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Definition2.xml" ContentType="application/vnd.openxmlformats-officedocument.spreadsheetml.pivotCacheDefinition+xml"/>
  <Override PartName="/xl/pivotCache/pivotCacheDefinition3.xml" ContentType="application/vnd.openxmlformats-officedocument.spreadsheetml.pivotCacheDefinition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pivotTables/pivotTable1.xml" ContentType="application/vnd.openxmlformats-officedocument.spreadsheetml.pivotTable+xml"/>
  <Override PartName="/xl/pivotTables/pivotTable2.xml" ContentType="application/vnd.openxmlformats-officedocument.spreadsheetml.pivotTable+xml"/>
  <Override PartName="/xl/pivotTables/pivotTable3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ollaborate.duke-energy.com/sites/2022KYGRC/KyPSC Case No 202200xxx KY Electric Rate Case/Discovery/AG 1st Set Data Requests/"/>
    </mc:Choice>
  </mc:AlternateContent>
  <xr:revisionPtr revIDLastSave="0" documentId="13_ncr:1_{96E57304-93C0-4B4F-B41E-20E76F6C1823}" xr6:coauthVersionLast="47" xr6:coauthVersionMax="47" xr10:uidLastSave="{00000000-0000-0000-0000-000000000000}"/>
  <bookViews>
    <workbookView xWindow="-120" yWindow="-120" windowWidth="29040" windowHeight="15840" xr2:uid="{848A3823-9F3A-4D3C-B0A5-7CDD7B30BC92}"/>
  </bookViews>
  <sheets>
    <sheet name="O&amp;M Total 2020" sheetId="1" r:id="rId1"/>
    <sheet name="O&amp;M Total 2021" sheetId="3" r:id="rId2"/>
    <sheet name="O&amp;M Total 2022" sheetId="4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</externalReferences>
  <definedNames>
    <definedName name="_1_" localSheetId="0">#REF!</definedName>
    <definedName name="_1_" localSheetId="1">#REF!</definedName>
    <definedName name="_1_" localSheetId="2">#REF!</definedName>
    <definedName name="_1_">#REF!</definedName>
    <definedName name="a" localSheetId="0">#REF!</definedName>
    <definedName name="a" localSheetId="1">#REF!</definedName>
    <definedName name="a" localSheetId="2">#REF!</definedName>
    <definedName name="a">#REF!</definedName>
    <definedName name="aaaa" localSheetId="0">'[1]YTD ACTUALS by Month and State'!#REF!</definedName>
    <definedName name="aaaa" localSheetId="1">'[1]YTD ACTUALS by Month and State'!#REF!</definedName>
    <definedName name="aaaa" localSheetId="2">'[1]YTD ACTUALS by Month and State'!#REF!</definedName>
    <definedName name="aaaa">'[1]YTD ACTUALS by Month and State'!#REF!</definedName>
    <definedName name="AccountClass">'[2]Data Dump'!$C:$C</definedName>
    <definedName name="ActualMonths" localSheetId="0">#REF!</definedName>
    <definedName name="ActualMonths" localSheetId="1">#REF!</definedName>
    <definedName name="ActualMonths" localSheetId="2">#REF!</definedName>
    <definedName name="ActualMonths">#REF!</definedName>
    <definedName name="allcomments" localSheetId="0">#REF!</definedName>
    <definedName name="allcomments" localSheetId="1">#REF!</definedName>
    <definedName name="allcomments" localSheetId="2">#REF!</definedName>
    <definedName name="allcomments">#REF!</definedName>
    <definedName name="AnnBud">OFFSET([3]Paste!$G$4,0,0,COUNTA([3]Paste!$A:$A)-3)</definedName>
    <definedName name="AnnualBudget">'[2]Data Dump'!$P:$P</definedName>
    <definedName name="AnnualHours">2000</definedName>
    <definedName name="AREA" localSheetId="0">#REF!</definedName>
    <definedName name="AREA" localSheetId="1">#REF!</definedName>
    <definedName name="AREA" localSheetId="2">#REF!</definedName>
    <definedName name="AREA">#REF!</definedName>
    <definedName name="AS2DocOpenMode" hidden="1">"AS2DocumentEdit"</definedName>
    <definedName name="AS2NamedRange" hidden="1">7</definedName>
    <definedName name="asbuilt">[4]Summary!$L:$M</definedName>
    <definedName name="AvailableHours">[5]AVAILHOURS!$A$3:$E$8</definedName>
    <definedName name="b" localSheetId="0">#REF!</definedName>
    <definedName name="b" localSheetId="1">#REF!</definedName>
    <definedName name="b" localSheetId="2">#REF!</definedName>
    <definedName name="b">#REF!</definedName>
    <definedName name="Betsyhdct">'[6]compare hdcts'!$C:$D</definedName>
    <definedName name="BOBudgetData">'[7]BO Budget Data'!$C$4:$P$23</definedName>
    <definedName name="BOData">'[7]BO Data Dump'!$E$4:$S$23</definedName>
    <definedName name="BusinessUnit" localSheetId="0">#REF!</definedName>
    <definedName name="BusinessUnit" localSheetId="1">#REF!</definedName>
    <definedName name="BusinessUnit" localSheetId="2">#REF!</definedName>
    <definedName name="BusinessUnit">#REF!</definedName>
    <definedName name="BUSUNIT">'[8]Actual Data'!$F:$F</definedName>
    <definedName name="Cap_Programs">OFFSET('[9]Lookups-Base Program'!$I$1,1,0,COUNTA('[9]Lookups-Base Program'!$I:$I)-1,2)</definedName>
    <definedName name="Capital" localSheetId="0">'[1]YTD ACTUALS by Month and State'!#REF!</definedName>
    <definedName name="Capital" localSheetId="1">'[1]YTD ACTUALS by Month and State'!#REF!</definedName>
    <definedName name="Capital" localSheetId="2">'[1]YTD ACTUALS by Month and State'!#REF!</definedName>
    <definedName name="Capital">'[1]YTD ACTUALS by Month and State'!#REF!</definedName>
    <definedName name="CapitalFlashSummaryCategory">'[10]Data Dump'!$D:$D</definedName>
    <definedName name="Category">[11]EquipmentCategories!$A$3:$A$45</definedName>
    <definedName name="Category1">[12]EquipmentCategories!$A$3:$A$45</definedName>
    <definedName name="ccurr" localSheetId="0">#REF!</definedName>
    <definedName name="ccurr" localSheetId="1">#REF!</definedName>
    <definedName name="ccurr" localSheetId="2">#REF!</definedName>
    <definedName name="ccurr">#REF!</definedName>
    <definedName name="Chargeby" localSheetId="0">#REF!</definedName>
    <definedName name="Chargeby" localSheetId="1">#REF!</definedName>
    <definedName name="Chargeby" localSheetId="2">#REF!</definedName>
    <definedName name="Chargeby">#REF!</definedName>
    <definedName name="CIR_Programs">'[9]Lookups-Base Program'!$F$34:$G$54</definedName>
    <definedName name="CIRRDol">'[7]YTD Selection'!$K$18</definedName>
    <definedName name="CIRRUnit">'[7]YTD Selection'!$L$18</definedName>
    <definedName name="CompanyCode">'[2]Data Dump'!$B:$B</definedName>
    <definedName name="CompanyHRsTotal">CompanyOHHrs+CompanySVHrs+CompanyUGHrs</definedName>
    <definedName name="CompanyOHHrs">SUMIF('[5]HOURS Comp|Cont|Skills Splits'!$B$11:$B$340,"Company",'[5]HOURS Comp|Cont|Skills Splits'!$C$11:$C$340)</definedName>
    <definedName name="CompanySVHrs">SUMIF('[5]HOURS Comp|Cont|Skills Splits'!$B$11:$B$340,"Company",'[5]HOURS Comp|Cont|Skills Splits'!$E$11:$E$340)</definedName>
    <definedName name="CompanyUGHrs">SUMIF('[5]HOURS Comp|Cont|Skills Splits'!$B$11:$B$340,"Company",'[5]HOURS Comp|Cont|Skills Splits'!$D$11:$D$340)</definedName>
    <definedName name="ContractorUGHrs">SUMIF('[5]HOURS Comp|Cont|Skills Splits'!$B$11:$B$340,"Contractor",'[5]HOURS Comp|Cont|Skills Splits'!$D$11:$D$340)</definedName>
    <definedName name="CostCat">[13]Lookup!$B$2:$B$10</definedName>
    <definedName name="CostPool" localSheetId="0">#REF!</definedName>
    <definedName name="CostPool" localSheetId="1">#REF!</definedName>
    <definedName name="CostPool" localSheetId="2">#REF!</definedName>
    <definedName name="CostPool">#REF!</definedName>
    <definedName name="data">[14]Link!$A$1:$Q$7439</definedName>
    <definedName name="Dept">OFFSET([3]Paste!$A$4,0,0,COUNTA([3]Paste!$A:$A)-3)</definedName>
    <definedName name="details" localSheetId="0">[15]Details!#REF!</definedName>
    <definedName name="details" localSheetId="1">[15]Details!#REF!</definedName>
    <definedName name="details" localSheetId="2">[15]Details!#REF!</definedName>
    <definedName name="details">[15]Details!#REF!</definedName>
    <definedName name="Diamond">'[16]2011 MP Dashboard'!$C$49</definedName>
    <definedName name="Dist" localSheetId="0">#REF!</definedName>
    <definedName name="Dist" localSheetId="1">#REF!</definedName>
    <definedName name="Dist" localSheetId="2">#REF!</definedName>
    <definedName name="Dist">#REF!</definedName>
    <definedName name="Divisor">'[17]5-2012 vs 2013 by CostDrvr-PEC'!$R$1</definedName>
    <definedName name="Dot">'[16]2011 MP Dashboard'!$C$50</definedName>
    <definedName name="EDCProcDetail">OFFSET([3]Paste!$C$4,0,0,COUNTA([3]Paste!$A:$A)-3)</definedName>
    <definedName name="escalation_rate_labor">[14]Link!$C$33</definedName>
    <definedName name="f" localSheetId="0">#REF!</definedName>
    <definedName name="f" localSheetId="1">#REF!</definedName>
    <definedName name="f" localSheetId="2">#REF!</definedName>
    <definedName name="f">#REF!</definedName>
    <definedName name="FEB" localSheetId="0">#REF!</definedName>
    <definedName name="FEB" localSheetId="1">#REF!</definedName>
    <definedName name="FEB" localSheetId="2">#REF!</definedName>
    <definedName name="FEB">#REF!</definedName>
    <definedName name="FKRL" localSheetId="0">#REF!</definedName>
    <definedName name="FKRL" localSheetId="1">#REF!</definedName>
    <definedName name="FKRL" localSheetId="2">#REF!</definedName>
    <definedName name="FKRL">#REF!</definedName>
    <definedName name="Flash_Capital_Grouping">'[2]Data Dump'!$I:$I</definedName>
    <definedName name="Flash_Category">'[2]Data Dump'!$D:$D</definedName>
    <definedName name="Flash_Cost_Driver_Grouping">'[2]Data Dump'!$G:$G</definedName>
    <definedName name="Flash_Process_Driver">'[2]Data Dump'!$E:$E</definedName>
    <definedName name="Flash_Process_Driver_Grouping">'[2]Data Dump'!$H:$H</definedName>
    <definedName name="Geo">[18]Lookups!$E$3:$G$13</definedName>
    <definedName name="Home" localSheetId="0">#REF!</definedName>
    <definedName name="Home" localSheetId="1">#REF!</definedName>
    <definedName name="Home" localSheetId="2">#REF!</definedName>
    <definedName name="Home">#REF!</definedName>
    <definedName name="INPROJ">[8]IN!$A:$A</definedName>
    <definedName name="INRedPer" localSheetId="0">'[1]YTD ACTUALS by Month and State'!#REF!</definedName>
    <definedName name="INRedPer" localSheetId="1">'[1]YTD ACTUALS by Month and State'!#REF!</definedName>
    <definedName name="INRedPer" localSheetId="2">'[1]YTD ACTUALS by Month and State'!#REF!</definedName>
    <definedName name="INRedPer">'[1]YTD ACTUALS by Month and State'!#REF!</definedName>
    <definedName name="INSERedPer" localSheetId="0">'[1]YTD ACTUALS by Month and State'!#REF!</definedName>
    <definedName name="INSERedPer" localSheetId="1">'[1]YTD ACTUALS by Month and State'!#REF!</definedName>
    <definedName name="INSERedPer" localSheetId="2">'[1]YTD ACTUALS by Month and State'!#REF!</definedName>
    <definedName name="INSERedPer">'[1]YTD ACTUALS by Month and State'!#REF!</definedName>
    <definedName name="INUNIT">[8]IN!$T:$T</definedName>
    <definedName name="inzones" localSheetId="0">#REF!</definedName>
    <definedName name="inzones" localSheetId="1">#REF!</definedName>
    <definedName name="inzones" localSheetId="2">#REF!</definedName>
    <definedName name="inzones">#REF!</definedName>
    <definedName name="JAN" localSheetId="0">#REF!</definedName>
    <definedName name="JAN" localSheetId="1">#REF!</definedName>
    <definedName name="JAN" localSheetId="2">#REF!</definedName>
    <definedName name="JAN">#REF!</definedName>
    <definedName name="JobType_Programs">OFFSET('[9]Lookups-Base Program'!$A$1,1,0,COUNTA('[9]Lookups-Base Program'!$A:$A)-1,3)</definedName>
    <definedName name="KYPROJ">[8]KY!$A:$A</definedName>
    <definedName name="KYRedPer" localSheetId="0">'[1]YTD ACTUALS by Month and State'!#REF!</definedName>
    <definedName name="KYRedPer" localSheetId="1">'[1]YTD ACTUALS by Month and State'!#REF!</definedName>
    <definedName name="KYRedPer" localSheetId="2">'[1]YTD ACTUALS by Month and State'!#REF!</definedName>
    <definedName name="KYRedPer">'[1]YTD ACTUALS by Month and State'!#REF!</definedName>
    <definedName name="KYTARGET">[8]KY!$D:$D</definedName>
    <definedName name="KYUNIT">[8]KY!$T:$T</definedName>
    <definedName name="LightRRDol">'[7]YTD Selection'!$I$18</definedName>
    <definedName name="LightRRUnit">'[7]YTD Selection'!$J$18</definedName>
    <definedName name="LocationRange">[19]ProgramList!$E$1:$E$27</definedName>
    <definedName name="LookupLvl4Owner">'[20]Danforth-Lookup for Unit Report'!$A$77:$B$131</definedName>
    <definedName name="LookupMgr">'[20]Danforth-Lookup for Unit Report'!$O$1:$P$12</definedName>
    <definedName name="LookupRegion">'[20]Danforth-Lookup for Unit Report'!$L$1:$M$101</definedName>
    <definedName name="LookupSubstation">'[20]Danforth-Lookup for Unit Report'!$S$1:$T$377</definedName>
    <definedName name="LookupSubWhiteLine">'[20]Danforth-Lookup for Unit Report'!$I$1:$J$148</definedName>
    <definedName name="LookupWhiteLine">'[20]Danforth-Lookup for Unit Report'!$A$1:$D$63</definedName>
    <definedName name="LookupWTST">'[21]WT-ST LOOKUP - 010710'!$A$1:$M$864</definedName>
    <definedName name="Major_Project">'[22]PEC MP Report (Jan2010)'!$J:$J</definedName>
    <definedName name="MajorProject" localSheetId="0">#REF!</definedName>
    <definedName name="MajorProject" localSheetId="1">#REF!</definedName>
    <definedName name="MajorProject" localSheetId="2">#REF!</definedName>
    <definedName name="MajorProject">#REF!</definedName>
    <definedName name="MajorProjects11" localSheetId="0">#REF!</definedName>
    <definedName name="MajorProjects11" localSheetId="1">#REF!</definedName>
    <definedName name="MajorProjects11" localSheetId="2">#REF!</definedName>
    <definedName name="MajorProjects11">#REF!</definedName>
    <definedName name="Management">'[23]Explanation - manager name'!$B$38:$B$47</definedName>
    <definedName name="Manager">[18]Lookups!$I$2:$K$69</definedName>
    <definedName name="MAR" localSheetId="0">#REF!</definedName>
    <definedName name="MAR" localSheetId="1">#REF!</definedName>
    <definedName name="MAR" localSheetId="2">#REF!</definedName>
    <definedName name="MAR">#REF!</definedName>
    <definedName name="MenuItem.Caption">"RE2B - Budget Employee Headcount"</definedName>
    <definedName name="month">'[24]4. Group Admin Status'!$V$4</definedName>
    <definedName name="Months">'[23]Explanation - manager name'!$D$38:$D$50</definedName>
    <definedName name="MonthSwitch">MONTH([3]Paste!$A$2)</definedName>
    <definedName name="MonthYear">[2]Instructions!$P$1</definedName>
    <definedName name="MP" localSheetId="0">#REF!</definedName>
    <definedName name="MP" localSheetId="1">#REF!</definedName>
    <definedName name="MP" localSheetId="2">#REF!</definedName>
    <definedName name="MP">#REF!</definedName>
    <definedName name="MP_Annual_Budget">'[22]PEC MP Report (Jan2010)'!$K:$K</definedName>
    <definedName name="MTDActual">'[2]Data Dump'!$K:$K</definedName>
    <definedName name="MTDActual2" localSheetId="0">#REF!</definedName>
    <definedName name="MTDActual2" localSheetId="1">#REF!</definedName>
    <definedName name="MTDActual2" localSheetId="2">#REF!</definedName>
    <definedName name="MTDActual2">#REF!</definedName>
    <definedName name="MTDBudget" localSheetId="0">#REF!</definedName>
    <definedName name="MTDBudget" localSheetId="1">#REF!</definedName>
    <definedName name="MTDBudget" localSheetId="2">#REF!</definedName>
    <definedName name="MTDBudget">#REF!</definedName>
    <definedName name="MTDBudget2" localSheetId="0">#REF!</definedName>
    <definedName name="MTDBudget2" localSheetId="1">#REF!</definedName>
    <definedName name="MTDBudget2" localSheetId="2">#REF!</definedName>
    <definedName name="MTDBudget2">#REF!</definedName>
    <definedName name="MTDTarget">'[25]Data Dump'!$J:$J</definedName>
    <definedName name="MTDVariance" localSheetId="0">#REF!</definedName>
    <definedName name="MTDVariance" localSheetId="1">#REF!</definedName>
    <definedName name="MTDVariance" localSheetId="2">#REF!</definedName>
    <definedName name="MTDVariance">#REF!</definedName>
    <definedName name="MTDVariance2" localSheetId="0">#REF!</definedName>
    <definedName name="MTDVariance2" localSheetId="1">#REF!</definedName>
    <definedName name="MTDVariance2" localSheetId="2">#REF!</definedName>
    <definedName name="MTDVariance2">#REF!</definedName>
    <definedName name="MTDVariancePerc" localSheetId="0">#REF!</definedName>
    <definedName name="MTDVariancePerc" localSheetId="1">#REF!</definedName>
    <definedName name="MTDVariancePerc" localSheetId="2">#REF!</definedName>
    <definedName name="MTDVariancePerc">#REF!</definedName>
    <definedName name="MthNum">'[7]YTD Selection'!$C$18</definedName>
    <definedName name="n" localSheetId="0">#REF!</definedName>
    <definedName name="n" localSheetId="1">#REF!</definedName>
    <definedName name="n" localSheetId="2">#REF!</definedName>
    <definedName name="n">#REF!</definedName>
    <definedName name="ncurr" localSheetId="0">#REF!</definedName>
    <definedName name="ncurr" localSheetId="1">#REF!</definedName>
    <definedName name="ncurr" localSheetId="2">#REF!</definedName>
    <definedName name="ncurr">#REF!</definedName>
    <definedName name="new" localSheetId="0">#REF!</definedName>
    <definedName name="new" localSheetId="1">#REF!</definedName>
    <definedName name="new" localSheetId="2">#REF!</definedName>
    <definedName name="new">#REF!</definedName>
    <definedName name="NewEDCObject">OFFSET([3]Paste!$D$4,0,0,COUNTA([3]Paste!$A:$A)-3)</definedName>
    <definedName name="newone" localSheetId="0">'[1]YTD ACTUALS by Month and State'!#REF!</definedName>
    <definedName name="newone" localSheetId="1">'[1]YTD ACTUALS by Month and State'!#REF!</definedName>
    <definedName name="newone" localSheetId="2">'[1]YTD ACTUALS by Month and State'!#REF!</definedName>
    <definedName name="newone">'[1]YTD ACTUALS by Month and State'!#REF!</definedName>
    <definedName name="north">[14]Link!$A$1:$S$2291</definedName>
    <definedName name="NTARGET">'[8]IN-N'!$D:$D</definedName>
    <definedName name="NUNIT">'[8]IN-N'!$T:$T</definedName>
    <definedName name="ocurr" localSheetId="0">#REF!</definedName>
    <definedName name="ocurr" localSheetId="1">#REF!</definedName>
    <definedName name="ocurr" localSheetId="2">#REF!</definedName>
    <definedName name="ocurr">#REF!</definedName>
    <definedName name="OHPROJ">[8]OH!$A:$A</definedName>
    <definedName name="OHRedPer" localSheetId="0">'[1]YTD ACTUALS by Month and State'!#REF!</definedName>
    <definedName name="OHRedPer" localSheetId="1">'[1]YTD ACTUALS by Month and State'!#REF!</definedName>
    <definedName name="OHRedPer" localSheetId="2">'[1]YTD ACTUALS by Month and State'!#REF!</definedName>
    <definedName name="OHRedPer">'[1]YTD ACTUALS by Month and State'!#REF!</definedName>
    <definedName name="OHTARGET">[8]OH!$D:$D</definedName>
    <definedName name="OHUNIT">[8]OH!$T:$T</definedName>
    <definedName name="old" localSheetId="0">#REF!</definedName>
    <definedName name="old" localSheetId="1">#REF!</definedName>
    <definedName name="old" localSheetId="2">#REF!</definedName>
    <definedName name="old">#REF!</definedName>
    <definedName name="OM" localSheetId="0">#REF!</definedName>
    <definedName name="OM" localSheetId="1">#REF!</definedName>
    <definedName name="OM" localSheetId="2">#REF!</definedName>
    <definedName name="OM">#REF!</definedName>
    <definedName name="OM_Programs">OFFSET('[9]Lookups-Base Program'!$F$1,1,0,COUNTA('[9]Lookups-Base Program'!$F:$F)-1,2)</definedName>
    <definedName name="OU">'[8]Actual Data'!$AO:$AO</definedName>
    <definedName name="OU5_Rev">'[8]Actual Data'!$AN:$AN</definedName>
    <definedName name="PageOptions.page_1.Caption">"01A09S - POWER OPERATIONS PEC"</definedName>
    <definedName name="PageOptions.page_1.Caption.1">"01A09S - POWER OPERATIONS PEC"</definedName>
    <definedName name="PageOptions.page_1.Caption.Count">1</definedName>
    <definedName name="PageOptions.page_1.Key">"[ExpenditureOrg].[01A09S]"</definedName>
    <definedName name="PageOptions.page_1.Key.1">"[ExpenditureOrg].[01A09S]"</definedName>
    <definedName name="PageOptions.page_1.Key.Count">1</definedName>
    <definedName name="PageOptions.page_1.Name">"01A09S"</definedName>
    <definedName name="PageOptions.page_1.Name.1">"01A09S"</definedName>
    <definedName name="PageOptions.page_1.Name.Count">1</definedName>
    <definedName name="PageOptions.page_2.Caption">"FY2011"</definedName>
    <definedName name="PageOptions.page_2.Caption.1">"FY2011"</definedName>
    <definedName name="PageOptions.page_2.Caption.Count">1</definedName>
    <definedName name="PageOptions.page_2.Key">"[Year].[FY2011]"</definedName>
    <definedName name="PageOptions.page_2.Key.1">"[Year].[FY2011]"</definedName>
    <definedName name="PageOptions.page_2.Key.Count">1</definedName>
    <definedName name="PageOptions.page_2.Name">"FY2011"</definedName>
    <definedName name="PageOptions.page_2.Name.1">"FY2011"</definedName>
    <definedName name="PageOptions.page_2.Name.Count">1</definedName>
    <definedName name="Partial_Year">[14]Link!$C$41</definedName>
    <definedName name="Plant_Section">[26]Lookup!$A$1:$A$30</definedName>
    <definedName name="Pool" localSheetId="0">#REF!</definedName>
    <definedName name="Pool" localSheetId="1">#REF!</definedName>
    <definedName name="Pool" localSheetId="2">#REF!</definedName>
    <definedName name="Pool">#REF!</definedName>
    <definedName name="_xlnm.Print_Area" localSheetId="0">'O&amp;M Total 2020'!$A$1:$K$239</definedName>
    <definedName name="_xlnm.Print_Area" localSheetId="1">'O&amp;M Total 2021'!$A$1:$K$239</definedName>
    <definedName name="_xlnm.Print_Area" localSheetId="2">'O&amp;M Total 2022'!$A$1:$K$237</definedName>
    <definedName name="Print_Area_2" localSheetId="0">#REF!</definedName>
    <definedName name="Print_Area_2" localSheetId="1">#REF!</definedName>
    <definedName name="Print_Area_2" localSheetId="2">#REF!</definedName>
    <definedName name="Print_Area_2">#REF!</definedName>
    <definedName name="Print_Area_3" localSheetId="0">#REF!</definedName>
    <definedName name="Print_Area_3" localSheetId="1">#REF!</definedName>
    <definedName name="Print_Area_3" localSheetId="2">#REF!</definedName>
    <definedName name="Print_Area_3">#REF!</definedName>
    <definedName name="Print_Area_4" localSheetId="0">#REF!</definedName>
    <definedName name="Print_Area_4" localSheetId="1">#REF!</definedName>
    <definedName name="Print_Area_4" localSheetId="2">#REF!</definedName>
    <definedName name="Print_Area_4">#REF!</definedName>
    <definedName name="Print_Area_9" localSheetId="0">#REF!</definedName>
    <definedName name="Print_Area_9" localSheetId="1">#REF!</definedName>
    <definedName name="Print_Area_9" localSheetId="2">#REF!</definedName>
    <definedName name="Print_Area_9">#REF!</definedName>
    <definedName name="Process5" localSheetId="0">#REF!</definedName>
    <definedName name="Process5" localSheetId="1">#REF!</definedName>
    <definedName name="Process5" localSheetId="2">#REF!</definedName>
    <definedName name="Process5">#REF!</definedName>
    <definedName name="ProgramGrps">[19]ProgramList!$I$1:$I$19</definedName>
    <definedName name="progref" localSheetId="0">#REF!</definedName>
    <definedName name="progref" localSheetId="1">#REF!</definedName>
    <definedName name="progref" localSheetId="2">#REF!</definedName>
    <definedName name="progref">#REF!</definedName>
    <definedName name="projects13">[27]Sheet2!$A:$D</definedName>
    <definedName name="projects14">[27]Sheet2!$F:$I</definedName>
    <definedName name="ProjectTypes">'[28]Data for DropDowns'!$B$5:$B$8</definedName>
    <definedName name="projectyears">[29]reference!$A:$B</definedName>
    <definedName name="ProjID">'[8]Actual Data'!$Z:$Z</definedName>
    <definedName name="q" localSheetId="0">'[1]YTD ACTUALS by Month and State'!#REF!</definedName>
    <definedName name="q" localSheetId="1">'[1]YTD ACTUALS by Month and State'!#REF!</definedName>
    <definedName name="q" localSheetId="2">'[1]YTD ACTUALS by Month and State'!#REF!</definedName>
    <definedName name="q">'[1]YTD ACTUALS by Month and State'!#REF!</definedName>
    <definedName name="ReportMonth">'[2]1 Cover'!$B$1</definedName>
    <definedName name="ResRRDol">'[7]YTD Selection'!$G$18</definedName>
    <definedName name="ResRRUnit">'[7]YTD Selection'!$H$18</definedName>
    <definedName name="Revised" localSheetId="0">#REF!</definedName>
    <definedName name="Revised" localSheetId="1">#REF!</definedName>
    <definedName name="Revised" localSheetId="2">#REF!</definedName>
    <definedName name="Revised">#REF!</definedName>
    <definedName name="RowLU">'[7]BO Data Dump'!$A$5:$B$23</definedName>
    <definedName name="RowRanges.Header" localSheetId="0">#REF!</definedName>
    <definedName name="RowRanges.Header" localSheetId="1">#REF!</definedName>
    <definedName name="RowRanges.Header" localSheetId="2">#REF!</definedName>
    <definedName name="RowRanges.Header">#REF!</definedName>
    <definedName name="Roxboro" localSheetId="0">#REF!</definedName>
    <definedName name="Roxboro" localSheetId="1">#REF!</definedName>
    <definedName name="Roxboro" localSheetId="2">#REF!</definedName>
    <definedName name="Roxboro">#REF!</definedName>
    <definedName name="scurr" localSheetId="0">#REF!</definedName>
    <definedName name="scurr" localSheetId="1">#REF!</definedName>
    <definedName name="scurr" localSheetId="2">#REF!</definedName>
    <definedName name="scurr">#REF!</definedName>
    <definedName name="SETARGET">'[8]IN-SE'!$D:$D</definedName>
    <definedName name="SEUNIT">'[8]IN-SE'!$T:$T</definedName>
    <definedName name="sheets2" localSheetId="0">#REF!</definedName>
    <definedName name="sheets2" localSheetId="1">#REF!</definedName>
    <definedName name="sheets2" localSheetId="2">#REF!</definedName>
    <definedName name="sheets2">#REF!</definedName>
    <definedName name="south">[14]Link!$A$2293:$S$7439</definedName>
    <definedName name="Suehdct">'[6]compare hdcts'!$A:$B</definedName>
    <definedName name="SWTARGET">'[8]IN-SW'!$D:$D</definedName>
    <definedName name="SWUNIT">'[8]IN-SW'!$T:$T</definedName>
    <definedName name="Target2" localSheetId="0">#REF!</definedName>
    <definedName name="Target2" localSheetId="1">#REF!</definedName>
    <definedName name="Target2" localSheetId="2">#REF!</definedName>
    <definedName name="Target2">#REF!</definedName>
    <definedName name="Template.Build.End">40589.4973630556</definedName>
    <definedName name="Template.Build.Start">40589.4973388542</definedName>
    <definedName name="Template.Name">"RE2B-SummaryEmployeeHeadcount"</definedName>
    <definedName name="Template.SaveAll">"false"</definedName>
    <definedName name="TemplateNotes.HasNote">"False"</definedName>
    <definedName name="Titles" localSheetId="0">#REF!</definedName>
    <definedName name="Titles" localSheetId="1">#REF!</definedName>
    <definedName name="Titles" localSheetId="2">#REF!</definedName>
    <definedName name="Titles">#REF!</definedName>
    <definedName name="Titles1" localSheetId="0">#REF!</definedName>
    <definedName name="Titles1" localSheetId="1">#REF!</definedName>
    <definedName name="Titles1" localSheetId="2">#REF!</definedName>
    <definedName name="Titles1">#REF!</definedName>
    <definedName name="TitlesPOE" localSheetId="0">#REF!</definedName>
    <definedName name="TitlesPOE" localSheetId="1">#REF!</definedName>
    <definedName name="TitlesPOE" localSheetId="2">#REF!</definedName>
    <definedName name="TitlesPOE">#REF!</definedName>
    <definedName name="TitlesPOUND" localSheetId="0">#REF!</definedName>
    <definedName name="TitlesPOUND" localSheetId="1">#REF!</definedName>
    <definedName name="TitlesPOUND" localSheetId="2">#REF!</definedName>
    <definedName name="TitlesPOUND">#REF!</definedName>
    <definedName name="totals" localSheetId="0">#REF!</definedName>
    <definedName name="totals" localSheetId="1">#REF!</definedName>
    <definedName name="totals" localSheetId="2">#REF!</definedName>
    <definedName name="totals">#REF!</definedName>
    <definedName name="Triangle">'[16]2011 MP Dashboard'!$C$45</definedName>
    <definedName name="User.Language">"en-US"</definedName>
    <definedName name="User.Name">"i42833"</definedName>
    <definedName name="User.Session">"xyrrmx55wpufl555puoa2cnq"</definedName>
    <definedName name="VM_Programs">'[9]Lookups-VM Program'!$A$2:$B$13</definedName>
    <definedName name="VPres">[18]Lookups!$I$2:$K$69</definedName>
    <definedName name="wrn.Aging._.and._.Trend._.Analysis." hidden="1">{#N/A,#N/A,FALSE,"Aging Summary";#N/A,#N/A,FALSE,"Ratio Analysis";#N/A,#N/A,FALSE,"Test 120 Day Accts";#N/A,#N/A,FALSE,"Tickmarks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xx">'[20]Danforth-Lookup for Unit Report'!$O$1:$P$12</definedName>
    <definedName name="year">'[30]1.0 General'!$C$31</definedName>
    <definedName name="year2" localSheetId="0">#REF!</definedName>
    <definedName name="year2" localSheetId="1">#REF!</definedName>
    <definedName name="year2" localSheetId="2">#REF!</definedName>
    <definedName name="year2">#REF!</definedName>
    <definedName name="YEProj">OFFSET([3]Paste!$H$4,0,0,COUNTA([3]Paste!$A:$A)-3)</definedName>
    <definedName name="YEProjection">'[2]Data Dump'!$R:$R</definedName>
    <definedName name="YEProjection2" localSheetId="0">#REF!</definedName>
    <definedName name="YEProjection2" localSheetId="1">#REF!</definedName>
    <definedName name="YEProjection2" localSheetId="2">#REF!</definedName>
    <definedName name="YEProjection2">#REF!</definedName>
    <definedName name="Yes.No">[13]Lookup!$H$2:$H$4</definedName>
    <definedName name="YETarget">'[2]Data Dump'!$Q:$Q</definedName>
    <definedName name="YEVariance">'[2]Data Dump'!$S:$S</definedName>
    <definedName name="YEVariance2" localSheetId="0">#REF!</definedName>
    <definedName name="YEVariance2" localSheetId="1">#REF!</definedName>
    <definedName name="YEVariance2" localSheetId="2">#REF!</definedName>
    <definedName name="YEVariance2">#REF!</definedName>
    <definedName name="YEVariancePerc" localSheetId="0">#REF!</definedName>
    <definedName name="YEVariancePerc" localSheetId="1">#REF!</definedName>
    <definedName name="YEVariancePerc" localSheetId="2">#REF!</definedName>
    <definedName name="YEVariancePerc">#REF!</definedName>
    <definedName name="YTDAct">OFFSET([3]Paste!$E$4,0,0,COUNTA([3]Paste!$A:$A)-3)</definedName>
    <definedName name="YTDActual">'[2]Data Dump'!$N:$N</definedName>
    <definedName name="YTDActual2" localSheetId="0">#REF!</definedName>
    <definedName name="YTDActual2" localSheetId="1">#REF!</definedName>
    <definedName name="YTDActual2" localSheetId="2">#REF!</definedName>
    <definedName name="YTDActual2">#REF!</definedName>
    <definedName name="YTDBud">OFFSET([3]Paste!$F$4,0,0,COUNTA([3]Paste!$A:$A)-3)</definedName>
    <definedName name="YTDBudget" localSheetId="0">#REF!</definedName>
    <definedName name="YTDBudget" localSheetId="1">#REF!</definedName>
    <definedName name="YTDBudget" localSheetId="2">#REF!</definedName>
    <definedName name="YTDBudget">#REF!</definedName>
    <definedName name="YTDBudget2" localSheetId="0">#REF!</definedName>
    <definedName name="YTDBudget2" localSheetId="1">#REF!</definedName>
    <definedName name="YTDBudget2" localSheetId="2">#REF!</definedName>
    <definedName name="YTDBudget2">#REF!</definedName>
    <definedName name="YTDTarget">'[2]Data Dump'!$M:$M</definedName>
    <definedName name="YTDTot">'[7]YTD Selection'!$B$21</definedName>
    <definedName name="YTDVariance">'[2]Data Dump'!$O:$O</definedName>
    <definedName name="YTDVariance2" localSheetId="0">#REF!</definedName>
    <definedName name="YTDVariance2" localSheetId="1">#REF!</definedName>
    <definedName name="YTDVariance2" localSheetId="2">#REF!</definedName>
    <definedName name="YTDVariance2">#REF!</definedName>
    <definedName name="YTDVariancePerc" localSheetId="0">#REF!</definedName>
    <definedName name="YTDVariancePerc" localSheetId="1">#REF!</definedName>
    <definedName name="YTDVariancePerc" localSheetId="2">#REF!</definedName>
    <definedName name="YTDVariancePerc">#REF!</definedName>
  </definedNames>
  <calcPr calcId="191029"/>
  <pivotCaches>
    <pivotCache cacheId="0" r:id="rId34"/>
    <pivotCache cacheId="1" r:id="rId35"/>
    <pivotCache cacheId="2" r:id="rId36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P382" i="1" l="1"/>
  <c r="P368" i="3"/>
  <c r="P371" i="4"/>
</calcChain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keepAlive="1" name="WCLTENASDIMP02_PROD_AS FIHUBAS_GL General Ledger" type="5" refreshedVersion="7" deleted="1" background="1" saveData="1">
    <dbPr connection="" command="" commandType="1"/>
    <olapPr sendLocale="1" rowDrillCount="1000"/>
  </connection>
</connections>
</file>

<file path=xl/metadata.xml><?xml version="1.0" encoding="utf-8"?>
<metadata xmlns="http://schemas.openxmlformats.org/spreadsheetml/2006/main">
  <metadataTypes count="1">
    <metadataType name="XLMDX" minSupportedVersion="120000" copy="1" pasteAll="1" pasteValues="1" merge="1" splitFirst="1" rowColShift="1" clearFormats="1" clearComments="1" assign="1" coerce="1"/>
  </metadataTypes>
  <metadataStrings count="7">
    <s v="WCLTENASDIMP02_PROD_AS FIHUBAS_GL General Ledger"/>
    <s v="{[GL Scenario].[GL Scenario].&amp;[1]}"/>
    <s v="{[CB - Responsibility Center HIER].[Responsibility Center Effective Date].&amp;[2022-01-01T00:00:00]}"/>
    <s v="{[Business Rule].[ENT Jurisdiction].&amp;[Duke Energy Kentucky - Electric],[Business Rule].[ENT Jurisdiction].&amp;[Duke Energy Kentucky - Electric - Special Governance]}"/>
    <s v="{[Business Rule].[ENT Accounting Class].&amp;[O&amp;M],[Business Rule].[ENT Accounting Class].&amp;[Other]}"/>
    <s v="{[CB - Operating Unit HIER].[Operating Unit Hierarchy].[Operating Unit Effective Date].&amp;[2022-01-01T00:00:00]}"/>
    <s v="{[Business Rule].[_Rule Year].&amp;[2022]}"/>
  </metadataStrings>
  <mdxMetadata count="6">
    <mdx n="0" f="s">
      <ms ns="1" c="0"/>
    </mdx>
    <mdx n="0" f="s">
      <ms ns="2" c="0"/>
    </mdx>
    <mdx n="0" f="s">
      <ms ns="3" c="0"/>
    </mdx>
    <mdx n="0" f="s">
      <ms ns="4" c="0"/>
    </mdx>
    <mdx n="0" f="s">
      <ms ns="5" c="0"/>
    </mdx>
    <mdx n="0" f="s">
      <ms ns="6" c="0"/>
    </mdx>
  </mdxMetadata>
  <valueMetadata count="6">
    <bk>
      <rc t="1" v="0"/>
    </bk>
    <bk>
      <rc t="1" v="1"/>
    </bk>
    <bk>
      <rc t="1" v="2"/>
    </bk>
    <bk>
      <rc t="1" v="3"/>
    </bk>
    <bk>
      <rc t="1" v="4"/>
    </bk>
    <bk>
      <rc t="1" v="5"/>
    </bk>
  </valueMetadata>
</metadata>
</file>

<file path=xl/sharedStrings.xml><?xml version="1.0" encoding="utf-8"?>
<sst xmlns="http://schemas.openxmlformats.org/spreadsheetml/2006/main" count="1182" uniqueCount="236">
  <si>
    <t>last ran:</t>
  </si>
  <si>
    <t>_Rule Year</t>
  </si>
  <si>
    <t>Operating Unit Hierarchy</t>
  </si>
  <si>
    <t>ENT Accounting Class</t>
  </si>
  <si>
    <t>GL Scenario</t>
  </si>
  <si>
    <t>Actuals</t>
  </si>
  <si>
    <t>ENT Jurisdiction</t>
  </si>
  <si>
    <t>(Multiple Items)</t>
  </si>
  <si>
    <t>Fiscal Year</t>
  </si>
  <si>
    <t>Calendar Quarter</t>
  </si>
  <si>
    <t>Accounting Period</t>
  </si>
  <si>
    <t>Grand Total</t>
  </si>
  <si>
    <t>Account CB - Description</t>
  </si>
  <si>
    <t>0502040 - COST OF LIME</t>
  </si>
  <si>
    <t>2020</t>
  </si>
  <si>
    <t>Responsibility Center Effective Date</t>
  </si>
  <si>
    <t>1/01/2022</t>
  </si>
  <si>
    <t>0500000 - Suprvsn and Engrg - Steam Oper</t>
  </si>
  <si>
    <t>0500100 - Fossil Oper Superv&amp;Engineer-Re</t>
  </si>
  <si>
    <t>0501150 - Coal &amp; Other Fuel Handling</t>
  </si>
  <si>
    <t>0501180 - Sale Of Fly Ash-Revenues</t>
  </si>
  <si>
    <t>0501190 - Sale Of Fly Ash-Expenses</t>
  </si>
  <si>
    <t>0502020 - Ammonia - Qualifying</t>
  </si>
  <si>
    <t>0502100 - Fossil Steam Exp-Other</t>
  </si>
  <si>
    <t>0502410 - Steam Oper-Bottom Ash/Fly Ash</t>
  </si>
  <si>
    <t>0505000 - Electric Expenses-Steam Oper</t>
  </si>
  <si>
    <t>0506000 - Misc Fossil Power Expenses</t>
  </si>
  <si>
    <t>0507000 - Steam Power Gen-Op Rents</t>
  </si>
  <si>
    <t>0510000 - Suprvsn and Engrng-Steam Maint</t>
  </si>
  <si>
    <t>0510100 - Suprvsn &amp; Engrng-Steam Maint R</t>
  </si>
  <si>
    <t>0511000 - Maint Of Structures-Steam</t>
  </si>
  <si>
    <t>0512100 - Maint Of Boiler Plant-Other</t>
  </si>
  <si>
    <t>0513100 - Maint Of Electric Plant-Other</t>
  </si>
  <si>
    <t>0514000 - Maintenance - Misc Steam Plant</t>
  </si>
  <si>
    <t>0514300 - Maintenance - Misc Steam Plant</t>
  </si>
  <si>
    <t>0524000 - Misc Expenses-Nuc Oper</t>
  </si>
  <si>
    <t>0528000 - Maint Suprvsn and Enginrng-Nuc</t>
  </si>
  <si>
    <t>0530000 - Maint Of Reactor Plt Equip-Nuc</t>
  </si>
  <si>
    <t>0531100 - Maint  Electric Plt-Other-Nuc</t>
  </si>
  <si>
    <t>0532100 - Maint Misc Nuclear Plt-Other</t>
  </si>
  <si>
    <t>0535000 - Supervsn and Engrng-Hydro Oper</t>
  </si>
  <si>
    <t>0546000 - Suprvsn and Enginring-CT Oper</t>
  </si>
  <si>
    <t>0547150 - Natural Gas Handling-CT</t>
  </si>
  <si>
    <t>0548100 - Generation Expenses-Other CT</t>
  </si>
  <si>
    <t>0548200 - Prime Movers - Generators- CT</t>
  </si>
  <si>
    <t>0549000 - Misc-Power Generation Expenses</t>
  </si>
  <si>
    <t>0551000 - Suprvsn and Enginring-CT Maint</t>
  </si>
  <si>
    <t>0552000 - Maintenance Of Structures-CT</t>
  </si>
  <si>
    <t>0552220 - Solar: Maint of Structures</t>
  </si>
  <si>
    <t>0553000 - Maint-Gentg and Elect Equip-CT</t>
  </si>
  <si>
    <t>0554000 - Misc Power Generation Plant-CT</t>
  </si>
  <si>
    <t>0554220 - Solar: Maint Misc Gen Plt</t>
  </si>
  <si>
    <t>0556000 - System Cnts &amp; Load Dispatching</t>
  </si>
  <si>
    <t>0557000 - Other Expenses-Oper</t>
  </si>
  <si>
    <t>0557450 - Commissions/Brokerage Expense</t>
  </si>
  <si>
    <t>0557451 - EA &amp; Coal Broker Fees</t>
  </si>
  <si>
    <t>0560000 - Supervsn and Engrng-Trans Oper</t>
  </si>
  <si>
    <t>0561100 - Load Dispatch-Reliability</t>
  </si>
  <si>
    <t>0561200 - Load Dispatch-Mnitor&amp;OprTrnSys</t>
  </si>
  <si>
    <t>0561300 - Load Dispatch - TransSvc&amp;Sch</t>
  </si>
  <si>
    <t>0561400 - Scheduling-Sys Cntrl&amp;Disp Svs</t>
  </si>
  <si>
    <t>0561800 - Reliability-Plan&amp;Stds Dev</t>
  </si>
  <si>
    <t>0562000 - Station Expenses</t>
  </si>
  <si>
    <t>0563000 - Overhead Line Expenses-Trans</t>
  </si>
  <si>
    <t>0565000 - Transm Of Elec By Others</t>
  </si>
  <si>
    <t>0566000 - Misc Trans Exp-Other</t>
  </si>
  <si>
    <t>0566100 - Misc Trans-Trans Lines Related</t>
  </si>
  <si>
    <t>0569000 - Maint Of Structures-Trans</t>
  </si>
  <si>
    <t>0569100 - Maint of Computer Hardware</t>
  </si>
  <si>
    <t>0569200 - Maint Of Computer Software</t>
  </si>
  <si>
    <t>0570100 - Maint  Stat Equip-Other- Trans</t>
  </si>
  <si>
    <t>0570200 - Main-Cir BrkrsTrnsf Mtrs-Trans</t>
  </si>
  <si>
    <t>0571000 - Maint Of Overhead Lines-Trans</t>
  </si>
  <si>
    <t>0575700 - Market Faciliation-Mntr&amp;Comp</t>
  </si>
  <si>
    <t>0580000 - Supervsn and Engring-Dist Oper</t>
  </si>
  <si>
    <t>0581004 - Load Dispatch-Dist of Elec</t>
  </si>
  <si>
    <t>0582100 - Station Expenses-Other-Dist</t>
  </si>
  <si>
    <t>0583100 - Overhead Line Exps-Other-Dist</t>
  </si>
  <si>
    <t>0583200 - Transf Set Rem Reset Test-Dist</t>
  </si>
  <si>
    <t>0584000 - Underground Line Expenses-Dist</t>
  </si>
  <si>
    <t>0586000 - Meter Expenses-Dist</t>
  </si>
  <si>
    <t>0587000 - Cust Install Exp-Other Dist</t>
  </si>
  <si>
    <t>0588100 - Misc Distribution Exp-Other</t>
  </si>
  <si>
    <t>0589000 - Rents-Dist Oper</t>
  </si>
  <si>
    <t>0590000 - Supervsn and Engrng-Dist Maint</t>
  </si>
  <si>
    <t>0592100 - Maint Station Equip-Other-Dist</t>
  </si>
  <si>
    <t>0592200 - Cir BrkrsTrnsf Mters Rely-Dist</t>
  </si>
  <si>
    <t>0593000 - Maint Overhd Lines-Other-Dist</t>
  </si>
  <si>
    <t>0593100 - Right-Of-Way Maintenance-Dist</t>
  </si>
  <si>
    <t>0594000 - Maint-Underground Lines-Dist</t>
  </si>
  <si>
    <t>0595100 - Maint Line Transfrs-Other-Dist</t>
  </si>
  <si>
    <t>0596000 - Maint-StreetLightng/Signl-Dist</t>
  </si>
  <si>
    <t>0597000 - Maintenance Of Meters-Dist</t>
  </si>
  <si>
    <t>0598100 - Main Misc Dist Plt-Other-Dist</t>
  </si>
  <si>
    <t>0880000 - Gas Distribution-Other Expense</t>
  </si>
  <si>
    <t>0901000 - Supervision-Cust Accts</t>
  </si>
  <si>
    <t>0902000 - Meter Reading Expense</t>
  </si>
  <si>
    <t>0903000 - Cust Records &amp; Collection Exp</t>
  </si>
  <si>
    <t>0903100 - Cust Contracts &amp; Orders-Local</t>
  </si>
  <si>
    <t>0903200 - Cust Billing &amp; Acct</t>
  </si>
  <si>
    <t>0903300 - Cust Collecting-Local</t>
  </si>
  <si>
    <t>0903400 - Cust Receiv &amp; Collect Exp-Edp</t>
  </si>
  <si>
    <t>0903891 - IC Collection Agent Revenue</t>
  </si>
  <si>
    <t>0904001 - BAD DEBT EXPENSE</t>
  </si>
  <si>
    <t>0905000 - Misc Customer Accts Expenses</t>
  </si>
  <si>
    <t>0908000 - Cust Asst Exp-Conservation Pro</t>
  </si>
  <si>
    <t>0909650 - Misc Advertising Expenses</t>
  </si>
  <si>
    <t>0910000 - Misc Cust Serv/Inform Exp</t>
  </si>
  <si>
    <t>0910100 - Exp-Rs Reg Prod/Svces-CstAccts</t>
  </si>
  <si>
    <t>0912000 - Demonstrating &amp; Selling Exp</t>
  </si>
  <si>
    <t>0912100 - Demonstration &amp; Sell-Proj Supt</t>
  </si>
  <si>
    <t>0912200 - EV Employee Incentive</t>
  </si>
  <si>
    <t>0913001 - Advertising Expense</t>
  </si>
  <si>
    <t>0920000 - A &amp; G Salaries</t>
  </si>
  <si>
    <t>0920001 - SC O&amp;M Labor Deferral</t>
  </si>
  <si>
    <t>0920100 - Salaries &amp; Wages - Proj Supt -</t>
  </si>
  <si>
    <t>0921100 - Employee Expenses</t>
  </si>
  <si>
    <t>0921101 - Employee Exp - NC</t>
  </si>
  <si>
    <t>0921110 - Relocation Expenses</t>
  </si>
  <si>
    <t>0921200 - Office Expenses</t>
  </si>
  <si>
    <t>0921300 - Telephone And Telegraph Exp</t>
  </si>
  <si>
    <t>0921400 - Computer Services Expenses</t>
  </si>
  <si>
    <t>0921540 - Computer Rent (Go Only)</t>
  </si>
  <si>
    <t>0921600 - Other</t>
  </si>
  <si>
    <t>0921980 - Office Supplies &amp; Expenses</t>
  </si>
  <si>
    <t>0923000 - Outside Services Employed</t>
  </si>
  <si>
    <t>0923100 - Outside Svcs Cont -Proj Supt -</t>
  </si>
  <si>
    <t>0923980 - Outside Services Employee &amp;</t>
  </si>
  <si>
    <t>0924000 - Property Insurance</t>
  </si>
  <si>
    <t>0924050 - Inter-Co Prop Ins Exp</t>
  </si>
  <si>
    <t>0924980 - Property Insurance For Corp.</t>
  </si>
  <si>
    <t>0925000 - Injuries &amp; Damages</t>
  </si>
  <si>
    <t>0925051 - INTER-CO GEN LIAB EXP</t>
  </si>
  <si>
    <t>0925200 - Injuries And Damages-Other</t>
  </si>
  <si>
    <t>0925980 - Injuries And Damages For Corp.</t>
  </si>
  <si>
    <t>0926000 - Employee Benefits</t>
  </si>
  <si>
    <t>0926420 - Employees' Tuition Refund</t>
  </si>
  <si>
    <t>0926430 - Employees'Recreation Expense</t>
  </si>
  <si>
    <t>0926600 - Employee Benefits-Transferred</t>
  </si>
  <si>
    <t>0928000 - Regulatory Expenses (Go)</t>
  </si>
  <si>
    <t>0928006 - State Reg Comm Proceeding</t>
  </si>
  <si>
    <t>0928030 - Professional Fees Consultant</t>
  </si>
  <si>
    <t>0929000 - Duplicate Chrgs-Enrgy To Exp</t>
  </si>
  <si>
    <t>0929500 - Admin Exp Transf</t>
  </si>
  <si>
    <t>0930150 - Miscellaneous Advertising Exp</t>
  </si>
  <si>
    <t>0930200 - Misc General Expenses</t>
  </si>
  <si>
    <t>0930210 - Industry Association Dues</t>
  </si>
  <si>
    <t>0930220 - Exp Of Servicing Securities</t>
  </si>
  <si>
    <t>0930230 - Dues To Various Organizations</t>
  </si>
  <si>
    <t>0930240 - Director'S Expenses</t>
  </si>
  <si>
    <t>0930250 - Buy\Sell Transf Employee Homes</t>
  </si>
  <si>
    <t>0930700 - Research &amp; Development</t>
  </si>
  <si>
    <t>0930940 - General Expenses</t>
  </si>
  <si>
    <t>0931001 - Rents-A&amp;G</t>
  </si>
  <si>
    <t>0931008 - A&amp;G Rents-IC</t>
  </si>
  <si>
    <t>0932000 - Maintenance Of Gen Plant-Gas</t>
  </si>
  <si>
    <t>0935100 - Maint General Plant-Elec</t>
  </si>
  <si>
    <t>0935200 - Cust Infor &amp; Computer Control</t>
  </si>
  <si>
    <t>0926999 - Non Serv Pension (ASU 2017-07)</t>
  </si>
  <si>
    <t>110_SERVICE_COMPANY - Duke Energy Business Services</t>
  </si>
  <si>
    <t>503_DEO - Duke Energy Ohio</t>
  </si>
  <si>
    <t>536_DEK - Duke Energy Kentucky</t>
  </si>
  <si>
    <t>2022</t>
  </si>
  <si>
    <t>Responsibility Center Level 02 Name - Description1</t>
  </si>
  <si>
    <t>503_DEO - Duke Energy Ohio Total</t>
  </si>
  <si>
    <t>110_SERVICE_COMPANY - Duke Energy Business Services Total</t>
  </si>
  <si>
    <t>536_DEK - Duke Energy Kentucky Total</t>
  </si>
  <si>
    <t>Other Affiliates</t>
  </si>
  <si>
    <t>Other Affiliates Total</t>
  </si>
  <si>
    <t>2020 Total</t>
  </si>
  <si>
    <t>Q1 2020</t>
  </si>
  <si>
    <t>Q2 2020</t>
  </si>
  <si>
    <t>Q3 2020</t>
  </si>
  <si>
    <t>Q4 2020</t>
  </si>
  <si>
    <t>Oct 2020</t>
  </si>
  <si>
    <t>Nov 2020</t>
  </si>
  <si>
    <t>Dec 2020</t>
  </si>
  <si>
    <t>Jan 2020</t>
  </si>
  <si>
    <t>Feb 2020</t>
  </si>
  <si>
    <t>Mar 2020</t>
  </si>
  <si>
    <t>Apr 2020</t>
  </si>
  <si>
    <t>May 2020</t>
  </si>
  <si>
    <t>Jun 2020</t>
  </si>
  <si>
    <t>Jul 2020</t>
  </si>
  <si>
    <t>Aug 2020</t>
  </si>
  <si>
    <t>Sep 2020</t>
  </si>
  <si>
    <t>2021</t>
  </si>
  <si>
    <t>0591000 - Maintenance Of Structures-Dist</t>
  </si>
  <si>
    <t>0922000 - Admin  Exp Transfer</t>
  </si>
  <si>
    <t>0588700 - Intcon Study Costs (D)</t>
  </si>
  <si>
    <t>0930600 - Leased Circuit Charges-Other</t>
  </si>
  <si>
    <t>0599023 - Other Misc Expense</t>
  </si>
  <si>
    <t>0823000 - Storage-Gas Losses</t>
  </si>
  <si>
    <t>0904000 - Uncollectible Accounts</t>
  </si>
  <si>
    <t>0904003 - Cust Acctg-Loss On Sale-A/R</t>
  </si>
  <si>
    <t>2022 Total</t>
  </si>
  <si>
    <t>Q1 2022</t>
  </si>
  <si>
    <t>Q2 2022</t>
  </si>
  <si>
    <t>Q3 2022</t>
  </si>
  <si>
    <t>Q4 2022</t>
  </si>
  <si>
    <t>Jan 2022</t>
  </si>
  <si>
    <t>Feb 2022</t>
  </si>
  <si>
    <t>Mar 2022</t>
  </si>
  <si>
    <t>Apr 2022</t>
  </si>
  <si>
    <t>May 2022</t>
  </si>
  <si>
    <t>Jun 2022</t>
  </si>
  <si>
    <t>Jul 2022</t>
  </si>
  <si>
    <t>Aug 2022</t>
  </si>
  <si>
    <t>Sep 2022</t>
  </si>
  <si>
    <t>Oct 2022</t>
  </si>
  <si>
    <t>Nov 2022</t>
  </si>
  <si>
    <t>Dec 2022</t>
  </si>
  <si>
    <t>Duke Energy Kentucky - Electric Only</t>
  </si>
  <si>
    <t>Schedule of O&amp;M Costs by Source</t>
  </si>
  <si>
    <t>For the Calendar Year 2020</t>
  </si>
  <si>
    <t>2021 Total</t>
  </si>
  <si>
    <t>Q1 2021</t>
  </si>
  <si>
    <t>Q2 2021</t>
  </si>
  <si>
    <t>Q3 2021</t>
  </si>
  <si>
    <t>Q4 2021</t>
  </si>
  <si>
    <t>Jan 2021</t>
  </si>
  <si>
    <t>Feb 2021</t>
  </si>
  <si>
    <t>Mar 2021</t>
  </si>
  <si>
    <t>Apr 2021</t>
  </si>
  <si>
    <t>May 2021</t>
  </si>
  <si>
    <t>Jun 2021</t>
  </si>
  <si>
    <t>Jul 2021</t>
  </si>
  <si>
    <t>Aug 2021</t>
  </si>
  <si>
    <t>Sep 2021</t>
  </si>
  <si>
    <t>Oct 2021</t>
  </si>
  <si>
    <t>Nov 2021</t>
  </si>
  <si>
    <t>Dec 2021</t>
  </si>
  <si>
    <t>For the Calendar Year 2021</t>
  </si>
  <si>
    <t>For the Calendar Year 2022</t>
  </si>
  <si>
    <t>MTD Actual Amount</t>
  </si>
  <si>
    <t>ESM and purchased power deferrals not included in budg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_(* #,##0_);_(* \(#,##0\);_(* &quot;-&quot;??_);_(@_)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0"/>
      <color rgb="FF000000"/>
      <name val="Arial"/>
      <family val="2"/>
    </font>
    <font>
      <b/>
      <sz val="10"/>
      <color rgb="FF000000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0" fontId="6" fillId="0" borderId="0"/>
  </cellStyleXfs>
  <cellXfs count="14">
    <xf numFmtId="0" fontId="0" fillId="0" borderId="0" xfId="0"/>
    <xf numFmtId="164" fontId="0" fillId="0" borderId="0" xfId="1" applyNumberFormat="1" applyFont="1"/>
    <xf numFmtId="0" fontId="3" fillId="0" borderId="0" xfId="0" applyFont="1"/>
    <xf numFmtId="14" fontId="4" fillId="0" borderId="0" xfId="0" applyNumberFormat="1" applyFont="1"/>
    <xf numFmtId="164" fontId="5" fillId="0" borderId="0" xfId="1" applyNumberFormat="1" applyFont="1"/>
    <xf numFmtId="0" fontId="0" fillId="0" borderId="0" xfId="0" applyAlignment="1">
      <alignment wrapText="1"/>
    </xf>
    <xf numFmtId="164" fontId="2" fillId="0" borderId="0" xfId="0" applyNumberFormat="1" applyFont="1" applyAlignment="1">
      <alignment wrapText="1"/>
    </xf>
    <xf numFmtId="0" fontId="0" fillId="0" borderId="0" xfId="0" pivotButton="1"/>
    <xf numFmtId="0" fontId="0" fillId="0" borderId="0" xfId="0" pivotButton="1" applyAlignment="1">
      <alignment wrapText="1"/>
    </xf>
    <xf numFmtId="0" fontId="0" fillId="0" borderId="0" xfId="0" applyFill="1"/>
    <xf numFmtId="0" fontId="7" fillId="0" borderId="0" xfId="2" applyFont="1"/>
    <xf numFmtId="164" fontId="0" fillId="0" borderId="0" xfId="0" applyNumberFormat="1"/>
    <xf numFmtId="37" fontId="0" fillId="0" borderId="1" xfId="0" applyNumberFormat="1" applyBorder="1"/>
    <xf numFmtId="0" fontId="0" fillId="0" borderId="0" xfId="0" applyAlignment="1">
      <alignment horizontal="right"/>
    </xf>
  </cellXfs>
  <cellStyles count="3">
    <cellStyle name="Comma" xfId="1" builtinId="3"/>
    <cellStyle name="Normal" xfId="0" builtinId="0"/>
    <cellStyle name="Normal 2 2" xfId="2" xr:uid="{44D25CC7-542F-42E7-920E-F81529F22425}"/>
  </cellStyles>
  <dxfs count="23">
    <dxf>
      <fill>
        <patternFill patternType="none">
          <bgColor auto="1"/>
        </patternFill>
      </fill>
    </dxf>
    <dxf>
      <fill>
        <patternFill patternType="solid">
          <bgColor rgb="FFFFFF00"/>
        </patternFill>
      </fill>
    </dxf>
    <dxf>
      <alignment wrapText="1" readingOrder="0"/>
    </dxf>
    <dxf>
      <numFmt numFmtId="164" formatCode="_(* #,##0_);_(* \(#,##0\);_(* &quot;-&quot;??_);_(@_)"/>
    </dxf>
    <dxf>
      <fill>
        <patternFill patternType="none">
          <bgColor auto="1"/>
        </patternFill>
      </fill>
    </dxf>
    <dxf>
      <fill>
        <patternFill patternType="solid">
          <bgColor rgb="FFFFFF00"/>
        </patternFill>
      </fill>
    </dxf>
    <dxf>
      <alignment wrapText="1" readingOrder="0"/>
    </dxf>
    <dxf>
      <numFmt numFmtId="164" formatCode="_(* #,##0_);_(* \(#,##0\);_(* &quot;-&quot;??_);_(@_)"/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solid">
          <bgColor rgb="FFFFFF00"/>
        </patternFill>
      </fill>
    </dxf>
    <dxf>
      <alignment wrapText="1" readingOrder="0"/>
    </dxf>
    <dxf>
      <numFmt numFmtId="164" formatCode="_(* #,##0_);_(* \(#,##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5.xml"/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26" Type="http://schemas.openxmlformats.org/officeDocument/2006/relationships/externalLink" Target="externalLinks/externalLink23.xml"/><Relationship Id="rId39" Type="http://schemas.openxmlformats.org/officeDocument/2006/relationships/styles" Target="styles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18.xml"/><Relationship Id="rId34" Type="http://schemas.openxmlformats.org/officeDocument/2006/relationships/pivotCacheDefinition" Target="pivotCache/pivotCacheDefinition1.xml"/><Relationship Id="rId42" Type="http://schemas.openxmlformats.org/officeDocument/2006/relationships/calcChain" Target="calcChain.xml"/><Relationship Id="rId7" Type="http://schemas.openxmlformats.org/officeDocument/2006/relationships/externalLink" Target="externalLinks/externalLink4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externalLink" Target="externalLinks/externalLink22.xml"/><Relationship Id="rId33" Type="http://schemas.openxmlformats.org/officeDocument/2006/relationships/externalLink" Target="externalLinks/externalLink30.xml"/><Relationship Id="rId38" Type="http://schemas.openxmlformats.org/officeDocument/2006/relationships/connections" Target="connection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3.xml"/><Relationship Id="rId20" Type="http://schemas.openxmlformats.org/officeDocument/2006/relationships/externalLink" Target="externalLinks/externalLink17.xml"/><Relationship Id="rId29" Type="http://schemas.openxmlformats.org/officeDocument/2006/relationships/externalLink" Target="externalLinks/externalLink26.xml"/><Relationship Id="rId41" Type="http://schemas.openxmlformats.org/officeDocument/2006/relationships/sheetMetadata" Target="metadata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externalLink" Target="externalLinks/externalLink8.xml"/><Relationship Id="rId24" Type="http://schemas.openxmlformats.org/officeDocument/2006/relationships/externalLink" Target="externalLinks/externalLink21.xml"/><Relationship Id="rId32" Type="http://schemas.openxmlformats.org/officeDocument/2006/relationships/externalLink" Target="externalLinks/externalLink29.xml"/><Relationship Id="rId37" Type="http://schemas.openxmlformats.org/officeDocument/2006/relationships/theme" Target="theme/theme1.xml"/><Relationship Id="rId40" Type="http://schemas.openxmlformats.org/officeDocument/2006/relationships/sharedStrings" Target="sharedStrings.xml"/><Relationship Id="rId45" Type="http://schemas.openxmlformats.org/officeDocument/2006/relationships/customXml" Target="../customXml/item3.xml"/><Relationship Id="rId5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2.xml"/><Relationship Id="rId23" Type="http://schemas.openxmlformats.org/officeDocument/2006/relationships/externalLink" Target="externalLinks/externalLink20.xml"/><Relationship Id="rId28" Type="http://schemas.openxmlformats.org/officeDocument/2006/relationships/externalLink" Target="externalLinks/externalLink25.xml"/><Relationship Id="rId36" Type="http://schemas.openxmlformats.org/officeDocument/2006/relationships/pivotCacheDefinition" Target="pivotCache/pivotCacheDefinition3.xml"/><Relationship Id="rId10" Type="http://schemas.openxmlformats.org/officeDocument/2006/relationships/externalLink" Target="externalLinks/externalLink7.xml"/><Relationship Id="rId19" Type="http://schemas.openxmlformats.org/officeDocument/2006/relationships/externalLink" Target="externalLinks/externalLink16.xml"/><Relationship Id="rId31" Type="http://schemas.openxmlformats.org/officeDocument/2006/relationships/externalLink" Target="externalLinks/externalLink28.xml"/><Relationship Id="rId44" Type="http://schemas.openxmlformats.org/officeDocument/2006/relationships/customXml" Target="../customXml/item2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1.xml"/><Relationship Id="rId22" Type="http://schemas.openxmlformats.org/officeDocument/2006/relationships/externalLink" Target="externalLinks/externalLink19.xml"/><Relationship Id="rId27" Type="http://schemas.openxmlformats.org/officeDocument/2006/relationships/externalLink" Target="externalLinks/externalLink24.xml"/><Relationship Id="rId30" Type="http://schemas.openxmlformats.org/officeDocument/2006/relationships/externalLink" Target="externalLinks/externalLink27.xml"/><Relationship Id="rId35" Type="http://schemas.openxmlformats.org/officeDocument/2006/relationships/pivotCacheDefinition" Target="pivotCache/pivotCacheDefinition2.xml"/><Relationship Id="rId43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8%20Aug%20Actuals\08%20Aug%20-%20MWFO%20CAPITAL%20Actuals%20and%20Projections%20by%20Month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1%20Files\2011%20Monthly%20Reporting\Day%205%20Flash\2011-12\EDC%20DAY%205%20FLASH%20-%20Dec2011%20Results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DPDevel\Local%20Settings\Temporary%20Internet%20Files\Content.Outlook\VCS75YHY\2014-2016%20Carolina%20West%20Prioritization%20List%206-4-13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ata\InvestmentEngineer\Tammie%20Smith\pac%20Hydro%20East-capital-v3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Documents%20and%20Settings\lmm7207\Local%20Settings\Temporary%20Internet%20Files\Content.Outlook\VFDG76UD\Master%20Watchlist%20and%20Action%20Sheet%20April%202012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517635\My%20Documents\Projects\Project%20Panda\Files%20from%20Don\Directors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simcltnasfs01\busmgt\Monthly%20Reporting\2014\Reports\04%20-%20Apr\Day%205\OM%20and%20Deferred%20To%20AVB%20April%202014-Day%205%20V2.xlsx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Documents%20and%20Settings\ot07327\Local%20Settings\Temporary%20Internet%20Files\Content.Outlook\1ZOE3VX5\Revised%20example%20of%20PEF%20Major%20Projects%20Dashboard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kbb9532\Local%20Settings\Temporary%20Internet%20Files\Content.Outlook\Q59HVQ15\Waterfall%20Graphs-Carolina%20Delivery%20Operations.xlsx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T07975\Local%20Settings\Temporary%20Internet%20Files\Content.Outlook\GWPKDME4\Cust%20Ops%20Headcount%202013_03%20Mar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FLRelreports\AM_Reporting\AM_Const_Progress\2012%20Construction_Progress\2012AM_Construction_Progress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Level%202%20Waterfalls%20-%20Apr2012%20Results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Budget%20Projections\2010\Capital\07%20Jul%20Actuals\Backup%20Files\Copy%20of%20MW%20Capital-Jul-10-YTD%20-%20using%20Jun%20as%20a%20Template.xlsx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sop\Budget\BUDT&amp;D\1%20Performance%20Support\FOMW%20Projects\Cheat%20Sheets%20-%2001-01-2011%20with%20WORKTYPE-SUBTYPE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Documents%20and%20Settings\d22378\Local%20Settings\Temporary%20Internet%20Files\Content.Outlook\CZ9BWSF0\July%202011%20Board_PECPEF%20Capital%20Slides_May%202011%20Results_Draft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t41980\Application%20Data\Microsoft\Excel\Manager%20Reports\Liggett%20OM%20BvA%20and%20OT%20-%20Sept%202011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2012%20Monthly%20Reporting\Level%202%20Meeting%20Data\05-May%202012\PEC%20Delivery%20Finance%202012%20Monthly%20Tracking%202012-05%20May%20Meeting.xlsx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MBrooks\Local%20Settings\Temporary%20Internet%20Files\Content.Outlook\Q7GLROJL\EDC%20DAY%205%20FLASH%20-%20Jul2012%20Results.xlsx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DPDevel\Local%20Settings\Temporary%20Internet%20Files\Content.Outlook\VCS75YHY\Support%20Groups%20Base%20Budget%20Templates.xlsx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18491\AppData\Local\Microsoft\Windows\Temporary%20Internet%20Files\Content.Outlook\3ZFP2IOG\Copy%20of%20Master%20Tracking%20Spreadsheet%20-%208-24-weekly.xlsx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RE\Project%20and%20Funding%20Project%20Setup%20Process\Detail%20Project%20and%20Funding%20Project%20Setup%20Request%20Form%20-%20121509%20-%20EMAX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incy1\esop\BUDT&amp;D\1%20Performance%20Support\ARC%20Rules%20and%20Unitization\Copy%20of%20Master%20Tracking%20Spreadsheet-09-12-2014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C%20Unit-Group\2011%20Files\Distribution\Labor%20Analysis\1011%20-%20Distribution%20Charge%20By%20Labor.xlsm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TEMP\Fulldatarequest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w1\AppData\Local\Microsoft\Windows\Temporary%20Internet%20Files\Content.Outlook\B6Z90CM9\9%20Sep%202013%20-%20Special%20Projects%20In%20Srvc%20Failing%20ARC-with-individual-failures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07975\AppData\Local\Microsoft\Windows\Temporary%20Internet%20Files\Content.Outlook\E3PELKTZ\2014%20MDO%20Work%20Plan%20-%20Units%20Hours%20Pivots%20working%20file%205-6-14.xlsx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m\wsfolders\Documents%20and%20Settings\T07975\Local%20Settings\Temporary%20Internet%20Files\Content.Outlook\GWPKDME4\Sue%20Wesley%20March%202013%20fie.xlsx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US_OPS\C%20Unit-Group\2012%20Files\Cost%20Per%20Service\2012%20Revenue%20Construction%20Calculations%20less%20burdens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idwest%20Performance%20Support\Reports\R&amp;I%20Monthly%20Reports\Monthly%20YTD%20RI%20Program%20Scorecard%20June%20YTD_O&amp;M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0232\grpdata\Documents%20and%20Settings\ot02695\Local%20Settings\Temporary%20Internet%20Files\Content.Outlook\1FUAANN8\01%202009%20Distribution%20Reporting%20Package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YTD ACTUALS by Month and State"/>
      <sheetName val="IN-N"/>
      <sheetName val="IN-W"/>
      <sheetName val="IN-SE"/>
      <sheetName val="OH - NW"/>
      <sheetName val="OH-SE &amp; KY"/>
      <sheetName val="OH-SE"/>
      <sheetName val="KY"/>
      <sheetName val="SUB-TOTAL"/>
      <sheetName val="SUB-IN"/>
      <sheetName val="SUB-OH"/>
      <sheetName val="SUB-KY"/>
      <sheetName val="State OUs"/>
      <sheetName val="1. UNITS FROM HARRY"/>
      <sheetName val="2. From and To Projections file"/>
      <sheetName val="Budget data sent to Art"/>
      <sheetName val="From Jerry 010710 -Work Plan"/>
      <sheetName val="3. Dave's SCORECARD"/>
      <sheetName val="Capital Onl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 (2)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Budget CPU"/>
      <sheetName val="10 Service Delivery CPU"/>
      <sheetName val="11 Restore CPU"/>
      <sheetName val="Data Dump"/>
      <sheetName val="12 EDC Cap Sumb"/>
      <sheetName val="13 EDC Cap Waterfall"/>
      <sheetName val="14 Residential CPU"/>
      <sheetName val="15 C&amp;I CPU"/>
      <sheetName val="16 Lighting CPU"/>
      <sheetName val="Residential"/>
      <sheetName val="Commercial &amp; Industrial"/>
      <sheetName val="Lights"/>
      <sheetName val="For dropdow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>
        <row r="1">
          <cell r="D1">
            <v>0</v>
          </cell>
        </row>
        <row r="2">
          <cell r="D2" t="str">
            <v>Capital Flash Summary Category*</v>
          </cell>
        </row>
        <row r="3">
          <cell r="D3" t="str">
            <v>Region Maintenance</v>
          </cell>
        </row>
        <row r="4">
          <cell r="D4" t="str">
            <v>Indirects &amp; Other</v>
          </cell>
        </row>
        <row r="5">
          <cell r="D5" t="str">
            <v>Indirects &amp; Other</v>
          </cell>
        </row>
        <row r="6">
          <cell r="D6" t="str">
            <v>Indirects &amp; Other</v>
          </cell>
        </row>
        <row r="7">
          <cell r="D7" t="str">
            <v>Indirects &amp; Other</v>
          </cell>
        </row>
        <row r="8">
          <cell r="D8" t="str">
            <v>Indirects &amp; Other</v>
          </cell>
        </row>
        <row r="9">
          <cell r="D9" t="str">
            <v>Indirects &amp; Other</v>
          </cell>
        </row>
        <row r="10">
          <cell r="D10" t="str">
            <v>Indirects &amp; Other</v>
          </cell>
        </row>
        <row r="11">
          <cell r="D11" t="str">
            <v>Indirects &amp; Other</v>
          </cell>
        </row>
        <row r="12">
          <cell r="D12" t="str">
            <v>Indirects &amp; Other</v>
          </cell>
        </row>
        <row r="13">
          <cell r="D13" t="str">
            <v>Indirects &amp; Other</v>
          </cell>
        </row>
        <row r="14">
          <cell r="D14" t="str">
            <v>Indirects &amp; Other</v>
          </cell>
        </row>
        <row r="15">
          <cell r="D15" t="str">
            <v>Indirects &amp; Other</v>
          </cell>
        </row>
        <row r="16">
          <cell r="D16" t="str">
            <v>Indirects &amp; Other</v>
          </cell>
        </row>
        <row r="17">
          <cell r="D17" t="str">
            <v>Indirects &amp; Other</v>
          </cell>
        </row>
        <row r="18">
          <cell r="D18" t="str">
            <v>Indirects &amp; Other</v>
          </cell>
        </row>
        <row r="19">
          <cell r="D19" t="str">
            <v>Indirects &amp; Other</v>
          </cell>
        </row>
        <row r="20">
          <cell r="D20" t="str">
            <v>Indirects &amp; Other</v>
          </cell>
        </row>
        <row r="21">
          <cell r="D21" t="str">
            <v>Indirects &amp; Other</v>
          </cell>
        </row>
        <row r="22">
          <cell r="D22" t="str">
            <v>EDC Major Storm</v>
          </cell>
        </row>
        <row r="23">
          <cell r="D23" t="str">
            <v>EDC Major Storm</v>
          </cell>
        </row>
        <row r="24">
          <cell r="D24" t="str">
            <v>EDC Major Storm</v>
          </cell>
        </row>
        <row r="25">
          <cell r="D25" t="str">
            <v>EDC Major Storm</v>
          </cell>
        </row>
        <row r="26">
          <cell r="D26" t="str">
            <v>EDC Major Storm</v>
          </cell>
        </row>
        <row r="27">
          <cell r="D27" t="str">
            <v>EDC Major Storm</v>
          </cell>
        </row>
        <row r="28">
          <cell r="D28" t="str">
            <v>EDC Major Storm</v>
          </cell>
        </row>
        <row r="29">
          <cell r="D29" t="str">
            <v>EDC Major Storm</v>
          </cell>
        </row>
        <row r="30">
          <cell r="D30" t="str">
            <v>EDC Major Storm</v>
          </cell>
        </row>
        <row r="31">
          <cell r="D31" t="str">
            <v>EDC Major Storm</v>
          </cell>
        </row>
        <row r="32">
          <cell r="D32" t="str">
            <v>EDC Major Storm</v>
          </cell>
        </row>
        <row r="33">
          <cell r="D33" t="str">
            <v>EDC Major Storm</v>
          </cell>
        </row>
        <row r="34">
          <cell r="D34" t="str">
            <v>EDC Major Storm</v>
          </cell>
        </row>
        <row r="35">
          <cell r="D35" t="str">
            <v>EDC Major Storm</v>
          </cell>
        </row>
        <row r="36">
          <cell r="D36" t="str">
            <v>EDC Major Storm</v>
          </cell>
        </row>
        <row r="37">
          <cell r="D37" t="str">
            <v>EDC Major Storm</v>
          </cell>
        </row>
        <row r="38">
          <cell r="D38" t="str">
            <v>EDC Major Storm</v>
          </cell>
        </row>
        <row r="39">
          <cell r="D39" t="str">
            <v>EDC Major Storm</v>
          </cell>
        </row>
        <row r="40">
          <cell r="D40" t="str">
            <v>EDC Major Storm</v>
          </cell>
        </row>
        <row r="41">
          <cell r="D41" t="str">
            <v>EDC Major Storm</v>
          </cell>
        </row>
        <row r="42">
          <cell r="D42" t="str">
            <v>EDC Major Storm</v>
          </cell>
        </row>
        <row r="43">
          <cell r="D43" t="str">
            <v>Revenue Burdens</v>
          </cell>
        </row>
        <row r="44">
          <cell r="D44" t="str">
            <v>Revenue Burdens</v>
          </cell>
        </row>
        <row r="45">
          <cell r="D45" t="str">
            <v>Revenue Burdens</v>
          </cell>
        </row>
        <row r="46">
          <cell r="D46" t="str">
            <v>Revenue Burdens</v>
          </cell>
        </row>
        <row r="47">
          <cell r="D47" t="str">
            <v>Revenue Burdens</v>
          </cell>
        </row>
        <row r="48">
          <cell r="D48" t="str">
            <v>Revenue Burdens</v>
          </cell>
        </row>
        <row r="49">
          <cell r="D49" t="str">
            <v>Revenue Burdens</v>
          </cell>
        </row>
        <row r="50">
          <cell r="D50" t="str">
            <v>Revenue Burdens</v>
          </cell>
        </row>
        <row r="51">
          <cell r="D51" t="str">
            <v>Region Maintenance</v>
          </cell>
        </row>
        <row r="52">
          <cell r="D52" t="str">
            <v>Region Maintenance</v>
          </cell>
        </row>
        <row r="53">
          <cell r="D53" t="str">
            <v>Region Maintenance</v>
          </cell>
        </row>
        <row r="54">
          <cell r="D54" t="str">
            <v>Region Maintenance</v>
          </cell>
        </row>
        <row r="55">
          <cell r="D55" t="str">
            <v>Region Maintenance</v>
          </cell>
        </row>
        <row r="56">
          <cell r="D56" t="str">
            <v>Region Maintenance</v>
          </cell>
        </row>
        <row r="57">
          <cell r="D57" t="str">
            <v>Region Maintenance</v>
          </cell>
        </row>
        <row r="58">
          <cell r="D58" t="str">
            <v>Region Maintenance</v>
          </cell>
        </row>
        <row r="59">
          <cell r="D59" t="str">
            <v>Region Maintenance</v>
          </cell>
        </row>
        <row r="60">
          <cell r="D60" t="str">
            <v>Region Maintenance</v>
          </cell>
        </row>
        <row r="61">
          <cell r="D61" t="str">
            <v>Region Maintenance</v>
          </cell>
        </row>
        <row r="62">
          <cell r="D62" t="str">
            <v>Region Maintenance</v>
          </cell>
        </row>
        <row r="63">
          <cell r="D63" t="str">
            <v>Region Maintenance</v>
          </cell>
        </row>
        <row r="64">
          <cell r="D64" t="str">
            <v>Region Maintenance</v>
          </cell>
        </row>
        <row r="65">
          <cell r="D65" t="str">
            <v>Region Maintenance</v>
          </cell>
        </row>
        <row r="66">
          <cell r="D66" t="str">
            <v>Region Maintenance</v>
          </cell>
        </row>
        <row r="67">
          <cell r="D67" t="str">
            <v>Region Maintenance</v>
          </cell>
        </row>
        <row r="68">
          <cell r="D68" t="str">
            <v>Region Maintenance</v>
          </cell>
        </row>
        <row r="69">
          <cell r="D69" t="str">
            <v>Region Maintenance</v>
          </cell>
        </row>
        <row r="70">
          <cell r="D70" t="str">
            <v>Region Maintenance</v>
          </cell>
        </row>
        <row r="71">
          <cell r="D71" t="str">
            <v>Region Maintenance</v>
          </cell>
        </row>
        <row r="72">
          <cell r="D72" t="str">
            <v>Region Maintenance</v>
          </cell>
        </row>
        <row r="73">
          <cell r="D73" t="str">
            <v>Region Maintenance</v>
          </cell>
        </row>
        <row r="74">
          <cell r="D74" t="str">
            <v>Region Maintenance</v>
          </cell>
        </row>
        <row r="75">
          <cell r="D75" t="str">
            <v>Region Maintenance</v>
          </cell>
        </row>
        <row r="76">
          <cell r="D76" t="str">
            <v>Region Maintenance</v>
          </cell>
        </row>
        <row r="77">
          <cell r="D77" t="str">
            <v>Region Maintenance</v>
          </cell>
        </row>
        <row r="78">
          <cell r="D78" t="str">
            <v>Region Maintenance</v>
          </cell>
        </row>
        <row r="79">
          <cell r="D79" t="str">
            <v>Region Maintenance</v>
          </cell>
        </row>
        <row r="80">
          <cell r="D80" t="str">
            <v>Region Maintenance</v>
          </cell>
        </row>
        <row r="81">
          <cell r="D81" t="str">
            <v>Region Maintenance</v>
          </cell>
        </row>
        <row r="82">
          <cell r="D82" t="str">
            <v>Region Maintenance</v>
          </cell>
        </row>
        <row r="83">
          <cell r="D83" t="str">
            <v>Region Maintenance</v>
          </cell>
        </row>
        <row r="84">
          <cell r="D84" t="str">
            <v>Region Maintenance</v>
          </cell>
        </row>
        <row r="85">
          <cell r="D85" t="str">
            <v>Region Maintenance</v>
          </cell>
        </row>
        <row r="86">
          <cell r="D86" t="str">
            <v>Region Maintenance</v>
          </cell>
        </row>
        <row r="87">
          <cell r="D87" t="str">
            <v>Region Maintenance</v>
          </cell>
        </row>
        <row r="88">
          <cell r="D88" t="str">
            <v>Region Maintenance</v>
          </cell>
        </row>
        <row r="89">
          <cell r="D89" t="str">
            <v>Region Maintenance</v>
          </cell>
        </row>
        <row r="90">
          <cell r="D90" t="str">
            <v>Region Maintenance</v>
          </cell>
        </row>
        <row r="91">
          <cell r="D91" t="str">
            <v>Region Maintenance</v>
          </cell>
        </row>
        <row r="92">
          <cell r="D92" t="str">
            <v>Region Maintenance</v>
          </cell>
        </row>
        <row r="93">
          <cell r="D93" t="str">
            <v>Region Maintenance</v>
          </cell>
        </row>
        <row r="94">
          <cell r="D94" t="str">
            <v>Region Maintenance</v>
          </cell>
        </row>
        <row r="95">
          <cell r="D95" t="str">
            <v>Region Maintenance</v>
          </cell>
        </row>
        <row r="96">
          <cell r="D96" t="str">
            <v>Region Maintenance</v>
          </cell>
        </row>
        <row r="97">
          <cell r="D97" t="str">
            <v>Region Maintenance</v>
          </cell>
        </row>
        <row r="98">
          <cell r="D98" t="str">
            <v>Region Maintenance</v>
          </cell>
        </row>
        <row r="99">
          <cell r="D99" t="str">
            <v>Region Maintenance</v>
          </cell>
        </row>
        <row r="100">
          <cell r="D100" t="str">
            <v>Region Maintenance</v>
          </cell>
        </row>
        <row r="101">
          <cell r="D101" t="str">
            <v>Region Maintenance</v>
          </cell>
        </row>
        <row r="102">
          <cell r="D102" t="str">
            <v>Region Maintenance</v>
          </cell>
        </row>
        <row r="103">
          <cell r="D103" t="str">
            <v>Region Maintenance</v>
          </cell>
        </row>
        <row r="104">
          <cell r="D104" t="str">
            <v>Region Maintenance</v>
          </cell>
        </row>
        <row r="105">
          <cell r="D105" t="str">
            <v>Region Maintenance</v>
          </cell>
        </row>
        <row r="106">
          <cell r="D106" t="str">
            <v>Region Maintenance</v>
          </cell>
        </row>
        <row r="107">
          <cell r="D107" t="str">
            <v>Region Maintenance</v>
          </cell>
        </row>
        <row r="108">
          <cell r="D108" t="str">
            <v>Region Maintenance</v>
          </cell>
        </row>
        <row r="109">
          <cell r="D109" t="str">
            <v>Region Maintenance</v>
          </cell>
        </row>
        <row r="110">
          <cell r="D110" t="str">
            <v>Region Maintenance</v>
          </cell>
        </row>
        <row r="111">
          <cell r="D111" t="str">
            <v>Region Maintenance</v>
          </cell>
        </row>
        <row r="112">
          <cell r="D112" t="str">
            <v>Region Maintenance</v>
          </cell>
        </row>
        <row r="113">
          <cell r="D113" t="str">
            <v>Region Maintenance</v>
          </cell>
        </row>
        <row r="114">
          <cell r="D114" t="str">
            <v>Region Maintenance</v>
          </cell>
        </row>
        <row r="115">
          <cell r="D115" t="str">
            <v>Region Maintenance</v>
          </cell>
        </row>
        <row r="116">
          <cell r="D116" t="str">
            <v>Region Maintenance</v>
          </cell>
        </row>
        <row r="117">
          <cell r="D117" t="str">
            <v>Region Maintenance</v>
          </cell>
        </row>
        <row r="118">
          <cell r="D118" t="str">
            <v>Region Maintenance</v>
          </cell>
        </row>
        <row r="119">
          <cell r="D119" t="str">
            <v>Region Maintenance</v>
          </cell>
        </row>
        <row r="120">
          <cell r="D120" t="str">
            <v>Region Maintenance</v>
          </cell>
        </row>
        <row r="121">
          <cell r="D121" t="str">
            <v>Region Maintenance</v>
          </cell>
        </row>
        <row r="122">
          <cell r="D122" t="str">
            <v>Region Maintenance</v>
          </cell>
        </row>
        <row r="123">
          <cell r="D123" t="str">
            <v>Region Maintenance</v>
          </cell>
        </row>
        <row r="124">
          <cell r="D124" t="str">
            <v>Region Maintenance</v>
          </cell>
        </row>
        <row r="125">
          <cell r="D125" t="str">
            <v>Region Maintenance</v>
          </cell>
        </row>
        <row r="126">
          <cell r="D126" t="str">
            <v>Region Maintenance</v>
          </cell>
        </row>
        <row r="127">
          <cell r="D127" t="str">
            <v>Region Maintenance</v>
          </cell>
        </row>
        <row r="128">
          <cell r="D128" t="str">
            <v>Region Maintenance</v>
          </cell>
        </row>
        <row r="129">
          <cell r="D129" t="str">
            <v>Region Maintenance</v>
          </cell>
        </row>
        <row r="130">
          <cell r="D130" t="str">
            <v>Region Maintenance</v>
          </cell>
        </row>
        <row r="131">
          <cell r="D131" t="str">
            <v>Region Maintenance</v>
          </cell>
        </row>
        <row r="132">
          <cell r="D132" t="str">
            <v>Region Maintenance</v>
          </cell>
        </row>
        <row r="133">
          <cell r="D133" t="str">
            <v>Region Maintenance</v>
          </cell>
        </row>
        <row r="134">
          <cell r="D134" t="str">
            <v>Region Maintenance</v>
          </cell>
        </row>
        <row r="135">
          <cell r="D135" t="str">
            <v>Region Maintenance</v>
          </cell>
        </row>
        <row r="136">
          <cell r="D136" t="str">
            <v>Region Maintenance</v>
          </cell>
        </row>
        <row r="137">
          <cell r="D137" t="str">
            <v>Region Maintenance</v>
          </cell>
        </row>
        <row r="138">
          <cell r="D138" t="str">
            <v>Region Maintenance</v>
          </cell>
        </row>
        <row r="139">
          <cell r="D139" t="str">
            <v>Region Maintenance</v>
          </cell>
        </row>
        <row r="140">
          <cell r="D140" t="str">
            <v>Region Maintenance</v>
          </cell>
        </row>
        <row r="141">
          <cell r="D141" t="str">
            <v>Region Maintenance</v>
          </cell>
        </row>
        <row r="142">
          <cell r="D142" t="str">
            <v>Region Maintenance</v>
          </cell>
        </row>
        <row r="143">
          <cell r="D143" t="str">
            <v>Region Maintenance</v>
          </cell>
        </row>
        <row r="144">
          <cell r="D144" t="str">
            <v>Region Maintenance</v>
          </cell>
        </row>
        <row r="145">
          <cell r="D145" t="str">
            <v>Region Maintenance</v>
          </cell>
        </row>
        <row r="146">
          <cell r="D146" t="str">
            <v>Region Maintenance</v>
          </cell>
        </row>
        <row r="147">
          <cell r="D147" t="str">
            <v>Region Maintenance</v>
          </cell>
        </row>
        <row r="148">
          <cell r="D148" t="str">
            <v>Region Maintenance</v>
          </cell>
        </row>
        <row r="149">
          <cell r="D149" t="str">
            <v>Region Maintenance</v>
          </cell>
        </row>
        <row r="150">
          <cell r="D150" t="str">
            <v>Region Maintenance</v>
          </cell>
        </row>
        <row r="151">
          <cell r="D151" t="str">
            <v>Region Maintenance</v>
          </cell>
        </row>
        <row r="152">
          <cell r="D152" t="str">
            <v>Region Maintenance</v>
          </cell>
        </row>
        <row r="153">
          <cell r="D153" t="str">
            <v>Region Maintenance</v>
          </cell>
        </row>
        <row r="154">
          <cell r="D154" t="str">
            <v>Region Maintenance</v>
          </cell>
        </row>
        <row r="155">
          <cell r="D155" t="str">
            <v>Region Maintenance</v>
          </cell>
        </row>
        <row r="156">
          <cell r="D156" t="str">
            <v>Region Maintenance</v>
          </cell>
        </row>
        <row r="157">
          <cell r="D157" t="str">
            <v>Region Maintenance</v>
          </cell>
        </row>
        <row r="158">
          <cell r="D158" t="str">
            <v>Region Maintenance</v>
          </cell>
        </row>
        <row r="159">
          <cell r="D159" t="str">
            <v>Region Maintenance</v>
          </cell>
        </row>
        <row r="160">
          <cell r="D160" t="str">
            <v>Region Maintenance</v>
          </cell>
        </row>
        <row r="161">
          <cell r="D161" t="str">
            <v>Region Maintenance</v>
          </cell>
        </row>
        <row r="162">
          <cell r="D162" t="str">
            <v>Region Maintenance</v>
          </cell>
        </row>
        <row r="163">
          <cell r="D163" t="str">
            <v>Region Maintenance</v>
          </cell>
        </row>
        <row r="164">
          <cell r="D164" t="str">
            <v>Region Maintenance</v>
          </cell>
        </row>
        <row r="165">
          <cell r="D165" t="str">
            <v>Region Maintenance</v>
          </cell>
        </row>
        <row r="166">
          <cell r="D166" t="str">
            <v>Region Maintenance</v>
          </cell>
        </row>
        <row r="167">
          <cell r="D167" t="str">
            <v>Region Maintenance</v>
          </cell>
        </row>
        <row r="168">
          <cell r="D168" t="str">
            <v>Region Maintenance</v>
          </cell>
        </row>
        <row r="169">
          <cell r="D169" t="str">
            <v>Region Maintenance</v>
          </cell>
        </row>
        <row r="170">
          <cell r="D170" t="str">
            <v>Region Maintenance</v>
          </cell>
        </row>
        <row r="171">
          <cell r="D171" t="str">
            <v>Region Maintenance</v>
          </cell>
        </row>
        <row r="172">
          <cell r="D172" t="str">
            <v>Region Maintenance</v>
          </cell>
        </row>
        <row r="173">
          <cell r="D173" t="str">
            <v>Region Maintenance</v>
          </cell>
        </row>
        <row r="174">
          <cell r="D174" t="str">
            <v>Region Maintenance</v>
          </cell>
        </row>
        <row r="175">
          <cell r="D175" t="str">
            <v>Region Maintenance</v>
          </cell>
        </row>
        <row r="176">
          <cell r="D176" t="str">
            <v>Region Maintenance</v>
          </cell>
        </row>
        <row r="177">
          <cell r="D177" t="str">
            <v>Region Maintenance</v>
          </cell>
        </row>
        <row r="178">
          <cell r="D178" t="str">
            <v>Region Maintenance</v>
          </cell>
        </row>
        <row r="179">
          <cell r="D179" t="str">
            <v>Region Maintenance</v>
          </cell>
        </row>
        <row r="180">
          <cell r="D180" t="str">
            <v>Region Maintenance</v>
          </cell>
        </row>
        <row r="181">
          <cell r="D181" t="str">
            <v>Region Maintenance</v>
          </cell>
        </row>
        <row r="182">
          <cell r="D182" t="str">
            <v>Region Maintenance</v>
          </cell>
        </row>
        <row r="183">
          <cell r="D183" t="str">
            <v>Region Maintenance</v>
          </cell>
        </row>
        <row r="184">
          <cell r="D184" t="str">
            <v>Region Maintenance</v>
          </cell>
        </row>
        <row r="185">
          <cell r="D185" t="str">
            <v>Region Maintenance</v>
          </cell>
        </row>
        <row r="186">
          <cell r="D186" t="str">
            <v>Region Maintenance</v>
          </cell>
        </row>
        <row r="187">
          <cell r="D187" t="str">
            <v>Region Maintenance</v>
          </cell>
        </row>
        <row r="188">
          <cell r="D188" t="str">
            <v>Region Maintenance</v>
          </cell>
        </row>
        <row r="189">
          <cell r="D189" t="str">
            <v>Region Maintenance</v>
          </cell>
        </row>
        <row r="190">
          <cell r="D190" t="str">
            <v>Region Maintenance</v>
          </cell>
        </row>
        <row r="191">
          <cell r="D191" t="str">
            <v>Region Maintenance</v>
          </cell>
        </row>
        <row r="192">
          <cell r="D192" t="str">
            <v>Region Maintenance</v>
          </cell>
        </row>
        <row r="193">
          <cell r="D193" t="str">
            <v>Region Maintenance</v>
          </cell>
        </row>
        <row r="194">
          <cell r="D194" t="str">
            <v>Region Maintenance</v>
          </cell>
        </row>
        <row r="195">
          <cell r="D195" t="str">
            <v>Region Maintenance</v>
          </cell>
        </row>
        <row r="196">
          <cell r="D196" t="str">
            <v>Region Maintenance</v>
          </cell>
        </row>
        <row r="197">
          <cell r="D197" t="str">
            <v>Region Maintenance</v>
          </cell>
        </row>
        <row r="198">
          <cell r="D198" t="str">
            <v>Region Maintenance</v>
          </cell>
        </row>
        <row r="199">
          <cell r="D199" t="str">
            <v>Region Maintenance</v>
          </cell>
        </row>
        <row r="200">
          <cell r="D200" t="str">
            <v>Region Maintenance</v>
          </cell>
        </row>
        <row r="201">
          <cell r="D201" t="str">
            <v>Region Maintenance</v>
          </cell>
        </row>
        <row r="202">
          <cell r="D202" t="str">
            <v>Region Maintenance</v>
          </cell>
        </row>
        <row r="203">
          <cell r="D203" t="str">
            <v>Region Maintenance</v>
          </cell>
        </row>
        <row r="204">
          <cell r="D204" t="str">
            <v>Region Maintenance</v>
          </cell>
        </row>
        <row r="205">
          <cell r="D205" t="str">
            <v>Region Maintenance</v>
          </cell>
        </row>
        <row r="206">
          <cell r="D206" t="str">
            <v>Region Maintenance</v>
          </cell>
        </row>
        <row r="207">
          <cell r="D207" t="str">
            <v>Region Maintenance</v>
          </cell>
        </row>
        <row r="208">
          <cell r="D208" t="str">
            <v>Region Maintenance</v>
          </cell>
        </row>
        <row r="209">
          <cell r="D209" t="str">
            <v>Region Maintenance</v>
          </cell>
        </row>
        <row r="210">
          <cell r="D210" t="str">
            <v>Region Maintenance</v>
          </cell>
        </row>
        <row r="211">
          <cell r="D211" t="str">
            <v>Region Maintenance</v>
          </cell>
        </row>
        <row r="212">
          <cell r="D212" t="str">
            <v>Region Maintenance</v>
          </cell>
        </row>
        <row r="213">
          <cell r="D213" t="str">
            <v>Region Maintenance</v>
          </cell>
        </row>
        <row r="214">
          <cell r="D214" t="str">
            <v>Region Maintenance</v>
          </cell>
        </row>
        <row r="215">
          <cell r="D215" t="str">
            <v>Region Maintenance</v>
          </cell>
        </row>
        <row r="216">
          <cell r="D216" t="str">
            <v>Region Maintenance</v>
          </cell>
        </row>
        <row r="217">
          <cell r="D217" t="str">
            <v>Region Maintenance</v>
          </cell>
        </row>
        <row r="218">
          <cell r="D218" t="str">
            <v>Region Maintenance</v>
          </cell>
        </row>
        <row r="219">
          <cell r="D219" t="str">
            <v>Region Maintenance</v>
          </cell>
        </row>
        <row r="220">
          <cell r="D220" t="str">
            <v>Region Maintenance</v>
          </cell>
        </row>
        <row r="221">
          <cell r="D221" t="str">
            <v>Region Maintenance</v>
          </cell>
        </row>
        <row r="222">
          <cell r="D222" t="str">
            <v>Region Maintenance</v>
          </cell>
        </row>
        <row r="223">
          <cell r="D223" t="str">
            <v>Region Maintenance</v>
          </cell>
        </row>
        <row r="224">
          <cell r="D224" t="str">
            <v>Region Maintenance</v>
          </cell>
        </row>
        <row r="225">
          <cell r="D225" t="str">
            <v>Highway Conflicts &amp; Streetscapes</v>
          </cell>
        </row>
        <row r="226">
          <cell r="D226" t="str">
            <v>Highway Conflicts &amp; Streetscapes</v>
          </cell>
        </row>
        <row r="227">
          <cell r="D227" t="str">
            <v>Highway Conflicts &amp; Streetscapes</v>
          </cell>
        </row>
        <row r="228">
          <cell r="D228" t="str">
            <v>Highway Conflicts &amp; Streetscapes</v>
          </cell>
        </row>
        <row r="229">
          <cell r="D229" t="str">
            <v>Highway Conflicts &amp; Streetscapes</v>
          </cell>
        </row>
        <row r="230">
          <cell r="D230" t="str">
            <v>Highway Conflicts &amp; Streetscapes</v>
          </cell>
        </row>
        <row r="231">
          <cell r="D231" t="str">
            <v>Highway Conflicts &amp; Streetscapes</v>
          </cell>
        </row>
        <row r="232">
          <cell r="D232" t="str">
            <v>Lighting Maintenance</v>
          </cell>
        </row>
        <row r="233">
          <cell r="D233" t="str">
            <v>Lighting Maintenance</v>
          </cell>
        </row>
        <row r="234">
          <cell r="D234" t="str">
            <v>Lighting Maintenance</v>
          </cell>
        </row>
        <row r="235">
          <cell r="D235" t="str">
            <v>Lighting Maintenance</v>
          </cell>
        </row>
        <row r="236">
          <cell r="D236" t="str">
            <v>Lighting Maintenance</v>
          </cell>
        </row>
        <row r="237">
          <cell r="D237" t="str">
            <v>Lighting Maintenance</v>
          </cell>
        </row>
        <row r="238">
          <cell r="D238" t="str">
            <v>Lighting Maintenance</v>
          </cell>
        </row>
        <row r="239">
          <cell r="D239" t="str">
            <v>Lighting Maintenance</v>
          </cell>
        </row>
        <row r="240">
          <cell r="D240" t="str">
            <v>Lighting Maintenance</v>
          </cell>
        </row>
        <row r="241">
          <cell r="D241" t="str">
            <v>Restore</v>
          </cell>
        </row>
        <row r="242">
          <cell r="D242" t="str">
            <v>Restore</v>
          </cell>
        </row>
        <row r="243">
          <cell r="D243" t="str">
            <v>Restore</v>
          </cell>
        </row>
        <row r="244">
          <cell r="D244" t="str">
            <v>Restore</v>
          </cell>
        </row>
        <row r="245">
          <cell r="D245" t="str">
            <v>Restore</v>
          </cell>
        </row>
        <row r="246">
          <cell r="D246" t="str">
            <v>Restore</v>
          </cell>
        </row>
        <row r="247">
          <cell r="D247" t="str">
            <v>Restore</v>
          </cell>
        </row>
        <row r="248">
          <cell r="D248" t="str">
            <v>Restore</v>
          </cell>
        </row>
        <row r="249">
          <cell r="D249" t="str">
            <v>Restore</v>
          </cell>
        </row>
        <row r="250">
          <cell r="D250" t="str">
            <v>Restore</v>
          </cell>
        </row>
        <row r="251">
          <cell r="D251" t="str">
            <v>Restore</v>
          </cell>
        </row>
        <row r="252">
          <cell r="D252" t="str">
            <v>Restore</v>
          </cell>
        </row>
        <row r="253">
          <cell r="D253" t="str">
            <v>Restore</v>
          </cell>
        </row>
        <row r="254">
          <cell r="D254" t="str">
            <v>Restore</v>
          </cell>
        </row>
        <row r="255">
          <cell r="D255" t="str">
            <v>Restore</v>
          </cell>
        </row>
        <row r="256">
          <cell r="D256" t="str">
            <v>Restore</v>
          </cell>
        </row>
        <row r="257">
          <cell r="D257" t="str">
            <v>Restore</v>
          </cell>
        </row>
        <row r="258">
          <cell r="D258" t="str">
            <v>Restore</v>
          </cell>
        </row>
        <row r="259">
          <cell r="D259" t="str">
            <v>Restore</v>
          </cell>
        </row>
        <row r="260">
          <cell r="D260" t="str">
            <v>Restore</v>
          </cell>
        </row>
        <row r="261">
          <cell r="D261" t="str">
            <v>Restore</v>
          </cell>
        </row>
        <row r="262">
          <cell r="D262" t="str">
            <v>Restore</v>
          </cell>
        </row>
        <row r="263">
          <cell r="D263" t="str">
            <v>Restore</v>
          </cell>
        </row>
        <row r="264">
          <cell r="D264" t="str">
            <v>Restore</v>
          </cell>
        </row>
        <row r="265">
          <cell r="D265" t="str">
            <v>Restore</v>
          </cell>
        </row>
        <row r="266">
          <cell r="D266" t="str">
            <v>Restore</v>
          </cell>
        </row>
        <row r="267">
          <cell r="D267" t="str">
            <v>Restore</v>
          </cell>
        </row>
        <row r="268">
          <cell r="D268" t="str">
            <v>Indirects &amp; Other</v>
          </cell>
        </row>
        <row r="269">
          <cell r="D269" t="str">
            <v>Indirects &amp; Other</v>
          </cell>
        </row>
        <row r="270">
          <cell r="D270" t="str">
            <v>Indirects &amp; Other</v>
          </cell>
        </row>
        <row r="271">
          <cell r="D271" t="str">
            <v>Indirects &amp; Other</v>
          </cell>
        </row>
        <row r="272">
          <cell r="D272" t="str">
            <v>Indirects &amp; Other</v>
          </cell>
        </row>
        <row r="273">
          <cell r="D273" t="str">
            <v>Indirects &amp; Other</v>
          </cell>
        </row>
        <row r="274">
          <cell r="D274" t="str">
            <v>Indirects &amp; Other</v>
          </cell>
        </row>
        <row r="275">
          <cell r="D275" t="str">
            <v>Indirects &amp; Other</v>
          </cell>
        </row>
        <row r="276">
          <cell r="D276" t="str">
            <v>Indirects &amp; Other</v>
          </cell>
        </row>
        <row r="277">
          <cell r="D277" t="str">
            <v>Indirects &amp; Other</v>
          </cell>
        </row>
        <row r="278">
          <cell r="D278" t="str">
            <v>Indirects &amp; Other</v>
          </cell>
        </row>
        <row r="279">
          <cell r="D279" t="str">
            <v>Indirects &amp; Other</v>
          </cell>
        </row>
        <row r="280">
          <cell r="D280" t="str">
            <v>Indirects &amp; Other</v>
          </cell>
        </row>
        <row r="281">
          <cell r="D281" t="str">
            <v>Indirects &amp; Other</v>
          </cell>
        </row>
        <row r="282">
          <cell r="D282" t="str">
            <v>Indirects &amp; Other</v>
          </cell>
        </row>
        <row r="283">
          <cell r="D283" t="str">
            <v>Indirects &amp; Other</v>
          </cell>
        </row>
        <row r="284">
          <cell r="D284" t="str">
            <v>Indirects &amp; Other</v>
          </cell>
        </row>
        <row r="285">
          <cell r="D285" t="str">
            <v>Indirects &amp; Other</v>
          </cell>
        </row>
        <row r="286">
          <cell r="D286" t="str">
            <v>Indirects &amp; Other</v>
          </cell>
        </row>
        <row r="287">
          <cell r="D287" t="str">
            <v>Indirects &amp; Other</v>
          </cell>
        </row>
        <row r="288">
          <cell r="D288" t="str">
            <v>Indirects &amp; Other</v>
          </cell>
        </row>
        <row r="289">
          <cell r="D289" t="str">
            <v>Indirects &amp; Other</v>
          </cell>
        </row>
        <row r="290">
          <cell r="D290" t="str">
            <v>Indirects &amp; Other</v>
          </cell>
        </row>
        <row r="291">
          <cell r="D291" t="str">
            <v>Indirects &amp; Other</v>
          </cell>
        </row>
        <row r="292">
          <cell r="D292" t="str">
            <v>Indirects &amp; Other</v>
          </cell>
        </row>
        <row r="293">
          <cell r="D293" t="str">
            <v>Indirects &amp; Other</v>
          </cell>
        </row>
        <row r="294">
          <cell r="D294" t="str">
            <v>Indirects &amp; Other</v>
          </cell>
        </row>
        <row r="295">
          <cell r="D295" t="str">
            <v>Indirects &amp; Other</v>
          </cell>
        </row>
        <row r="296">
          <cell r="D296" t="str">
            <v>Indirects &amp; Other</v>
          </cell>
        </row>
        <row r="297">
          <cell r="D297" t="str">
            <v>Indirects &amp; Other</v>
          </cell>
        </row>
        <row r="298">
          <cell r="D298" t="str">
            <v>Indirects &amp; Other</v>
          </cell>
        </row>
        <row r="299">
          <cell r="D299" t="str">
            <v>Indirects &amp; Other</v>
          </cell>
        </row>
        <row r="300">
          <cell r="D300" t="str">
            <v>Indirects &amp; Other</v>
          </cell>
        </row>
        <row r="301">
          <cell r="D301" t="str">
            <v>Indirects &amp; Other</v>
          </cell>
        </row>
        <row r="302">
          <cell r="D302" t="str">
            <v>Indirects &amp; Other</v>
          </cell>
        </row>
        <row r="303">
          <cell r="D303" t="str">
            <v>Indirects &amp; Other</v>
          </cell>
        </row>
        <row r="304">
          <cell r="D304" t="str">
            <v>Indirects &amp; Other</v>
          </cell>
        </row>
        <row r="305">
          <cell r="D305" t="str">
            <v>Indirects &amp; Other</v>
          </cell>
        </row>
        <row r="306">
          <cell r="D306" t="str">
            <v>Indirects &amp; Other</v>
          </cell>
        </row>
        <row r="307">
          <cell r="D307" t="str">
            <v>Indirects &amp; Other</v>
          </cell>
        </row>
        <row r="308">
          <cell r="D308" t="str">
            <v>Indirects &amp; Other</v>
          </cell>
        </row>
        <row r="309">
          <cell r="D309" t="str">
            <v>Indirects &amp; Other</v>
          </cell>
        </row>
        <row r="310">
          <cell r="D310" t="str">
            <v>Indirects &amp; Other</v>
          </cell>
        </row>
        <row r="311">
          <cell r="D311" t="str">
            <v>Indirects &amp; Other</v>
          </cell>
        </row>
        <row r="312">
          <cell r="D312" t="str">
            <v>Indirects &amp; Other</v>
          </cell>
        </row>
        <row r="313">
          <cell r="D313" t="str">
            <v>Indirects &amp; Other</v>
          </cell>
        </row>
        <row r="314">
          <cell r="D314" t="str">
            <v>Indirects &amp; Other</v>
          </cell>
        </row>
        <row r="315">
          <cell r="D315" t="str">
            <v>Region Managed Fund</v>
          </cell>
        </row>
        <row r="316">
          <cell r="D316" t="str">
            <v>Region Managed Fund</v>
          </cell>
        </row>
        <row r="317">
          <cell r="D317" t="str">
            <v>Large Revenue Construction</v>
          </cell>
        </row>
        <row r="318">
          <cell r="D318" t="str">
            <v>Large Revenue Construction</v>
          </cell>
        </row>
        <row r="319">
          <cell r="D319" t="str">
            <v>Large Revenue Construction</v>
          </cell>
        </row>
        <row r="320">
          <cell r="D320" t="str">
            <v>Large Revenue Construction</v>
          </cell>
        </row>
        <row r="321">
          <cell r="D321" t="str">
            <v>Large Revenue Construction</v>
          </cell>
        </row>
        <row r="322">
          <cell r="D322" t="str">
            <v>Large Revenue Construction</v>
          </cell>
        </row>
        <row r="323">
          <cell r="D323" t="str">
            <v>Large Revenue Construction</v>
          </cell>
        </row>
        <row r="324">
          <cell r="D324" t="str">
            <v>Large Revenue Construction</v>
          </cell>
        </row>
        <row r="325">
          <cell r="D325" t="str">
            <v>Large Revenue Construction</v>
          </cell>
        </row>
        <row r="326">
          <cell r="D326" t="str">
            <v>Large Revenue Construction</v>
          </cell>
        </row>
        <row r="327">
          <cell r="D327" t="str">
            <v>Large Revenue Construction</v>
          </cell>
        </row>
        <row r="328">
          <cell r="D328" t="str">
            <v>Large Revenue Construction</v>
          </cell>
        </row>
        <row r="329">
          <cell r="D329" t="str">
            <v>Large Revenue Construction</v>
          </cell>
        </row>
        <row r="330">
          <cell r="D330" t="str">
            <v>Large Revenue Construction</v>
          </cell>
        </row>
        <row r="331">
          <cell r="D331" t="str">
            <v>Large Revenue Construction</v>
          </cell>
        </row>
        <row r="332">
          <cell r="D332" t="str">
            <v>Large Revenue Construction</v>
          </cell>
        </row>
        <row r="333">
          <cell r="D333" t="str">
            <v>Large Revenue Construction</v>
          </cell>
        </row>
        <row r="334">
          <cell r="D334" t="str">
            <v>Large Revenue Construction</v>
          </cell>
        </row>
        <row r="335">
          <cell r="D335" t="str">
            <v>Large Revenue Construction</v>
          </cell>
        </row>
        <row r="336">
          <cell r="D336" t="str">
            <v>Large Revenue Construction</v>
          </cell>
        </row>
        <row r="337">
          <cell r="D337" t="str">
            <v>Large Revenue Construction</v>
          </cell>
        </row>
        <row r="338">
          <cell r="D338" t="str">
            <v>Large Revenue Construction</v>
          </cell>
        </row>
        <row r="339">
          <cell r="D339" t="str">
            <v>Large Revenue Construction</v>
          </cell>
        </row>
        <row r="340">
          <cell r="D340" t="str">
            <v>Large Revenue Construction</v>
          </cell>
        </row>
        <row r="341">
          <cell r="D341" t="str">
            <v>Large Revenue Construction</v>
          </cell>
        </row>
        <row r="342">
          <cell r="D342" t="str">
            <v>Load Growth</v>
          </cell>
        </row>
        <row r="343">
          <cell r="D343" t="str">
            <v>Load Growth</v>
          </cell>
        </row>
        <row r="344">
          <cell r="D344" t="str">
            <v>Load Growth</v>
          </cell>
        </row>
        <row r="345">
          <cell r="D345" t="str">
            <v>Load Growth</v>
          </cell>
        </row>
        <row r="346">
          <cell r="D346" t="str">
            <v>Load Growth</v>
          </cell>
        </row>
        <row r="347">
          <cell r="D347" t="str">
            <v>Load Growth</v>
          </cell>
        </row>
        <row r="348">
          <cell r="D348" t="str">
            <v>Load Growth</v>
          </cell>
        </row>
        <row r="349">
          <cell r="D349" t="str">
            <v>Load Growth</v>
          </cell>
        </row>
        <row r="350">
          <cell r="D350" t="str">
            <v>Load Growth</v>
          </cell>
        </row>
        <row r="351">
          <cell r="D351" t="str">
            <v>Load Growth</v>
          </cell>
        </row>
        <row r="352">
          <cell r="D352" t="str">
            <v>Load Growth</v>
          </cell>
        </row>
        <row r="353">
          <cell r="D353" t="str">
            <v>Load Growth</v>
          </cell>
        </row>
        <row r="354">
          <cell r="D354" t="str">
            <v>Load Growth</v>
          </cell>
        </row>
        <row r="355">
          <cell r="D355" t="str">
            <v>Load Growth</v>
          </cell>
        </row>
        <row r="356">
          <cell r="D356" t="str">
            <v>Load Growth</v>
          </cell>
        </row>
        <row r="357">
          <cell r="D357" t="str">
            <v>Load Growth</v>
          </cell>
        </row>
        <row r="358">
          <cell r="D358" t="str">
            <v>Load Growth</v>
          </cell>
        </row>
        <row r="359">
          <cell r="D359" t="str">
            <v>Load Growth</v>
          </cell>
        </row>
        <row r="360">
          <cell r="D360" t="str">
            <v>Load Growth</v>
          </cell>
        </row>
        <row r="361">
          <cell r="D361" t="str">
            <v>Load Growth</v>
          </cell>
        </row>
        <row r="362">
          <cell r="D362" t="str">
            <v>Load Growth</v>
          </cell>
        </row>
        <row r="363">
          <cell r="D363" t="str">
            <v>Load Growth</v>
          </cell>
        </row>
        <row r="364">
          <cell r="D364" t="str">
            <v>Load Growth</v>
          </cell>
        </row>
        <row r="365">
          <cell r="D365" t="str">
            <v>Load Growth</v>
          </cell>
        </row>
        <row r="366">
          <cell r="D366" t="str">
            <v>Load Growth</v>
          </cell>
        </row>
        <row r="367">
          <cell r="D367" t="str">
            <v>Asset Programs Maintenance</v>
          </cell>
        </row>
        <row r="368">
          <cell r="D368" t="str">
            <v>Asset Programs Maintenance</v>
          </cell>
        </row>
        <row r="369">
          <cell r="D369" t="str">
            <v>Asset Programs Maintenance</v>
          </cell>
        </row>
        <row r="370">
          <cell r="D370" t="str">
            <v>Asset Programs Maintenance</v>
          </cell>
        </row>
        <row r="371">
          <cell r="D371" t="str">
            <v>Asset Programs Maintenance</v>
          </cell>
        </row>
        <row r="372">
          <cell r="D372" t="str">
            <v>Asset Programs Maintenance</v>
          </cell>
        </row>
        <row r="373">
          <cell r="D373" t="str">
            <v>Asset Programs Maintenance</v>
          </cell>
        </row>
        <row r="374">
          <cell r="D374" t="str">
            <v>Asset Programs Maintenance</v>
          </cell>
        </row>
        <row r="375">
          <cell r="D375" t="str">
            <v>Asset Programs Maintenance</v>
          </cell>
        </row>
        <row r="376">
          <cell r="D376" t="str">
            <v>Asset Programs Maintenance</v>
          </cell>
        </row>
        <row r="377">
          <cell r="D377" t="str">
            <v>Asset Programs Maintenance</v>
          </cell>
        </row>
        <row r="378">
          <cell r="D378" t="str">
            <v>Asset Programs Maintenance</v>
          </cell>
        </row>
        <row r="379">
          <cell r="D379" t="str">
            <v>Asset Programs Maintenance</v>
          </cell>
        </row>
        <row r="380">
          <cell r="D380" t="str">
            <v>Asset Programs Maintenance</v>
          </cell>
        </row>
        <row r="381">
          <cell r="D381" t="str">
            <v>Asset Programs Maintenance</v>
          </cell>
        </row>
        <row r="382">
          <cell r="D382" t="str">
            <v>Asset Programs Maintenance</v>
          </cell>
        </row>
        <row r="383">
          <cell r="D383" t="str">
            <v>Asset Programs Maintenance</v>
          </cell>
        </row>
        <row r="384">
          <cell r="D384" t="str">
            <v>Asset Programs Maintenance</v>
          </cell>
        </row>
        <row r="385">
          <cell r="D385" t="str">
            <v>Asset Programs Maintenance</v>
          </cell>
        </row>
        <row r="386">
          <cell r="D386" t="str">
            <v>Asset Programs Maintenance</v>
          </cell>
        </row>
        <row r="387">
          <cell r="D387" t="str">
            <v>Asset Programs Maintenance</v>
          </cell>
        </row>
        <row r="388">
          <cell r="D388" t="str">
            <v>Asset Programs Maintenance</v>
          </cell>
        </row>
        <row r="389">
          <cell r="D389" t="str">
            <v>Asset Programs Maintenance</v>
          </cell>
        </row>
        <row r="390">
          <cell r="D390" t="str">
            <v>Asset Programs Maintenance</v>
          </cell>
        </row>
        <row r="391">
          <cell r="D391" t="str">
            <v>Asset Programs Maintenance</v>
          </cell>
        </row>
        <row r="392">
          <cell r="D392" t="str">
            <v>Asset Programs Maintenance</v>
          </cell>
        </row>
        <row r="393">
          <cell r="D393" t="str">
            <v>Asset Programs Maintenance</v>
          </cell>
        </row>
        <row r="394">
          <cell r="D394" t="str">
            <v>Asset Programs Maintenance</v>
          </cell>
        </row>
        <row r="395">
          <cell r="D395" t="str">
            <v>Asset Programs Maintenance</v>
          </cell>
        </row>
        <row r="396">
          <cell r="D396" t="str">
            <v>Asset Programs Maintenance</v>
          </cell>
        </row>
        <row r="397">
          <cell r="D397" t="str">
            <v>Asset Programs Maintenance</v>
          </cell>
        </row>
        <row r="398">
          <cell r="D398" t="str">
            <v>Asset Programs Maintenance</v>
          </cell>
        </row>
        <row r="399">
          <cell r="D399" t="str">
            <v>Asset Programs Maintenance</v>
          </cell>
        </row>
        <row r="400">
          <cell r="D400" t="str">
            <v>Asset Programs Maintenance</v>
          </cell>
        </row>
        <row r="401">
          <cell r="D401" t="str">
            <v>Region Maintenance</v>
          </cell>
        </row>
        <row r="402">
          <cell r="D402" t="str">
            <v>Region Maintenance</v>
          </cell>
        </row>
        <row r="403">
          <cell r="D403" t="str">
            <v>Region Maintenance</v>
          </cell>
        </row>
        <row r="404">
          <cell r="D404" t="str">
            <v>Region Maintenance</v>
          </cell>
        </row>
        <row r="405">
          <cell r="D405" t="str">
            <v>Region Maintenance</v>
          </cell>
        </row>
        <row r="406">
          <cell r="D406" t="str">
            <v>Region Maintenance</v>
          </cell>
        </row>
        <row r="407">
          <cell r="D407" t="str">
            <v>Region Maintenance</v>
          </cell>
        </row>
        <row r="408">
          <cell r="D408" t="str">
            <v>Region Maintenance</v>
          </cell>
        </row>
        <row r="409">
          <cell r="D409" t="str">
            <v>Region Maintenance</v>
          </cell>
        </row>
        <row r="410">
          <cell r="D410" t="str">
            <v>Region Maintenance</v>
          </cell>
        </row>
        <row r="411">
          <cell r="D411" t="str">
            <v>Region Maintenance</v>
          </cell>
        </row>
        <row r="412">
          <cell r="D412" t="str">
            <v>Region Maintenance</v>
          </cell>
        </row>
        <row r="413">
          <cell r="D413" t="str">
            <v>Region Maintenance</v>
          </cell>
        </row>
        <row r="414">
          <cell r="D414" t="str">
            <v>Region Maintenance</v>
          </cell>
        </row>
        <row r="415">
          <cell r="D415" t="str">
            <v>Region Maintenance</v>
          </cell>
        </row>
        <row r="416">
          <cell r="D416" t="str">
            <v>Region Maintenance</v>
          </cell>
        </row>
        <row r="417">
          <cell r="D417" t="str">
            <v>Region Maintenance</v>
          </cell>
        </row>
        <row r="418">
          <cell r="D418" t="str">
            <v>Region Maintenance</v>
          </cell>
        </row>
        <row r="419">
          <cell r="D419" t="str">
            <v>Region Maintenance</v>
          </cell>
        </row>
        <row r="420">
          <cell r="D420" t="str">
            <v>Region Maintenance</v>
          </cell>
        </row>
        <row r="421">
          <cell r="D421" t="str">
            <v>Region Maintenance</v>
          </cell>
        </row>
        <row r="422">
          <cell r="D422" t="str">
            <v>Region Maintenance</v>
          </cell>
        </row>
        <row r="423">
          <cell r="D423" t="str">
            <v>Region Maintenance</v>
          </cell>
        </row>
        <row r="424">
          <cell r="D424" t="str">
            <v>Region Maintenance</v>
          </cell>
        </row>
        <row r="425">
          <cell r="D425" t="str">
            <v>Region Maintenance</v>
          </cell>
        </row>
        <row r="426">
          <cell r="D426" t="str">
            <v>Region Maintenance</v>
          </cell>
        </row>
        <row r="427">
          <cell r="D427" t="str">
            <v>Region Maintenance</v>
          </cell>
        </row>
        <row r="428">
          <cell r="D428" t="str">
            <v>Region Maintenance</v>
          </cell>
        </row>
        <row r="429">
          <cell r="D429" t="str">
            <v>Region Maintenance</v>
          </cell>
        </row>
        <row r="430">
          <cell r="D430" t="str">
            <v>Region Maintenance</v>
          </cell>
        </row>
        <row r="431">
          <cell r="D431" t="str">
            <v>Region Maintenance</v>
          </cell>
        </row>
        <row r="432">
          <cell r="D432" t="str">
            <v>Region Maintenance</v>
          </cell>
        </row>
        <row r="433">
          <cell r="D433" t="str">
            <v>Region Maintenance</v>
          </cell>
        </row>
        <row r="434">
          <cell r="D434" t="str">
            <v>Region Maintenance</v>
          </cell>
        </row>
        <row r="435">
          <cell r="D435" t="str">
            <v>Region Maintenance</v>
          </cell>
        </row>
        <row r="436">
          <cell r="D436" t="str">
            <v>Region Maintenance</v>
          </cell>
        </row>
        <row r="437">
          <cell r="D437" t="str">
            <v>Region Maintenance</v>
          </cell>
        </row>
        <row r="438">
          <cell r="D438" t="str">
            <v>Region Maintenance</v>
          </cell>
        </row>
        <row r="439">
          <cell r="D439" t="str">
            <v>Region Maintenance</v>
          </cell>
        </row>
        <row r="440">
          <cell r="D440" t="str">
            <v>Region Maintenance</v>
          </cell>
        </row>
        <row r="441">
          <cell r="D441" t="str">
            <v>Region Maintenance</v>
          </cell>
        </row>
        <row r="442">
          <cell r="D442" t="str">
            <v>Region Maintenance</v>
          </cell>
        </row>
        <row r="443">
          <cell r="D443" t="str">
            <v>Region Maintenance</v>
          </cell>
        </row>
        <row r="444">
          <cell r="D444" t="str">
            <v>Region Maintenance</v>
          </cell>
        </row>
        <row r="445">
          <cell r="D445" t="str">
            <v>Region Maintenance</v>
          </cell>
        </row>
        <row r="446">
          <cell r="D446" t="str">
            <v>Region Maintenance</v>
          </cell>
        </row>
        <row r="447">
          <cell r="D447" t="str">
            <v>Region Maintenance</v>
          </cell>
        </row>
        <row r="448">
          <cell r="D448" t="str">
            <v>Region Maintenance</v>
          </cell>
        </row>
        <row r="449">
          <cell r="D449" t="str">
            <v>Region Maintenance</v>
          </cell>
        </row>
        <row r="450">
          <cell r="D450" t="str">
            <v>Region Maintenance</v>
          </cell>
        </row>
        <row r="451">
          <cell r="D451" t="str">
            <v>Region Maintenance</v>
          </cell>
        </row>
        <row r="452">
          <cell r="D452" t="str">
            <v>Region Maintenance</v>
          </cell>
        </row>
        <row r="453">
          <cell r="D453" t="str">
            <v>Region Maintenance</v>
          </cell>
        </row>
        <row r="454">
          <cell r="D454" t="str">
            <v>Region Maintenance</v>
          </cell>
        </row>
        <row r="455">
          <cell r="D455" t="str">
            <v>Region Maintenance</v>
          </cell>
        </row>
        <row r="456">
          <cell r="D456" t="str">
            <v>Region Maintenance</v>
          </cell>
        </row>
        <row r="457">
          <cell r="D457" t="str">
            <v>Region Maintenance</v>
          </cell>
        </row>
        <row r="458">
          <cell r="D458" t="str">
            <v>Region Maintenance</v>
          </cell>
        </row>
        <row r="459">
          <cell r="D459" t="str">
            <v>Region Maintenance</v>
          </cell>
        </row>
        <row r="460">
          <cell r="D460" t="str">
            <v>Region Maintenance</v>
          </cell>
        </row>
        <row r="461">
          <cell r="D461" t="str">
            <v>Region Maintenance</v>
          </cell>
        </row>
        <row r="462">
          <cell r="D462" t="str">
            <v>Region Maintenance</v>
          </cell>
        </row>
        <row r="463">
          <cell r="D463" t="str">
            <v>Region Maintenance</v>
          </cell>
        </row>
        <row r="464">
          <cell r="D464" t="str">
            <v>Region Maintenance</v>
          </cell>
        </row>
        <row r="465">
          <cell r="D465" t="str">
            <v>Region Maintenance</v>
          </cell>
        </row>
        <row r="466">
          <cell r="D466" t="str">
            <v>Region Maintenance</v>
          </cell>
        </row>
        <row r="467">
          <cell r="D467" t="str">
            <v>Region Maintenance</v>
          </cell>
        </row>
        <row r="468">
          <cell r="D468" t="str">
            <v>Region Maintenance</v>
          </cell>
        </row>
        <row r="469">
          <cell r="D469" t="str">
            <v>Region Maintenance</v>
          </cell>
        </row>
        <row r="470">
          <cell r="D470" t="str">
            <v>Region Maintenance</v>
          </cell>
        </row>
        <row r="471">
          <cell r="D471" t="str">
            <v>Region Maintenance</v>
          </cell>
        </row>
        <row r="472">
          <cell r="D472" t="str">
            <v>Region Maintenance</v>
          </cell>
        </row>
        <row r="473">
          <cell r="D473" t="str">
            <v>Region Maintenance</v>
          </cell>
        </row>
        <row r="474">
          <cell r="D474" t="str">
            <v>Region Maintenance</v>
          </cell>
        </row>
        <row r="475">
          <cell r="D475" t="str">
            <v>Region Maintenance</v>
          </cell>
        </row>
        <row r="476">
          <cell r="D476" t="str">
            <v>Region Maintenance</v>
          </cell>
        </row>
        <row r="477">
          <cell r="D477" t="str">
            <v>Region Maintenance</v>
          </cell>
        </row>
        <row r="478">
          <cell r="D478" t="str">
            <v>Region Maintenance</v>
          </cell>
        </row>
        <row r="479">
          <cell r="D479" t="str">
            <v>Region Maintenance</v>
          </cell>
        </row>
        <row r="480">
          <cell r="D480" t="str">
            <v>Region Maintenance</v>
          </cell>
        </row>
        <row r="481">
          <cell r="D481" t="str">
            <v>Region Maintenance</v>
          </cell>
        </row>
        <row r="482">
          <cell r="D482" t="str">
            <v>Region Maintenance</v>
          </cell>
        </row>
        <row r="483">
          <cell r="D483" t="str">
            <v>Highway Conflicts &amp; Streetscapes</v>
          </cell>
        </row>
        <row r="484">
          <cell r="D484" t="str">
            <v>Highway Conflicts &amp; Streetscapes</v>
          </cell>
        </row>
        <row r="485">
          <cell r="D485" t="str">
            <v>Highway Conflicts &amp; Streetscapes</v>
          </cell>
        </row>
        <row r="486">
          <cell r="D486" t="str">
            <v>Highway Conflicts &amp; Streetscapes</v>
          </cell>
        </row>
        <row r="487">
          <cell r="D487" t="str">
            <v>Highway Conflicts &amp; Streetscapes</v>
          </cell>
        </row>
        <row r="488">
          <cell r="D488" t="str">
            <v>Highway Conflicts &amp; Streetscapes</v>
          </cell>
        </row>
        <row r="489">
          <cell r="D489" t="str">
            <v>Highway Conflicts &amp; Streetscapes</v>
          </cell>
        </row>
        <row r="490">
          <cell r="D490" t="str">
            <v>Catalyst 221</v>
          </cell>
        </row>
        <row r="491">
          <cell r="D491" t="str">
            <v>Catalyst 221</v>
          </cell>
        </row>
        <row r="492">
          <cell r="D492" t="str">
            <v>Catalyst 221</v>
          </cell>
        </row>
        <row r="493">
          <cell r="D493" t="str">
            <v>Catalyst 221</v>
          </cell>
        </row>
        <row r="494">
          <cell r="D494" t="str">
            <v>Catalyst 221</v>
          </cell>
        </row>
        <row r="495">
          <cell r="D495" t="str">
            <v>Catalyst 221</v>
          </cell>
        </row>
        <row r="496">
          <cell r="D496" t="str">
            <v>Catalyst 221</v>
          </cell>
        </row>
        <row r="497">
          <cell r="D497" t="str">
            <v>Catalyst 221</v>
          </cell>
        </row>
        <row r="498">
          <cell r="D498" t="str">
            <v>Catalyst 221</v>
          </cell>
        </row>
        <row r="499">
          <cell r="D499" t="str">
            <v>Catalyst 221</v>
          </cell>
        </row>
        <row r="500">
          <cell r="D500" t="str">
            <v>Catalyst 221</v>
          </cell>
        </row>
        <row r="501">
          <cell r="D501" t="str">
            <v>Catalyst 221</v>
          </cell>
        </row>
        <row r="502">
          <cell r="D502" t="str">
            <v>Catalyst 221</v>
          </cell>
        </row>
        <row r="503">
          <cell r="D503" t="str">
            <v>Catalyst 221</v>
          </cell>
        </row>
        <row r="504">
          <cell r="D504" t="str">
            <v>Catalyst 221</v>
          </cell>
        </row>
        <row r="505">
          <cell r="D505" t="str">
            <v>Catalyst 221</v>
          </cell>
        </row>
        <row r="506">
          <cell r="D506" t="str">
            <v>Other Technology Initiatives</v>
          </cell>
        </row>
        <row r="507">
          <cell r="D507" t="str">
            <v>Other Technology Initiatives</v>
          </cell>
        </row>
        <row r="508">
          <cell r="D508" t="str">
            <v>Indirects &amp; Other</v>
          </cell>
        </row>
        <row r="509">
          <cell r="D509" t="str">
            <v>Indirects &amp; Other</v>
          </cell>
        </row>
        <row r="510">
          <cell r="D510" t="str">
            <v>Indirects &amp; Other</v>
          </cell>
        </row>
        <row r="511">
          <cell r="D511" t="str">
            <v>Indirects &amp; Other</v>
          </cell>
        </row>
        <row r="512">
          <cell r="D512" t="str">
            <v>Indirects &amp; Other</v>
          </cell>
        </row>
        <row r="513">
          <cell r="D513" t="str">
            <v>Indirects &amp; Other</v>
          </cell>
        </row>
        <row r="514">
          <cell r="D514" t="str">
            <v>Indirects &amp; Other</v>
          </cell>
        </row>
        <row r="515">
          <cell r="D515" t="str">
            <v>Indirects &amp; Other</v>
          </cell>
        </row>
        <row r="516">
          <cell r="D516" t="str">
            <v>Indirects &amp; Other</v>
          </cell>
        </row>
        <row r="517">
          <cell r="D517" t="str">
            <v>Indirects &amp; Other</v>
          </cell>
        </row>
        <row r="518">
          <cell r="D518" t="str">
            <v>Indirects &amp; Other</v>
          </cell>
        </row>
        <row r="519">
          <cell r="D519" t="str">
            <v>Indirects &amp; Other</v>
          </cell>
        </row>
        <row r="520">
          <cell r="D520" t="str">
            <v>Indirects &amp; Other</v>
          </cell>
        </row>
        <row r="521">
          <cell r="D521" t="str">
            <v>Indirects &amp; Other</v>
          </cell>
        </row>
        <row r="522">
          <cell r="D522" t="str">
            <v>Indirects &amp; Other</v>
          </cell>
        </row>
        <row r="523">
          <cell r="D523" t="str">
            <v>Indirects &amp; Other</v>
          </cell>
        </row>
        <row r="524">
          <cell r="D524" t="str">
            <v>Indirects &amp; Other</v>
          </cell>
        </row>
        <row r="525">
          <cell r="D525" t="str">
            <v>Indirects &amp; Other</v>
          </cell>
        </row>
        <row r="526">
          <cell r="D526" t="str">
            <v>Indirects &amp; Other</v>
          </cell>
        </row>
        <row r="527">
          <cell r="D527" t="str">
            <v>Indirects &amp; Other</v>
          </cell>
        </row>
        <row r="528">
          <cell r="D528" t="str">
            <v>Indirects &amp; Other</v>
          </cell>
        </row>
        <row r="529">
          <cell r="D529" t="str">
            <v>Indirects &amp; Other</v>
          </cell>
        </row>
        <row r="530">
          <cell r="D530" t="str">
            <v>Indirects &amp; Other</v>
          </cell>
        </row>
        <row r="531">
          <cell r="D531" t="str">
            <v>Indirects &amp; Other</v>
          </cell>
        </row>
        <row r="532">
          <cell r="D532" t="str">
            <v>Indirects &amp; Other</v>
          </cell>
        </row>
        <row r="533">
          <cell r="D533" t="str">
            <v>Indirects &amp; Other</v>
          </cell>
        </row>
        <row r="534">
          <cell r="D534" t="str">
            <v>Indirects &amp; Other</v>
          </cell>
        </row>
        <row r="535">
          <cell r="D535" t="str">
            <v>Indirects &amp; Other</v>
          </cell>
        </row>
        <row r="536">
          <cell r="D536" t="str">
            <v>Indirects &amp; Other</v>
          </cell>
        </row>
        <row r="537">
          <cell r="D537" t="str">
            <v>Indirects &amp; Other</v>
          </cell>
        </row>
        <row r="538">
          <cell r="D538" t="str">
            <v>Indirects &amp; Other</v>
          </cell>
        </row>
        <row r="539">
          <cell r="D539" t="str">
            <v>Indirects &amp; Other</v>
          </cell>
        </row>
        <row r="540">
          <cell r="D540" t="str">
            <v>Indirects &amp; Other</v>
          </cell>
        </row>
        <row r="541">
          <cell r="D541" t="str">
            <v>Indirects &amp; Other</v>
          </cell>
        </row>
        <row r="542">
          <cell r="D542" t="str">
            <v>Indirects &amp; Other</v>
          </cell>
        </row>
        <row r="543">
          <cell r="D543" t="str">
            <v>Indirects &amp; Other</v>
          </cell>
        </row>
        <row r="544">
          <cell r="D544" t="str">
            <v>Indirects &amp; Other</v>
          </cell>
        </row>
        <row r="545">
          <cell r="D545" t="str">
            <v>Indirects &amp; Other</v>
          </cell>
        </row>
        <row r="546">
          <cell r="D546" t="str">
            <v>Indirects &amp; Other</v>
          </cell>
        </row>
        <row r="547">
          <cell r="D547" t="str">
            <v>Indirects &amp; Other</v>
          </cell>
        </row>
        <row r="548">
          <cell r="D548" t="str">
            <v>Indirects &amp; Other</v>
          </cell>
        </row>
        <row r="549">
          <cell r="D549" t="str">
            <v>Indirects &amp; Other</v>
          </cell>
        </row>
        <row r="550">
          <cell r="D550" t="str">
            <v>Indirects &amp; Other</v>
          </cell>
        </row>
        <row r="551">
          <cell r="D551" t="str">
            <v>Indirects &amp; Other</v>
          </cell>
        </row>
        <row r="552">
          <cell r="D552" t="str">
            <v>Indirects &amp; Other</v>
          </cell>
        </row>
        <row r="553">
          <cell r="D553" t="str">
            <v>Indirects &amp; Other</v>
          </cell>
        </row>
        <row r="554">
          <cell r="D554" t="str">
            <v>Indirects &amp; Other</v>
          </cell>
        </row>
        <row r="555">
          <cell r="D555" t="str">
            <v>Indirects &amp; Other</v>
          </cell>
        </row>
        <row r="556">
          <cell r="D556" t="str">
            <v>Indirects &amp; Other</v>
          </cell>
        </row>
        <row r="557">
          <cell r="D557" t="str">
            <v>Indirects &amp; Other</v>
          </cell>
        </row>
        <row r="558">
          <cell r="D558" t="str">
            <v>Indirects &amp; Other</v>
          </cell>
        </row>
        <row r="559">
          <cell r="D559" t="str">
            <v>Indirects &amp; Other</v>
          </cell>
        </row>
        <row r="560">
          <cell r="D560" t="str">
            <v>Indirects &amp; Other</v>
          </cell>
        </row>
        <row r="561">
          <cell r="D561" t="str">
            <v>Indirects &amp; Other</v>
          </cell>
        </row>
        <row r="562">
          <cell r="D562" t="str">
            <v>Indirects &amp; Other</v>
          </cell>
        </row>
        <row r="563">
          <cell r="D563" t="str">
            <v>Indirects &amp; Other</v>
          </cell>
        </row>
        <row r="564">
          <cell r="D564" t="str">
            <v>Indirects &amp; Other</v>
          </cell>
        </row>
        <row r="565">
          <cell r="D565" t="str">
            <v>Indirects &amp; Other</v>
          </cell>
        </row>
        <row r="566">
          <cell r="D566" t="str">
            <v>Indirects &amp; Other</v>
          </cell>
        </row>
        <row r="567">
          <cell r="D567" t="str">
            <v>Indirects &amp; Other</v>
          </cell>
        </row>
        <row r="568">
          <cell r="D568" t="str">
            <v>Indirects &amp; Other</v>
          </cell>
        </row>
        <row r="569">
          <cell r="D569" t="str">
            <v>Indirects &amp; Other</v>
          </cell>
        </row>
        <row r="570">
          <cell r="D570" t="str">
            <v>Indirects &amp; Other</v>
          </cell>
        </row>
        <row r="571">
          <cell r="D571" t="str">
            <v>Indirects &amp; Other</v>
          </cell>
        </row>
        <row r="572">
          <cell r="D572" t="str">
            <v>Indirects &amp; Other</v>
          </cell>
        </row>
        <row r="573">
          <cell r="D573" t="str">
            <v>Indirects &amp; Other</v>
          </cell>
        </row>
        <row r="574">
          <cell r="D574" t="str">
            <v>Indirects &amp; Other</v>
          </cell>
        </row>
        <row r="575">
          <cell r="D575" t="str">
            <v>Indirects &amp; Other</v>
          </cell>
        </row>
        <row r="576">
          <cell r="D576" t="str">
            <v>Indirects &amp; Other</v>
          </cell>
        </row>
        <row r="577">
          <cell r="D577" t="str">
            <v>Indirects &amp; Other</v>
          </cell>
        </row>
        <row r="578">
          <cell r="D578" t="str">
            <v>Indirects &amp; Other</v>
          </cell>
        </row>
        <row r="579">
          <cell r="D579" t="str">
            <v>Indirects &amp; Other</v>
          </cell>
        </row>
        <row r="580">
          <cell r="D580" t="str">
            <v>Indirects &amp; Other</v>
          </cell>
        </row>
        <row r="581">
          <cell r="D581" t="str">
            <v>Indirects &amp; Other</v>
          </cell>
        </row>
        <row r="582">
          <cell r="D582" t="str">
            <v>Indirects &amp; Other</v>
          </cell>
        </row>
        <row r="583">
          <cell r="D583" t="str">
            <v>Indirects &amp; Other</v>
          </cell>
        </row>
        <row r="584">
          <cell r="D584" t="str">
            <v>Indirects &amp; Other</v>
          </cell>
        </row>
        <row r="585">
          <cell r="D585" t="str">
            <v>Indirects &amp; Other</v>
          </cell>
        </row>
        <row r="586">
          <cell r="D586" t="str">
            <v>Indirects &amp; Other</v>
          </cell>
        </row>
        <row r="587">
          <cell r="D587" t="str">
            <v>Indirects &amp; Other</v>
          </cell>
        </row>
        <row r="588">
          <cell r="D588" t="str">
            <v>Indirects &amp; Other</v>
          </cell>
        </row>
        <row r="589">
          <cell r="D589" t="str">
            <v>Indirects &amp; Other</v>
          </cell>
        </row>
        <row r="590">
          <cell r="D590" t="str">
            <v>Indirects &amp; Other</v>
          </cell>
        </row>
        <row r="591">
          <cell r="D591" t="str">
            <v>Indirects &amp; Other</v>
          </cell>
        </row>
        <row r="592">
          <cell r="D592" t="str">
            <v>Indirects &amp; Other</v>
          </cell>
        </row>
        <row r="593">
          <cell r="D593" t="str">
            <v>Indirects &amp; Other</v>
          </cell>
        </row>
        <row r="594">
          <cell r="D594" t="str">
            <v>Indirects &amp; Other</v>
          </cell>
        </row>
        <row r="595">
          <cell r="D595" t="str">
            <v>Indirects &amp; Other</v>
          </cell>
        </row>
        <row r="596">
          <cell r="D596" t="str">
            <v>Indirects &amp; Other</v>
          </cell>
        </row>
        <row r="597">
          <cell r="D597" t="str">
            <v>Indirects &amp; Other</v>
          </cell>
        </row>
        <row r="598">
          <cell r="D598" t="str">
            <v>Indirects &amp; Other</v>
          </cell>
        </row>
        <row r="599">
          <cell r="D599" t="str">
            <v>Indirects &amp; Other</v>
          </cell>
        </row>
        <row r="600">
          <cell r="D600" t="str">
            <v>Indirects &amp; Other</v>
          </cell>
        </row>
        <row r="601">
          <cell r="D601" t="str">
            <v>Indirects &amp; Other</v>
          </cell>
        </row>
        <row r="602">
          <cell r="D602" t="str">
            <v>Indirects &amp; Other</v>
          </cell>
        </row>
        <row r="603">
          <cell r="D603" t="str">
            <v>Indirects &amp; Other</v>
          </cell>
        </row>
        <row r="604">
          <cell r="D604" t="str">
            <v>Indirects &amp; Other</v>
          </cell>
        </row>
        <row r="605">
          <cell r="D605" t="str">
            <v>Indirects &amp; Other</v>
          </cell>
        </row>
        <row r="606">
          <cell r="D606" t="str">
            <v>Indirects &amp; Other</v>
          </cell>
        </row>
        <row r="607">
          <cell r="D607" t="str">
            <v>Indirects &amp; Other</v>
          </cell>
        </row>
        <row r="608">
          <cell r="D608" t="str">
            <v>Indirects &amp; Other</v>
          </cell>
        </row>
        <row r="609">
          <cell r="D609" t="str">
            <v>Indirects &amp; Other</v>
          </cell>
        </row>
        <row r="610">
          <cell r="D610" t="str">
            <v>Indirects &amp; Other</v>
          </cell>
        </row>
        <row r="611">
          <cell r="D611" t="str">
            <v>Indirects &amp; Other</v>
          </cell>
        </row>
        <row r="612">
          <cell r="D612" t="str">
            <v>Indirects &amp; Other</v>
          </cell>
        </row>
        <row r="613">
          <cell r="D613" t="str">
            <v>Indirects &amp; Other</v>
          </cell>
        </row>
        <row r="614">
          <cell r="D614" t="str">
            <v>Indirects &amp; Other</v>
          </cell>
        </row>
        <row r="615">
          <cell r="D615" t="str">
            <v>Indirects &amp; Other</v>
          </cell>
        </row>
        <row r="616">
          <cell r="D616" t="str">
            <v>Indirects &amp; Other</v>
          </cell>
        </row>
        <row r="617">
          <cell r="D617" t="str">
            <v>Indirects &amp; Other</v>
          </cell>
        </row>
        <row r="618">
          <cell r="D618" t="str">
            <v>Indirects &amp; Other</v>
          </cell>
        </row>
        <row r="619">
          <cell r="D619" t="str">
            <v>Indirects &amp; Other</v>
          </cell>
        </row>
        <row r="620">
          <cell r="D620" t="str">
            <v>Indirects &amp; Other</v>
          </cell>
        </row>
        <row r="621">
          <cell r="D621" t="str">
            <v>Indirects &amp; Other</v>
          </cell>
        </row>
        <row r="622">
          <cell r="D622" t="str">
            <v>Indirects &amp; Other</v>
          </cell>
        </row>
        <row r="623">
          <cell r="D623" t="str">
            <v>Indirects &amp; Other</v>
          </cell>
        </row>
        <row r="624">
          <cell r="D624" t="str">
            <v>Indirects &amp; Other</v>
          </cell>
        </row>
        <row r="625">
          <cell r="D625" t="str">
            <v>Indirects &amp; Other</v>
          </cell>
        </row>
        <row r="626">
          <cell r="D626" t="str">
            <v>Indirects &amp; Other</v>
          </cell>
        </row>
        <row r="627">
          <cell r="D627" t="str">
            <v>Indirects &amp; Other</v>
          </cell>
        </row>
        <row r="628">
          <cell r="D628" t="str">
            <v>Region Maintenance</v>
          </cell>
        </row>
        <row r="629">
          <cell r="D629" t="str">
            <v>Customer &amp; Market Services</v>
          </cell>
        </row>
        <row r="630">
          <cell r="D630" t="str">
            <v>Customer &amp; Market Services</v>
          </cell>
        </row>
        <row r="631">
          <cell r="D631" t="str">
            <v>Customer &amp; Market Services</v>
          </cell>
        </row>
        <row r="632">
          <cell r="D632" t="str">
            <v>Customer &amp; Market Services</v>
          </cell>
        </row>
        <row r="633">
          <cell r="D633" t="str">
            <v>Customer &amp; Market Services</v>
          </cell>
        </row>
        <row r="634">
          <cell r="D634" t="str">
            <v>Customer &amp; Market Services</v>
          </cell>
        </row>
        <row r="635">
          <cell r="D635" t="str">
            <v>Customer &amp; Market Services</v>
          </cell>
        </row>
        <row r="636">
          <cell r="D636" t="str">
            <v>Customer &amp; Market Services</v>
          </cell>
        </row>
        <row r="637">
          <cell r="D637" t="str">
            <v>Customer &amp; Market Services</v>
          </cell>
        </row>
        <row r="638">
          <cell r="D638" t="str">
            <v>Customer &amp; Market Services</v>
          </cell>
        </row>
        <row r="639">
          <cell r="D639" t="str">
            <v>Customer &amp; Market Services</v>
          </cell>
        </row>
        <row r="640">
          <cell r="D640" t="str">
            <v>Customer &amp; Market Services</v>
          </cell>
        </row>
        <row r="641">
          <cell r="D641" t="str">
            <v>Customer &amp; Market Services</v>
          </cell>
        </row>
        <row r="642">
          <cell r="D642" t="str">
            <v>Customer &amp; Market Services</v>
          </cell>
        </row>
        <row r="643">
          <cell r="D643" t="str">
            <v>Customer &amp; Market Services</v>
          </cell>
        </row>
        <row r="644">
          <cell r="D644" t="str">
            <v>Customer &amp; Market Services</v>
          </cell>
        </row>
        <row r="645">
          <cell r="D645" t="str">
            <v>Customer &amp; Market Services</v>
          </cell>
        </row>
        <row r="646">
          <cell r="D646" t="str">
            <v>Customer &amp; Market Services</v>
          </cell>
        </row>
        <row r="647">
          <cell r="D647" t="str">
            <v>Customer &amp; Market Services</v>
          </cell>
        </row>
        <row r="648">
          <cell r="D648" t="str">
            <v>Customer &amp; Market Services</v>
          </cell>
        </row>
        <row r="649">
          <cell r="D649" t="str">
            <v>Customer &amp; Market Services</v>
          </cell>
        </row>
        <row r="650">
          <cell r="D650" t="str">
            <v>Customer &amp; Market Services</v>
          </cell>
        </row>
        <row r="651">
          <cell r="D651" t="str">
            <v>Customer &amp; Market Services</v>
          </cell>
        </row>
        <row r="652">
          <cell r="D652" t="str">
            <v>Customer &amp; Market Services</v>
          </cell>
        </row>
        <row r="653">
          <cell r="D653" t="str">
            <v>Customer &amp; Market Services</v>
          </cell>
        </row>
        <row r="654">
          <cell r="D654" t="str">
            <v>Customer &amp; Market Services</v>
          </cell>
        </row>
        <row r="655">
          <cell r="D655" t="str">
            <v>Customer &amp; Market Services</v>
          </cell>
        </row>
        <row r="656">
          <cell r="D656" t="str">
            <v>Customer &amp; Market Services</v>
          </cell>
        </row>
        <row r="657">
          <cell r="D657" t="str">
            <v>Customer &amp; Market Services</v>
          </cell>
        </row>
        <row r="658">
          <cell r="D658" t="str">
            <v>Customer &amp; Market Services</v>
          </cell>
        </row>
        <row r="659">
          <cell r="D659" t="str">
            <v>Customer &amp; Market Services</v>
          </cell>
        </row>
        <row r="660">
          <cell r="D660" t="str">
            <v>Customer &amp; Market Services</v>
          </cell>
        </row>
        <row r="661">
          <cell r="D661" t="str">
            <v>Customer &amp; Market Services</v>
          </cell>
        </row>
        <row r="662">
          <cell r="D662" t="str">
            <v>Customer &amp; Market Services</v>
          </cell>
        </row>
        <row r="663">
          <cell r="D663" t="str">
            <v>Customer &amp; Market Services</v>
          </cell>
        </row>
        <row r="664">
          <cell r="D664" t="str">
            <v>Customer &amp; Market Services</v>
          </cell>
        </row>
        <row r="665">
          <cell r="D665" t="str">
            <v>Customer &amp; Market Services</v>
          </cell>
        </row>
        <row r="666">
          <cell r="D666" t="str">
            <v>Customer &amp; Market Services</v>
          </cell>
        </row>
        <row r="667">
          <cell r="D667" t="str">
            <v>Customer &amp; Market Services</v>
          </cell>
        </row>
        <row r="668">
          <cell r="D668" t="str">
            <v>Customer &amp; Market Services</v>
          </cell>
        </row>
        <row r="669">
          <cell r="D669" t="str">
            <v>Customer &amp; Market Services</v>
          </cell>
        </row>
        <row r="670">
          <cell r="D670" t="str">
            <v>Customer &amp; Market Services</v>
          </cell>
        </row>
        <row r="671">
          <cell r="D671" t="str">
            <v>Customer &amp; Market Services</v>
          </cell>
        </row>
        <row r="672">
          <cell r="D672" t="str">
            <v>DSDR</v>
          </cell>
        </row>
        <row r="673">
          <cell r="D673" t="str">
            <v>DSDR</v>
          </cell>
        </row>
        <row r="674">
          <cell r="D674" t="str">
            <v>DSDR</v>
          </cell>
        </row>
        <row r="675">
          <cell r="D675" t="str">
            <v>DSDR</v>
          </cell>
        </row>
        <row r="676">
          <cell r="D676" t="str">
            <v>DSDR</v>
          </cell>
        </row>
        <row r="677">
          <cell r="D677" t="str">
            <v>DSDR</v>
          </cell>
        </row>
        <row r="678">
          <cell r="D678" t="str">
            <v>DSDR</v>
          </cell>
        </row>
        <row r="679">
          <cell r="D679" t="str">
            <v>DSDR</v>
          </cell>
        </row>
        <row r="680">
          <cell r="D680" t="str">
            <v>DSDR</v>
          </cell>
        </row>
        <row r="681">
          <cell r="D681" t="str">
            <v>DSDR</v>
          </cell>
        </row>
        <row r="682">
          <cell r="D682" t="str">
            <v>DSDR</v>
          </cell>
        </row>
        <row r="683">
          <cell r="D683" t="str">
            <v>DSDR</v>
          </cell>
        </row>
        <row r="684">
          <cell r="D684" t="str">
            <v>DSDR</v>
          </cell>
        </row>
        <row r="685">
          <cell r="D685" t="str">
            <v>DSDR</v>
          </cell>
        </row>
        <row r="686">
          <cell r="D686" t="str">
            <v>DSDR</v>
          </cell>
        </row>
        <row r="687">
          <cell r="D687" t="str">
            <v>DSDR</v>
          </cell>
        </row>
        <row r="688">
          <cell r="D688" t="str">
            <v>DSDR</v>
          </cell>
        </row>
        <row r="689">
          <cell r="D689" t="str">
            <v>DSDR</v>
          </cell>
        </row>
        <row r="690">
          <cell r="D690" t="str">
            <v>DSDR</v>
          </cell>
        </row>
        <row r="691">
          <cell r="D691" t="str">
            <v>DSDR</v>
          </cell>
        </row>
        <row r="692">
          <cell r="D692" t="str">
            <v>DSDR</v>
          </cell>
        </row>
        <row r="693">
          <cell r="D693" t="str">
            <v>DSDR</v>
          </cell>
        </row>
        <row r="694">
          <cell r="D694" t="str">
            <v>DSDR</v>
          </cell>
        </row>
        <row r="695">
          <cell r="D695" t="str">
            <v>DSDR</v>
          </cell>
        </row>
        <row r="696">
          <cell r="D696" t="str">
            <v>DSDR</v>
          </cell>
        </row>
        <row r="697">
          <cell r="D697" t="str">
            <v>DSDR</v>
          </cell>
        </row>
        <row r="698">
          <cell r="D698" t="str">
            <v>DSDR</v>
          </cell>
        </row>
        <row r="699">
          <cell r="D699" t="str">
            <v>DSDR</v>
          </cell>
        </row>
        <row r="700">
          <cell r="D700" t="str">
            <v>DSDR</v>
          </cell>
        </row>
        <row r="701">
          <cell r="D701" t="str">
            <v>DSDR</v>
          </cell>
        </row>
        <row r="702">
          <cell r="D702" t="str">
            <v>DSDR</v>
          </cell>
        </row>
        <row r="703">
          <cell r="D703" t="str">
            <v>DSDR</v>
          </cell>
        </row>
        <row r="704">
          <cell r="D704" t="str">
            <v>DSDR</v>
          </cell>
        </row>
        <row r="705">
          <cell r="D705" t="str">
            <v>DSDR</v>
          </cell>
        </row>
        <row r="706">
          <cell r="D706" t="str">
            <v>DSDR</v>
          </cell>
        </row>
        <row r="707">
          <cell r="D707" t="str">
            <v>DSDR</v>
          </cell>
        </row>
        <row r="708">
          <cell r="D708" t="str">
            <v>DSDR</v>
          </cell>
        </row>
        <row r="709">
          <cell r="D709" t="str">
            <v>DSDR</v>
          </cell>
        </row>
        <row r="710">
          <cell r="D710" t="str">
            <v>DSDR</v>
          </cell>
        </row>
        <row r="711">
          <cell r="D711" t="str">
            <v>DSDR</v>
          </cell>
        </row>
        <row r="712">
          <cell r="D712" t="str">
            <v>DSDR</v>
          </cell>
        </row>
        <row r="713">
          <cell r="D713" t="str">
            <v>DSDR</v>
          </cell>
        </row>
        <row r="714">
          <cell r="D714" t="str">
            <v>DSDR</v>
          </cell>
        </row>
        <row r="715">
          <cell r="D715" t="str">
            <v>DSDR</v>
          </cell>
        </row>
        <row r="716">
          <cell r="D716" t="str">
            <v>DSDR</v>
          </cell>
        </row>
        <row r="717">
          <cell r="D717" t="str">
            <v>DSDR</v>
          </cell>
        </row>
        <row r="718">
          <cell r="D718" t="str">
            <v>DSDR</v>
          </cell>
        </row>
        <row r="719">
          <cell r="D719" t="str">
            <v>DSDR</v>
          </cell>
        </row>
        <row r="720">
          <cell r="D720" t="str">
            <v>DSDR</v>
          </cell>
        </row>
        <row r="721">
          <cell r="D721" t="str">
            <v>DSDR</v>
          </cell>
        </row>
        <row r="722">
          <cell r="D722" t="str">
            <v>DSDR</v>
          </cell>
        </row>
        <row r="723">
          <cell r="D723" t="str">
            <v>DSDR</v>
          </cell>
        </row>
        <row r="724">
          <cell r="D724" t="str">
            <v>DSDR</v>
          </cell>
        </row>
        <row r="725">
          <cell r="D725" t="str">
            <v>DSDR</v>
          </cell>
        </row>
        <row r="726">
          <cell r="D726" t="str">
            <v>DSDR</v>
          </cell>
        </row>
        <row r="727">
          <cell r="D727" t="str">
            <v>DSDR</v>
          </cell>
        </row>
        <row r="728">
          <cell r="D728" t="str">
            <v>DSDR</v>
          </cell>
        </row>
        <row r="729">
          <cell r="D729" t="str">
            <v>DSDR</v>
          </cell>
        </row>
        <row r="730">
          <cell r="D730" t="str">
            <v>DSDR</v>
          </cell>
        </row>
        <row r="731">
          <cell r="D731" t="str">
            <v>DSDR</v>
          </cell>
        </row>
        <row r="732">
          <cell r="D732" t="str">
            <v>DSDR</v>
          </cell>
        </row>
        <row r="733">
          <cell r="D733" t="str">
            <v>DSDR</v>
          </cell>
        </row>
        <row r="734">
          <cell r="D734" t="str">
            <v>DSDR</v>
          </cell>
        </row>
        <row r="735">
          <cell r="D735" t="str">
            <v>DSDR</v>
          </cell>
        </row>
        <row r="736">
          <cell r="D736" t="str">
            <v>DSDR</v>
          </cell>
        </row>
        <row r="737">
          <cell r="D737" t="str">
            <v>DSDR</v>
          </cell>
        </row>
        <row r="738">
          <cell r="D738" t="str">
            <v>DSDR</v>
          </cell>
        </row>
        <row r="739">
          <cell r="D739" t="str">
            <v>Region Maintenance</v>
          </cell>
        </row>
        <row r="740">
          <cell r="D740" t="str">
            <v>Region Maintenance</v>
          </cell>
        </row>
        <row r="741">
          <cell r="D741" t="str">
            <v>Region Maintenance</v>
          </cell>
        </row>
        <row r="742">
          <cell r="D742" t="str">
            <v>Region Maintenance</v>
          </cell>
        </row>
        <row r="743">
          <cell r="D743" t="str">
            <v>Indirects &amp; Other</v>
          </cell>
        </row>
        <row r="744">
          <cell r="D744" t="str">
            <v>Indirects &amp; Other</v>
          </cell>
        </row>
        <row r="745">
          <cell r="D745" t="str">
            <v>Indirects &amp; Other</v>
          </cell>
        </row>
        <row r="746">
          <cell r="D746" t="str">
            <v>Indirects &amp; Other</v>
          </cell>
        </row>
        <row r="747">
          <cell r="D747" t="str">
            <v>Indirects &amp; Other</v>
          </cell>
        </row>
        <row r="748">
          <cell r="D748" t="str">
            <v>Indirects &amp; Other</v>
          </cell>
        </row>
        <row r="749">
          <cell r="D749" t="str">
            <v>Indirects &amp; Other</v>
          </cell>
        </row>
        <row r="750">
          <cell r="D750" t="str">
            <v>Indirects &amp; Other</v>
          </cell>
        </row>
        <row r="751">
          <cell r="D751" t="str">
            <v>Indirects &amp; Other</v>
          </cell>
        </row>
        <row r="752">
          <cell r="D752" t="str">
            <v>Indirects &amp; Other</v>
          </cell>
        </row>
        <row r="753">
          <cell r="D753" t="str">
            <v>EDC Major Storm</v>
          </cell>
        </row>
        <row r="754">
          <cell r="D754" t="str">
            <v>EDC Major Storm</v>
          </cell>
        </row>
        <row r="755">
          <cell r="D755" t="str">
            <v>EDC Major Storm</v>
          </cell>
        </row>
        <row r="756">
          <cell r="D756" t="str">
            <v>EDC Major Storm</v>
          </cell>
        </row>
        <row r="757">
          <cell r="D757" t="str">
            <v>EDC Major Storm</v>
          </cell>
        </row>
        <row r="758">
          <cell r="D758" t="str">
            <v>EDC Major Storm</v>
          </cell>
        </row>
        <row r="759">
          <cell r="D759" t="str">
            <v>EDC Major Storm</v>
          </cell>
        </row>
        <row r="760">
          <cell r="D760" t="str">
            <v>EDC Major Storm</v>
          </cell>
        </row>
        <row r="761">
          <cell r="D761" t="str">
            <v>EDC Major Storm</v>
          </cell>
        </row>
        <row r="762">
          <cell r="D762" t="str">
            <v>EDC Major Storm</v>
          </cell>
        </row>
        <row r="763">
          <cell r="D763" t="str">
            <v>EDC Major Storm</v>
          </cell>
        </row>
        <row r="764">
          <cell r="D764" t="str">
            <v>EDC Major Storm</v>
          </cell>
        </row>
        <row r="765">
          <cell r="D765" t="str">
            <v>EDC Major Storm</v>
          </cell>
        </row>
        <row r="766">
          <cell r="D766" t="str">
            <v>EDC Major Storm</v>
          </cell>
        </row>
        <row r="767">
          <cell r="D767" t="str">
            <v>EDC Major Storm</v>
          </cell>
        </row>
        <row r="768">
          <cell r="D768" t="str">
            <v>EDC Major Storm</v>
          </cell>
        </row>
        <row r="769">
          <cell r="D769" t="str">
            <v>EDC Major Storm</v>
          </cell>
        </row>
        <row r="770">
          <cell r="D770" t="str">
            <v>EDC Major Storm</v>
          </cell>
        </row>
        <row r="771">
          <cell r="D771" t="str">
            <v>EDC Major Storm</v>
          </cell>
        </row>
        <row r="772">
          <cell r="D772" t="str">
            <v>EDC Major Storm</v>
          </cell>
        </row>
        <row r="773">
          <cell r="D773" t="str">
            <v>EDC Major Storm</v>
          </cell>
        </row>
        <row r="774">
          <cell r="D774" t="str">
            <v>Transformer &amp; Meter Purchases</v>
          </cell>
        </row>
        <row r="775">
          <cell r="D775" t="str">
            <v>Transformer &amp; Meter Purchases</v>
          </cell>
        </row>
        <row r="776">
          <cell r="D776" t="str">
            <v>Transformer &amp; Meter Purchases</v>
          </cell>
        </row>
        <row r="777">
          <cell r="D777" t="str">
            <v>Transformer &amp; Meter Purchases</v>
          </cell>
        </row>
        <row r="778">
          <cell r="D778" t="str">
            <v>Large Revenue Construction</v>
          </cell>
        </row>
        <row r="779">
          <cell r="D779" t="str">
            <v>Large Revenue Construction</v>
          </cell>
        </row>
        <row r="780">
          <cell r="D780" t="str">
            <v>Large Revenue Construction</v>
          </cell>
        </row>
        <row r="781">
          <cell r="D781" t="str">
            <v>Large Revenue Construction</v>
          </cell>
        </row>
        <row r="782">
          <cell r="D782" t="str">
            <v>Large Revenue Construction</v>
          </cell>
        </row>
        <row r="783">
          <cell r="D783" t="str">
            <v>Revenue Construction - Residential</v>
          </cell>
        </row>
        <row r="784">
          <cell r="D784" t="str">
            <v>Revenue Construction - Residential</v>
          </cell>
        </row>
        <row r="785">
          <cell r="D785" t="str">
            <v>Revenue Construction - Residential</v>
          </cell>
        </row>
        <row r="786">
          <cell r="D786" t="str">
            <v>Revenue Construction - Residential</v>
          </cell>
        </row>
        <row r="787">
          <cell r="D787" t="str">
            <v>Revenue Construction - Residential</v>
          </cell>
        </row>
        <row r="788">
          <cell r="D788" t="str">
            <v>Revenue Construction - Residential</v>
          </cell>
        </row>
        <row r="789">
          <cell r="D789" t="str">
            <v>Revenue Construction - Residential</v>
          </cell>
        </row>
        <row r="790">
          <cell r="D790" t="str">
            <v>Revenue Construction - Residential</v>
          </cell>
        </row>
        <row r="791">
          <cell r="D791" t="str">
            <v>Revenue Construction - Residential</v>
          </cell>
        </row>
        <row r="792">
          <cell r="D792" t="str">
            <v>Revenue Construction - Residential</v>
          </cell>
        </row>
        <row r="793">
          <cell r="D793" t="str">
            <v>Revenue Construction - Lighting</v>
          </cell>
        </row>
        <row r="794">
          <cell r="D794" t="str">
            <v>Revenue Construction - Lighting</v>
          </cell>
        </row>
        <row r="795">
          <cell r="D795" t="str">
            <v>Revenue Construction - Lighting</v>
          </cell>
        </row>
        <row r="796">
          <cell r="D796" t="str">
            <v>Revenue Construction - Lighting</v>
          </cell>
        </row>
        <row r="797">
          <cell r="D797" t="str">
            <v>Revenue Construction - Lighting</v>
          </cell>
        </row>
        <row r="798">
          <cell r="D798" t="str">
            <v>Revenue Construction - Lighting</v>
          </cell>
        </row>
        <row r="799">
          <cell r="D799" t="str">
            <v>Revenue Construction - Lighting</v>
          </cell>
        </row>
        <row r="800">
          <cell r="D800" t="str">
            <v>Revenue Construction - Lighting</v>
          </cell>
        </row>
        <row r="801">
          <cell r="D801" t="str">
            <v>Revenue Construction - Lighting</v>
          </cell>
        </row>
        <row r="802">
          <cell r="D802" t="str">
            <v>Revenue Construction - Lighting</v>
          </cell>
        </row>
        <row r="803">
          <cell r="D803" t="str">
            <v>Revenue Construction - Lighting</v>
          </cell>
        </row>
        <row r="804">
          <cell r="D804" t="str">
            <v>Revenue Construction - C&amp;I</v>
          </cell>
        </row>
        <row r="805">
          <cell r="D805" t="str">
            <v>Revenue Construction - C&amp;I</v>
          </cell>
        </row>
        <row r="806">
          <cell r="D806" t="str">
            <v>Revenue Construction - C&amp;I</v>
          </cell>
        </row>
        <row r="807">
          <cell r="D807" t="str">
            <v>Revenue Construction - C&amp;I</v>
          </cell>
        </row>
        <row r="808">
          <cell r="D808" t="str">
            <v>Revenue Construction - C&amp;I</v>
          </cell>
        </row>
        <row r="809">
          <cell r="D809" t="str">
            <v>Revenue Construction - C&amp;I</v>
          </cell>
        </row>
        <row r="810">
          <cell r="D810" t="str">
            <v>Revenue Construction - C&amp;I</v>
          </cell>
        </row>
        <row r="811">
          <cell r="D811" t="str">
            <v>Revenue Construction - C&amp;I</v>
          </cell>
        </row>
        <row r="812">
          <cell r="D812" t="str">
            <v>Revenue Construction - C&amp;I</v>
          </cell>
        </row>
        <row r="813">
          <cell r="D813" t="str">
            <v>Revenue Construction - C&amp;I</v>
          </cell>
        </row>
        <row r="814">
          <cell r="D814" t="str">
            <v>Revenue Burdens</v>
          </cell>
        </row>
        <row r="815">
          <cell r="D815" t="str">
            <v>Revenue Burdens</v>
          </cell>
        </row>
        <row r="816">
          <cell r="D816" t="str">
            <v>Revenue Burdens</v>
          </cell>
        </row>
        <row r="817">
          <cell r="D817" t="str">
            <v>Revenue Burdens</v>
          </cell>
        </row>
        <row r="818">
          <cell r="D818" t="str">
            <v>Revenue Burdens</v>
          </cell>
        </row>
        <row r="819">
          <cell r="D819" t="str">
            <v>Revenue Burdens</v>
          </cell>
        </row>
        <row r="820">
          <cell r="D820" t="str">
            <v>Revenue Burdens</v>
          </cell>
        </row>
        <row r="821">
          <cell r="D821" t="str">
            <v>Revenue Burdens</v>
          </cell>
        </row>
        <row r="822">
          <cell r="D822" t="str">
            <v>Revenue Burdens</v>
          </cell>
        </row>
        <row r="823">
          <cell r="D823" t="str">
            <v>Revenue Burdens</v>
          </cell>
        </row>
        <row r="824">
          <cell r="D824" t="str">
            <v>Revenue Burdens</v>
          </cell>
        </row>
        <row r="825">
          <cell r="D825" t="str">
            <v>Revenue Burdens</v>
          </cell>
        </row>
        <row r="826">
          <cell r="D826" t="str">
            <v>Region Maintenance</v>
          </cell>
        </row>
        <row r="827">
          <cell r="D827" t="str">
            <v>Region Maintenance</v>
          </cell>
        </row>
        <row r="828">
          <cell r="D828" t="str">
            <v>Region Maintenance</v>
          </cell>
        </row>
        <row r="829">
          <cell r="D829" t="str">
            <v>Region Maintenance</v>
          </cell>
        </row>
        <row r="830">
          <cell r="D830" t="str">
            <v>Region Maintenance</v>
          </cell>
        </row>
        <row r="831">
          <cell r="D831" t="str">
            <v>Region Maintenance</v>
          </cell>
        </row>
        <row r="832">
          <cell r="D832" t="str">
            <v>Region Maintenance</v>
          </cell>
        </row>
        <row r="833">
          <cell r="D833" t="str">
            <v>Region Maintenance</v>
          </cell>
        </row>
        <row r="834">
          <cell r="D834" t="str">
            <v>Region Maintenance</v>
          </cell>
        </row>
        <row r="835">
          <cell r="D835" t="str">
            <v>Region Maintenance</v>
          </cell>
        </row>
        <row r="836">
          <cell r="D836" t="str">
            <v>Region Maintenance</v>
          </cell>
        </row>
        <row r="837">
          <cell r="D837" t="str">
            <v>Region Maintenance</v>
          </cell>
        </row>
        <row r="838">
          <cell r="D838" t="str">
            <v>Region Maintenance</v>
          </cell>
        </row>
        <row r="839">
          <cell r="D839" t="str">
            <v>Region Maintenance</v>
          </cell>
        </row>
        <row r="840">
          <cell r="D840" t="str">
            <v>Region Maintenance</v>
          </cell>
        </row>
        <row r="841">
          <cell r="D841" t="str">
            <v>Region Maintenance</v>
          </cell>
        </row>
        <row r="842">
          <cell r="D842" t="str">
            <v>Region Maintenance</v>
          </cell>
        </row>
        <row r="843">
          <cell r="D843" t="str">
            <v>Region Maintenance</v>
          </cell>
        </row>
        <row r="844">
          <cell r="D844" t="str">
            <v>Region Maintenance</v>
          </cell>
        </row>
        <row r="845">
          <cell r="D845" t="str">
            <v>Region Maintenance</v>
          </cell>
        </row>
        <row r="846">
          <cell r="D846" t="str">
            <v>Region Maintenance</v>
          </cell>
        </row>
        <row r="847">
          <cell r="D847" t="str">
            <v>Region Maintenance</v>
          </cell>
        </row>
        <row r="848">
          <cell r="D848" t="str">
            <v>Region Maintenance</v>
          </cell>
        </row>
        <row r="849">
          <cell r="D849" t="str">
            <v>Region Maintenance</v>
          </cell>
        </row>
        <row r="850">
          <cell r="D850" t="str">
            <v>Region Maintenance</v>
          </cell>
        </row>
        <row r="851">
          <cell r="D851" t="str">
            <v>Region Maintenance</v>
          </cell>
        </row>
        <row r="852">
          <cell r="D852" t="str">
            <v>Region Maintenance</v>
          </cell>
        </row>
        <row r="853">
          <cell r="D853" t="str">
            <v>Region Maintenance</v>
          </cell>
        </row>
        <row r="854">
          <cell r="D854" t="str">
            <v>Region Maintenance</v>
          </cell>
        </row>
        <row r="855">
          <cell r="D855" t="str">
            <v>Region Maintenance</v>
          </cell>
        </row>
        <row r="856">
          <cell r="D856" t="str">
            <v>Region Maintenance</v>
          </cell>
        </row>
        <row r="857">
          <cell r="D857" t="str">
            <v>Region Maintenance</v>
          </cell>
        </row>
        <row r="858">
          <cell r="D858" t="str">
            <v>Region Maintenance</v>
          </cell>
        </row>
        <row r="859">
          <cell r="D859" t="str">
            <v>Region Maintenance</v>
          </cell>
        </row>
        <row r="860">
          <cell r="D860" t="str">
            <v>Region Maintenance</v>
          </cell>
        </row>
        <row r="861">
          <cell r="D861" t="str">
            <v>Region Maintenance</v>
          </cell>
        </row>
        <row r="862">
          <cell r="D862" t="str">
            <v>Region Maintenance</v>
          </cell>
        </row>
        <row r="863">
          <cell r="D863" t="str">
            <v>Region Maintenance</v>
          </cell>
        </row>
        <row r="864">
          <cell r="D864" t="str">
            <v>Region Maintenance</v>
          </cell>
        </row>
        <row r="865">
          <cell r="D865" t="str">
            <v>Region Maintenance</v>
          </cell>
        </row>
        <row r="866">
          <cell r="D866" t="str">
            <v>Highway Conflicts &amp; Streetscapes</v>
          </cell>
        </row>
        <row r="867">
          <cell r="D867" t="str">
            <v>Highway Conflicts &amp; Streetscapes</v>
          </cell>
        </row>
        <row r="868">
          <cell r="D868" t="str">
            <v>Highway Conflicts &amp; Streetscapes</v>
          </cell>
        </row>
        <row r="869">
          <cell r="D869" t="str">
            <v>Highway Conflicts &amp; Streetscapes</v>
          </cell>
        </row>
        <row r="870">
          <cell r="D870" t="str">
            <v>Highway Conflicts &amp; Streetscapes</v>
          </cell>
        </row>
        <row r="871">
          <cell r="D871" t="str">
            <v>Highway Conflicts &amp; Streetscapes</v>
          </cell>
        </row>
        <row r="872">
          <cell r="D872" t="str">
            <v>Highway Conflicts &amp; Streetscapes</v>
          </cell>
        </row>
        <row r="873">
          <cell r="D873" t="str">
            <v>Highway Conflicts &amp; Streetscapes</v>
          </cell>
        </row>
        <row r="874">
          <cell r="D874" t="str">
            <v>Highway Conflicts &amp; Streetscapes</v>
          </cell>
        </row>
        <row r="875">
          <cell r="D875" t="str">
            <v>Lighting Maintenance</v>
          </cell>
        </row>
        <row r="876">
          <cell r="D876" t="str">
            <v>Lighting Maintenance</v>
          </cell>
        </row>
        <row r="877">
          <cell r="D877" t="str">
            <v>Lighting Maintenance</v>
          </cell>
        </row>
        <row r="878">
          <cell r="D878" t="str">
            <v>Lighting Maintenance</v>
          </cell>
        </row>
        <row r="879">
          <cell r="D879" t="str">
            <v>Lighting Maintenance</v>
          </cell>
        </row>
        <row r="880">
          <cell r="D880" t="str">
            <v>Lighting Maintenance</v>
          </cell>
        </row>
        <row r="881">
          <cell r="D881" t="str">
            <v>Lighting Maintenance</v>
          </cell>
        </row>
        <row r="882">
          <cell r="D882" t="str">
            <v>Lighting Maintenance</v>
          </cell>
        </row>
        <row r="883">
          <cell r="D883" t="str">
            <v>Lighting Maintenance</v>
          </cell>
        </row>
        <row r="884">
          <cell r="D884" t="str">
            <v>Restore</v>
          </cell>
        </row>
        <row r="885">
          <cell r="D885" t="str">
            <v>Restore</v>
          </cell>
        </row>
        <row r="886">
          <cell r="D886" t="str">
            <v>Restore</v>
          </cell>
        </row>
        <row r="887">
          <cell r="D887" t="str">
            <v>Restore</v>
          </cell>
        </row>
        <row r="888">
          <cell r="D888" t="str">
            <v>Restore</v>
          </cell>
        </row>
        <row r="889">
          <cell r="D889" t="str">
            <v>Restore</v>
          </cell>
        </row>
        <row r="890">
          <cell r="D890" t="str">
            <v>Restore</v>
          </cell>
        </row>
        <row r="891">
          <cell r="D891" t="str">
            <v>Restore</v>
          </cell>
        </row>
        <row r="892">
          <cell r="D892" t="str">
            <v>Restore</v>
          </cell>
        </row>
        <row r="893">
          <cell r="D893" t="str">
            <v>Restore</v>
          </cell>
        </row>
        <row r="894">
          <cell r="D894" t="str">
            <v>Restore</v>
          </cell>
        </row>
        <row r="895">
          <cell r="D895" t="str">
            <v>Restore</v>
          </cell>
        </row>
        <row r="896">
          <cell r="D896" t="str">
            <v>Restore</v>
          </cell>
        </row>
        <row r="897">
          <cell r="D897" t="str">
            <v>Restore</v>
          </cell>
        </row>
        <row r="898">
          <cell r="D898" t="str">
            <v>Restore</v>
          </cell>
        </row>
        <row r="899">
          <cell r="D899" t="str">
            <v>Restore</v>
          </cell>
        </row>
        <row r="900">
          <cell r="D900" t="str">
            <v>Restore</v>
          </cell>
        </row>
        <row r="901">
          <cell r="D901" t="str">
            <v>Restore</v>
          </cell>
        </row>
        <row r="902">
          <cell r="D902" t="str">
            <v>Indirects &amp; Other</v>
          </cell>
        </row>
        <row r="903">
          <cell r="D903" t="str">
            <v>Indirects &amp; Other</v>
          </cell>
        </row>
        <row r="904">
          <cell r="D904" t="str">
            <v>Indirects &amp; Other</v>
          </cell>
        </row>
        <row r="905">
          <cell r="D905" t="str">
            <v>Indirects &amp; Other</v>
          </cell>
        </row>
        <row r="906">
          <cell r="D906" t="str">
            <v>Indirects &amp; Other</v>
          </cell>
        </row>
        <row r="907">
          <cell r="D907" t="str">
            <v>Indirects &amp; Other</v>
          </cell>
        </row>
        <row r="908">
          <cell r="D908" t="str">
            <v>Indirects &amp; Other</v>
          </cell>
        </row>
        <row r="909">
          <cell r="D909" t="str">
            <v>Indirects &amp; Other</v>
          </cell>
        </row>
        <row r="910">
          <cell r="D910" t="str">
            <v>Indirects &amp; Other</v>
          </cell>
        </row>
        <row r="911">
          <cell r="D911" t="str">
            <v>Indirects &amp; Other</v>
          </cell>
        </row>
        <row r="912">
          <cell r="D912" t="str">
            <v>Indirects &amp; Other</v>
          </cell>
        </row>
        <row r="913">
          <cell r="D913" t="str">
            <v>Indirects &amp; Other</v>
          </cell>
        </row>
        <row r="914">
          <cell r="D914" t="str">
            <v>Indirects &amp; Other</v>
          </cell>
        </row>
        <row r="915">
          <cell r="D915" t="str">
            <v>Indirects &amp; Other</v>
          </cell>
        </row>
        <row r="916">
          <cell r="D916" t="str">
            <v>Indirects &amp; Other</v>
          </cell>
        </row>
        <row r="917">
          <cell r="D917" t="str">
            <v>Indirects &amp; Other</v>
          </cell>
        </row>
        <row r="918">
          <cell r="D918" t="str">
            <v>Indirects &amp; Other</v>
          </cell>
        </row>
        <row r="919">
          <cell r="D919" t="str">
            <v>Indirects &amp; Other</v>
          </cell>
        </row>
        <row r="920">
          <cell r="D920" t="str">
            <v>Indirects &amp; Other</v>
          </cell>
        </row>
        <row r="921">
          <cell r="D921" t="str">
            <v>Indirects &amp; Other</v>
          </cell>
        </row>
        <row r="922">
          <cell r="D922" t="str">
            <v>Indirects &amp; Other</v>
          </cell>
        </row>
        <row r="923">
          <cell r="D923" t="str">
            <v>Region Managed Fund</v>
          </cell>
        </row>
        <row r="924">
          <cell r="D924" t="str">
            <v>Region Managed Fund</v>
          </cell>
        </row>
        <row r="925">
          <cell r="D925" t="str">
            <v>Transformer &amp; Meter Purchases</v>
          </cell>
        </row>
        <row r="926">
          <cell r="D926" t="str">
            <v>Transformer &amp; Meter Purchases</v>
          </cell>
        </row>
        <row r="927">
          <cell r="D927" t="str">
            <v>Transformer &amp; Meter Purchases</v>
          </cell>
        </row>
        <row r="928">
          <cell r="D928" t="str">
            <v>Transformer &amp; Meter Purchases</v>
          </cell>
        </row>
        <row r="929">
          <cell r="D929" t="str">
            <v>Transformer &amp; Meter Purchases</v>
          </cell>
        </row>
        <row r="930">
          <cell r="D930" t="str">
            <v>Transformer &amp; Meter Purchases</v>
          </cell>
        </row>
        <row r="931">
          <cell r="D931" t="str">
            <v>Transformer &amp; Meter Purchases</v>
          </cell>
        </row>
        <row r="932">
          <cell r="D932" t="str">
            <v>Transformer &amp; Meter Purchases</v>
          </cell>
        </row>
        <row r="933">
          <cell r="D933" t="str">
            <v>Large Revenue Construction</v>
          </cell>
        </row>
        <row r="934">
          <cell r="D934" t="str">
            <v>Large Revenue Construction</v>
          </cell>
        </row>
        <row r="935">
          <cell r="D935" t="str">
            <v>Large Revenue Construction</v>
          </cell>
        </row>
        <row r="936">
          <cell r="D936" t="str">
            <v>Large Revenue Construction</v>
          </cell>
        </row>
        <row r="937">
          <cell r="D937" t="str">
            <v>Large Revenue Construction</v>
          </cell>
        </row>
        <row r="938">
          <cell r="D938" t="str">
            <v>Large Revenue Construction</v>
          </cell>
        </row>
        <row r="939">
          <cell r="D939" t="str">
            <v>Large Revenue Construction</v>
          </cell>
        </row>
        <row r="940">
          <cell r="D940" t="str">
            <v>Large Revenue Construction</v>
          </cell>
        </row>
        <row r="941">
          <cell r="D941" t="str">
            <v>Large Revenue Construction</v>
          </cell>
        </row>
        <row r="942">
          <cell r="D942" t="str">
            <v>Large Revenue Construction</v>
          </cell>
        </row>
        <row r="943">
          <cell r="D943" t="str">
            <v>Large Revenue Construction</v>
          </cell>
        </row>
        <row r="944">
          <cell r="D944" t="str">
            <v>Large Revenue Construction</v>
          </cell>
        </row>
        <row r="945">
          <cell r="D945" t="str">
            <v>Large Revenue Construction</v>
          </cell>
        </row>
        <row r="946">
          <cell r="D946" t="str">
            <v>Large Revenue Construction</v>
          </cell>
        </row>
        <row r="947">
          <cell r="D947" t="str">
            <v>Large Revenue Construction</v>
          </cell>
        </row>
        <row r="948">
          <cell r="D948" t="str">
            <v>Large Revenue Construction</v>
          </cell>
        </row>
        <row r="949">
          <cell r="D949" t="str">
            <v>Large Revenue Construction</v>
          </cell>
        </row>
        <row r="950">
          <cell r="D950" t="str">
            <v>Large Revenue Construction</v>
          </cell>
        </row>
        <row r="951">
          <cell r="D951" t="str">
            <v>Large Revenue Construction</v>
          </cell>
        </row>
        <row r="952">
          <cell r="D952" t="str">
            <v>Large Revenue Construction</v>
          </cell>
        </row>
        <row r="953">
          <cell r="D953" t="str">
            <v>Large Revenue Construction</v>
          </cell>
        </row>
        <row r="954">
          <cell r="D954" t="str">
            <v>Large Revenue Construction</v>
          </cell>
        </row>
        <row r="955">
          <cell r="D955" t="str">
            <v>Large Revenue Construction</v>
          </cell>
        </row>
        <row r="956">
          <cell r="D956" t="str">
            <v>Large Revenue Construction</v>
          </cell>
        </row>
        <row r="957">
          <cell r="D957" t="str">
            <v>Large Revenue Construction</v>
          </cell>
        </row>
        <row r="958">
          <cell r="D958" t="str">
            <v>Large Revenue Construction</v>
          </cell>
        </row>
        <row r="959">
          <cell r="D959" t="str">
            <v>Large Revenue Construction</v>
          </cell>
        </row>
        <row r="960">
          <cell r="D960" t="str">
            <v>Large Revenue Construction</v>
          </cell>
        </row>
        <row r="961">
          <cell r="D961" t="str">
            <v>Large Revenue Construction</v>
          </cell>
        </row>
        <row r="962">
          <cell r="D962" t="str">
            <v>Large Revenue Construction</v>
          </cell>
        </row>
        <row r="963">
          <cell r="D963" t="str">
            <v>Large Revenue Construction</v>
          </cell>
        </row>
        <row r="964">
          <cell r="D964" t="str">
            <v>Large Revenue Construction</v>
          </cell>
        </row>
        <row r="965">
          <cell r="D965" t="str">
            <v>Large Revenue Construction</v>
          </cell>
        </row>
        <row r="966">
          <cell r="D966" t="str">
            <v>Large Revenue Construction</v>
          </cell>
        </row>
        <row r="967">
          <cell r="D967" t="str">
            <v>Large Revenue Construction</v>
          </cell>
        </row>
        <row r="968">
          <cell r="D968" t="str">
            <v>Large Revenue Construction</v>
          </cell>
        </row>
        <row r="969">
          <cell r="D969" t="str">
            <v>Large Revenue Construction</v>
          </cell>
        </row>
        <row r="970">
          <cell r="D970" t="str">
            <v>Large Revenue Construction</v>
          </cell>
        </row>
        <row r="971">
          <cell r="D971" t="str">
            <v>Large Revenue Construction</v>
          </cell>
        </row>
        <row r="972">
          <cell r="D972" t="str">
            <v>Large Revenue Construction</v>
          </cell>
        </row>
        <row r="973">
          <cell r="D973" t="str">
            <v>Large Revenue Construction</v>
          </cell>
        </row>
        <row r="974">
          <cell r="D974" t="str">
            <v>Large Revenue Construction</v>
          </cell>
        </row>
        <row r="975">
          <cell r="D975" t="str">
            <v>Large Revenue Construction</v>
          </cell>
        </row>
        <row r="976">
          <cell r="D976" t="str">
            <v>Large Revenue Construction</v>
          </cell>
        </row>
        <row r="977">
          <cell r="D977" t="str">
            <v>Large Revenue Construction</v>
          </cell>
        </row>
        <row r="978">
          <cell r="D978" t="str">
            <v>Large Revenue Construction</v>
          </cell>
        </row>
        <row r="979">
          <cell r="D979" t="str">
            <v>Large Revenue Construction</v>
          </cell>
        </row>
        <row r="980">
          <cell r="D980" t="str">
            <v>Large Revenue Construction</v>
          </cell>
        </row>
        <row r="981">
          <cell r="D981" t="str">
            <v>Large Revenue Construction</v>
          </cell>
        </row>
        <row r="982">
          <cell r="D982" t="str">
            <v>Large Revenue Construction</v>
          </cell>
        </row>
        <row r="983">
          <cell r="D983" t="str">
            <v>Large Revenue Construction</v>
          </cell>
        </row>
        <row r="984">
          <cell r="D984" t="str">
            <v>Large Revenue Construction</v>
          </cell>
        </row>
        <row r="985">
          <cell r="D985" t="str">
            <v>Large Revenue Construction</v>
          </cell>
        </row>
        <row r="986">
          <cell r="D986" t="str">
            <v>Large Revenue Construction</v>
          </cell>
        </row>
        <row r="987">
          <cell r="D987" t="str">
            <v>Large Revenue Construction</v>
          </cell>
        </row>
        <row r="988">
          <cell r="D988" t="str">
            <v>Large Revenue Construction</v>
          </cell>
        </row>
        <row r="989">
          <cell r="D989" t="str">
            <v>Large Revenue Construction</v>
          </cell>
        </row>
        <row r="990">
          <cell r="D990" t="str">
            <v>Large Revenue Construction</v>
          </cell>
        </row>
        <row r="991">
          <cell r="D991" t="str">
            <v>Large Revenue Construction</v>
          </cell>
        </row>
        <row r="992">
          <cell r="D992" t="str">
            <v>Large Revenue Construction</v>
          </cell>
        </row>
        <row r="993">
          <cell r="D993" t="str">
            <v>Large Revenue Construction</v>
          </cell>
        </row>
        <row r="994">
          <cell r="D994" t="str">
            <v>Large Revenue Construction</v>
          </cell>
        </row>
        <row r="995">
          <cell r="D995" t="str">
            <v>Large Revenue Construction</v>
          </cell>
        </row>
        <row r="996">
          <cell r="D996" t="str">
            <v>Large Revenue Construction</v>
          </cell>
        </row>
        <row r="997">
          <cell r="D997" t="str">
            <v>Large Revenue Construction</v>
          </cell>
        </row>
        <row r="998">
          <cell r="D998" t="str">
            <v>Large Revenue Construction</v>
          </cell>
        </row>
        <row r="999">
          <cell r="D999" t="str">
            <v>Large Revenue Construction</v>
          </cell>
        </row>
        <row r="1000">
          <cell r="D1000" t="str">
            <v>Large Revenue Construction</v>
          </cell>
        </row>
        <row r="1001">
          <cell r="D1001" t="str">
            <v>Large Revenue Construction</v>
          </cell>
        </row>
        <row r="1002">
          <cell r="D1002" t="str">
            <v>Large Revenue Construction</v>
          </cell>
        </row>
        <row r="1003">
          <cell r="D1003" t="str">
            <v>Large Revenue Construction</v>
          </cell>
        </row>
        <row r="1004">
          <cell r="D1004" t="str">
            <v>Large Revenue Construction</v>
          </cell>
        </row>
        <row r="1005">
          <cell r="D1005" t="str">
            <v>Large Revenue Construction</v>
          </cell>
        </row>
        <row r="1006">
          <cell r="D1006" t="str">
            <v>Large Revenue Construction</v>
          </cell>
        </row>
        <row r="1007">
          <cell r="D1007" t="str">
            <v>Large Revenue Construction</v>
          </cell>
        </row>
        <row r="1008">
          <cell r="D1008" t="str">
            <v>Large Revenue Construction</v>
          </cell>
        </row>
        <row r="1009">
          <cell r="D1009" t="str">
            <v>Large Revenue Construction</v>
          </cell>
        </row>
        <row r="1010">
          <cell r="D1010" t="str">
            <v>Large Revenue Construction</v>
          </cell>
        </row>
        <row r="1011">
          <cell r="D1011" t="str">
            <v>Large Revenue Construction</v>
          </cell>
        </row>
        <row r="1012">
          <cell r="D1012" t="str">
            <v>Load Growth</v>
          </cell>
        </row>
        <row r="1013">
          <cell r="D1013" t="str">
            <v>Load Growth</v>
          </cell>
        </row>
        <row r="1014">
          <cell r="D1014" t="str">
            <v>Load Growth</v>
          </cell>
        </row>
        <row r="1015">
          <cell r="D1015" t="str">
            <v>Load Growth</v>
          </cell>
        </row>
        <row r="1016">
          <cell r="D1016" t="str">
            <v>Load Growth</v>
          </cell>
        </row>
        <row r="1017">
          <cell r="D1017" t="str">
            <v>Load Growth</v>
          </cell>
        </row>
        <row r="1018">
          <cell r="D1018" t="str">
            <v>Load Growth</v>
          </cell>
        </row>
        <row r="1019">
          <cell r="D1019" t="str">
            <v>Load Growth</v>
          </cell>
        </row>
        <row r="1020">
          <cell r="D1020" t="str">
            <v>Load Growth</v>
          </cell>
        </row>
        <row r="1021">
          <cell r="D1021" t="str">
            <v>Load Growth</v>
          </cell>
        </row>
        <row r="1022">
          <cell r="D1022" t="str">
            <v>Load Growth</v>
          </cell>
        </row>
        <row r="1023">
          <cell r="D1023" t="str">
            <v>Load Growth</v>
          </cell>
        </row>
        <row r="1024">
          <cell r="D1024" t="str">
            <v>Load Growth</v>
          </cell>
        </row>
        <row r="1025">
          <cell r="D1025" t="str">
            <v>Load Growth</v>
          </cell>
        </row>
        <row r="1026">
          <cell r="D1026" t="str">
            <v>Load Growth</v>
          </cell>
        </row>
        <row r="1027">
          <cell r="D1027" t="str">
            <v>Load Growth</v>
          </cell>
        </row>
        <row r="1028">
          <cell r="D1028" t="str">
            <v>Load Growth</v>
          </cell>
        </row>
        <row r="1029">
          <cell r="D1029" t="str">
            <v>Load Growth</v>
          </cell>
        </row>
        <row r="1030">
          <cell r="D1030" t="str">
            <v>Load Growth</v>
          </cell>
        </row>
        <row r="1031">
          <cell r="D1031" t="str">
            <v>Load Growth</v>
          </cell>
        </row>
        <row r="1032">
          <cell r="D1032" t="str">
            <v>Load Growth</v>
          </cell>
        </row>
        <row r="1033">
          <cell r="D1033" t="str">
            <v>Load Growth</v>
          </cell>
        </row>
        <row r="1034">
          <cell r="D1034" t="str">
            <v>Load Growth</v>
          </cell>
        </row>
        <row r="1035">
          <cell r="D1035" t="str">
            <v>Load Growth</v>
          </cell>
        </row>
        <row r="1036">
          <cell r="D1036" t="str">
            <v>Load Growth</v>
          </cell>
        </row>
        <row r="1037">
          <cell r="D1037" t="str">
            <v>Load Growth</v>
          </cell>
        </row>
        <row r="1038">
          <cell r="D1038" t="str">
            <v>Load Growth</v>
          </cell>
        </row>
        <row r="1039">
          <cell r="D1039" t="str">
            <v>Load Growth</v>
          </cell>
        </row>
        <row r="1040">
          <cell r="D1040" t="str">
            <v>Load Growth</v>
          </cell>
        </row>
        <row r="1041">
          <cell r="D1041" t="str">
            <v>Load Growth</v>
          </cell>
        </row>
        <row r="1042">
          <cell r="D1042" t="str">
            <v>Load Growth</v>
          </cell>
        </row>
        <row r="1043">
          <cell r="D1043" t="str">
            <v>Load Growth</v>
          </cell>
        </row>
        <row r="1044">
          <cell r="D1044" t="str">
            <v>Load Growth</v>
          </cell>
        </row>
        <row r="1045">
          <cell r="D1045" t="str">
            <v>Load Growth</v>
          </cell>
        </row>
        <row r="1046">
          <cell r="D1046" t="str">
            <v>Load Growth</v>
          </cell>
        </row>
        <row r="1047">
          <cell r="D1047" t="str">
            <v>Load Growth</v>
          </cell>
        </row>
        <row r="1048">
          <cell r="D1048" t="str">
            <v>Load Growth</v>
          </cell>
        </row>
        <row r="1049">
          <cell r="D1049" t="str">
            <v>Load Growth</v>
          </cell>
        </row>
        <row r="1050">
          <cell r="D1050" t="str">
            <v>Load Growth</v>
          </cell>
        </row>
        <row r="1051">
          <cell r="D1051" t="str">
            <v>Load Growth</v>
          </cell>
        </row>
        <row r="1052">
          <cell r="D1052" t="str">
            <v>Load Growth</v>
          </cell>
        </row>
        <row r="1053">
          <cell r="D1053" t="str">
            <v>Load Growth</v>
          </cell>
        </row>
        <row r="1054">
          <cell r="D1054" t="str">
            <v>Load Growth</v>
          </cell>
        </row>
        <row r="1055">
          <cell r="D1055" t="str">
            <v>Load Growth</v>
          </cell>
        </row>
        <row r="1056">
          <cell r="D1056" t="str">
            <v>Load Growth</v>
          </cell>
        </row>
        <row r="1057">
          <cell r="D1057" t="str">
            <v>Load Growth</v>
          </cell>
        </row>
        <row r="1058">
          <cell r="D1058" t="str">
            <v>Load Growth</v>
          </cell>
        </row>
        <row r="1059">
          <cell r="D1059" t="str">
            <v>Load Growth</v>
          </cell>
        </row>
        <row r="1060">
          <cell r="D1060" t="str">
            <v>Load Growth</v>
          </cell>
        </row>
        <row r="1061">
          <cell r="D1061" t="str">
            <v>Load Growth</v>
          </cell>
        </row>
        <row r="1062">
          <cell r="D1062" t="str">
            <v>Load Growth</v>
          </cell>
        </row>
        <row r="1063">
          <cell r="D1063" t="str">
            <v>Load Growth</v>
          </cell>
        </row>
        <row r="1064">
          <cell r="D1064" t="str">
            <v>Load Growth</v>
          </cell>
        </row>
        <row r="1065">
          <cell r="D1065" t="str">
            <v>Load Growth</v>
          </cell>
        </row>
        <row r="1066">
          <cell r="D1066" t="str">
            <v>Load Growth</v>
          </cell>
        </row>
        <row r="1067">
          <cell r="D1067" t="str">
            <v>Load Growth</v>
          </cell>
        </row>
        <row r="1068">
          <cell r="D1068" t="str">
            <v>Load Growth</v>
          </cell>
        </row>
        <row r="1069">
          <cell r="D1069" t="str">
            <v>Load Growth</v>
          </cell>
        </row>
        <row r="1070">
          <cell r="D1070" t="str">
            <v>Load Growth</v>
          </cell>
        </row>
        <row r="1071">
          <cell r="D1071" t="str">
            <v>Asset Programs Maintenance</v>
          </cell>
        </row>
        <row r="1072">
          <cell r="D1072" t="str">
            <v>Asset Programs Maintenance</v>
          </cell>
        </row>
        <row r="1073">
          <cell r="D1073" t="str">
            <v>Asset Programs Maintenance</v>
          </cell>
        </row>
        <row r="1074">
          <cell r="D1074" t="str">
            <v>Asset Programs Maintenance</v>
          </cell>
        </row>
        <row r="1075">
          <cell r="D1075" t="str">
            <v>Asset Programs Maintenance</v>
          </cell>
        </row>
        <row r="1076">
          <cell r="D1076" t="str">
            <v>Asset Programs Maintenance</v>
          </cell>
        </row>
        <row r="1077">
          <cell r="D1077" t="str">
            <v>Asset Programs Maintenance</v>
          </cell>
        </row>
        <row r="1078">
          <cell r="D1078" t="str">
            <v>Asset Programs Maintenance</v>
          </cell>
        </row>
        <row r="1079">
          <cell r="D1079" t="str">
            <v>Asset Programs Maintenance</v>
          </cell>
        </row>
        <row r="1080">
          <cell r="D1080" t="str">
            <v>Asset Programs Maintenance</v>
          </cell>
        </row>
        <row r="1081">
          <cell r="D1081" t="str">
            <v>Asset Programs Maintenance</v>
          </cell>
        </row>
        <row r="1082">
          <cell r="D1082" t="str">
            <v>Asset Programs Maintenance</v>
          </cell>
        </row>
        <row r="1083">
          <cell r="D1083" t="str">
            <v>Asset Programs Maintenance</v>
          </cell>
        </row>
        <row r="1084">
          <cell r="D1084" t="str">
            <v>Asset Programs Maintenance</v>
          </cell>
        </row>
        <row r="1085">
          <cell r="D1085" t="str">
            <v>Asset Programs Maintenance</v>
          </cell>
        </row>
        <row r="1086">
          <cell r="D1086" t="str">
            <v>Asset Programs Maintenance</v>
          </cell>
        </row>
        <row r="1087">
          <cell r="D1087" t="str">
            <v>Asset Programs Maintenance</v>
          </cell>
        </row>
        <row r="1088">
          <cell r="D1088" t="str">
            <v>Asset Programs Maintenance</v>
          </cell>
        </row>
        <row r="1089">
          <cell r="D1089" t="str">
            <v>Asset Programs Maintenance</v>
          </cell>
        </row>
        <row r="1090">
          <cell r="D1090" t="str">
            <v>Asset Programs Maintenance</v>
          </cell>
        </row>
        <row r="1091">
          <cell r="D1091" t="str">
            <v>Asset Programs Maintenance</v>
          </cell>
        </row>
        <row r="1092">
          <cell r="D1092" t="str">
            <v>Asset Programs Maintenance</v>
          </cell>
        </row>
        <row r="1093">
          <cell r="D1093" t="str">
            <v>Asset Programs Maintenance</v>
          </cell>
        </row>
        <row r="1094">
          <cell r="D1094" t="str">
            <v>Asset Programs Maintenance</v>
          </cell>
        </row>
        <row r="1095">
          <cell r="D1095" t="str">
            <v>Asset Programs Maintenance</v>
          </cell>
        </row>
        <row r="1096">
          <cell r="D1096" t="str">
            <v>Asset Programs Maintenance</v>
          </cell>
        </row>
        <row r="1097">
          <cell r="D1097" t="str">
            <v>Asset Programs Maintenance</v>
          </cell>
        </row>
        <row r="1098">
          <cell r="D1098" t="str">
            <v>Asset Programs Maintenance</v>
          </cell>
        </row>
        <row r="1099">
          <cell r="D1099" t="str">
            <v>Asset Programs Maintenance</v>
          </cell>
        </row>
        <row r="1100">
          <cell r="D1100" t="str">
            <v>Asset Programs Maintenance</v>
          </cell>
        </row>
        <row r="1101">
          <cell r="D1101" t="str">
            <v>Asset Programs Maintenance</v>
          </cell>
        </row>
        <row r="1102">
          <cell r="D1102" t="str">
            <v>Asset Programs Maintenance</v>
          </cell>
        </row>
        <row r="1103">
          <cell r="D1103" t="str">
            <v>Asset Programs Maintenance</v>
          </cell>
        </row>
        <row r="1104">
          <cell r="D1104" t="str">
            <v>Asset Programs Maintenance</v>
          </cell>
        </row>
        <row r="1105">
          <cell r="D1105" t="str">
            <v>Asset Programs Maintenance</v>
          </cell>
        </row>
        <row r="1106">
          <cell r="D1106" t="str">
            <v>Asset Programs Maintenance</v>
          </cell>
        </row>
        <row r="1107">
          <cell r="D1107" t="str">
            <v>Asset Programs Maintenance</v>
          </cell>
        </row>
        <row r="1108">
          <cell r="D1108" t="str">
            <v>Asset Programs Maintenance</v>
          </cell>
        </row>
        <row r="1109">
          <cell r="D1109" t="str">
            <v>Asset Programs Maintenance</v>
          </cell>
        </row>
        <row r="1110">
          <cell r="D1110" t="str">
            <v>Asset Programs Maintenance</v>
          </cell>
        </row>
        <row r="1111">
          <cell r="D1111" t="str">
            <v>Asset Programs Maintenance</v>
          </cell>
        </row>
        <row r="1112">
          <cell r="D1112" t="str">
            <v>Asset Programs Maintenance</v>
          </cell>
        </row>
        <row r="1113">
          <cell r="D1113" t="str">
            <v>Asset Programs Maintenance</v>
          </cell>
        </row>
        <row r="1114">
          <cell r="D1114" t="str">
            <v>Asset Programs Maintenance</v>
          </cell>
        </row>
        <row r="1115">
          <cell r="D1115" t="str">
            <v>Asset Programs Maintenance</v>
          </cell>
        </row>
        <row r="1116">
          <cell r="D1116" t="str">
            <v>Asset Programs Maintenance</v>
          </cell>
        </row>
        <row r="1117">
          <cell r="D1117" t="str">
            <v>Asset Programs Maintenance</v>
          </cell>
        </row>
        <row r="1118">
          <cell r="D1118" t="str">
            <v>Asset Programs Maintenance</v>
          </cell>
        </row>
        <row r="1119">
          <cell r="D1119" t="str">
            <v>Asset Programs Maintenance</v>
          </cell>
        </row>
        <row r="1120">
          <cell r="D1120" t="str">
            <v>Asset Programs Maintenance</v>
          </cell>
        </row>
        <row r="1121">
          <cell r="D1121" t="str">
            <v>Asset Programs Maintenance</v>
          </cell>
        </row>
        <row r="1122">
          <cell r="D1122" t="str">
            <v>Asset Programs Maintenance</v>
          </cell>
        </row>
        <row r="1123">
          <cell r="D1123" t="str">
            <v>Region Maintenance</v>
          </cell>
        </row>
        <row r="1124">
          <cell r="D1124" t="str">
            <v>Region Maintenance</v>
          </cell>
        </row>
        <row r="1125">
          <cell r="D1125" t="str">
            <v>Region Maintenance</v>
          </cell>
        </row>
        <row r="1126">
          <cell r="D1126" t="str">
            <v>Region Maintenance</v>
          </cell>
        </row>
        <row r="1127">
          <cell r="D1127" t="str">
            <v>Region Maintenance</v>
          </cell>
        </row>
        <row r="1128">
          <cell r="D1128" t="str">
            <v>Region Maintenance</v>
          </cell>
        </row>
        <row r="1129">
          <cell r="D1129" t="str">
            <v>Region Maintenance</v>
          </cell>
        </row>
        <row r="1130">
          <cell r="D1130" t="str">
            <v>Region Maintenance</v>
          </cell>
        </row>
        <row r="1131">
          <cell r="D1131" t="str">
            <v>Highway Conflicts &amp; Streetscapes</v>
          </cell>
        </row>
        <row r="1132">
          <cell r="D1132" t="str">
            <v>Highway Conflicts &amp; Streetscapes</v>
          </cell>
        </row>
        <row r="1133">
          <cell r="D1133" t="str">
            <v>Highway Conflicts &amp; Streetscapes</v>
          </cell>
        </row>
        <row r="1134">
          <cell r="D1134" t="str">
            <v>Highway Conflicts &amp; Streetscapes</v>
          </cell>
        </row>
        <row r="1135">
          <cell r="D1135" t="str">
            <v>Highway Conflicts &amp; Streetscapes</v>
          </cell>
        </row>
        <row r="1136">
          <cell r="D1136" t="str">
            <v>Highway Conflicts &amp; Streetscapes</v>
          </cell>
        </row>
        <row r="1137">
          <cell r="D1137" t="str">
            <v>Highway Conflicts &amp; Streetscapes</v>
          </cell>
        </row>
        <row r="1138">
          <cell r="D1138" t="str">
            <v>Highway Conflicts &amp; Streetscapes</v>
          </cell>
        </row>
        <row r="1139">
          <cell r="D1139" t="str">
            <v>Highway Conflicts &amp; Streetscapes</v>
          </cell>
        </row>
        <row r="1140">
          <cell r="D1140" t="str">
            <v>Highway Conflicts &amp; Streetscapes</v>
          </cell>
        </row>
        <row r="1141">
          <cell r="D1141" t="str">
            <v>Highway Conflicts &amp; Streetscapes</v>
          </cell>
        </row>
        <row r="1142">
          <cell r="D1142" t="str">
            <v>Catalyst 221</v>
          </cell>
        </row>
        <row r="1143">
          <cell r="D1143" t="str">
            <v>Catalyst 221</v>
          </cell>
        </row>
        <row r="1144">
          <cell r="D1144" t="str">
            <v>Catalyst 221</v>
          </cell>
        </row>
        <row r="1145">
          <cell r="D1145" t="str">
            <v>Catalyst 221</v>
          </cell>
        </row>
        <row r="1146">
          <cell r="D1146" t="str">
            <v>Catalyst 221</v>
          </cell>
        </row>
        <row r="1147">
          <cell r="D1147" t="str">
            <v>Catalyst 221</v>
          </cell>
        </row>
        <row r="1148">
          <cell r="D1148" t="str">
            <v>Catalyst 221</v>
          </cell>
        </row>
        <row r="1149">
          <cell r="D1149" t="str">
            <v>Catalyst 221</v>
          </cell>
        </row>
        <row r="1150">
          <cell r="D1150" t="str">
            <v>Catalyst 221</v>
          </cell>
        </row>
        <row r="1151">
          <cell r="D1151" t="str">
            <v>Catalyst 221</v>
          </cell>
        </row>
        <row r="1152">
          <cell r="D1152" t="str">
            <v>Catalyst 221</v>
          </cell>
        </row>
        <row r="1153">
          <cell r="D1153" t="str">
            <v>Catalyst 221</v>
          </cell>
        </row>
        <row r="1154">
          <cell r="D1154" t="str">
            <v>Other Technology Initiatives</v>
          </cell>
        </row>
        <row r="1155">
          <cell r="D1155" t="str">
            <v>Other Technology Initiatives</v>
          </cell>
        </row>
        <row r="1156">
          <cell r="D1156" t="str">
            <v>Other Technology Initiatives</v>
          </cell>
        </row>
        <row r="1157">
          <cell r="D1157" t="str">
            <v>Other Technology Initiatives</v>
          </cell>
        </row>
        <row r="1158">
          <cell r="D1158" t="str">
            <v>Indirects &amp; Other</v>
          </cell>
        </row>
        <row r="1159">
          <cell r="D1159" t="str">
            <v>Indirects &amp; Other</v>
          </cell>
        </row>
        <row r="1160">
          <cell r="D1160" t="str">
            <v>Indirects &amp; Other</v>
          </cell>
        </row>
        <row r="1161">
          <cell r="D1161" t="str">
            <v>Indirects &amp; Other</v>
          </cell>
        </row>
        <row r="1162">
          <cell r="D1162" t="str">
            <v>Indirects &amp; Other</v>
          </cell>
        </row>
        <row r="1163">
          <cell r="D1163" t="str">
            <v>Indirects &amp; Other</v>
          </cell>
        </row>
        <row r="1164">
          <cell r="D1164" t="str">
            <v>Indirects &amp; Other</v>
          </cell>
        </row>
        <row r="1165">
          <cell r="D1165" t="str">
            <v>Indirects &amp; Other</v>
          </cell>
        </row>
        <row r="1166">
          <cell r="D1166" t="str">
            <v>Indirects &amp; Other</v>
          </cell>
        </row>
        <row r="1167">
          <cell r="D1167" t="str">
            <v>Indirects &amp; Other</v>
          </cell>
        </row>
        <row r="1168">
          <cell r="D1168" t="str">
            <v>Indirects &amp; Other</v>
          </cell>
        </row>
        <row r="1169">
          <cell r="D1169" t="str">
            <v>Indirects &amp; Other</v>
          </cell>
        </row>
        <row r="1170">
          <cell r="D1170" t="str">
            <v>Indirects &amp; Other</v>
          </cell>
        </row>
        <row r="1171">
          <cell r="D1171" t="str">
            <v>Indirects &amp; Other</v>
          </cell>
        </row>
        <row r="1172">
          <cell r="D1172" t="str">
            <v>Indirects &amp; Other</v>
          </cell>
        </row>
        <row r="1173">
          <cell r="D1173" t="str">
            <v>Indirects &amp; Other</v>
          </cell>
        </row>
        <row r="1174">
          <cell r="D1174" t="str">
            <v>Indirects &amp; Other</v>
          </cell>
        </row>
        <row r="1175">
          <cell r="D1175" t="str">
            <v>Indirects &amp; Other</v>
          </cell>
        </row>
        <row r="1176">
          <cell r="D1176" t="str">
            <v>Indirects &amp; Other</v>
          </cell>
        </row>
        <row r="1177">
          <cell r="D1177" t="str">
            <v>Indirects &amp; Other</v>
          </cell>
        </row>
        <row r="1178">
          <cell r="D1178" t="str">
            <v>Indirects &amp; Other</v>
          </cell>
        </row>
        <row r="1179">
          <cell r="D1179" t="str">
            <v>Indirects &amp; Other</v>
          </cell>
        </row>
        <row r="1180">
          <cell r="D1180" t="str">
            <v>Indirects &amp; Other</v>
          </cell>
        </row>
        <row r="1181">
          <cell r="D1181" t="str">
            <v>Indirects &amp; Other</v>
          </cell>
        </row>
        <row r="1182">
          <cell r="D1182" t="str">
            <v>Indirects &amp; Other</v>
          </cell>
        </row>
        <row r="1183">
          <cell r="D1183" t="str">
            <v>Indirects &amp; Other</v>
          </cell>
        </row>
        <row r="1184">
          <cell r="D1184" t="str">
            <v>Indirects &amp; Other</v>
          </cell>
        </row>
        <row r="1185">
          <cell r="D1185" t="str">
            <v>Indirects &amp; Other</v>
          </cell>
        </row>
        <row r="1186">
          <cell r="D1186" t="str">
            <v>Indirects &amp; Other</v>
          </cell>
        </row>
        <row r="1187">
          <cell r="D1187" t="str">
            <v>Indirects &amp; Other</v>
          </cell>
        </row>
        <row r="1188">
          <cell r="D1188" t="str">
            <v>Indirects &amp; Other</v>
          </cell>
        </row>
        <row r="1189">
          <cell r="D1189" t="str">
            <v>Indirects &amp; Other</v>
          </cell>
        </row>
        <row r="1190">
          <cell r="D1190" t="str">
            <v>Indirects &amp; Other</v>
          </cell>
        </row>
        <row r="1191">
          <cell r="D1191" t="str">
            <v>Indirects &amp; Other</v>
          </cell>
        </row>
        <row r="1192">
          <cell r="D1192" t="str">
            <v>Indirects &amp; Other</v>
          </cell>
        </row>
        <row r="1193">
          <cell r="D1193" t="str">
            <v>Indirects &amp; Other</v>
          </cell>
        </row>
        <row r="1194">
          <cell r="D1194" t="str">
            <v>Indirects &amp; Other</v>
          </cell>
        </row>
        <row r="1195">
          <cell r="D1195" t="str">
            <v>Indirects &amp; Other</v>
          </cell>
        </row>
        <row r="1196">
          <cell r="D1196" t="str">
            <v>Indirects &amp; Other</v>
          </cell>
        </row>
        <row r="1197">
          <cell r="D1197" t="str">
            <v>Indirects &amp; Other</v>
          </cell>
        </row>
        <row r="1198">
          <cell r="D1198" t="str">
            <v>Indirects &amp; Other</v>
          </cell>
        </row>
        <row r="1199">
          <cell r="D1199" t="str">
            <v>Indirects &amp; Other</v>
          </cell>
        </row>
        <row r="1200">
          <cell r="D1200" t="str">
            <v>Indirects &amp; Other</v>
          </cell>
        </row>
        <row r="1201">
          <cell r="D1201" t="str">
            <v>Indirects &amp; Other</v>
          </cell>
        </row>
        <row r="1202">
          <cell r="D1202" t="str">
            <v>Indirects &amp; Other</v>
          </cell>
        </row>
        <row r="1203">
          <cell r="D1203" t="str">
            <v>Indirects &amp; Other</v>
          </cell>
        </row>
        <row r="1204">
          <cell r="D1204" t="str">
            <v>Indirects &amp; Other</v>
          </cell>
        </row>
        <row r="1205">
          <cell r="D1205" t="str">
            <v>EDC Managed Account</v>
          </cell>
        </row>
        <row r="1206">
          <cell r="D1206" t="str">
            <v>Wayne County</v>
          </cell>
        </row>
        <row r="1207">
          <cell r="D1207" t="str">
            <v>Wayne County</v>
          </cell>
        </row>
        <row r="1208">
          <cell r="D1208" t="str">
            <v>Wayne County</v>
          </cell>
        </row>
        <row r="1209">
          <cell r="D1209" t="str">
            <v>Wayne County</v>
          </cell>
        </row>
        <row r="1210">
          <cell r="D1210" t="str">
            <v>Wayne County</v>
          </cell>
        </row>
        <row r="1211">
          <cell r="D1211" t="str">
            <v>Wayne County</v>
          </cell>
        </row>
        <row r="1212">
          <cell r="D1212" t="str">
            <v>Wayne County</v>
          </cell>
        </row>
        <row r="1213">
          <cell r="D1213" t="str">
            <v>Wayne County</v>
          </cell>
        </row>
        <row r="1214">
          <cell r="D1214" t="str">
            <v>Wayne County</v>
          </cell>
        </row>
        <row r="1215">
          <cell r="D1215" t="str">
            <v>DSDR</v>
          </cell>
        </row>
        <row r="1216">
          <cell r="D1216" t="str">
            <v>DSDR</v>
          </cell>
        </row>
        <row r="1217">
          <cell r="D1217" t="str">
            <v>DSDR</v>
          </cell>
        </row>
        <row r="1218">
          <cell r="D1218" t="str">
            <v>Region Managed Fund</v>
          </cell>
        </row>
        <row r="1219">
          <cell r="D1219" t="str">
            <v>Feeder Segmentation</v>
          </cell>
        </row>
        <row r="1220">
          <cell r="D1220" t="str">
            <v>Feeder Segmentation</v>
          </cell>
        </row>
        <row r="1221">
          <cell r="D1221" t="str">
            <v>Feeder Segmentation</v>
          </cell>
        </row>
        <row r="1222">
          <cell r="D1222" t="str">
            <v>Feeder Segmentation</v>
          </cell>
        </row>
        <row r="1223">
          <cell r="D1223" t="str">
            <v>Feeder Segmentation</v>
          </cell>
        </row>
        <row r="1224">
          <cell r="D1224" t="str">
            <v>Feeder Segmentation</v>
          </cell>
        </row>
        <row r="1225">
          <cell r="D1225" t="str">
            <v>Feeder Segmentation</v>
          </cell>
        </row>
        <row r="1226">
          <cell r="D1226" t="str">
            <v>Customer &amp; Market Services</v>
          </cell>
        </row>
        <row r="1227">
          <cell r="D1227" t="str">
            <v>Customer &amp; Market Services</v>
          </cell>
        </row>
        <row r="1228">
          <cell r="D1228" t="str">
            <v>Customer &amp; Market Services</v>
          </cell>
        </row>
        <row r="1229">
          <cell r="D1229" t="str">
            <v>Customer &amp; Market Services</v>
          </cell>
        </row>
        <row r="1230">
          <cell r="D1230" t="str">
            <v>Customer &amp; Market Services</v>
          </cell>
        </row>
        <row r="1231">
          <cell r="D1231" t="str">
            <v>Customer &amp; Market Services</v>
          </cell>
        </row>
        <row r="1232">
          <cell r="D1232" t="str">
            <v>Customer &amp; Market Services</v>
          </cell>
        </row>
        <row r="1233">
          <cell r="D1233" t="str">
            <v>DSDR</v>
          </cell>
        </row>
        <row r="1234">
          <cell r="D1234" t="str">
            <v>DSDR</v>
          </cell>
        </row>
        <row r="1235">
          <cell r="D1235" t="str">
            <v>DSDR</v>
          </cell>
        </row>
        <row r="1236">
          <cell r="D1236" t="str">
            <v>DSDR</v>
          </cell>
        </row>
        <row r="1237">
          <cell r="D1237" t="str">
            <v>DSDR</v>
          </cell>
        </row>
        <row r="1238">
          <cell r="D1238" t="str">
            <v>DSDR</v>
          </cell>
        </row>
        <row r="1239">
          <cell r="D1239" t="str">
            <v>DSDR</v>
          </cell>
        </row>
        <row r="1240">
          <cell r="D1240" t="str">
            <v>DSDR</v>
          </cell>
        </row>
        <row r="1241">
          <cell r="D1241" t="str">
            <v>DSDR</v>
          </cell>
        </row>
        <row r="1242">
          <cell r="D1242" t="str">
            <v>DSDR</v>
          </cell>
        </row>
        <row r="1243">
          <cell r="D1243" t="str">
            <v>DSDR</v>
          </cell>
        </row>
        <row r="1244">
          <cell r="D1244" t="str">
            <v>DSDR</v>
          </cell>
        </row>
        <row r="1245">
          <cell r="D1245" t="str">
            <v>DSDR</v>
          </cell>
        </row>
        <row r="1246">
          <cell r="D1246" t="str">
            <v>DSDR</v>
          </cell>
        </row>
        <row r="1247">
          <cell r="D1247" t="str">
            <v>DSDR</v>
          </cell>
        </row>
        <row r="1248">
          <cell r="D1248" t="str">
            <v>DSDR</v>
          </cell>
        </row>
        <row r="1249">
          <cell r="D1249" t="str">
            <v>DSDR</v>
          </cell>
        </row>
        <row r="1250">
          <cell r="D1250" t="str">
            <v>DSDR</v>
          </cell>
        </row>
        <row r="1251">
          <cell r="D1251" t="str">
            <v>DSDR</v>
          </cell>
        </row>
        <row r="1252">
          <cell r="D1252" t="str">
            <v>DSDR</v>
          </cell>
        </row>
        <row r="1253">
          <cell r="D1253" t="str">
            <v>DSDR</v>
          </cell>
        </row>
        <row r="1254">
          <cell r="D1254" t="str">
            <v>DSDR</v>
          </cell>
        </row>
        <row r="1255">
          <cell r="D1255" t="str">
            <v>DSDR</v>
          </cell>
        </row>
        <row r="1256">
          <cell r="D1256" t="str">
            <v>DSDR</v>
          </cell>
        </row>
        <row r="1257">
          <cell r="D1257" t="str">
            <v>DSDR</v>
          </cell>
        </row>
        <row r="1258">
          <cell r="D1258" t="str">
            <v>DSDR</v>
          </cell>
        </row>
        <row r="1259">
          <cell r="D1259" t="str">
            <v>DSDR</v>
          </cell>
        </row>
        <row r="1260">
          <cell r="D1260" t="str">
            <v>DSDR</v>
          </cell>
        </row>
        <row r="1261">
          <cell r="D1261" t="str">
            <v>DSDR</v>
          </cell>
        </row>
        <row r="1262">
          <cell r="D1262" t="str">
            <v>DSDR</v>
          </cell>
        </row>
        <row r="1263">
          <cell r="D1263" t="str">
            <v>DSDR</v>
          </cell>
        </row>
        <row r="1264">
          <cell r="D1264" t="str">
            <v>DSDR</v>
          </cell>
        </row>
        <row r="1265">
          <cell r="D1265" t="str">
            <v>DSDR</v>
          </cell>
        </row>
        <row r="1266">
          <cell r="D1266" t="str">
            <v>DSDR</v>
          </cell>
        </row>
        <row r="1267">
          <cell r="D1267" t="str">
            <v>DSDR</v>
          </cell>
        </row>
        <row r="1268">
          <cell r="D1268" t="str">
            <v>DSDR</v>
          </cell>
        </row>
        <row r="1269">
          <cell r="D1269" t="str">
            <v>DSDR</v>
          </cell>
        </row>
        <row r="1270">
          <cell r="D1270" t="str">
            <v>DSDR</v>
          </cell>
        </row>
        <row r="1271">
          <cell r="D1271" t="str">
            <v>DSDR</v>
          </cell>
        </row>
        <row r="1272">
          <cell r="D1272" t="str">
            <v>DSDR</v>
          </cell>
        </row>
        <row r="1273">
          <cell r="D1273" t="str">
            <v>DSDR</v>
          </cell>
        </row>
        <row r="1274">
          <cell r="D1274" t="str">
            <v>DSDR</v>
          </cell>
        </row>
        <row r="1275">
          <cell r="D1275" t="str">
            <v>DSDR</v>
          </cell>
        </row>
        <row r="1276">
          <cell r="D1276" t="str">
            <v>DSDR</v>
          </cell>
        </row>
        <row r="1277">
          <cell r="D1277" t="str">
            <v>DSDR</v>
          </cell>
        </row>
        <row r="1278">
          <cell r="D1278" t="str">
            <v>DSDR</v>
          </cell>
        </row>
        <row r="1279">
          <cell r="D1279" t="str">
            <v>DSDR</v>
          </cell>
        </row>
        <row r="1280">
          <cell r="D1280" t="str">
            <v>DSDR</v>
          </cell>
        </row>
        <row r="1281">
          <cell r="D1281" t="str">
            <v>DSDR</v>
          </cell>
        </row>
        <row r="1282">
          <cell r="D1282" t="str">
            <v>DSDR</v>
          </cell>
        </row>
        <row r="1283">
          <cell r="D1283" t="str">
            <v>DSDR</v>
          </cell>
        </row>
        <row r="1284">
          <cell r="D1284" t="str">
            <v>DSDR</v>
          </cell>
        </row>
        <row r="1285">
          <cell r="D1285" t="str">
            <v>DSDR</v>
          </cell>
        </row>
        <row r="1286">
          <cell r="D1286" t="str">
            <v>DSDR</v>
          </cell>
        </row>
        <row r="1287">
          <cell r="D1287" t="str">
            <v>DSDR</v>
          </cell>
        </row>
        <row r="1288">
          <cell r="D1288" t="str">
            <v>DSDR</v>
          </cell>
        </row>
        <row r="1289">
          <cell r="D1289" t="str">
            <v>DSDR</v>
          </cell>
        </row>
        <row r="1290">
          <cell r="D1290" t="str">
            <v>Revenue Construction - Lighting</v>
          </cell>
        </row>
        <row r="1291">
          <cell r="D1291" t="str">
            <v>Revenue Construction - Lighting</v>
          </cell>
        </row>
        <row r="1292">
          <cell r="D1292" t="str">
            <v>Revenue Burdens</v>
          </cell>
        </row>
        <row r="1293">
          <cell r="D1293" t="str">
            <v>Region Managed Fund</v>
          </cell>
        </row>
        <row r="1294">
          <cell r="D1294" t="str">
            <v>Region Maintenance</v>
          </cell>
        </row>
        <row r="1295">
          <cell r="D1295" t="str">
            <v>Region Maintenance</v>
          </cell>
        </row>
        <row r="1296">
          <cell r="D1296" t="str">
            <v>Florida C&amp;MS</v>
          </cell>
        </row>
        <row r="1297">
          <cell r="D1297" t="str">
            <v>Florida C&amp;MS</v>
          </cell>
        </row>
        <row r="1298">
          <cell r="D1298" t="str">
            <v>Florida C&amp;MS</v>
          </cell>
        </row>
        <row r="1299">
          <cell r="D1299" t="str">
            <v>Florida C&amp;MS</v>
          </cell>
        </row>
        <row r="1300">
          <cell r="D1300" t="str">
            <v>Florida C&amp;MS</v>
          </cell>
        </row>
        <row r="1301">
          <cell r="D1301" t="str">
            <v>Florida C&amp;MS</v>
          </cell>
        </row>
        <row r="1302">
          <cell r="D1302" t="str">
            <v>Florida C&amp;MS</v>
          </cell>
        </row>
        <row r="1303">
          <cell r="D1303" t="str">
            <v>Florida C&amp;MS</v>
          </cell>
        </row>
        <row r="1304">
          <cell r="D1304" t="str">
            <v>Florida C&amp;MS</v>
          </cell>
        </row>
        <row r="1305">
          <cell r="D1305" t="str">
            <v>Florida C&amp;MS</v>
          </cell>
        </row>
        <row r="1306">
          <cell r="D1306" t="str">
            <v>Florida C&amp;MS</v>
          </cell>
        </row>
        <row r="1307">
          <cell r="D1307" t="str">
            <v>Florida C&amp;MS</v>
          </cell>
        </row>
        <row r="1308">
          <cell r="D1308" t="str">
            <v>Florida C&amp;MS</v>
          </cell>
        </row>
        <row r="1309">
          <cell r="D1309" t="str">
            <v>Florida C&amp;MS</v>
          </cell>
        </row>
        <row r="1310">
          <cell r="D1310" t="str">
            <v>Florida C&amp;MS</v>
          </cell>
        </row>
        <row r="1311">
          <cell r="D1311" t="str">
            <v>Florida C&amp;MS</v>
          </cell>
        </row>
        <row r="1312">
          <cell r="D1312" t="str">
            <v>Florida C&amp;MS</v>
          </cell>
        </row>
        <row r="1313">
          <cell r="D1313" t="str">
            <v>Florida C&amp;MS</v>
          </cell>
        </row>
        <row r="1314">
          <cell r="D1314" t="str">
            <v>Florida C&amp;MS</v>
          </cell>
        </row>
        <row r="1315">
          <cell r="D1315" t="str">
            <v>Florida C&amp;MS</v>
          </cell>
        </row>
        <row r="1316">
          <cell r="D1316" t="str">
            <v>Florida C&amp;MS</v>
          </cell>
        </row>
        <row r="1317">
          <cell r="D1317" t="str">
            <v>Florida C&amp;MS</v>
          </cell>
        </row>
        <row r="1318">
          <cell r="D1318" t="str">
            <v>Florida C&amp;MS</v>
          </cell>
        </row>
        <row r="1319">
          <cell r="D1319" t="str">
            <v>Florida C&amp;MS</v>
          </cell>
        </row>
        <row r="1320">
          <cell r="D1320" t="str">
            <v>Florida C&amp;MS</v>
          </cell>
        </row>
        <row r="1321">
          <cell r="D1321" t="str">
            <v>Florida C&amp;MS</v>
          </cell>
        </row>
        <row r="1322">
          <cell r="D1322" t="str">
            <v>Florida C&amp;MS</v>
          </cell>
        </row>
        <row r="1323">
          <cell r="D1323" t="str">
            <v>Florida C&amp;MS</v>
          </cell>
        </row>
        <row r="1324">
          <cell r="D1324" t="str">
            <v>Florida C&amp;MS</v>
          </cell>
        </row>
        <row r="1325">
          <cell r="D1325" t="str">
            <v>Florida C&amp;MS</v>
          </cell>
        </row>
        <row r="1326">
          <cell r="D1326" t="str">
            <v>Florida C&amp;MS</v>
          </cell>
        </row>
        <row r="1327">
          <cell r="D1327" t="str">
            <v>Florida C&amp;MS</v>
          </cell>
        </row>
        <row r="1328">
          <cell r="D1328" t="str">
            <v>Florida C&amp;MS</v>
          </cell>
        </row>
        <row r="1329">
          <cell r="D1329" t="str">
            <v>Florida C&amp;MS</v>
          </cell>
        </row>
        <row r="1330">
          <cell r="D1330" t="str">
            <v>Florida C&amp;MS</v>
          </cell>
        </row>
        <row r="1331">
          <cell r="D1331" t="str">
            <v>Florida C&amp;MS</v>
          </cell>
        </row>
        <row r="1332">
          <cell r="D1332" t="str">
            <v>Florida C&amp;MS</v>
          </cell>
        </row>
        <row r="1333">
          <cell r="D1333" t="str">
            <v>Florida C&amp;MS</v>
          </cell>
        </row>
        <row r="1334">
          <cell r="D1334" t="str">
            <v>Region Maintenance</v>
          </cell>
        </row>
        <row r="1335">
          <cell r="D1335" t="str">
            <v>Region Maintenance</v>
          </cell>
        </row>
        <row r="1336">
          <cell r="D1336" t="str">
            <v>Florida C&amp;MS</v>
          </cell>
        </row>
        <row r="1337">
          <cell r="D1337" t="str">
            <v>Florida C&amp;MS</v>
          </cell>
        </row>
        <row r="1338">
          <cell r="D1338" t="str">
            <v>Florida C&amp;MS</v>
          </cell>
        </row>
        <row r="1339">
          <cell r="D1339" t="str">
            <v>Florida C&amp;MS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Capital Template (pac)"/>
      <sheetName val="Targets"/>
      <sheetName val="Information"/>
      <sheetName val="Summary"/>
      <sheetName val="Top 20"/>
      <sheetName val="Capital Template"/>
      <sheetName val="O&amp;M template"/>
      <sheetName val="Draft Station Tier Strategy"/>
      <sheetName val="EquipmentCategories"/>
      <sheetName val="Prioritization"/>
      <sheetName val="Capital Raw data"/>
      <sheetName val="O&amp;M Raw data"/>
      <sheetName val="DEC Pivot"/>
      <sheetName val="Sheet1"/>
      <sheetName val=" BK,DR,RK CAP"/>
      <sheetName val="BK,DR,RK O&amp;M"/>
      <sheetName val="Duke FF rev.9"/>
      <sheetName val="Progress FF rev. 9"/>
      <sheetName val="FHG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O&amp;M template"/>
      <sheetName val="Capital Template"/>
      <sheetName val="Draft Station Tier Strategy"/>
      <sheetName val="EquipmentCategories"/>
      <sheetName val="Prioritization"/>
      <sheetName val="Capital Raw data"/>
      <sheetName val="O&amp;M Raw data"/>
    </sheetNames>
    <sheetDataSet>
      <sheetData sheetId="0" refreshError="1"/>
      <sheetData sheetId="1" refreshError="1"/>
      <sheetData sheetId="2" refreshError="1"/>
      <sheetData sheetId="3" refreshError="1"/>
      <sheetData sheetId="4">
        <row r="3">
          <cell r="A3" t="str">
            <v>316b</v>
          </cell>
        </row>
        <row r="4">
          <cell r="A4" t="str">
            <v>ACI</v>
          </cell>
        </row>
        <row r="5">
          <cell r="A5" t="str">
            <v>Air Heater</v>
          </cell>
        </row>
        <row r="6">
          <cell r="A6" t="str">
            <v>Ash Pond/Landfills</v>
          </cell>
        </row>
        <row r="7">
          <cell r="A7" t="str">
            <v>Blankets</v>
          </cell>
        </row>
        <row r="8">
          <cell r="A8" t="str">
            <v>Boiler Feed Pmp</v>
          </cell>
        </row>
        <row r="9">
          <cell r="A9" t="str">
            <v>Boiler Tube</v>
          </cell>
        </row>
        <row r="10">
          <cell r="A10" t="str">
            <v>Burners</v>
          </cell>
        </row>
        <row r="11">
          <cell r="A11" t="str">
            <v>Chemical</v>
          </cell>
        </row>
        <row r="12">
          <cell r="A12" t="str">
            <v>Condenser</v>
          </cell>
        </row>
        <row r="13">
          <cell r="A13" t="str">
            <v>Controls</v>
          </cell>
        </row>
        <row r="14">
          <cell r="A14" t="str">
            <v>CT Major</v>
          </cell>
        </row>
        <row r="15">
          <cell r="A15" t="str">
            <v>Dry Fly Ash</v>
          </cell>
        </row>
        <row r="16">
          <cell r="A16" t="str">
            <v>Dust Mitigation</v>
          </cell>
        </row>
        <row r="17">
          <cell r="A17" t="str">
            <v>Exp. Joints</v>
          </cell>
        </row>
        <row r="18">
          <cell r="A18" t="str">
            <v>Facilities</v>
          </cell>
        </row>
        <row r="19">
          <cell r="A19" t="str">
            <v>Fans</v>
          </cell>
        </row>
        <row r="20">
          <cell r="A20" t="str">
            <v>Feedwater heaters</v>
          </cell>
        </row>
        <row r="21">
          <cell r="A21" t="str">
            <v>FGD Equipment</v>
          </cell>
        </row>
        <row r="22">
          <cell r="A22" t="str">
            <v>Fuel Flex</v>
          </cell>
        </row>
        <row r="23">
          <cell r="A23" t="str">
            <v>Fuel Handling</v>
          </cell>
        </row>
        <row r="24">
          <cell r="A24" t="str">
            <v>Future Environmental</v>
          </cell>
        </row>
        <row r="25">
          <cell r="A25" t="str">
            <v>Generator</v>
          </cell>
        </row>
        <row r="26">
          <cell r="A26" t="str">
            <v>Hg Studies</v>
          </cell>
        </row>
        <row r="27">
          <cell r="A27" t="str">
            <v>Misc Capital</v>
          </cell>
        </row>
        <row r="28">
          <cell r="A28" t="str">
            <v>Misc. Electrical</v>
          </cell>
        </row>
        <row r="29">
          <cell r="A29" t="str">
            <v>Mobile Equipment</v>
          </cell>
        </row>
        <row r="30">
          <cell r="A30" t="str">
            <v>monitors</v>
          </cell>
        </row>
        <row r="31">
          <cell r="A31" t="str">
            <v>NERC-CIP</v>
          </cell>
        </row>
        <row r="32">
          <cell r="A32" t="str">
            <v>Other</v>
          </cell>
        </row>
        <row r="33">
          <cell r="A33" t="str">
            <v>Precipitator</v>
          </cell>
        </row>
        <row r="34">
          <cell r="A34" t="str">
            <v>Pulverizer</v>
          </cell>
        </row>
        <row r="35">
          <cell r="A35" t="str">
            <v>Pump</v>
          </cell>
        </row>
        <row r="36">
          <cell r="A36" t="str">
            <v>Relicensing</v>
          </cell>
        </row>
        <row r="37">
          <cell r="A37" t="str">
            <v>Retirement</v>
          </cell>
        </row>
        <row r="38">
          <cell r="A38" t="str">
            <v>SCR</v>
          </cell>
        </row>
        <row r="39">
          <cell r="A39" t="str">
            <v>Seismic</v>
          </cell>
        </row>
        <row r="40">
          <cell r="A40" t="str">
            <v>Stack</v>
          </cell>
        </row>
        <row r="41">
          <cell r="A41" t="str">
            <v>Turbine</v>
          </cell>
        </row>
        <row r="42">
          <cell r="A42" t="str">
            <v>Valves</v>
          </cell>
        </row>
        <row r="43">
          <cell r="A43" t="str">
            <v>Water Treatment</v>
          </cell>
        </row>
        <row r="44">
          <cell r="A44" t="str">
            <v>Motor</v>
          </cell>
        </row>
        <row r="45">
          <cell r="A45" t="str">
            <v>Chemical Inj</v>
          </cell>
        </row>
      </sheetData>
      <sheetData sheetId="5" refreshError="1"/>
      <sheetData sheetId="6" refreshError="1"/>
      <sheetData sheetId="7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 Proj &amp; CBE Summary"/>
      <sheetName val="2. PGC Emergent Items (2)"/>
      <sheetName val="3. PGC watch List"/>
      <sheetName val="2. PGC  Capital Emergent Items"/>
      <sheetName val="3. PGC Capital watch List (2)"/>
      <sheetName val="4. Action Items"/>
      <sheetName val="Definitions"/>
      <sheetName val="Look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B2" t="str">
            <v>Base Labor</v>
          </cell>
          <cell r="H2" t="str">
            <v>Yes</v>
          </cell>
        </row>
        <row r="3">
          <cell r="B3" t="str">
            <v>Overtime</v>
          </cell>
          <cell r="H3" t="str">
            <v>No</v>
          </cell>
        </row>
        <row r="4">
          <cell r="B4" t="str">
            <v>Labor Burdens</v>
          </cell>
        </row>
        <row r="5">
          <cell r="B5" t="str">
            <v>Contract Services / Labor</v>
          </cell>
        </row>
        <row r="6">
          <cell r="B6" t="str">
            <v>Materials</v>
          </cell>
        </row>
        <row r="7">
          <cell r="B7" t="str">
            <v xml:space="preserve">Meals/Travel </v>
          </cell>
        </row>
        <row r="8">
          <cell r="B8" t="str">
            <v>Rent/Utilities</v>
          </cell>
        </row>
        <row r="9">
          <cell r="B9" t="str">
            <v xml:space="preserve">Other </v>
          </cell>
        </row>
        <row r="10">
          <cell r="B10" t="str">
            <v>Allocations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nk"/>
      <sheetName val="Directors Fee Summary"/>
      <sheetName val="Deer_Summary"/>
      <sheetName val="Fox_Summary"/>
      <sheetName val="Deer_FeeSched"/>
      <sheetName val="Directors"/>
      <sheetName val="#REF"/>
      <sheetName val="Fox"/>
    </sheetNames>
    <sheetDataSet>
      <sheetData sheetId="0" refreshError="1">
        <row r="1">
          <cell r="A1" t="str">
            <v>Project Fox</v>
          </cell>
        </row>
        <row r="2">
          <cell r="A2" t="str">
            <v>Fox/Deer</v>
          </cell>
        </row>
        <row r="3">
          <cell r="A3" t="str">
            <v>Directors' Fees</v>
          </cell>
        </row>
        <row r="4">
          <cell r="F4" t="str">
            <v>Links:</v>
          </cell>
        </row>
        <row r="5">
          <cell r="A5" t="str">
            <v>Escalation Rate</v>
          </cell>
          <cell r="B5">
            <v>2.6060884053425385E-2</v>
          </cell>
          <cell r="C5" t="str">
            <v>From Assumptions File</v>
          </cell>
          <cell r="D5" t="str">
            <v>IN</v>
          </cell>
          <cell r="F5" t="str">
            <v>From 10-yr Model</v>
          </cell>
        </row>
        <row r="6">
          <cell r="A6" t="str">
            <v>Total Savings (2006):</v>
          </cell>
          <cell r="B6">
            <v>1341.6312510424143</v>
          </cell>
          <cell r="C6" t="str">
            <v>Director's Fees - send to 10-Yr model</v>
          </cell>
          <cell r="D6" t="str">
            <v>Out</v>
          </cell>
          <cell r="F6" t="str">
            <v>Internal</v>
          </cell>
        </row>
        <row r="11">
          <cell r="A11" t="str">
            <v>Assumptions</v>
          </cell>
        </row>
        <row r="12">
          <cell r="A12" t="str">
            <v>Deer Dir Eliminated</v>
          </cell>
          <cell r="B12">
            <v>5</v>
          </cell>
          <cell r="D12" t="str">
            <v>IN</v>
          </cell>
          <cell r="F12" t="str">
            <v>Input</v>
          </cell>
        </row>
        <row r="13">
          <cell r="A13" t="str">
            <v>Fox Dir Eliminated</v>
          </cell>
          <cell r="B13">
            <v>5</v>
          </cell>
          <cell r="D13" t="str">
            <v>IN</v>
          </cell>
          <cell r="F13" t="str">
            <v>Inpu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tegory"/>
      <sheetName val="OM_Cost Driver"/>
      <sheetName val="Deferred_Cost Driver"/>
      <sheetName val="New Resp Level 4"/>
      <sheetName val="OM_Process Driver"/>
      <sheetName val="FF Detail"/>
      <sheetName val="FF Group"/>
      <sheetName val="Detail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Ex by Category Status"/>
      <sheetName val="2011 MP Dashboard"/>
      <sheetName val="2011 MP Dashboard (2)"/>
      <sheetName val="Details"/>
    </sheetNames>
    <sheetDataSet>
      <sheetData sheetId="0" refreshError="1"/>
      <sheetData sheetId="1">
        <row r="49">
          <cell r="C49" t="str">
            <v>♦</v>
          </cell>
        </row>
        <row r="50">
          <cell r="C50" t="str">
            <v>●</v>
          </cell>
        </row>
      </sheetData>
      <sheetData sheetId="2"/>
      <sheetData sheetId="3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-2012 vs 2013 by CostDrvr- (3)"/>
      <sheetName val="5-2012 vs 2013 by CostDrvr-PEC"/>
      <sheetName val="5-2012 vs 2013 by CostDrvr- (2)"/>
      <sheetName val="6-2012 vs 2013 by Process-PEC"/>
      <sheetName val="5-2012 vs 2013 by CostDrvr-DEC"/>
      <sheetName val="6-2012 vs 2013 by Process-DEC"/>
    </sheetNames>
    <sheetDataSet>
      <sheetData sheetId="0"/>
      <sheetData sheetId="1">
        <row r="1">
          <cell r="R1">
            <v>1000</v>
          </cell>
        </row>
      </sheetData>
      <sheetData sheetId="2"/>
      <sheetData sheetId="3"/>
      <sheetData sheetId="4"/>
      <sheetData sheetId="5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rmation"/>
      <sheetName val="Pivot PD by Dept"/>
      <sheetName val="Pivot PD by Employees"/>
      <sheetName val="Pivot EH&amp;S Headcount"/>
      <sheetName val="CO MAR'13 HR Data"/>
      <sheetName val="Lookups"/>
    </sheetNames>
    <sheetDataSet>
      <sheetData sheetId="0">
        <row r="1">
          <cell r="E1">
            <v>41364</v>
          </cell>
        </row>
      </sheetData>
      <sheetData sheetId="1" refreshError="1"/>
      <sheetData sheetId="2" refreshError="1"/>
      <sheetData sheetId="3" refreshError="1"/>
      <sheetData sheetId="4" refreshError="1"/>
      <sheetData sheetId="5">
        <row r="2">
          <cell r="I2" t="str">
            <v>Roll7 ID</v>
          </cell>
          <cell r="J2" t="str">
            <v>Manager</v>
          </cell>
          <cell r="K2" t="str">
            <v>VP</v>
          </cell>
        </row>
        <row r="3">
          <cell r="E3" t="str">
            <v>DC</v>
          </cell>
          <cell r="F3" t="str">
            <v>SE</v>
          </cell>
          <cell r="G3" t="str">
            <v>Carolinas</v>
          </cell>
          <cell r="I3">
            <v>46138</v>
          </cell>
          <cell r="J3" t="str">
            <v>Trent, B Keith</v>
          </cell>
          <cell r="K3" t="str">
            <v>Trent, B Keith</v>
          </cell>
        </row>
        <row r="4">
          <cell r="E4" t="str">
            <v>FL</v>
          </cell>
          <cell r="F4" t="str">
            <v>SE</v>
          </cell>
          <cell r="G4" t="str">
            <v>Florida</v>
          </cell>
          <cell r="I4">
            <v>43384</v>
          </cell>
          <cell r="J4" t="str">
            <v>Anders, Caren</v>
          </cell>
          <cell r="K4" t="str">
            <v>Anders, Caren</v>
          </cell>
        </row>
        <row r="5">
          <cell r="E5" t="str">
            <v>GA</v>
          </cell>
          <cell r="F5" t="str">
            <v>SE</v>
          </cell>
          <cell r="G5" t="str">
            <v>Carolinas</v>
          </cell>
          <cell r="I5">
            <v>43575</v>
          </cell>
          <cell r="J5" t="str">
            <v>Anderson, John T</v>
          </cell>
          <cell r="K5" t="str">
            <v>Anders, Caren</v>
          </cell>
        </row>
        <row r="6">
          <cell r="E6" t="str">
            <v>IN</v>
          </cell>
          <cell r="F6" t="str">
            <v>MW</v>
          </cell>
          <cell r="G6" t="str">
            <v>Indiana</v>
          </cell>
          <cell r="I6">
            <v>43574</v>
          </cell>
          <cell r="J6" t="str">
            <v>Bagley, Richard W</v>
          </cell>
          <cell r="K6" t="str">
            <v>Anders, Caren</v>
          </cell>
        </row>
        <row r="7">
          <cell r="E7" t="str">
            <v>KY</v>
          </cell>
          <cell r="F7" t="str">
            <v>MW</v>
          </cell>
          <cell r="G7" t="str">
            <v>Ohio &amp; Ky</v>
          </cell>
          <cell r="I7">
            <v>43302</v>
          </cell>
          <cell r="J7" t="str">
            <v>Brabbs, Trisha M</v>
          </cell>
          <cell r="K7" t="str">
            <v>Anders, Caren</v>
          </cell>
        </row>
        <row r="8">
          <cell r="E8" t="str">
            <v>MN</v>
          </cell>
          <cell r="F8" t="str">
            <v>MW</v>
          </cell>
          <cell r="G8" t="str">
            <v>Minn</v>
          </cell>
          <cell r="I8">
            <v>43576</v>
          </cell>
          <cell r="J8" t="str">
            <v>Hope, Catherine</v>
          </cell>
          <cell r="K8" t="str">
            <v>Anders, Caren</v>
          </cell>
        </row>
        <row r="9">
          <cell r="E9" t="str">
            <v>NC</v>
          </cell>
          <cell r="F9" t="str">
            <v>SE</v>
          </cell>
          <cell r="G9" t="str">
            <v>Carolinas</v>
          </cell>
          <cell r="I9">
            <v>43573</v>
          </cell>
          <cell r="J9" t="str">
            <v>Jefferson, William</v>
          </cell>
          <cell r="K9" t="str">
            <v>Anders, Caren</v>
          </cell>
        </row>
        <row r="10">
          <cell r="E10" t="str">
            <v>OH</v>
          </cell>
          <cell r="F10" t="str">
            <v>MW</v>
          </cell>
          <cell r="G10" t="str">
            <v>Ohio &amp; Ky</v>
          </cell>
          <cell r="I10">
            <v>41090</v>
          </cell>
          <cell r="J10" t="str">
            <v>Peeler Jr, Vohn N</v>
          </cell>
          <cell r="K10" t="str">
            <v>Anders, Caren</v>
          </cell>
        </row>
        <row r="11">
          <cell r="E11" t="str">
            <v>SC</v>
          </cell>
          <cell r="F11" t="str">
            <v>SE</v>
          </cell>
          <cell r="G11" t="str">
            <v>Carolinas</v>
          </cell>
          <cell r="I11">
            <v>43584</v>
          </cell>
          <cell r="J11" t="str">
            <v>Waters, Samuel S</v>
          </cell>
          <cell r="K11" t="str">
            <v>Anders, Caren</v>
          </cell>
        </row>
        <row r="12">
          <cell r="E12" t="str">
            <v>TN</v>
          </cell>
          <cell r="F12" t="str">
            <v>SE</v>
          </cell>
          <cell r="G12" t="str">
            <v>Carolinas</v>
          </cell>
          <cell r="I12">
            <v>21602</v>
          </cell>
          <cell r="J12" t="str">
            <v>Carter, Brett C</v>
          </cell>
          <cell r="K12" t="str">
            <v>Carter, Brett C</v>
          </cell>
        </row>
        <row r="13">
          <cell r="E13" t="str">
            <v>TX</v>
          </cell>
          <cell r="F13" t="str">
            <v>SE</v>
          </cell>
          <cell r="G13" t="str">
            <v>Internat'l</v>
          </cell>
          <cell r="I13">
            <v>43570</v>
          </cell>
          <cell r="J13" t="str">
            <v>Birmingham-Byrd, Melody</v>
          </cell>
          <cell r="K13" t="str">
            <v>Carter, Brett C</v>
          </cell>
        </row>
        <row r="14">
          <cell r="I14">
            <v>43569</v>
          </cell>
          <cell r="J14" t="str">
            <v>Corbett, Jeffrey Allen</v>
          </cell>
          <cell r="K14" t="str">
            <v>Carter, Brett C</v>
          </cell>
        </row>
        <row r="15">
          <cell r="I15">
            <v>43571</v>
          </cell>
          <cell r="J15" t="str">
            <v>Lewis, Michael A</v>
          </cell>
          <cell r="K15" t="str">
            <v>Carter, Brett C</v>
          </cell>
        </row>
        <row r="16">
          <cell r="I16">
            <v>43572</v>
          </cell>
          <cell r="J16" t="str">
            <v>Sipes, Robert A</v>
          </cell>
          <cell r="K16" t="str">
            <v>Carter, Brett C</v>
          </cell>
        </row>
        <row r="17">
          <cell r="I17">
            <v>43387</v>
          </cell>
          <cell r="J17" t="str">
            <v>Wyatt, Mark D</v>
          </cell>
          <cell r="K17" t="str">
            <v>Carter, Brett C</v>
          </cell>
        </row>
        <row r="18">
          <cell r="I18">
            <v>24063</v>
          </cell>
          <cell r="J18" t="str">
            <v>Lanier, Gayle S</v>
          </cell>
          <cell r="K18" t="str">
            <v>Lanier, Gayle S</v>
          </cell>
        </row>
        <row r="19">
          <cell r="I19">
            <v>43566</v>
          </cell>
          <cell r="J19" t="str">
            <v>Brabender-Feld, Karen</v>
          </cell>
          <cell r="K19" t="str">
            <v>Lanier, Gayle S</v>
          </cell>
        </row>
        <row r="20">
          <cell r="I20">
            <v>43583</v>
          </cell>
          <cell r="J20" t="str">
            <v>Davis, Joni Y</v>
          </cell>
          <cell r="K20" t="str">
            <v>Lanier, Gayle S</v>
          </cell>
        </row>
        <row r="21">
          <cell r="I21">
            <v>17630</v>
          </cell>
          <cell r="J21" t="str">
            <v>Gowan, James D</v>
          </cell>
          <cell r="K21" t="str">
            <v>Lanier, Gayle S</v>
          </cell>
        </row>
        <row r="22">
          <cell r="I22">
            <v>43581</v>
          </cell>
          <cell r="J22" t="str">
            <v>Larsen, Rchard K</v>
          </cell>
          <cell r="K22" t="str">
            <v>Lanier, Gayle S</v>
          </cell>
        </row>
        <row r="23">
          <cell r="I23">
            <v>23905</v>
          </cell>
          <cell r="J23" t="str">
            <v>Lawrence, Jared A</v>
          </cell>
          <cell r="K23" t="str">
            <v>Lanier, Gayle S</v>
          </cell>
        </row>
        <row r="24">
          <cell r="I24">
            <v>43582</v>
          </cell>
          <cell r="J24" t="str">
            <v>Luhrs, Michael S</v>
          </cell>
          <cell r="K24" t="str">
            <v>Lanier, Gayle S</v>
          </cell>
        </row>
        <row r="25">
          <cell r="I25">
            <v>21286</v>
          </cell>
          <cell r="J25" t="str">
            <v>Rainear, James R</v>
          </cell>
          <cell r="K25" t="str">
            <v>Lanier, Gayle S</v>
          </cell>
        </row>
        <row r="26">
          <cell r="I26">
            <v>41141</v>
          </cell>
          <cell r="J26" t="str">
            <v>Mehring, James</v>
          </cell>
          <cell r="K26" t="str">
            <v>Mehring, James</v>
          </cell>
        </row>
        <row r="27">
          <cell r="I27">
            <v>24005</v>
          </cell>
          <cell r="J27" t="str">
            <v>Brumback, Mike</v>
          </cell>
          <cell r="K27" t="str">
            <v>Mehring, James</v>
          </cell>
        </row>
        <row r="28">
          <cell r="I28">
            <v>23400</v>
          </cell>
          <cell r="J28" t="str">
            <v>Hebbeler, Gary J</v>
          </cell>
          <cell r="K28" t="str">
            <v>Mehring, James</v>
          </cell>
        </row>
        <row r="29">
          <cell r="I29">
            <v>41143</v>
          </cell>
          <cell r="J29" t="str">
            <v>Hill Jr, John A</v>
          </cell>
          <cell r="K29" t="str">
            <v>Mehring, James</v>
          </cell>
        </row>
        <row r="30">
          <cell r="I30">
            <v>23014</v>
          </cell>
          <cell r="J30" t="str">
            <v>Kern, Jeff L</v>
          </cell>
          <cell r="K30" t="str">
            <v>Mehring, James</v>
          </cell>
        </row>
        <row r="31">
          <cell r="I31">
            <v>23403</v>
          </cell>
          <cell r="J31" t="str">
            <v>Westenberg, Dennis John</v>
          </cell>
          <cell r="K31" t="str">
            <v>Mehring, James</v>
          </cell>
        </row>
      </sheetData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O&amp;MBudget"/>
      <sheetName val="BOCapitalBudget"/>
      <sheetName val="BOECRC"/>
      <sheetName val="Financial Cashflow-ECRC"/>
      <sheetName val="TRIP Abate 1PH Switch - OM"/>
      <sheetName val="PMCoverSheetold"/>
      <sheetName val="GraphTable2"/>
      <sheetName val="Financial Cashflow-OMProj"/>
      <sheetName val="MALReport"/>
      <sheetName val="CoverSheet"/>
      <sheetName val="Pole Replace Open - CAP"/>
      <sheetName val="Capacitor New-CAP"/>
      <sheetName val="Load Growth Feeder - CAP"/>
      <sheetName val="600A Switch Replc-CAP"/>
      <sheetName val="POLE_Rep_Targets"/>
      <sheetName val="URD_CABLE_Targets"/>
      <sheetName val="TRIPTargets"/>
      <sheetName val="PMCoverSheet"/>
      <sheetName val="CapacitorInspect_OM"/>
      <sheetName val="Voltage Reg Inspect-OM"/>
      <sheetName val="600A SWITCH MAINT-O&amp;M"/>
      <sheetName val="Switchgear Replacement-CAP"/>
      <sheetName val="Distribution Automation-OM"/>
      <sheetName val="Financial Cashflow-OM"/>
      <sheetName val="BOO&amp;MActuals"/>
      <sheetName val="OriginalSummary"/>
      <sheetName val="Subaqueous Cable-CAP"/>
      <sheetName val="TRIP Repl 3PH Dry-CAP"/>
      <sheetName val="TRIP Repl 1PH Dry-CAP"/>
      <sheetName val="CIR_UG-CAP"/>
      <sheetName val="CIR_OH-CAP"/>
      <sheetName val="TRIP Abate 3PH - OM"/>
      <sheetName val="TRIP Abate 1PH - OM"/>
      <sheetName val="TRIP Repl 3 PH Modef-CAP"/>
      <sheetName val="TRIP Repl 1 PH Modef-CAP"/>
      <sheetName val="Target Reliability-CAP"/>
      <sheetName val="Pole Reinforce-CAP"/>
      <sheetName val="Pole Treatments-OM"/>
      <sheetName val="Pole Inspect - OM"/>
      <sheetName val="Large Revenue Customer -CAP "/>
      <sheetName val="TRIP Inspections - OM"/>
      <sheetName val="TRIP Abate 3PH-ECRC"/>
      <sheetName val="TRIP Abate 1PH-ECRC"/>
      <sheetName val="Voltage Reg Replace-CAP"/>
      <sheetName val="UG Cable Small"/>
      <sheetName val="UG Cable Large"/>
      <sheetName val="TRIP Repl 3PH Wet-CAP"/>
      <sheetName val="TRIP Repl 1PH Wet-CAP"/>
      <sheetName val="TRIP Paint_Rep1PH-OM"/>
      <sheetName val="StormHardening-CAP"/>
      <sheetName val="StormHard_WkLOC_CAP"/>
      <sheetName val="Small Wire Upgrade-CAP"/>
      <sheetName val="Recloser Replace Hydrau-CAP"/>
      <sheetName val="Recloser Replace Elect-CAP"/>
      <sheetName val="Recloser Maint Electronic - OM"/>
      <sheetName val="Recloser Inspect Electronic-OM"/>
      <sheetName val="Pole Stub Removal-CAP"/>
      <sheetName val="Pole Replace JU Open-CAP"/>
      <sheetName val="Pole Replace JU Closed-CAP"/>
      <sheetName val="Pole Replace Closed - CAP"/>
      <sheetName val="Major Conversion - CAP"/>
      <sheetName val="Network Maintenance-OM"/>
      <sheetName val="Network Replacement-CAP"/>
      <sheetName val="Pole JU Guying-OM"/>
      <sheetName val="Fault Current Indicator - OM"/>
      <sheetName val="Feeder Standard - OM"/>
      <sheetName val="Feeder Standard - CAP"/>
      <sheetName val="DOT-GOVT-Misc-CAP"/>
      <sheetName val="DOT Feeder-CAP"/>
      <sheetName val="Distribution Automation-CAP"/>
      <sheetName val="CapacitorReplc_Cap"/>
      <sheetName val="CapacitorMaint_OM"/>
      <sheetName val="Infrared Scan Replace-CAP"/>
      <sheetName val="Infrared Scan Maint-OM"/>
      <sheetName val="Infrared Scan Inspect-OM"/>
      <sheetName val="Recloser New Electronic CAP"/>
      <sheetName val="ATSMaint_Inspect-OM"/>
      <sheetName val="TransfrREMOHNoLoad OM"/>
      <sheetName val="Subaqueous Cable-OM"/>
      <sheetName val="UGSwitchgearInsMain OM"/>
      <sheetName val="Auto Transfer Switch Rep CAP"/>
      <sheetName val="Longwood_Operation_Center "/>
      <sheetName val="SystemSummaryVariance"/>
      <sheetName val="SystemSummaryVariance (2)"/>
      <sheetName val="Financial Cashflow-CapProj"/>
      <sheetName val="Financial Cashflow-Cap"/>
      <sheetName val="BOCaptialActuals"/>
      <sheetName val="ProgramTable"/>
      <sheetName val="System_Summary"/>
      <sheetName val="GraphTable"/>
      <sheetName val="SystemSummaryVarianceold"/>
      <sheetName val="ProgramList"/>
      <sheetName val="ProgramTable (2)"/>
      <sheetName val="ProgramSummarys_Expand"/>
      <sheetName val="PercentageTable_2"/>
      <sheetName val="SelectionSummary"/>
      <sheetName val="RefTable"/>
      <sheetName val="OriginalWorkPlan"/>
      <sheetName val="OriginalWP"/>
      <sheetName val="Access_Tables_OrgWP"/>
      <sheetName val="Access_Tables"/>
      <sheetName val="Sheet1"/>
      <sheetName val="WMIS_ACCESS_TAble"/>
      <sheetName val="TargetAvailSummary"/>
      <sheetName val="Sheet4"/>
      <sheetName val="ProgramSummary"/>
      <sheetName val="ScaleProgramSummary"/>
      <sheetName val="WeeklyPerform_LimitedProgs"/>
      <sheetName val="BOCaptialProjections"/>
      <sheetName val="BOOMProjections"/>
      <sheetName val="Lookup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>
        <row r="1">
          <cell r="E1" t="str">
            <v>Location</v>
          </cell>
          <cell r="I1" t="str">
            <v>Program Groups</v>
          </cell>
        </row>
        <row r="2">
          <cell r="E2" t="str">
            <v>APOPKA OPERATION CENTER</v>
          </cell>
          <cell r="I2" t="str">
            <v>Switches_Automation</v>
          </cell>
        </row>
        <row r="3">
          <cell r="E3" t="str">
            <v>DELAND OPERATION CENTER</v>
          </cell>
          <cell r="I3" t="str">
            <v>Capacitors</v>
          </cell>
        </row>
        <row r="4">
          <cell r="E4" t="str">
            <v>JAMESTOWN OPERATION CENTER</v>
          </cell>
          <cell r="I4" t="str">
            <v>Component_Integrity_Replacement</v>
          </cell>
        </row>
        <row r="5">
          <cell r="E5" t="str">
            <v>LONGWOOD OPERATION CENTER</v>
          </cell>
          <cell r="I5" t="str">
            <v>DOT</v>
          </cell>
        </row>
        <row r="6">
          <cell r="E6" t="str">
            <v>NORTH CENTRAL REGION</v>
          </cell>
          <cell r="I6" t="str">
            <v>Feeder_Standardization</v>
          </cell>
        </row>
        <row r="7">
          <cell r="E7" t="str">
            <v>DEM LAKE WALES</v>
          </cell>
          <cell r="I7" t="str">
            <v xml:space="preserve">Infrared_Scan </v>
          </cell>
        </row>
        <row r="8">
          <cell r="E8" t="str">
            <v>LAKE WALES OPERATION CENTER</v>
          </cell>
          <cell r="I8" t="str">
            <v>Large_Revenue_Customer</v>
          </cell>
        </row>
        <row r="9">
          <cell r="E9" t="str">
            <v>HIGHLANDS OPERATION CENTER</v>
          </cell>
          <cell r="I9" t="str">
            <v>Load_Growth</v>
          </cell>
        </row>
        <row r="10">
          <cell r="E10" t="str">
            <v>SE ORLANDO OPERATION CENTER</v>
          </cell>
          <cell r="I10" t="str">
            <v>Major_Conversion</v>
          </cell>
        </row>
        <row r="11">
          <cell r="E11" t="str">
            <v>DEM WINTER GARDEN</v>
          </cell>
          <cell r="I11" t="str">
            <v>Network_Replace_Maint</v>
          </cell>
        </row>
        <row r="12">
          <cell r="E12" t="str">
            <v>BUENA VISTA OPERATION CENTER</v>
          </cell>
          <cell r="I12" t="str">
            <v>Poles</v>
          </cell>
        </row>
        <row r="13">
          <cell r="E13" t="str">
            <v>CLERMONT OPERATON CENTER</v>
          </cell>
          <cell r="I13" t="str">
            <v>StormHardening_SmallWire_More</v>
          </cell>
        </row>
        <row r="14">
          <cell r="E14" t="str">
            <v>WINTER GARDEN OPERATION CENTER</v>
          </cell>
          <cell r="I14" t="str">
            <v>Targeted_Reliability</v>
          </cell>
        </row>
        <row r="15">
          <cell r="E15" t="str">
            <v>SOUTH CENTRAL REGION</v>
          </cell>
          <cell r="I15" t="str">
            <v>TRIP_Modef</v>
          </cell>
        </row>
        <row r="16">
          <cell r="E16" t="str">
            <v>INVERNESS OPERATION CENTER</v>
          </cell>
          <cell r="I16" t="str">
            <v>Underground_Cable</v>
          </cell>
        </row>
        <row r="17">
          <cell r="E17" t="str">
            <v>MONTICELLO OPERATION CENTER</v>
          </cell>
          <cell r="I17" t="str">
            <v>FCI</v>
          </cell>
        </row>
        <row r="18">
          <cell r="E18" t="str">
            <v>OCALA OPERATION CENTER</v>
          </cell>
          <cell r="I18" t="str">
            <v>Reclosers</v>
          </cell>
        </row>
        <row r="19">
          <cell r="E19" t="str">
            <v>NORTH COASTAL REGION</v>
          </cell>
          <cell r="I19" t="str">
            <v>Regulators</v>
          </cell>
        </row>
        <row r="20">
          <cell r="E20" t="str">
            <v>DEM CLEARWATER</v>
          </cell>
        </row>
        <row r="21">
          <cell r="E21" t="str">
            <v>CLEARWATER OPERATION CENTER</v>
          </cell>
        </row>
        <row r="22">
          <cell r="E22" t="str">
            <v>SEVEN SPRINGS OPERATION CENTER</v>
          </cell>
        </row>
        <row r="23">
          <cell r="E23" t="str">
            <v>DEM ST PETERSBURG</v>
          </cell>
        </row>
        <row r="24">
          <cell r="E24" t="str">
            <v>ST PETERSBURG OPERATION CENTER</v>
          </cell>
        </row>
        <row r="25">
          <cell r="E25" t="str">
            <v>WALSINGHAM OPERATION CENTER</v>
          </cell>
        </row>
        <row r="26">
          <cell r="E26" t="str">
            <v>SOUTH COASTAL REGION</v>
          </cell>
        </row>
        <row r="27">
          <cell r="E27" t="str">
            <v>SYSTEM</v>
          </cell>
        </row>
      </sheetData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3 Group Admin Waterfall"/>
      <sheetName val="4 Regions RMC Waterfall (Cost)"/>
      <sheetName val="5 Regions RMC Waterfall (Proc)"/>
      <sheetName val="6 Distribution Waterfall (Cost)"/>
      <sheetName val="7 Distribution Waterfall (Proc)"/>
      <sheetName val="8 CMS PEC Waterfall"/>
      <sheetName val="9 CMS PEF Waterfall"/>
      <sheetName val="10 Service Delivery CPU"/>
      <sheetName val="11 Restore CPU"/>
      <sheetName val="12 EDC Cap Sumb"/>
      <sheetName val="13 Growth Cap Waterfall"/>
      <sheetName val="13 Program Cap Waterfall"/>
      <sheetName val="13 Other Base Cap Waterfall"/>
      <sheetName val="14 Residential CPU"/>
      <sheetName val="15 C&amp;I CPU"/>
      <sheetName val="16 Lighting CPU"/>
      <sheetName val="Data Dump"/>
      <sheetName val="Budget CPU"/>
      <sheetName val="Residential"/>
      <sheetName val="Commercial &amp; Industrial"/>
      <sheetName val="Lights"/>
      <sheetName val="Dept OT"/>
      <sheetName val="YTD ACTUALS by Month and State"/>
      <sheetName val="Capital Projections"/>
    </sheetNames>
    <sheetDataSet>
      <sheetData sheetId="0" refreshError="1">
        <row r="1">
          <cell r="P1">
            <v>41000</v>
          </cell>
        </row>
      </sheetData>
      <sheetData sheetId="1" refreshError="1"/>
      <sheetData sheetId="2" refreshError="1"/>
      <sheetData sheetId="3" refreshError="1">
        <row r="1">
          <cell r="B1">
            <v>4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>
        <row r="1">
          <cell r="B1">
            <v>0</v>
          </cell>
          <cell r="C1">
            <v>0</v>
          </cell>
          <cell r="E1">
            <v>0</v>
          </cell>
          <cell r="H1">
            <v>0</v>
          </cell>
          <cell r="I1">
            <v>0</v>
          </cell>
          <cell r="M1">
            <v>0</v>
          </cell>
        </row>
        <row r="2">
          <cell r="B2" t="str">
            <v>Company Code</v>
          </cell>
          <cell r="C2" t="str">
            <v>AC</v>
          </cell>
          <cell r="D2" t="str">
            <v>Flash Category</v>
          </cell>
          <cell r="E2" t="str">
            <v>Flash Process Driver</v>
          </cell>
          <cell r="G2" t="str">
            <v>.Flash Cost Driver Grouping</v>
          </cell>
          <cell r="H2" t="str">
            <v>.Flash Process Driver Grouping</v>
          </cell>
          <cell r="I2" t="str">
            <v>Flash Capital Grouping</v>
          </cell>
          <cell r="K2" t="str">
            <v>MTD Actual</v>
          </cell>
          <cell r="M2" t="str">
            <v>YTD Target</v>
          </cell>
          <cell r="N2" t="str">
            <v>YTD Actual</v>
          </cell>
          <cell r="O2" t="str">
            <v>YTD Variance</v>
          </cell>
          <cell r="P2" t="str">
            <v>Annual Budget</v>
          </cell>
          <cell r="Q2" t="str">
            <v>YE Target</v>
          </cell>
          <cell r="R2" t="str">
            <v>YE Projection</v>
          </cell>
          <cell r="S2" t="str">
            <v>YE Variance</v>
          </cell>
        </row>
        <row r="3">
          <cell r="B3">
            <v>1</v>
          </cell>
          <cell r="C3" t="str">
            <v>O&amp;M</v>
          </cell>
          <cell r="D3" t="str">
            <v>EDC Major Storm</v>
          </cell>
          <cell r="E3" t="str">
            <v>EDC Major Storm</v>
          </cell>
          <cell r="G3" t="str">
            <v>Other</v>
          </cell>
          <cell r="H3" t="str">
            <v>EDC Major Storm</v>
          </cell>
          <cell r="I3">
            <v>0</v>
          </cell>
          <cell r="K3">
            <v>0</v>
          </cell>
          <cell r="M3">
            <v>0</v>
          </cell>
          <cell r="N3">
            <v>32206</v>
          </cell>
          <cell r="O3">
            <v>-32206</v>
          </cell>
          <cell r="P3">
            <v>0</v>
          </cell>
          <cell r="Q3">
            <v>0</v>
          </cell>
          <cell r="R3">
            <v>0</v>
          </cell>
          <cell r="S3">
            <v>0</v>
          </cell>
        </row>
        <row r="4">
          <cell r="B4">
            <v>1</v>
          </cell>
          <cell r="C4" t="str">
            <v>O&amp;M</v>
          </cell>
          <cell r="D4" t="str">
            <v>EDC Major Storm</v>
          </cell>
          <cell r="E4" t="str">
            <v>EDC Major Storm</v>
          </cell>
          <cell r="G4" t="str">
            <v>EDC Major Storm</v>
          </cell>
          <cell r="H4" t="str">
            <v>EDC Major Storm</v>
          </cell>
          <cell r="I4">
            <v>0</v>
          </cell>
          <cell r="K4">
            <v>16495</v>
          </cell>
          <cell r="M4">
            <v>0</v>
          </cell>
          <cell r="N4">
            <v>-542980</v>
          </cell>
          <cell r="O4">
            <v>542980</v>
          </cell>
          <cell r="P4">
            <v>0</v>
          </cell>
          <cell r="Q4">
            <v>0</v>
          </cell>
          <cell r="R4">
            <v>-525000</v>
          </cell>
          <cell r="S4">
            <v>525000</v>
          </cell>
        </row>
        <row r="5">
          <cell r="B5">
            <v>1</v>
          </cell>
          <cell r="C5" t="str">
            <v>O&amp;M</v>
          </cell>
          <cell r="D5" t="str">
            <v>Group Admin</v>
          </cell>
          <cell r="E5" t="str">
            <v>Company Labor</v>
          </cell>
          <cell r="G5" t="str">
            <v>Company Labor</v>
          </cell>
          <cell r="H5" t="str">
            <v>Company Labor</v>
          </cell>
          <cell r="I5">
            <v>0</v>
          </cell>
          <cell r="K5">
            <v>27394</v>
          </cell>
          <cell r="M5">
            <v>109022</v>
          </cell>
          <cell r="N5">
            <v>111662</v>
          </cell>
          <cell r="O5">
            <v>-2640</v>
          </cell>
          <cell r="P5">
            <v>314965</v>
          </cell>
          <cell r="Q5">
            <v>314966</v>
          </cell>
          <cell r="R5">
            <v>314965</v>
          </cell>
          <cell r="S5">
            <v>1</v>
          </cell>
        </row>
        <row r="6">
          <cell r="B6">
            <v>1</v>
          </cell>
          <cell r="C6" t="str">
            <v>O&amp;M</v>
          </cell>
          <cell r="D6" t="str">
            <v>Group Admin</v>
          </cell>
          <cell r="E6" t="str">
            <v>Company Labor</v>
          </cell>
          <cell r="G6" t="str">
            <v>Company Labor</v>
          </cell>
          <cell r="H6" t="str">
            <v>Company Labor</v>
          </cell>
          <cell r="I6">
            <v>0</v>
          </cell>
          <cell r="K6">
            <v>25883</v>
          </cell>
          <cell r="M6">
            <v>102981</v>
          </cell>
          <cell r="N6">
            <v>105035</v>
          </cell>
          <cell r="O6">
            <v>-2054</v>
          </cell>
          <cell r="P6">
            <v>301357</v>
          </cell>
          <cell r="Q6">
            <v>301358</v>
          </cell>
          <cell r="R6">
            <v>301357</v>
          </cell>
          <cell r="S6">
            <v>0</v>
          </cell>
        </row>
        <row r="7">
          <cell r="B7">
            <v>1</v>
          </cell>
          <cell r="C7" t="str">
            <v>O&amp;M</v>
          </cell>
          <cell r="D7" t="str">
            <v>Group Admin</v>
          </cell>
          <cell r="E7" t="str">
            <v>Company Labor</v>
          </cell>
          <cell r="G7" t="str">
            <v>Company Labor</v>
          </cell>
          <cell r="H7" t="str">
            <v>Company Labor</v>
          </cell>
          <cell r="I7">
            <v>0</v>
          </cell>
          <cell r="K7">
            <v>278</v>
          </cell>
          <cell r="M7">
            <v>0</v>
          </cell>
          <cell r="N7">
            <v>2190</v>
          </cell>
          <cell r="O7">
            <v>-2190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</row>
        <row r="8">
          <cell r="B8">
            <v>1</v>
          </cell>
          <cell r="C8" t="str">
            <v>O&amp;M</v>
          </cell>
          <cell r="D8" t="str">
            <v>Group Admin</v>
          </cell>
          <cell r="E8" t="str">
            <v>Company Labor</v>
          </cell>
          <cell r="G8" t="str">
            <v>Workers Comp</v>
          </cell>
          <cell r="H8" t="str">
            <v>Company Labor</v>
          </cell>
          <cell r="I8">
            <v>0</v>
          </cell>
          <cell r="K8">
            <v>0</v>
          </cell>
          <cell r="M8">
            <v>0</v>
          </cell>
          <cell r="N8">
            <v>0</v>
          </cell>
          <cell r="O8">
            <v>0</v>
          </cell>
          <cell r="P8">
            <v>710000</v>
          </cell>
          <cell r="Q8">
            <v>0</v>
          </cell>
          <cell r="R8">
            <v>0</v>
          </cell>
          <cell r="S8">
            <v>0</v>
          </cell>
        </row>
        <row r="9">
          <cell r="B9">
            <v>1</v>
          </cell>
          <cell r="C9" t="str">
            <v>O&amp;M</v>
          </cell>
          <cell r="D9" t="str">
            <v>Group Admin</v>
          </cell>
          <cell r="E9" t="str">
            <v>Company Labor</v>
          </cell>
          <cell r="G9" t="str">
            <v>Contract Labor</v>
          </cell>
          <cell r="H9" t="str">
            <v>Company Labor</v>
          </cell>
          <cell r="I9">
            <v>0</v>
          </cell>
          <cell r="K9">
            <v>-2289</v>
          </cell>
          <cell r="M9">
            <v>0</v>
          </cell>
          <cell r="N9">
            <v>0</v>
          </cell>
          <cell r="O9">
            <v>0</v>
          </cell>
          <cell r="P9">
            <v>50000</v>
          </cell>
          <cell r="Q9">
            <v>0</v>
          </cell>
          <cell r="R9">
            <v>0</v>
          </cell>
          <cell r="S9">
            <v>0</v>
          </cell>
        </row>
        <row r="10">
          <cell r="B10">
            <v>1</v>
          </cell>
          <cell r="C10" t="str">
            <v>O&amp;M</v>
          </cell>
          <cell r="D10" t="str">
            <v>Group Admin</v>
          </cell>
          <cell r="E10" t="str">
            <v>Company Labor</v>
          </cell>
          <cell r="G10" t="str">
            <v>Fleet</v>
          </cell>
          <cell r="H10" t="str">
            <v>Company Labor</v>
          </cell>
          <cell r="I10">
            <v>0</v>
          </cell>
          <cell r="K10">
            <v>-21</v>
          </cell>
          <cell r="M10">
            <v>0</v>
          </cell>
          <cell r="N10">
            <v>279</v>
          </cell>
          <cell r="O10">
            <v>-279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</row>
        <row r="11">
          <cell r="B11">
            <v>1</v>
          </cell>
          <cell r="C11" t="str">
            <v>O&amp;M</v>
          </cell>
          <cell r="D11" t="str">
            <v>Group Admin</v>
          </cell>
          <cell r="E11" t="str">
            <v>Company Labor</v>
          </cell>
          <cell r="G11" t="str">
            <v>Meals/Travel</v>
          </cell>
          <cell r="H11" t="str">
            <v>Company Labor</v>
          </cell>
          <cell r="I11">
            <v>0</v>
          </cell>
          <cell r="K11">
            <v>1715</v>
          </cell>
          <cell r="M11">
            <v>0</v>
          </cell>
          <cell r="N11">
            <v>2990</v>
          </cell>
          <cell r="O11">
            <v>-2990</v>
          </cell>
          <cell r="P11">
            <v>25000</v>
          </cell>
          <cell r="Q11">
            <v>0</v>
          </cell>
          <cell r="R11">
            <v>0</v>
          </cell>
          <cell r="S11">
            <v>0</v>
          </cell>
        </row>
        <row r="12">
          <cell r="B12">
            <v>1</v>
          </cell>
          <cell r="C12" t="str">
            <v>O&amp;M</v>
          </cell>
          <cell r="D12" t="str">
            <v>Group Admin</v>
          </cell>
          <cell r="E12" t="str">
            <v>Company Labor</v>
          </cell>
          <cell r="G12" t="str">
            <v>Materials</v>
          </cell>
          <cell r="H12" t="str">
            <v>Company Labor</v>
          </cell>
          <cell r="I12">
            <v>0</v>
          </cell>
          <cell r="K12">
            <v>-111</v>
          </cell>
          <cell r="M12">
            <v>0</v>
          </cell>
          <cell r="N12">
            <v>22</v>
          </cell>
          <cell r="O12">
            <v>-22</v>
          </cell>
          <cell r="P12">
            <v>5473</v>
          </cell>
          <cell r="Q12">
            <v>0</v>
          </cell>
          <cell r="R12">
            <v>0</v>
          </cell>
          <cell r="S12">
            <v>0</v>
          </cell>
        </row>
        <row r="13">
          <cell r="B13">
            <v>1</v>
          </cell>
          <cell r="C13" t="str">
            <v>O&amp;M</v>
          </cell>
          <cell r="D13" t="str">
            <v>Group Admin</v>
          </cell>
          <cell r="E13" t="str">
            <v>Company Labor</v>
          </cell>
          <cell r="G13" t="str">
            <v>Relocation</v>
          </cell>
          <cell r="H13" t="str">
            <v>Company Labor</v>
          </cell>
          <cell r="I13">
            <v>0</v>
          </cell>
          <cell r="K13">
            <v>0</v>
          </cell>
          <cell r="M13">
            <v>0</v>
          </cell>
          <cell r="N13">
            <v>0</v>
          </cell>
          <cell r="O13">
            <v>0</v>
          </cell>
          <cell r="P13">
            <v>300000</v>
          </cell>
          <cell r="Q13">
            <v>0</v>
          </cell>
          <cell r="R13">
            <v>0</v>
          </cell>
          <cell r="S13">
            <v>0</v>
          </cell>
        </row>
        <row r="14">
          <cell r="B14">
            <v>1</v>
          </cell>
          <cell r="C14" t="str">
            <v>O&amp;M</v>
          </cell>
          <cell r="D14" t="str">
            <v>Group Admin</v>
          </cell>
          <cell r="E14" t="str">
            <v>Company Labor</v>
          </cell>
          <cell r="G14" t="str">
            <v>License, Dues and Fees</v>
          </cell>
          <cell r="H14" t="str">
            <v>Company Labor</v>
          </cell>
          <cell r="I14">
            <v>0</v>
          </cell>
          <cell r="K14">
            <v>-500</v>
          </cell>
          <cell r="M14">
            <v>0</v>
          </cell>
          <cell r="N14">
            <v>0</v>
          </cell>
          <cell r="O14">
            <v>0</v>
          </cell>
          <cell r="P14">
            <v>25000</v>
          </cell>
          <cell r="Q14">
            <v>0</v>
          </cell>
          <cell r="R14">
            <v>0</v>
          </cell>
          <cell r="S14">
            <v>0</v>
          </cell>
        </row>
        <row r="15">
          <cell r="B15">
            <v>1</v>
          </cell>
          <cell r="C15" t="str">
            <v>O&amp;M</v>
          </cell>
          <cell r="D15" t="str">
            <v>Group Admin</v>
          </cell>
          <cell r="E15" t="str">
            <v>Company Labor</v>
          </cell>
          <cell r="G15" t="str">
            <v>Other</v>
          </cell>
          <cell r="H15" t="str">
            <v>Company Labor</v>
          </cell>
          <cell r="I15">
            <v>0</v>
          </cell>
          <cell r="K15">
            <v>2586</v>
          </cell>
          <cell r="M15">
            <v>0</v>
          </cell>
          <cell r="N15">
            <v>218</v>
          </cell>
          <cell r="O15">
            <v>-218</v>
          </cell>
          <cell r="P15">
            <v>49746</v>
          </cell>
          <cell r="Q15">
            <v>0</v>
          </cell>
          <cell r="R15">
            <v>0</v>
          </cell>
          <cell r="S15">
            <v>0</v>
          </cell>
        </row>
        <row r="16">
          <cell r="B16">
            <v>1</v>
          </cell>
          <cell r="C16" t="str">
            <v>O&amp;M</v>
          </cell>
          <cell r="D16" t="str">
            <v>Group Admin</v>
          </cell>
          <cell r="E16" t="str">
            <v>Contract Labor</v>
          </cell>
          <cell r="G16" t="str">
            <v>Contract Labor</v>
          </cell>
          <cell r="H16" t="str">
            <v>Contract Labor</v>
          </cell>
          <cell r="I16">
            <v>0</v>
          </cell>
          <cell r="K16">
            <v>2289</v>
          </cell>
          <cell r="M16">
            <v>16668</v>
          </cell>
          <cell r="N16">
            <v>2289</v>
          </cell>
          <cell r="O16">
            <v>14379</v>
          </cell>
          <cell r="P16">
            <v>0</v>
          </cell>
          <cell r="Q16">
            <v>50000</v>
          </cell>
          <cell r="R16">
            <v>50000</v>
          </cell>
          <cell r="S16">
            <v>0</v>
          </cell>
        </row>
        <row r="17">
          <cell r="B17">
            <v>1</v>
          </cell>
          <cell r="C17" t="str">
            <v>O&amp;M</v>
          </cell>
          <cell r="D17" t="str">
            <v>Group Admin</v>
          </cell>
          <cell r="E17" t="str">
            <v>Group Admin Other</v>
          </cell>
          <cell r="G17" t="str">
            <v>Meals/Travel</v>
          </cell>
          <cell r="H17" t="str">
            <v>Group Admin Other</v>
          </cell>
          <cell r="I17">
            <v>0</v>
          </cell>
          <cell r="K17">
            <v>0</v>
          </cell>
          <cell r="M17">
            <v>0</v>
          </cell>
          <cell r="N17">
            <v>19</v>
          </cell>
          <cell r="O17">
            <v>-19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</row>
        <row r="18">
          <cell r="B18">
            <v>1</v>
          </cell>
          <cell r="C18" t="str">
            <v>O&amp;M</v>
          </cell>
          <cell r="D18" t="str">
            <v>Group Admin</v>
          </cell>
          <cell r="E18" t="str">
            <v>Group Admin Other</v>
          </cell>
          <cell r="G18" t="str">
            <v>Materials</v>
          </cell>
          <cell r="H18" t="str">
            <v>Group Admin Other</v>
          </cell>
          <cell r="I18">
            <v>0</v>
          </cell>
          <cell r="K18">
            <v>143</v>
          </cell>
          <cell r="M18">
            <v>1825</v>
          </cell>
          <cell r="N18">
            <v>76</v>
          </cell>
          <cell r="O18">
            <v>1749</v>
          </cell>
          <cell r="P18">
            <v>0</v>
          </cell>
          <cell r="Q18">
            <v>5473</v>
          </cell>
          <cell r="R18">
            <v>5473</v>
          </cell>
          <cell r="S18">
            <v>0</v>
          </cell>
        </row>
        <row r="19">
          <cell r="B19">
            <v>1</v>
          </cell>
          <cell r="C19" t="str">
            <v>O&amp;M</v>
          </cell>
          <cell r="D19" t="str">
            <v>Group Admin</v>
          </cell>
          <cell r="E19" t="str">
            <v>Group Admin Other</v>
          </cell>
          <cell r="G19" t="str">
            <v>Rent/utilities</v>
          </cell>
          <cell r="H19" t="str">
            <v>Group Admin Other</v>
          </cell>
          <cell r="I19">
            <v>0</v>
          </cell>
          <cell r="K19">
            <v>1295</v>
          </cell>
          <cell r="M19">
            <v>0</v>
          </cell>
          <cell r="N19">
            <v>5280</v>
          </cell>
          <cell r="O19">
            <v>-528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</row>
        <row r="20">
          <cell r="B20">
            <v>1</v>
          </cell>
          <cell r="C20" t="str">
            <v>O&amp;M</v>
          </cell>
          <cell r="D20" t="str">
            <v>Group Admin</v>
          </cell>
          <cell r="E20" t="str">
            <v>Group Admin Other</v>
          </cell>
          <cell r="G20" t="str">
            <v>Other</v>
          </cell>
          <cell r="H20" t="str">
            <v>Group Admin Other</v>
          </cell>
          <cell r="I20">
            <v>0</v>
          </cell>
          <cell r="K20">
            <v>-2056</v>
          </cell>
          <cell r="M20">
            <v>16584</v>
          </cell>
          <cell r="N20">
            <v>-352</v>
          </cell>
          <cell r="O20">
            <v>16936</v>
          </cell>
          <cell r="P20">
            <v>0</v>
          </cell>
          <cell r="Q20">
            <v>49746</v>
          </cell>
          <cell r="R20">
            <v>49746</v>
          </cell>
          <cell r="S20">
            <v>0</v>
          </cell>
        </row>
        <row r="21">
          <cell r="B21">
            <v>1</v>
          </cell>
          <cell r="C21" t="str">
            <v>O&amp;M</v>
          </cell>
          <cell r="D21" t="str">
            <v>Group Admin</v>
          </cell>
          <cell r="E21" t="str">
            <v>Licenses/Dues</v>
          </cell>
          <cell r="G21" t="str">
            <v>License, Dues and Fees</v>
          </cell>
          <cell r="H21" t="str">
            <v>Licenses/Dues</v>
          </cell>
          <cell r="I21">
            <v>0</v>
          </cell>
          <cell r="K21">
            <v>500</v>
          </cell>
          <cell r="M21">
            <v>8333</v>
          </cell>
          <cell r="N21">
            <v>500</v>
          </cell>
          <cell r="O21">
            <v>7833</v>
          </cell>
          <cell r="P21">
            <v>0</v>
          </cell>
          <cell r="Q21">
            <v>25000</v>
          </cell>
          <cell r="R21">
            <v>25000</v>
          </cell>
          <cell r="S21">
            <v>0</v>
          </cell>
        </row>
        <row r="22">
          <cell r="B22">
            <v>1</v>
          </cell>
          <cell r="C22" t="str">
            <v>O&amp;M</v>
          </cell>
          <cell r="D22" t="str">
            <v>Group Admin</v>
          </cell>
          <cell r="E22" t="str">
            <v>Meals/Travel</v>
          </cell>
          <cell r="G22" t="str">
            <v>Meals/Travel</v>
          </cell>
          <cell r="H22" t="str">
            <v>Meals/Travel</v>
          </cell>
          <cell r="I22">
            <v>0</v>
          </cell>
          <cell r="K22">
            <v>1645</v>
          </cell>
          <cell r="M22">
            <v>8334</v>
          </cell>
          <cell r="N22">
            <v>7481</v>
          </cell>
          <cell r="O22">
            <v>853</v>
          </cell>
          <cell r="P22">
            <v>0</v>
          </cell>
          <cell r="Q22">
            <v>25000</v>
          </cell>
          <cell r="R22">
            <v>25000</v>
          </cell>
          <cell r="S22">
            <v>0</v>
          </cell>
        </row>
        <row r="23">
          <cell r="B23">
            <v>1</v>
          </cell>
          <cell r="C23" t="str">
            <v>O&amp;M</v>
          </cell>
          <cell r="D23" t="str">
            <v>Group Admin</v>
          </cell>
          <cell r="E23" t="str">
            <v>Meals/Travel</v>
          </cell>
          <cell r="G23" t="str">
            <v>Rent/utilities</v>
          </cell>
          <cell r="H23" t="str">
            <v>Meals/Travel</v>
          </cell>
          <cell r="I23">
            <v>0</v>
          </cell>
          <cell r="K23">
            <v>0</v>
          </cell>
          <cell r="M23">
            <v>0</v>
          </cell>
          <cell r="N23">
            <v>1873</v>
          </cell>
          <cell r="O23">
            <v>-1873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</row>
        <row r="24">
          <cell r="B24">
            <v>1</v>
          </cell>
          <cell r="C24" t="str">
            <v>O&amp;M</v>
          </cell>
          <cell r="D24" t="str">
            <v>Group Admin</v>
          </cell>
          <cell r="E24" t="str">
            <v>Relocation</v>
          </cell>
          <cell r="G24" t="str">
            <v>Relocation</v>
          </cell>
          <cell r="H24" t="str">
            <v>Relocation</v>
          </cell>
          <cell r="I24">
            <v>0</v>
          </cell>
          <cell r="K24">
            <v>0</v>
          </cell>
          <cell r="M24">
            <v>100000</v>
          </cell>
          <cell r="N24">
            <v>10506</v>
          </cell>
          <cell r="O24">
            <v>89494</v>
          </cell>
          <cell r="P24">
            <v>0</v>
          </cell>
          <cell r="Q24">
            <v>300000</v>
          </cell>
          <cell r="R24">
            <v>300000</v>
          </cell>
          <cell r="S24">
            <v>0</v>
          </cell>
        </row>
        <row r="25">
          <cell r="B25">
            <v>1</v>
          </cell>
          <cell r="C25" t="str">
            <v>O&amp;M</v>
          </cell>
          <cell r="D25" t="str">
            <v>Group Admin</v>
          </cell>
          <cell r="E25" t="str">
            <v>Workers Comp</v>
          </cell>
          <cell r="G25" t="str">
            <v>Workers Comp</v>
          </cell>
          <cell r="H25" t="str">
            <v>Workers Comp</v>
          </cell>
          <cell r="I25">
            <v>0</v>
          </cell>
          <cell r="K25">
            <v>12501</v>
          </cell>
          <cell r="M25">
            <v>177500</v>
          </cell>
          <cell r="N25">
            <v>29718</v>
          </cell>
          <cell r="O25">
            <v>147782</v>
          </cell>
          <cell r="P25">
            <v>0</v>
          </cell>
          <cell r="Q25">
            <v>710000</v>
          </cell>
          <cell r="R25">
            <v>710000</v>
          </cell>
          <cell r="S25">
            <v>0</v>
          </cell>
        </row>
        <row r="26">
          <cell r="B26">
            <v>1</v>
          </cell>
          <cell r="C26" t="str">
            <v>O&amp;M</v>
          </cell>
          <cell r="D26" t="str">
            <v>Regions/RM&amp;C</v>
          </cell>
          <cell r="E26" t="str">
            <v>Inspector &amp; Metering</v>
          </cell>
          <cell r="G26" t="str">
            <v>Company Labor</v>
          </cell>
          <cell r="H26" t="str">
            <v>Other</v>
          </cell>
          <cell r="I26">
            <v>0</v>
          </cell>
          <cell r="K26">
            <v>98702</v>
          </cell>
          <cell r="M26">
            <v>607273</v>
          </cell>
          <cell r="N26">
            <v>467403</v>
          </cell>
          <cell r="O26">
            <v>139870</v>
          </cell>
          <cell r="P26">
            <v>1754429</v>
          </cell>
          <cell r="Q26">
            <v>1754429</v>
          </cell>
          <cell r="R26">
            <v>1754429</v>
          </cell>
          <cell r="S26">
            <v>0</v>
          </cell>
        </row>
        <row r="27">
          <cell r="B27">
            <v>1</v>
          </cell>
          <cell r="C27" t="str">
            <v>O&amp;M</v>
          </cell>
          <cell r="D27" t="str">
            <v>Regions/RM&amp;C</v>
          </cell>
          <cell r="E27" t="str">
            <v>Inspector &amp; Metering</v>
          </cell>
          <cell r="G27" t="str">
            <v>Company Labor</v>
          </cell>
          <cell r="H27" t="str">
            <v>Other</v>
          </cell>
          <cell r="I27">
            <v>0</v>
          </cell>
          <cell r="K27">
            <v>63415</v>
          </cell>
          <cell r="M27">
            <v>389079</v>
          </cell>
          <cell r="N27">
            <v>300998</v>
          </cell>
          <cell r="O27">
            <v>88081</v>
          </cell>
          <cell r="P27">
            <v>1124208</v>
          </cell>
          <cell r="Q27">
            <v>1124208</v>
          </cell>
          <cell r="R27">
            <v>1124208</v>
          </cell>
          <cell r="S27">
            <v>0</v>
          </cell>
        </row>
        <row r="28">
          <cell r="B28">
            <v>1</v>
          </cell>
          <cell r="C28" t="str">
            <v>O&amp;M</v>
          </cell>
          <cell r="D28" t="str">
            <v>Regions/RM&amp;C</v>
          </cell>
          <cell r="E28" t="str">
            <v>Inspector &amp; Metering</v>
          </cell>
          <cell r="G28" t="str">
            <v>Company Labor</v>
          </cell>
          <cell r="H28" t="str">
            <v>Other</v>
          </cell>
          <cell r="I28">
            <v>0</v>
          </cell>
          <cell r="K28">
            <v>8400</v>
          </cell>
          <cell r="M28">
            <v>45705</v>
          </cell>
          <cell r="N28">
            <v>43603</v>
          </cell>
          <cell r="O28">
            <v>2102</v>
          </cell>
          <cell r="P28">
            <v>132863</v>
          </cell>
          <cell r="Q28">
            <v>132863</v>
          </cell>
          <cell r="R28">
            <v>132863</v>
          </cell>
          <cell r="S28">
            <v>0</v>
          </cell>
        </row>
        <row r="29">
          <cell r="B29">
            <v>1</v>
          </cell>
          <cell r="C29" t="str">
            <v>O&amp;M</v>
          </cell>
          <cell r="D29" t="str">
            <v>Regions/RM&amp;C</v>
          </cell>
          <cell r="E29" t="str">
            <v>Inspector &amp; Metering</v>
          </cell>
          <cell r="G29" t="str">
            <v>Contract Labor</v>
          </cell>
          <cell r="H29" t="str">
            <v>Other</v>
          </cell>
          <cell r="I29">
            <v>0</v>
          </cell>
          <cell r="K29">
            <v>0</v>
          </cell>
          <cell r="M29">
            <v>0</v>
          </cell>
          <cell r="N29">
            <v>25</v>
          </cell>
          <cell r="O29">
            <v>-25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</row>
        <row r="30">
          <cell r="B30">
            <v>1</v>
          </cell>
          <cell r="C30" t="str">
            <v>O&amp;M</v>
          </cell>
          <cell r="D30" t="str">
            <v>Regions/RM&amp;C</v>
          </cell>
          <cell r="E30" t="str">
            <v>Inspector &amp; Metering</v>
          </cell>
          <cell r="G30" t="str">
            <v>Fleet</v>
          </cell>
          <cell r="H30" t="str">
            <v>Other</v>
          </cell>
          <cell r="I30">
            <v>0</v>
          </cell>
          <cell r="K30">
            <v>10557</v>
          </cell>
          <cell r="M30">
            <v>51687</v>
          </cell>
          <cell r="N30">
            <v>48750</v>
          </cell>
          <cell r="O30">
            <v>2937</v>
          </cell>
          <cell r="P30">
            <v>149325</v>
          </cell>
          <cell r="Q30">
            <v>149325</v>
          </cell>
          <cell r="R30">
            <v>149325</v>
          </cell>
          <cell r="S30">
            <v>0</v>
          </cell>
        </row>
        <row r="31">
          <cell r="B31">
            <v>1</v>
          </cell>
          <cell r="C31" t="str">
            <v>O&amp;M</v>
          </cell>
          <cell r="D31" t="str">
            <v>Regions/RM&amp;C</v>
          </cell>
          <cell r="E31" t="str">
            <v>Inspector &amp; Metering</v>
          </cell>
          <cell r="G31" t="str">
            <v>Meals/Travel</v>
          </cell>
          <cell r="H31" t="str">
            <v>Other</v>
          </cell>
          <cell r="I31">
            <v>0</v>
          </cell>
          <cell r="K31">
            <v>4729</v>
          </cell>
          <cell r="M31">
            <v>11083</v>
          </cell>
          <cell r="N31">
            <v>21455</v>
          </cell>
          <cell r="O31">
            <v>-10372</v>
          </cell>
          <cell r="P31">
            <v>33250</v>
          </cell>
          <cell r="Q31">
            <v>33250</v>
          </cell>
          <cell r="R31">
            <v>33250</v>
          </cell>
          <cell r="S31">
            <v>0</v>
          </cell>
        </row>
        <row r="32">
          <cell r="B32">
            <v>1</v>
          </cell>
          <cell r="C32" t="str">
            <v>O&amp;M</v>
          </cell>
          <cell r="D32" t="str">
            <v>Regions/RM&amp;C</v>
          </cell>
          <cell r="E32" t="str">
            <v>Inspector &amp; Metering</v>
          </cell>
          <cell r="G32" t="str">
            <v>Materials</v>
          </cell>
          <cell r="H32" t="str">
            <v>Other</v>
          </cell>
          <cell r="I32">
            <v>0</v>
          </cell>
          <cell r="K32">
            <v>3239</v>
          </cell>
          <cell r="M32">
            <v>20343</v>
          </cell>
          <cell r="N32">
            <v>9131</v>
          </cell>
          <cell r="O32">
            <v>11212</v>
          </cell>
          <cell r="P32">
            <v>61030</v>
          </cell>
          <cell r="Q32">
            <v>61030</v>
          </cell>
          <cell r="R32">
            <v>61030</v>
          </cell>
          <cell r="S32">
            <v>0</v>
          </cell>
        </row>
        <row r="33">
          <cell r="B33">
            <v>1</v>
          </cell>
          <cell r="C33" t="str">
            <v>O&amp;M</v>
          </cell>
          <cell r="D33" t="str">
            <v>Regions/RM&amp;C</v>
          </cell>
          <cell r="E33" t="str">
            <v>Inspector &amp; Metering</v>
          </cell>
          <cell r="G33" t="str">
            <v>Other</v>
          </cell>
          <cell r="H33" t="str">
            <v>Other</v>
          </cell>
          <cell r="I33">
            <v>0</v>
          </cell>
          <cell r="K33">
            <v>118</v>
          </cell>
          <cell r="M33">
            <v>0</v>
          </cell>
          <cell r="N33">
            <v>3033</v>
          </cell>
          <cell r="O33">
            <v>-3033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</row>
        <row r="34">
          <cell r="B34">
            <v>1</v>
          </cell>
          <cell r="C34" t="str">
            <v>O&amp;M</v>
          </cell>
          <cell r="D34" t="str">
            <v>Regions/RM&amp;C</v>
          </cell>
          <cell r="E34" t="str">
            <v>Inventory Shrinkage</v>
          </cell>
          <cell r="G34" t="str">
            <v>Company Labor</v>
          </cell>
          <cell r="H34" t="str">
            <v>Inventory Shrinkage</v>
          </cell>
          <cell r="I34">
            <v>0</v>
          </cell>
          <cell r="K34">
            <v>907</v>
          </cell>
          <cell r="M34">
            <v>30895</v>
          </cell>
          <cell r="N34">
            <v>21727</v>
          </cell>
          <cell r="O34">
            <v>9168</v>
          </cell>
          <cell r="P34">
            <v>90589</v>
          </cell>
          <cell r="Q34">
            <v>90589</v>
          </cell>
          <cell r="R34">
            <v>90589</v>
          </cell>
          <cell r="S34">
            <v>0</v>
          </cell>
        </row>
        <row r="35">
          <cell r="B35">
            <v>1</v>
          </cell>
          <cell r="C35" t="str">
            <v>O&amp;M</v>
          </cell>
          <cell r="D35" t="str">
            <v>Regions/RM&amp;C</v>
          </cell>
          <cell r="E35" t="str">
            <v>Inventory Shrinkage</v>
          </cell>
          <cell r="G35" t="str">
            <v>Company Labor</v>
          </cell>
          <cell r="H35" t="str">
            <v>Inventory Shrinkage</v>
          </cell>
          <cell r="I35">
            <v>0</v>
          </cell>
          <cell r="K35">
            <v>132</v>
          </cell>
          <cell r="M35">
            <v>0</v>
          </cell>
          <cell r="N35">
            <v>528</v>
          </cell>
          <cell r="O35">
            <v>-528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</row>
        <row r="36">
          <cell r="B36">
            <v>1</v>
          </cell>
          <cell r="C36" t="str">
            <v>O&amp;M</v>
          </cell>
          <cell r="D36" t="str">
            <v>Regions/RM&amp;C</v>
          </cell>
          <cell r="E36" t="str">
            <v>Inventory Shrinkage</v>
          </cell>
          <cell r="G36" t="str">
            <v>Contract Labor</v>
          </cell>
          <cell r="H36" t="str">
            <v>Inventory Shrinkage</v>
          </cell>
          <cell r="I36">
            <v>0</v>
          </cell>
          <cell r="K36">
            <v>834</v>
          </cell>
          <cell r="M36">
            <v>0</v>
          </cell>
          <cell r="N36">
            <v>834</v>
          </cell>
          <cell r="O36">
            <v>-834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</row>
        <row r="37">
          <cell r="B37">
            <v>1</v>
          </cell>
          <cell r="C37" t="str">
            <v>O&amp;M</v>
          </cell>
          <cell r="D37" t="str">
            <v>Regions/RM&amp;C</v>
          </cell>
          <cell r="E37" t="str">
            <v>Inventory Shrinkage</v>
          </cell>
          <cell r="G37" t="str">
            <v>Materials</v>
          </cell>
          <cell r="H37" t="str">
            <v>Inventory Shrinkage</v>
          </cell>
          <cell r="I37">
            <v>0</v>
          </cell>
          <cell r="K37">
            <v>0</v>
          </cell>
          <cell r="M37">
            <v>0</v>
          </cell>
          <cell r="N37">
            <v>-230</v>
          </cell>
          <cell r="O37">
            <v>23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</row>
        <row r="38">
          <cell r="B38">
            <v>1</v>
          </cell>
          <cell r="C38" t="str">
            <v>O&amp;M</v>
          </cell>
          <cell r="D38" t="str">
            <v>Regions/RM&amp;C</v>
          </cell>
          <cell r="E38" t="str">
            <v>Joint Use</v>
          </cell>
          <cell r="G38" t="str">
            <v>Contract Labor</v>
          </cell>
          <cell r="H38" t="str">
            <v>Joint Use</v>
          </cell>
          <cell r="I38">
            <v>0</v>
          </cell>
          <cell r="K38">
            <v>2119</v>
          </cell>
          <cell r="M38">
            <v>0</v>
          </cell>
          <cell r="N38">
            <v>2119</v>
          </cell>
          <cell r="O38">
            <v>-2119</v>
          </cell>
          <cell r="P38">
            <v>0</v>
          </cell>
          <cell r="Q38">
            <v>0</v>
          </cell>
          <cell r="R38">
            <v>0</v>
          </cell>
          <cell r="S38">
            <v>0</v>
          </cell>
        </row>
        <row r="39">
          <cell r="B39">
            <v>1</v>
          </cell>
          <cell r="C39" t="str">
            <v>O&amp;M</v>
          </cell>
          <cell r="D39" t="str">
            <v>Regions/RM&amp;C</v>
          </cell>
          <cell r="E39" t="str">
            <v>Lab &amp; Mat Burdens</v>
          </cell>
          <cell r="G39" t="str">
            <v>Company Labor</v>
          </cell>
          <cell r="H39" t="str">
            <v>Lab &amp; Mat Burdens</v>
          </cell>
          <cell r="I39">
            <v>0</v>
          </cell>
          <cell r="K39">
            <v>333736</v>
          </cell>
          <cell r="M39">
            <v>1645410</v>
          </cell>
          <cell r="N39">
            <v>1486677</v>
          </cell>
          <cell r="O39">
            <v>158733</v>
          </cell>
          <cell r="P39">
            <v>4796592</v>
          </cell>
          <cell r="Q39">
            <v>4796592</v>
          </cell>
          <cell r="R39">
            <v>4796592</v>
          </cell>
          <cell r="S39">
            <v>0</v>
          </cell>
        </row>
        <row r="40">
          <cell r="B40">
            <v>1</v>
          </cell>
          <cell r="C40" t="str">
            <v>O&amp;M</v>
          </cell>
          <cell r="D40" t="str">
            <v>Regions/RM&amp;C</v>
          </cell>
          <cell r="E40" t="str">
            <v>Lab &amp; Mat Burdens</v>
          </cell>
          <cell r="G40" t="str">
            <v>Materials</v>
          </cell>
          <cell r="H40" t="str">
            <v>Lab &amp; Mat Burdens</v>
          </cell>
          <cell r="I40">
            <v>0</v>
          </cell>
          <cell r="K40">
            <v>15954</v>
          </cell>
          <cell r="M40">
            <v>46745</v>
          </cell>
          <cell r="N40">
            <v>65784</v>
          </cell>
          <cell r="O40">
            <v>-19039</v>
          </cell>
          <cell r="P40">
            <v>137289</v>
          </cell>
          <cell r="Q40">
            <v>137289</v>
          </cell>
          <cell r="R40">
            <v>148802</v>
          </cell>
          <cell r="S40">
            <v>-11513</v>
          </cell>
        </row>
        <row r="41">
          <cell r="B41">
            <v>1</v>
          </cell>
          <cell r="C41" t="str">
            <v>O&amp;M</v>
          </cell>
          <cell r="D41" t="str">
            <v>Regions/RM&amp;C</v>
          </cell>
          <cell r="E41" t="str">
            <v>Maintenance - Lighting</v>
          </cell>
          <cell r="G41" t="str">
            <v>Company Labor</v>
          </cell>
          <cell r="H41" t="str">
            <v>Maintenance</v>
          </cell>
          <cell r="I41">
            <v>0</v>
          </cell>
          <cell r="K41">
            <v>133414</v>
          </cell>
          <cell r="M41">
            <v>640909</v>
          </cell>
          <cell r="N41">
            <v>742331</v>
          </cell>
          <cell r="O41">
            <v>-101422</v>
          </cell>
          <cell r="P41">
            <v>1727609</v>
          </cell>
          <cell r="Q41">
            <v>1727609</v>
          </cell>
          <cell r="R41">
            <v>1754609</v>
          </cell>
          <cell r="S41">
            <v>-27000</v>
          </cell>
        </row>
        <row r="42">
          <cell r="B42">
            <v>1</v>
          </cell>
          <cell r="C42" t="str">
            <v>O&amp;M</v>
          </cell>
          <cell r="D42" t="str">
            <v>Regions/RM&amp;C</v>
          </cell>
          <cell r="E42" t="str">
            <v>Maintenance - Lighting</v>
          </cell>
          <cell r="G42" t="str">
            <v>Company Labor</v>
          </cell>
          <cell r="H42" t="str">
            <v>Maintenance</v>
          </cell>
          <cell r="I42">
            <v>0</v>
          </cell>
          <cell r="K42">
            <v>84432</v>
          </cell>
          <cell r="M42">
            <v>408262</v>
          </cell>
          <cell r="N42">
            <v>473227</v>
          </cell>
          <cell r="O42">
            <v>-64966</v>
          </cell>
          <cell r="P42">
            <v>1105626</v>
          </cell>
          <cell r="Q42">
            <v>1105626</v>
          </cell>
          <cell r="R42">
            <v>1125285</v>
          </cell>
          <cell r="S42">
            <v>-19659</v>
          </cell>
        </row>
        <row r="43">
          <cell r="B43">
            <v>1</v>
          </cell>
          <cell r="C43" t="str">
            <v>O&amp;M</v>
          </cell>
          <cell r="D43" t="str">
            <v>Regions/RM&amp;C</v>
          </cell>
          <cell r="E43" t="str">
            <v>Maintenance - Lighting</v>
          </cell>
          <cell r="G43" t="str">
            <v>Company Labor</v>
          </cell>
          <cell r="H43" t="str">
            <v>Maintenance</v>
          </cell>
          <cell r="I43">
            <v>0</v>
          </cell>
          <cell r="K43">
            <v>4276</v>
          </cell>
          <cell r="M43">
            <v>35228</v>
          </cell>
          <cell r="N43">
            <v>42720</v>
          </cell>
          <cell r="O43">
            <v>-7492</v>
          </cell>
          <cell r="P43">
            <v>123151</v>
          </cell>
          <cell r="Q43">
            <v>123151</v>
          </cell>
          <cell r="R43">
            <v>138151</v>
          </cell>
          <cell r="S43">
            <v>-15000</v>
          </cell>
        </row>
        <row r="44">
          <cell r="B44">
            <v>1</v>
          </cell>
          <cell r="C44" t="str">
            <v>O&amp;M</v>
          </cell>
          <cell r="D44" t="str">
            <v>Regions/RM&amp;C</v>
          </cell>
          <cell r="E44" t="str">
            <v>Maintenance - Lighting</v>
          </cell>
          <cell r="G44" t="str">
            <v>Contract Labor</v>
          </cell>
          <cell r="H44" t="str">
            <v>Maintenance</v>
          </cell>
          <cell r="I44">
            <v>0</v>
          </cell>
          <cell r="K44">
            <v>17338</v>
          </cell>
          <cell r="M44">
            <v>54384</v>
          </cell>
          <cell r="N44">
            <v>248984</v>
          </cell>
          <cell r="O44">
            <v>-194599</v>
          </cell>
          <cell r="P44">
            <v>586196</v>
          </cell>
          <cell r="Q44">
            <v>586196</v>
          </cell>
          <cell r="R44">
            <v>678196</v>
          </cell>
          <cell r="S44">
            <v>-92000</v>
          </cell>
        </row>
        <row r="45">
          <cell r="B45">
            <v>1</v>
          </cell>
          <cell r="C45" t="str">
            <v>O&amp;M</v>
          </cell>
          <cell r="D45" t="str">
            <v>Regions/RM&amp;C</v>
          </cell>
          <cell r="E45" t="str">
            <v>Maintenance - Lighting</v>
          </cell>
          <cell r="G45" t="str">
            <v>Fleet</v>
          </cell>
          <cell r="H45" t="str">
            <v>Maintenance</v>
          </cell>
          <cell r="I45">
            <v>0</v>
          </cell>
          <cell r="K45">
            <v>61388</v>
          </cell>
          <cell r="M45">
            <v>266747</v>
          </cell>
          <cell r="N45">
            <v>362702</v>
          </cell>
          <cell r="O45">
            <v>-95954</v>
          </cell>
          <cell r="P45">
            <v>830367</v>
          </cell>
          <cell r="Q45">
            <v>830367</v>
          </cell>
          <cell r="R45">
            <v>859367</v>
          </cell>
          <cell r="S45">
            <v>-29000</v>
          </cell>
        </row>
        <row r="46">
          <cell r="B46">
            <v>1</v>
          </cell>
          <cell r="C46" t="str">
            <v>O&amp;M</v>
          </cell>
          <cell r="D46" t="str">
            <v>Regions/RM&amp;C</v>
          </cell>
          <cell r="E46" t="str">
            <v>Maintenance - Lighting</v>
          </cell>
          <cell r="G46" t="str">
            <v>Meals/Travel</v>
          </cell>
          <cell r="H46" t="str">
            <v>Maintenance</v>
          </cell>
          <cell r="I46">
            <v>0</v>
          </cell>
          <cell r="K46">
            <v>0</v>
          </cell>
          <cell r="M46">
            <v>0</v>
          </cell>
          <cell r="N46">
            <v>0</v>
          </cell>
          <cell r="O46">
            <v>0</v>
          </cell>
          <cell r="P46">
            <v>30</v>
          </cell>
          <cell r="Q46">
            <v>30</v>
          </cell>
          <cell r="R46">
            <v>30</v>
          </cell>
          <cell r="S46">
            <v>0</v>
          </cell>
        </row>
        <row r="47">
          <cell r="B47">
            <v>1</v>
          </cell>
          <cell r="C47" t="str">
            <v>O&amp;M</v>
          </cell>
          <cell r="D47" t="str">
            <v>Regions/RM&amp;C</v>
          </cell>
          <cell r="E47" t="str">
            <v>Maintenance - Lighting</v>
          </cell>
          <cell r="G47" t="str">
            <v>Materials</v>
          </cell>
          <cell r="H47" t="str">
            <v>Maintenance</v>
          </cell>
          <cell r="I47">
            <v>0</v>
          </cell>
          <cell r="K47">
            <v>33909</v>
          </cell>
          <cell r="M47">
            <v>224295</v>
          </cell>
          <cell r="N47">
            <v>149655</v>
          </cell>
          <cell r="O47">
            <v>74641</v>
          </cell>
          <cell r="P47">
            <v>707206</v>
          </cell>
          <cell r="Q47">
            <v>707206</v>
          </cell>
          <cell r="R47">
            <v>665206</v>
          </cell>
          <cell r="S47">
            <v>42000</v>
          </cell>
        </row>
        <row r="48">
          <cell r="B48">
            <v>1</v>
          </cell>
          <cell r="C48" t="str">
            <v>O&amp;M</v>
          </cell>
          <cell r="D48" t="str">
            <v>Regions/RM&amp;C</v>
          </cell>
          <cell r="E48" t="str">
            <v>Maintenance - Lighting</v>
          </cell>
          <cell r="G48" t="str">
            <v>Ciac</v>
          </cell>
          <cell r="H48" t="str">
            <v>Maintenance</v>
          </cell>
          <cell r="I48">
            <v>0</v>
          </cell>
          <cell r="K48">
            <v>-184</v>
          </cell>
          <cell r="M48">
            <v>-91</v>
          </cell>
          <cell r="N48">
            <v>-2341</v>
          </cell>
          <cell r="O48">
            <v>2250</v>
          </cell>
          <cell r="P48">
            <v>-35476</v>
          </cell>
          <cell r="Q48">
            <v>-35476</v>
          </cell>
          <cell r="R48">
            <v>-35476</v>
          </cell>
          <cell r="S48">
            <v>0</v>
          </cell>
        </row>
        <row r="49">
          <cell r="B49">
            <v>1</v>
          </cell>
          <cell r="C49" t="str">
            <v>O&amp;M</v>
          </cell>
          <cell r="D49" t="str">
            <v>Regions/RM&amp;C</v>
          </cell>
          <cell r="E49" t="str">
            <v>Maintenance - Restore</v>
          </cell>
          <cell r="G49" t="str">
            <v>Company Labor</v>
          </cell>
          <cell r="H49" t="str">
            <v>Maintenance</v>
          </cell>
          <cell r="I49">
            <v>0</v>
          </cell>
          <cell r="K49">
            <v>24826</v>
          </cell>
          <cell r="M49">
            <v>41501</v>
          </cell>
          <cell r="N49">
            <v>76019</v>
          </cell>
          <cell r="O49">
            <v>-34518</v>
          </cell>
          <cell r="P49">
            <v>120649</v>
          </cell>
          <cell r="Q49">
            <v>120649</v>
          </cell>
          <cell r="R49">
            <v>120649</v>
          </cell>
          <cell r="S49">
            <v>0</v>
          </cell>
        </row>
        <row r="50">
          <cell r="B50">
            <v>1</v>
          </cell>
          <cell r="C50" t="str">
            <v>O&amp;M</v>
          </cell>
          <cell r="D50" t="str">
            <v>Regions/RM&amp;C</v>
          </cell>
          <cell r="E50" t="str">
            <v>Maintenance - Restore</v>
          </cell>
          <cell r="G50" t="str">
            <v>Company Labor</v>
          </cell>
          <cell r="H50" t="str">
            <v>Maintenance</v>
          </cell>
          <cell r="I50">
            <v>0</v>
          </cell>
          <cell r="K50">
            <v>17568</v>
          </cell>
          <cell r="M50">
            <v>33690</v>
          </cell>
          <cell r="N50">
            <v>54837</v>
          </cell>
          <cell r="O50">
            <v>-21147</v>
          </cell>
          <cell r="P50">
            <v>97940</v>
          </cell>
          <cell r="Q50">
            <v>97940</v>
          </cell>
          <cell r="R50">
            <v>97940</v>
          </cell>
          <cell r="S50">
            <v>0</v>
          </cell>
        </row>
        <row r="51">
          <cell r="B51">
            <v>1</v>
          </cell>
          <cell r="C51" t="str">
            <v>O&amp;M</v>
          </cell>
          <cell r="D51" t="str">
            <v>Regions/RM&amp;C</v>
          </cell>
          <cell r="E51" t="str">
            <v>Maintenance - Restore</v>
          </cell>
          <cell r="G51" t="str">
            <v>Company Labor</v>
          </cell>
          <cell r="H51" t="str">
            <v>Maintenance</v>
          </cell>
          <cell r="I51">
            <v>0</v>
          </cell>
          <cell r="K51">
            <v>10989</v>
          </cell>
          <cell r="M51">
            <v>42133</v>
          </cell>
          <cell r="N51">
            <v>39400</v>
          </cell>
          <cell r="O51">
            <v>2733</v>
          </cell>
          <cell r="P51">
            <v>122481</v>
          </cell>
          <cell r="Q51">
            <v>122481</v>
          </cell>
          <cell r="R51">
            <v>122481</v>
          </cell>
          <cell r="S51">
            <v>0</v>
          </cell>
        </row>
        <row r="52">
          <cell r="B52">
            <v>1</v>
          </cell>
          <cell r="C52" t="str">
            <v>O&amp;M</v>
          </cell>
          <cell r="D52" t="str">
            <v>Regions/RM&amp;C</v>
          </cell>
          <cell r="E52" t="str">
            <v>Maintenance - Restore</v>
          </cell>
          <cell r="G52" t="str">
            <v>Contract Labor</v>
          </cell>
          <cell r="H52" t="str">
            <v>Maintenance</v>
          </cell>
          <cell r="I52">
            <v>0</v>
          </cell>
          <cell r="K52">
            <v>37764</v>
          </cell>
          <cell r="M52">
            <v>203279</v>
          </cell>
          <cell r="N52">
            <v>127025</v>
          </cell>
          <cell r="O52">
            <v>76254</v>
          </cell>
          <cell r="P52">
            <v>590928</v>
          </cell>
          <cell r="Q52">
            <v>590928</v>
          </cell>
          <cell r="R52">
            <v>590928</v>
          </cell>
          <cell r="S52">
            <v>0</v>
          </cell>
        </row>
        <row r="53">
          <cell r="B53">
            <v>1</v>
          </cell>
          <cell r="C53" t="str">
            <v>O&amp;M</v>
          </cell>
          <cell r="D53" t="str">
            <v>Regions/RM&amp;C</v>
          </cell>
          <cell r="E53" t="str">
            <v>Maintenance - Restore</v>
          </cell>
          <cell r="G53" t="str">
            <v>Fleet</v>
          </cell>
          <cell r="H53" t="str">
            <v>Maintenance</v>
          </cell>
          <cell r="I53">
            <v>0</v>
          </cell>
          <cell r="K53">
            <v>7851</v>
          </cell>
          <cell r="M53">
            <v>25593</v>
          </cell>
          <cell r="N53">
            <v>33316</v>
          </cell>
          <cell r="O53">
            <v>-7723</v>
          </cell>
          <cell r="P53">
            <v>74404</v>
          </cell>
          <cell r="Q53">
            <v>74404</v>
          </cell>
          <cell r="R53">
            <v>74404</v>
          </cell>
          <cell r="S53">
            <v>0</v>
          </cell>
        </row>
        <row r="54">
          <cell r="B54">
            <v>1</v>
          </cell>
          <cell r="C54" t="str">
            <v>O&amp;M</v>
          </cell>
          <cell r="D54" t="str">
            <v>Regions/RM&amp;C</v>
          </cell>
          <cell r="E54" t="str">
            <v>Maintenance - Restore</v>
          </cell>
          <cell r="G54" t="str">
            <v>Meals/Travel</v>
          </cell>
          <cell r="H54" t="str">
            <v>Maintenance</v>
          </cell>
          <cell r="I54">
            <v>0</v>
          </cell>
          <cell r="K54">
            <v>143</v>
          </cell>
          <cell r="M54">
            <v>0</v>
          </cell>
          <cell r="N54">
            <v>473</v>
          </cell>
          <cell r="O54">
            <v>-473</v>
          </cell>
          <cell r="P54">
            <v>0</v>
          </cell>
          <cell r="Q54">
            <v>0</v>
          </cell>
          <cell r="R54">
            <v>0</v>
          </cell>
          <cell r="S54">
            <v>0</v>
          </cell>
        </row>
        <row r="55">
          <cell r="B55">
            <v>1</v>
          </cell>
          <cell r="C55" t="str">
            <v>O&amp;M</v>
          </cell>
          <cell r="D55" t="str">
            <v>Regions/RM&amp;C</v>
          </cell>
          <cell r="E55" t="str">
            <v>Maintenance - Restore</v>
          </cell>
          <cell r="G55" t="str">
            <v>Materials</v>
          </cell>
          <cell r="H55" t="str">
            <v>Maintenance</v>
          </cell>
          <cell r="I55">
            <v>0</v>
          </cell>
          <cell r="K55">
            <v>3757</v>
          </cell>
          <cell r="M55">
            <v>6450</v>
          </cell>
          <cell r="N55">
            <v>10506</v>
          </cell>
          <cell r="O55">
            <v>-4056</v>
          </cell>
          <cell r="P55">
            <v>18757</v>
          </cell>
          <cell r="Q55">
            <v>18757</v>
          </cell>
          <cell r="R55">
            <v>18757</v>
          </cell>
          <cell r="S55">
            <v>0</v>
          </cell>
        </row>
        <row r="56">
          <cell r="B56">
            <v>1</v>
          </cell>
          <cell r="C56" t="str">
            <v>O&amp;M</v>
          </cell>
          <cell r="D56" t="str">
            <v>Regions/RM&amp;C</v>
          </cell>
          <cell r="E56" t="str">
            <v>Maintenance - Restore</v>
          </cell>
          <cell r="G56" t="str">
            <v>Ciac</v>
          </cell>
          <cell r="H56" t="str">
            <v>Maintenance</v>
          </cell>
          <cell r="I56">
            <v>0</v>
          </cell>
          <cell r="K56">
            <v>0</v>
          </cell>
          <cell r="M56">
            <v>-121</v>
          </cell>
          <cell r="N56">
            <v>0</v>
          </cell>
          <cell r="O56">
            <v>-121</v>
          </cell>
          <cell r="P56">
            <v>-350</v>
          </cell>
          <cell r="Q56">
            <v>-350</v>
          </cell>
          <cell r="R56">
            <v>-350</v>
          </cell>
          <cell r="S56">
            <v>0</v>
          </cell>
        </row>
        <row r="57">
          <cell r="B57">
            <v>1</v>
          </cell>
          <cell r="C57" t="str">
            <v>O&amp;M</v>
          </cell>
          <cell r="D57" t="str">
            <v>Regions/RM&amp;C</v>
          </cell>
          <cell r="E57" t="str">
            <v>Maintenance - Restore</v>
          </cell>
          <cell r="G57" t="str">
            <v>Other</v>
          </cell>
          <cell r="H57" t="str">
            <v>Maintenance</v>
          </cell>
          <cell r="I57">
            <v>0</v>
          </cell>
          <cell r="K57">
            <v>0</v>
          </cell>
          <cell r="M57">
            <v>0</v>
          </cell>
          <cell r="N57">
            <v>56</v>
          </cell>
          <cell r="O57">
            <v>-56</v>
          </cell>
          <cell r="P57">
            <v>0</v>
          </cell>
          <cell r="Q57">
            <v>0</v>
          </cell>
          <cell r="R57">
            <v>0</v>
          </cell>
          <cell r="S57">
            <v>0</v>
          </cell>
        </row>
        <row r="58">
          <cell r="B58">
            <v>1</v>
          </cell>
          <cell r="C58" t="str">
            <v>O&amp;M</v>
          </cell>
          <cell r="D58" t="str">
            <v>Regions/RM&amp;C</v>
          </cell>
          <cell r="E58" t="str">
            <v>Maintenance - Routine</v>
          </cell>
          <cell r="G58" t="str">
            <v>Company Labor</v>
          </cell>
          <cell r="H58" t="str">
            <v>Maintenance</v>
          </cell>
          <cell r="I58">
            <v>0</v>
          </cell>
          <cell r="K58">
            <v>122981</v>
          </cell>
          <cell r="M58">
            <v>770805</v>
          </cell>
          <cell r="N58">
            <v>566568</v>
          </cell>
          <cell r="O58">
            <v>204237</v>
          </cell>
          <cell r="P58">
            <v>2240703</v>
          </cell>
          <cell r="Q58">
            <v>2240703</v>
          </cell>
          <cell r="R58">
            <v>2178703</v>
          </cell>
          <cell r="S58">
            <v>62000</v>
          </cell>
        </row>
        <row r="59">
          <cell r="B59">
            <v>1</v>
          </cell>
          <cell r="C59" t="str">
            <v>O&amp;M</v>
          </cell>
          <cell r="D59" t="str">
            <v>Regions/RM&amp;C</v>
          </cell>
          <cell r="E59" t="str">
            <v>Maintenance - Routine</v>
          </cell>
          <cell r="G59" t="str">
            <v>Company Labor</v>
          </cell>
          <cell r="H59" t="str">
            <v>Maintenance</v>
          </cell>
          <cell r="I59">
            <v>0</v>
          </cell>
          <cell r="K59">
            <v>87654</v>
          </cell>
          <cell r="M59">
            <v>523966</v>
          </cell>
          <cell r="N59">
            <v>397551</v>
          </cell>
          <cell r="O59">
            <v>126415</v>
          </cell>
          <cell r="P59">
            <v>1523150</v>
          </cell>
          <cell r="Q59">
            <v>1523150</v>
          </cell>
          <cell r="R59">
            <v>1484822</v>
          </cell>
          <cell r="S59">
            <v>38328</v>
          </cell>
        </row>
        <row r="60">
          <cell r="B60">
            <v>1</v>
          </cell>
          <cell r="C60" t="str">
            <v>O&amp;M</v>
          </cell>
          <cell r="D60" t="str">
            <v>Regions/RM&amp;C</v>
          </cell>
          <cell r="E60" t="str">
            <v>Maintenance - Routine</v>
          </cell>
          <cell r="G60" t="str">
            <v>Company Labor</v>
          </cell>
          <cell r="H60" t="str">
            <v>Maintenance</v>
          </cell>
          <cell r="I60">
            <v>0</v>
          </cell>
          <cell r="K60">
            <v>57869</v>
          </cell>
          <cell r="M60">
            <v>223465</v>
          </cell>
          <cell r="N60">
            <v>232382</v>
          </cell>
          <cell r="O60">
            <v>-8917</v>
          </cell>
          <cell r="P60">
            <v>649602</v>
          </cell>
          <cell r="Q60">
            <v>649602</v>
          </cell>
          <cell r="R60">
            <v>652602</v>
          </cell>
          <cell r="S60">
            <v>-3000</v>
          </cell>
        </row>
        <row r="61">
          <cell r="B61">
            <v>1</v>
          </cell>
          <cell r="C61" t="str">
            <v>O&amp;M</v>
          </cell>
          <cell r="D61" t="str">
            <v>Regions/RM&amp;C</v>
          </cell>
          <cell r="E61" t="str">
            <v>Maintenance - Routine</v>
          </cell>
          <cell r="G61" t="str">
            <v>Contract Labor</v>
          </cell>
          <cell r="H61" t="str">
            <v>Maintenance</v>
          </cell>
          <cell r="I61">
            <v>0</v>
          </cell>
          <cell r="K61">
            <v>78387</v>
          </cell>
          <cell r="M61">
            <v>308213</v>
          </cell>
          <cell r="N61">
            <v>300535</v>
          </cell>
          <cell r="O61">
            <v>7678</v>
          </cell>
          <cell r="P61">
            <v>895973</v>
          </cell>
          <cell r="Q61">
            <v>895973</v>
          </cell>
          <cell r="R61">
            <v>929973</v>
          </cell>
          <cell r="S61">
            <v>-34000</v>
          </cell>
        </row>
        <row r="62">
          <cell r="B62">
            <v>1</v>
          </cell>
          <cell r="C62" t="str">
            <v>O&amp;M</v>
          </cell>
          <cell r="D62" t="str">
            <v>Regions/RM&amp;C</v>
          </cell>
          <cell r="E62" t="str">
            <v>Maintenance - Routine</v>
          </cell>
          <cell r="G62" t="str">
            <v>Fleet</v>
          </cell>
          <cell r="H62" t="str">
            <v>Maintenance</v>
          </cell>
          <cell r="I62">
            <v>0</v>
          </cell>
          <cell r="K62">
            <v>73272</v>
          </cell>
          <cell r="M62">
            <v>424057</v>
          </cell>
          <cell r="N62">
            <v>324459</v>
          </cell>
          <cell r="O62">
            <v>99598</v>
          </cell>
          <cell r="P62">
            <v>1232727</v>
          </cell>
          <cell r="Q62">
            <v>1232727</v>
          </cell>
          <cell r="R62">
            <v>1203727</v>
          </cell>
          <cell r="S62">
            <v>29000</v>
          </cell>
        </row>
        <row r="63">
          <cell r="B63">
            <v>1</v>
          </cell>
          <cell r="C63" t="str">
            <v>O&amp;M</v>
          </cell>
          <cell r="D63" t="str">
            <v>Regions/RM&amp;C</v>
          </cell>
          <cell r="E63" t="str">
            <v>Maintenance - Routine</v>
          </cell>
          <cell r="G63" t="str">
            <v>Meals/Travel</v>
          </cell>
          <cell r="H63" t="str">
            <v>Maintenance</v>
          </cell>
          <cell r="I63">
            <v>0</v>
          </cell>
          <cell r="K63">
            <v>53</v>
          </cell>
          <cell r="M63">
            <v>0</v>
          </cell>
          <cell r="N63">
            <v>402</v>
          </cell>
          <cell r="O63">
            <v>-402</v>
          </cell>
          <cell r="P63">
            <v>0</v>
          </cell>
          <cell r="Q63">
            <v>0</v>
          </cell>
          <cell r="R63">
            <v>1000</v>
          </cell>
          <cell r="S63">
            <v>-1000</v>
          </cell>
        </row>
        <row r="64">
          <cell r="B64">
            <v>1</v>
          </cell>
          <cell r="C64" t="str">
            <v>O&amp;M</v>
          </cell>
          <cell r="D64" t="str">
            <v>Regions/RM&amp;C</v>
          </cell>
          <cell r="E64" t="str">
            <v>Maintenance - Routine</v>
          </cell>
          <cell r="G64" t="str">
            <v>Materials</v>
          </cell>
          <cell r="H64" t="str">
            <v>Maintenance</v>
          </cell>
          <cell r="I64">
            <v>0</v>
          </cell>
          <cell r="K64">
            <v>15439</v>
          </cell>
          <cell r="M64">
            <v>128326</v>
          </cell>
          <cell r="N64">
            <v>68965</v>
          </cell>
          <cell r="O64">
            <v>59361</v>
          </cell>
          <cell r="P64">
            <v>373041</v>
          </cell>
          <cell r="Q64">
            <v>373041</v>
          </cell>
          <cell r="R64">
            <v>346041</v>
          </cell>
          <cell r="S64">
            <v>27000</v>
          </cell>
        </row>
        <row r="65">
          <cell r="B65">
            <v>1</v>
          </cell>
          <cell r="C65" t="str">
            <v>O&amp;M</v>
          </cell>
          <cell r="D65" t="str">
            <v>Regions/RM&amp;C</v>
          </cell>
          <cell r="E65" t="str">
            <v>Maintenance - Routine</v>
          </cell>
          <cell r="G65" t="str">
            <v>Ciac</v>
          </cell>
          <cell r="H65" t="str">
            <v>Maintenance</v>
          </cell>
          <cell r="I65">
            <v>0</v>
          </cell>
          <cell r="K65">
            <v>-35056</v>
          </cell>
          <cell r="M65">
            <v>-74889</v>
          </cell>
          <cell r="N65">
            <v>-113419</v>
          </cell>
          <cell r="O65">
            <v>38530</v>
          </cell>
          <cell r="P65">
            <v>-217710</v>
          </cell>
          <cell r="Q65">
            <v>-217710</v>
          </cell>
          <cell r="R65">
            <v>-239710</v>
          </cell>
          <cell r="S65">
            <v>22000</v>
          </cell>
        </row>
        <row r="66">
          <cell r="B66">
            <v>1</v>
          </cell>
          <cell r="C66" t="str">
            <v>O&amp;M</v>
          </cell>
          <cell r="D66" t="str">
            <v>Regions/RM&amp;C</v>
          </cell>
          <cell r="E66" t="str">
            <v>Maintenance - Routine</v>
          </cell>
          <cell r="G66" t="str">
            <v>Other</v>
          </cell>
          <cell r="H66" t="str">
            <v>Maintenance</v>
          </cell>
          <cell r="I66">
            <v>0</v>
          </cell>
          <cell r="K66">
            <v>0</v>
          </cell>
          <cell r="M66">
            <v>594</v>
          </cell>
          <cell r="N66">
            <v>1026</v>
          </cell>
          <cell r="O66">
            <v>-432</v>
          </cell>
          <cell r="P66">
            <v>1726</v>
          </cell>
          <cell r="Q66">
            <v>1726</v>
          </cell>
          <cell r="R66">
            <v>1726</v>
          </cell>
          <cell r="S66">
            <v>0</v>
          </cell>
        </row>
        <row r="67">
          <cell r="B67">
            <v>1</v>
          </cell>
          <cell r="C67" t="str">
            <v>O&amp;M</v>
          </cell>
          <cell r="D67" t="str">
            <v>Regions/RM&amp;C</v>
          </cell>
          <cell r="E67" t="str">
            <v>Mgmt &amp; Support</v>
          </cell>
          <cell r="G67" t="str">
            <v>Company Labor</v>
          </cell>
          <cell r="H67" t="str">
            <v>Mgmt &amp; Support</v>
          </cell>
          <cell r="I67">
            <v>0</v>
          </cell>
          <cell r="K67">
            <v>481988</v>
          </cell>
          <cell r="M67">
            <v>2301204</v>
          </cell>
          <cell r="N67">
            <v>2112639</v>
          </cell>
          <cell r="O67">
            <v>188565</v>
          </cell>
          <cell r="P67">
            <v>6647975</v>
          </cell>
          <cell r="Q67">
            <v>6647975</v>
          </cell>
          <cell r="R67">
            <v>6647975</v>
          </cell>
          <cell r="S67">
            <v>0</v>
          </cell>
        </row>
        <row r="68">
          <cell r="B68">
            <v>1</v>
          </cell>
          <cell r="C68" t="str">
            <v>O&amp;M</v>
          </cell>
          <cell r="D68" t="str">
            <v>Regions/RM&amp;C</v>
          </cell>
          <cell r="E68" t="str">
            <v>Mgmt &amp; Support</v>
          </cell>
          <cell r="G68" t="str">
            <v>Company Labor</v>
          </cell>
          <cell r="H68" t="str">
            <v>Mgmt &amp; Support</v>
          </cell>
          <cell r="I68">
            <v>0</v>
          </cell>
          <cell r="K68">
            <v>130080</v>
          </cell>
          <cell r="M68">
            <v>627205</v>
          </cell>
          <cell r="N68">
            <v>565613</v>
          </cell>
          <cell r="O68">
            <v>61592</v>
          </cell>
          <cell r="P68">
            <v>1812012</v>
          </cell>
          <cell r="Q68">
            <v>1812012</v>
          </cell>
          <cell r="R68">
            <v>1812012</v>
          </cell>
          <cell r="S68">
            <v>0</v>
          </cell>
        </row>
        <row r="69">
          <cell r="B69">
            <v>1</v>
          </cell>
          <cell r="C69" t="str">
            <v>O&amp;M</v>
          </cell>
          <cell r="D69" t="str">
            <v>Regions/RM&amp;C</v>
          </cell>
          <cell r="E69" t="str">
            <v>Mgmt &amp; Support</v>
          </cell>
          <cell r="G69" t="str">
            <v>Company Labor</v>
          </cell>
          <cell r="H69" t="str">
            <v>Mgmt &amp; Support</v>
          </cell>
          <cell r="I69">
            <v>0</v>
          </cell>
          <cell r="K69">
            <v>7731</v>
          </cell>
          <cell r="M69">
            <v>41790</v>
          </cell>
          <cell r="N69">
            <v>36772</v>
          </cell>
          <cell r="O69">
            <v>5019</v>
          </cell>
          <cell r="P69">
            <v>120798</v>
          </cell>
          <cell r="Q69">
            <v>120798</v>
          </cell>
          <cell r="R69">
            <v>120798</v>
          </cell>
          <cell r="S69">
            <v>0</v>
          </cell>
        </row>
        <row r="70">
          <cell r="B70">
            <v>1</v>
          </cell>
          <cell r="C70" t="str">
            <v>O&amp;M</v>
          </cell>
          <cell r="D70" t="str">
            <v>Regions/RM&amp;C</v>
          </cell>
          <cell r="E70" t="str">
            <v>Mgmt &amp; Support</v>
          </cell>
          <cell r="G70" t="str">
            <v>Contract Labor</v>
          </cell>
          <cell r="H70" t="str">
            <v>Mgmt &amp; Support</v>
          </cell>
          <cell r="I70">
            <v>0</v>
          </cell>
          <cell r="K70">
            <v>22716</v>
          </cell>
          <cell r="M70">
            <v>35832</v>
          </cell>
          <cell r="N70">
            <v>184617</v>
          </cell>
          <cell r="O70">
            <v>-148785</v>
          </cell>
          <cell r="P70">
            <v>98496</v>
          </cell>
          <cell r="Q70">
            <v>98496</v>
          </cell>
          <cell r="R70">
            <v>98496</v>
          </cell>
          <cell r="S70">
            <v>0</v>
          </cell>
        </row>
        <row r="71">
          <cell r="B71">
            <v>1</v>
          </cell>
          <cell r="C71" t="str">
            <v>O&amp;M</v>
          </cell>
          <cell r="D71" t="str">
            <v>Regions/RM&amp;C</v>
          </cell>
          <cell r="E71" t="str">
            <v>Mgmt &amp; Support</v>
          </cell>
          <cell r="G71" t="str">
            <v>Fleet</v>
          </cell>
          <cell r="H71" t="str">
            <v>Mgmt &amp; Support</v>
          </cell>
          <cell r="I71">
            <v>0</v>
          </cell>
          <cell r="K71">
            <v>57486</v>
          </cell>
          <cell r="M71">
            <v>243300</v>
          </cell>
          <cell r="N71">
            <v>251545</v>
          </cell>
          <cell r="O71">
            <v>-8245</v>
          </cell>
          <cell r="P71">
            <v>702901</v>
          </cell>
          <cell r="Q71">
            <v>702901</v>
          </cell>
          <cell r="R71">
            <v>702901</v>
          </cell>
          <cell r="S71">
            <v>0</v>
          </cell>
        </row>
        <row r="72">
          <cell r="B72">
            <v>1</v>
          </cell>
          <cell r="C72" t="str">
            <v>O&amp;M</v>
          </cell>
          <cell r="D72" t="str">
            <v>Regions/RM&amp;C</v>
          </cell>
          <cell r="E72" t="str">
            <v>Mgmt &amp; Support</v>
          </cell>
          <cell r="G72" t="str">
            <v>Meals/Travel</v>
          </cell>
          <cell r="H72" t="str">
            <v>Mgmt &amp; Support</v>
          </cell>
          <cell r="I72">
            <v>0</v>
          </cell>
          <cell r="K72">
            <v>42899</v>
          </cell>
          <cell r="M72">
            <v>280733</v>
          </cell>
          <cell r="N72">
            <v>167815</v>
          </cell>
          <cell r="O72">
            <v>112918</v>
          </cell>
          <cell r="P72">
            <v>842200</v>
          </cell>
          <cell r="Q72">
            <v>842200</v>
          </cell>
          <cell r="R72">
            <v>842200</v>
          </cell>
          <cell r="S72">
            <v>0</v>
          </cell>
        </row>
        <row r="73">
          <cell r="B73">
            <v>1</v>
          </cell>
          <cell r="C73" t="str">
            <v>O&amp;M</v>
          </cell>
          <cell r="D73" t="str">
            <v>Regions/RM&amp;C</v>
          </cell>
          <cell r="E73" t="str">
            <v>Mgmt &amp; Support</v>
          </cell>
          <cell r="G73" t="str">
            <v>Materials</v>
          </cell>
          <cell r="H73" t="str">
            <v>Mgmt &amp; Support</v>
          </cell>
          <cell r="I73">
            <v>0</v>
          </cell>
          <cell r="K73">
            <v>105540</v>
          </cell>
          <cell r="M73">
            <v>256819</v>
          </cell>
          <cell r="N73">
            <v>333604</v>
          </cell>
          <cell r="O73">
            <v>-76785</v>
          </cell>
          <cell r="P73">
            <v>782170</v>
          </cell>
          <cell r="Q73">
            <v>782170</v>
          </cell>
          <cell r="R73">
            <v>782170</v>
          </cell>
          <cell r="S73">
            <v>0</v>
          </cell>
        </row>
        <row r="74">
          <cell r="B74">
            <v>1</v>
          </cell>
          <cell r="C74" t="str">
            <v>O&amp;M</v>
          </cell>
          <cell r="D74" t="str">
            <v>Regions/RM&amp;C</v>
          </cell>
          <cell r="E74" t="str">
            <v>Mgmt &amp; Support</v>
          </cell>
          <cell r="G74" t="str">
            <v>Other</v>
          </cell>
          <cell r="H74" t="str">
            <v>Mgmt &amp; Support</v>
          </cell>
          <cell r="I74">
            <v>0</v>
          </cell>
          <cell r="K74">
            <v>29342</v>
          </cell>
          <cell r="M74">
            <v>122176</v>
          </cell>
          <cell r="N74">
            <v>98223</v>
          </cell>
          <cell r="O74">
            <v>23954</v>
          </cell>
          <cell r="P74">
            <v>366528</v>
          </cell>
          <cell r="Q74">
            <v>366528</v>
          </cell>
          <cell r="R74">
            <v>308528</v>
          </cell>
          <cell r="S74">
            <v>58000</v>
          </cell>
        </row>
        <row r="75">
          <cell r="B75">
            <v>1</v>
          </cell>
          <cell r="C75" t="str">
            <v>O&amp;M</v>
          </cell>
          <cell r="D75" t="str">
            <v>Regions/RM&amp;C</v>
          </cell>
          <cell r="E75" t="str">
            <v>Pre-charge Material</v>
          </cell>
          <cell r="G75" t="str">
            <v>Materials</v>
          </cell>
          <cell r="H75" t="str">
            <v>Lab &amp; Mat Burdens</v>
          </cell>
          <cell r="I75">
            <v>0</v>
          </cell>
          <cell r="K75">
            <v>194290</v>
          </cell>
          <cell r="M75">
            <v>582074</v>
          </cell>
          <cell r="N75">
            <v>857782</v>
          </cell>
          <cell r="O75">
            <v>-275708</v>
          </cell>
          <cell r="P75">
            <v>1692073</v>
          </cell>
          <cell r="Q75">
            <v>1692073</v>
          </cell>
          <cell r="R75">
            <v>1900560</v>
          </cell>
          <cell r="S75">
            <v>-208488</v>
          </cell>
        </row>
        <row r="76">
          <cell r="B76">
            <v>1</v>
          </cell>
          <cell r="C76" t="str">
            <v>O&amp;M</v>
          </cell>
          <cell r="D76" t="str">
            <v>Regions/RM&amp;C</v>
          </cell>
          <cell r="E76" t="str">
            <v>Productive Unavailable</v>
          </cell>
          <cell r="G76" t="str">
            <v>Company Labor</v>
          </cell>
          <cell r="H76" t="str">
            <v>Safety/Training/Prod Unavail</v>
          </cell>
          <cell r="I76">
            <v>0</v>
          </cell>
          <cell r="K76">
            <v>130444</v>
          </cell>
          <cell r="M76">
            <v>764865</v>
          </cell>
          <cell r="N76">
            <v>654141</v>
          </cell>
          <cell r="O76">
            <v>110724</v>
          </cell>
          <cell r="P76">
            <v>2210339</v>
          </cell>
          <cell r="Q76">
            <v>2210339</v>
          </cell>
          <cell r="R76">
            <v>2210339</v>
          </cell>
          <cell r="S76">
            <v>0</v>
          </cell>
        </row>
        <row r="77">
          <cell r="B77">
            <v>1</v>
          </cell>
          <cell r="C77" t="str">
            <v>O&amp;M</v>
          </cell>
          <cell r="D77" t="str">
            <v>Regions/RM&amp;C</v>
          </cell>
          <cell r="E77" t="str">
            <v>Productive Unavailable</v>
          </cell>
          <cell r="G77" t="str">
            <v>Company Labor</v>
          </cell>
          <cell r="H77" t="str">
            <v>Safety/Training/Prod Unavail</v>
          </cell>
          <cell r="I77">
            <v>0</v>
          </cell>
          <cell r="K77">
            <v>4711</v>
          </cell>
          <cell r="M77">
            <v>39799</v>
          </cell>
          <cell r="N77">
            <v>17036</v>
          </cell>
          <cell r="O77">
            <v>22764</v>
          </cell>
          <cell r="P77">
            <v>115029</v>
          </cell>
          <cell r="Q77">
            <v>115029</v>
          </cell>
          <cell r="R77">
            <v>115029</v>
          </cell>
          <cell r="S77">
            <v>0</v>
          </cell>
        </row>
        <row r="78">
          <cell r="B78">
            <v>1</v>
          </cell>
          <cell r="C78" t="str">
            <v>O&amp;M</v>
          </cell>
          <cell r="D78" t="str">
            <v>Regions/RM&amp;C</v>
          </cell>
          <cell r="E78" t="str">
            <v>Productive Unavailable</v>
          </cell>
          <cell r="G78" t="str">
            <v>Contract Labor</v>
          </cell>
          <cell r="H78" t="str">
            <v>Safety/Training/Prod Unavail</v>
          </cell>
          <cell r="I78">
            <v>0</v>
          </cell>
          <cell r="K78">
            <v>1000</v>
          </cell>
          <cell r="M78">
            <v>0</v>
          </cell>
          <cell r="N78">
            <v>4524</v>
          </cell>
          <cell r="O78">
            <v>-4524</v>
          </cell>
          <cell r="P78">
            <v>0</v>
          </cell>
          <cell r="Q78">
            <v>0</v>
          </cell>
          <cell r="R78">
            <v>9000</v>
          </cell>
          <cell r="S78">
            <v>-9000</v>
          </cell>
        </row>
        <row r="79">
          <cell r="B79">
            <v>1</v>
          </cell>
          <cell r="C79" t="str">
            <v>O&amp;M</v>
          </cell>
          <cell r="D79" t="str">
            <v>Regions/RM&amp;C</v>
          </cell>
          <cell r="E79" t="str">
            <v>Productive Unavailable</v>
          </cell>
          <cell r="G79" t="str">
            <v>Fleet</v>
          </cell>
          <cell r="H79" t="str">
            <v>Safety/Training/Prod Unavail</v>
          </cell>
          <cell r="I79">
            <v>0</v>
          </cell>
          <cell r="K79">
            <v>0</v>
          </cell>
          <cell r="M79">
            <v>0</v>
          </cell>
          <cell r="N79">
            <v>9467</v>
          </cell>
          <cell r="O79">
            <v>-9467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</row>
        <row r="80">
          <cell r="B80">
            <v>1</v>
          </cell>
          <cell r="C80" t="str">
            <v>O&amp;M</v>
          </cell>
          <cell r="D80" t="str">
            <v>Regions/RM&amp;C</v>
          </cell>
          <cell r="E80" t="str">
            <v>Productive Unavailable</v>
          </cell>
          <cell r="G80" t="str">
            <v>Meals/Travel</v>
          </cell>
          <cell r="H80" t="str">
            <v>Safety/Training/Prod Unavail</v>
          </cell>
          <cell r="I80">
            <v>0</v>
          </cell>
          <cell r="K80">
            <v>14386</v>
          </cell>
          <cell r="M80">
            <v>0</v>
          </cell>
          <cell r="N80">
            <v>45988</v>
          </cell>
          <cell r="O80">
            <v>-45988</v>
          </cell>
          <cell r="P80">
            <v>0</v>
          </cell>
          <cell r="Q80">
            <v>0</v>
          </cell>
          <cell r="R80">
            <v>0</v>
          </cell>
          <cell r="S80">
            <v>0</v>
          </cell>
        </row>
        <row r="81">
          <cell r="B81">
            <v>1</v>
          </cell>
          <cell r="C81" t="str">
            <v>O&amp;M</v>
          </cell>
          <cell r="D81" t="str">
            <v>Regions/RM&amp;C</v>
          </cell>
          <cell r="E81" t="str">
            <v>Productive Unavailable</v>
          </cell>
          <cell r="G81" t="str">
            <v>Materials</v>
          </cell>
          <cell r="H81" t="str">
            <v>Safety/Training/Prod Unavail</v>
          </cell>
          <cell r="I81">
            <v>0</v>
          </cell>
          <cell r="K81">
            <v>598</v>
          </cell>
          <cell r="M81">
            <v>0</v>
          </cell>
          <cell r="N81">
            <v>2295</v>
          </cell>
          <cell r="O81">
            <v>-2295</v>
          </cell>
          <cell r="P81">
            <v>0</v>
          </cell>
          <cell r="Q81">
            <v>0</v>
          </cell>
          <cell r="R81">
            <v>0</v>
          </cell>
          <cell r="S81">
            <v>0</v>
          </cell>
        </row>
        <row r="82">
          <cell r="B82">
            <v>1</v>
          </cell>
          <cell r="C82" t="str">
            <v>O&amp;M</v>
          </cell>
          <cell r="D82" t="str">
            <v>Regions/RM&amp;C</v>
          </cell>
          <cell r="E82" t="str">
            <v>Productive Unavailable</v>
          </cell>
          <cell r="G82" t="str">
            <v>Other</v>
          </cell>
          <cell r="H82" t="str">
            <v>Safety/Training/Prod Unavail</v>
          </cell>
          <cell r="I82">
            <v>0</v>
          </cell>
          <cell r="K82">
            <v>105</v>
          </cell>
          <cell r="M82">
            <v>0</v>
          </cell>
          <cell r="N82">
            <v>895</v>
          </cell>
          <cell r="O82">
            <v>-895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</row>
        <row r="83">
          <cell r="B83">
            <v>1</v>
          </cell>
          <cell r="C83" t="str">
            <v>O&amp;M</v>
          </cell>
          <cell r="D83" t="str">
            <v>Regions/RM&amp;C</v>
          </cell>
          <cell r="E83" t="str">
            <v>Region Other</v>
          </cell>
          <cell r="G83" t="str">
            <v>Company Labor</v>
          </cell>
          <cell r="H83" t="str">
            <v>Other</v>
          </cell>
          <cell r="I83">
            <v>0</v>
          </cell>
          <cell r="K83">
            <v>9192</v>
          </cell>
          <cell r="M83">
            <v>3250</v>
          </cell>
          <cell r="N83">
            <v>33190</v>
          </cell>
          <cell r="O83">
            <v>-29941</v>
          </cell>
          <cell r="P83">
            <v>8624</v>
          </cell>
          <cell r="Q83">
            <v>9389</v>
          </cell>
          <cell r="R83">
            <v>6211</v>
          </cell>
          <cell r="S83">
            <v>3178</v>
          </cell>
        </row>
        <row r="84">
          <cell r="B84">
            <v>1</v>
          </cell>
          <cell r="C84" t="str">
            <v>O&amp;M</v>
          </cell>
          <cell r="D84" t="str">
            <v>Regions/RM&amp;C</v>
          </cell>
          <cell r="E84" t="str">
            <v>Region Other</v>
          </cell>
          <cell r="G84" t="str">
            <v>Company Labor</v>
          </cell>
          <cell r="H84" t="str">
            <v>Other</v>
          </cell>
          <cell r="I84">
            <v>0</v>
          </cell>
          <cell r="K84">
            <v>147</v>
          </cell>
          <cell r="M84">
            <v>905</v>
          </cell>
          <cell r="N84">
            <v>2950</v>
          </cell>
          <cell r="O84">
            <v>-2045</v>
          </cell>
          <cell r="P84">
            <v>2614</v>
          </cell>
          <cell r="Q84">
            <v>2614</v>
          </cell>
          <cell r="R84">
            <v>1715</v>
          </cell>
          <cell r="S84">
            <v>900</v>
          </cell>
        </row>
        <row r="85">
          <cell r="B85">
            <v>1</v>
          </cell>
          <cell r="C85" t="str">
            <v>O&amp;M</v>
          </cell>
          <cell r="D85" t="str">
            <v>Regions/RM&amp;C</v>
          </cell>
          <cell r="E85" t="str">
            <v>Region Other</v>
          </cell>
          <cell r="G85" t="str">
            <v>Company Labor</v>
          </cell>
          <cell r="H85" t="str">
            <v>Other</v>
          </cell>
          <cell r="I85">
            <v>0</v>
          </cell>
          <cell r="K85">
            <v>352</v>
          </cell>
          <cell r="M85">
            <v>0</v>
          </cell>
          <cell r="N85">
            <v>4905</v>
          </cell>
          <cell r="O85">
            <v>-4905</v>
          </cell>
          <cell r="P85">
            <v>0</v>
          </cell>
          <cell r="Q85">
            <v>0</v>
          </cell>
          <cell r="R85">
            <v>0</v>
          </cell>
          <cell r="S85">
            <v>0</v>
          </cell>
        </row>
        <row r="86">
          <cell r="B86">
            <v>1</v>
          </cell>
          <cell r="C86" t="str">
            <v>O&amp;M</v>
          </cell>
          <cell r="D86" t="str">
            <v>Regions/RM&amp;C</v>
          </cell>
          <cell r="E86" t="str">
            <v>Region Other</v>
          </cell>
          <cell r="G86" t="str">
            <v>Contract Labor</v>
          </cell>
          <cell r="H86" t="str">
            <v>Other</v>
          </cell>
          <cell r="I86">
            <v>0</v>
          </cell>
          <cell r="K86">
            <v>6293</v>
          </cell>
          <cell r="M86">
            <v>83595</v>
          </cell>
          <cell r="N86">
            <v>63038</v>
          </cell>
          <cell r="O86">
            <v>20557</v>
          </cell>
          <cell r="P86">
            <v>250785</v>
          </cell>
          <cell r="Q86">
            <v>250785</v>
          </cell>
          <cell r="R86">
            <v>250785</v>
          </cell>
          <cell r="S86">
            <v>0</v>
          </cell>
        </row>
        <row r="87">
          <cell r="B87">
            <v>1</v>
          </cell>
          <cell r="C87" t="str">
            <v>O&amp;M</v>
          </cell>
          <cell r="D87" t="str">
            <v>Regions/RM&amp;C</v>
          </cell>
          <cell r="E87" t="str">
            <v>Region Other</v>
          </cell>
          <cell r="G87" t="str">
            <v>Fleet</v>
          </cell>
          <cell r="H87" t="str">
            <v>Other</v>
          </cell>
          <cell r="I87">
            <v>0</v>
          </cell>
          <cell r="K87">
            <v>2352</v>
          </cell>
          <cell r="M87">
            <v>0</v>
          </cell>
          <cell r="N87">
            <v>9506</v>
          </cell>
          <cell r="O87">
            <v>-9506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</row>
        <row r="88">
          <cell r="B88">
            <v>1</v>
          </cell>
          <cell r="C88" t="str">
            <v>O&amp;M</v>
          </cell>
          <cell r="D88" t="str">
            <v>Regions/RM&amp;C</v>
          </cell>
          <cell r="E88" t="str">
            <v>Region Other</v>
          </cell>
          <cell r="G88" t="str">
            <v>Meals/Travel</v>
          </cell>
          <cell r="H88" t="str">
            <v>Other</v>
          </cell>
          <cell r="I88">
            <v>0</v>
          </cell>
          <cell r="K88">
            <v>1044</v>
          </cell>
          <cell r="M88">
            <v>0</v>
          </cell>
          <cell r="N88">
            <v>2861</v>
          </cell>
          <cell r="O88">
            <v>-2861</v>
          </cell>
          <cell r="P88">
            <v>0</v>
          </cell>
          <cell r="Q88">
            <v>0</v>
          </cell>
          <cell r="R88">
            <v>0</v>
          </cell>
          <cell r="S88">
            <v>0</v>
          </cell>
        </row>
        <row r="89">
          <cell r="B89">
            <v>1</v>
          </cell>
          <cell r="C89" t="str">
            <v>O&amp;M</v>
          </cell>
          <cell r="D89" t="str">
            <v>Regions/RM&amp;C</v>
          </cell>
          <cell r="E89" t="str">
            <v>Region Other</v>
          </cell>
          <cell r="G89" t="str">
            <v>Materials</v>
          </cell>
          <cell r="H89" t="str">
            <v>Other</v>
          </cell>
          <cell r="I89">
            <v>0</v>
          </cell>
          <cell r="K89">
            <v>4741</v>
          </cell>
          <cell r="M89">
            <v>32353</v>
          </cell>
          <cell r="N89">
            <v>24972</v>
          </cell>
          <cell r="O89">
            <v>7381</v>
          </cell>
          <cell r="P89">
            <v>97058</v>
          </cell>
          <cell r="Q89">
            <v>97058</v>
          </cell>
          <cell r="R89">
            <v>97058</v>
          </cell>
          <cell r="S89">
            <v>0</v>
          </cell>
        </row>
        <row r="90">
          <cell r="B90">
            <v>1</v>
          </cell>
          <cell r="C90" t="str">
            <v>O&amp;M</v>
          </cell>
          <cell r="D90" t="str">
            <v>Regions/RM&amp;C</v>
          </cell>
          <cell r="E90" t="str">
            <v>Region Other</v>
          </cell>
          <cell r="G90" t="str">
            <v>Ciac</v>
          </cell>
          <cell r="H90" t="str">
            <v>Other</v>
          </cell>
          <cell r="I90">
            <v>0</v>
          </cell>
          <cell r="K90">
            <v>-4437</v>
          </cell>
          <cell r="M90">
            <v>0</v>
          </cell>
          <cell r="N90">
            <v>1413</v>
          </cell>
          <cell r="O90">
            <v>-1413</v>
          </cell>
          <cell r="P90">
            <v>0</v>
          </cell>
          <cell r="Q90">
            <v>0</v>
          </cell>
          <cell r="R90">
            <v>0</v>
          </cell>
          <cell r="S90">
            <v>0</v>
          </cell>
        </row>
        <row r="91">
          <cell r="B91">
            <v>1</v>
          </cell>
          <cell r="C91" t="str">
            <v>O&amp;M</v>
          </cell>
          <cell r="D91" t="str">
            <v>Regions/RM&amp;C</v>
          </cell>
          <cell r="E91" t="str">
            <v>Region Other</v>
          </cell>
          <cell r="G91" t="str">
            <v>Other</v>
          </cell>
          <cell r="H91" t="str">
            <v>Other</v>
          </cell>
          <cell r="I91">
            <v>0</v>
          </cell>
          <cell r="K91">
            <v>1380</v>
          </cell>
          <cell r="M91">
            <v>4268</v>
          </cell>
          <cell r="N91">
            <v>15516</v>
          </cell>
          <cell r="O91">
            <v>-11247</v>
          </cell>
          <cell r="P91">
            <v>13963</v>
          </cell>
          <cell r="Q91">
            <v>13198</v>
          </cell>
          <cell r="R91">
            <v>13198</v>
          </cell>
          <cell r="S91">
            <v>0</v>
          </cell>
        </row>
        <row r="92">
          <cell r="B92">
            <v>1</v>
          </cell>
          <cell r="C92" t="str">
            <v>O&amp;M</v>
          </cell>
          <cell r="D92" t="str">
            <v>Regions/RM&amp;C</v>
          </cell>
          <cell r="E92" t="str">
            <v>Restore</v>
          </cell>
          <cell r="G92" t="str">
            <v>Company Labor</v>
          </cell>
          <cell r="H92" t="str">
            <v>Restore</v>
          </cell>
          <cell r="I92">
            <v>0</v>
          </cell>
          <cell r="K92">
            <v>86193</v>
          </cell>
          <cell r="M92">
            <v>458674</v>
          </cell>
          <cell r="N92">
            <v>366401</v>
          </cell>
          <cell r="O92">
            <v>92273</v>
          </cell>
          <cell r="P92">
            <v>1357041</v>
          </cell>
          <cell r="Q92">
            <v>1357041</v>
          </cell>
          <cell r="R92">
            <v>1296993</v>
          </cell>
          <cell r="S92">
            <v>60048</v>
          </cell>
        </row>
        <row r="93">
          <cell r="B93">
            <v>1</v>
          </cell>
          <cell r="C93" t="str">
            <v>O&amp;M</v>
          </cell>
          <cell r="D93" t="str">
            <v>Regions/RM&amp;C</v>
          </cell>
          <cell r="E93" t="str">
            <v>Restore</v>
          </cell>
          <cell r="G93" t="str">
            <v>Company Labor</v>
          </cell>
          <cell r="H93" t="str">
            <v>Restore</v>
          </cell>
          <cell r="I93">
            <v>0</v>
          </cell>
          <cell r="K93">
            <v>104788</v>
          </cell>
          <cell r="M93">
            <v>550425</v>
          </cell>
          <cell r="N93">
            <v>426203</v>
          </cell>
          <cell r="O93">
            <v>124222</v>
          </cell>
          <cell r="P93">
            <v>1629514</v>
          </cell>
          <cell r="Q93">
            <v>1629514</v>
          </cell>
          <cell r="R93">
            <v>1542322</v>
          </cell>
          <cell r="S93">
            <v>87191</v>
          </cell>
        </row>
        <row r="94">
          <cell r="B94">
            <v>1</v>
          </cell>
          <cell r="C94" t="str">
            <v>O&amp;M</v>
          </cell>
          <cell r="D94" t="str">
            <v>Regions/RM&amp;C</v>
          </cell>
          <cell r="E94" t="str">
            <v>Restore</v>
          </cell>
          <cell r="G94" t="str">
            <v>Company Labor</v>
          </cell>
          <cell r="H94" t="str">
            <v>Restore</v>
          </cell>
          <cell r="I94">
            <v>0</v>
          </cell>
          <cell r="K94">
            <v>278818</v>
          </cell>
          <cell r="M94">
            <v>1444151</v>
          </cell>
          <cell r="N94">
            <v>1079418</v>
          </cell>
          <cell r="O94">
            <v>364733</v>
          </cell>
          <cell r="P94">
            <v>4278276</v>
          </cell>
          <cell r="Q94">
            <v>4278276</v>
          </cell>
          <cell r="R94">
            <v>4006072</v>
          </cell>
          <cell r="S94">
            <v>272204</v>
          </cell>
        </row>
        <row r="95">
          <cell r="B95">
            <v>1</v>
          </cell>
          <cell r="C95" t="str">
            <v>O&amp;M</v>
          </cell>
          <cell r="D95" t="str">
            <v>Regions/RM&amp;C</v>
          </cell>
          <cell r="E95" t="str">
            <v>Restore</v>
          </cell>
          <cell r="G95" t="str">
            <v>Contract Labor</v>
          </cell>
          <cell r="H95" t="str">
            <v>Restore</v>
          </cell>
          <cell r="I95">
            <v>0</v>
          </cell>
          <cell r="K95">
            <v>60025</v>
          </cell>
          <cell r="M95">
            <v>388704</v>
          </cell>
          <cell r="N95">
            <v>245587</v>
          </cell>
          <cell r="O95">
            <v>143117</v>
          </cell>
          <cell r="P95">
            <v>1165819</v>
          </cell>
          <cell r="Q95">
            <v>1165819</v>
          </cell>
          <cell r="R95">
            <v>1127536</v>
          </cell>
          <cell r="S95">
            <v>38283</v>
          </cell>
        </row>
        <row r="96">
          <cell r="B96">
            <v>1</v>
          </cell>
          <cell r="C96" t="str">
            <v>O&amp;M</v>
          </cell>
          <cell r="D96" t="str">
            <v>Regions/RM&amp;C</v>
          </cell>
          <cell r="E96" t="str">
            <v>Restore</v>
          </cell>
          <cell r="G96" t="str">
            <v>Fleet</v>
          </cell>
          <cell r="H96" t="str">
            <v>Restore</v>
          </cell>
          <cell r="I96">
            <v>0</v>
          </cell>
          <cell r="K96">
            <v>112062</v>
          </cell>
          <cell r="M96">
            <v>544298</v>
          </cell>
          <cell r="N96">
            <v>474241</v>
          </cell>
          <cell r="O96">
            <v>70057</v>
          </cell>
          <cell r="P96">
            <v>1613521</v>
          </cell>
          <cell r="Q96">
            <v>1613521</v>
          </cell>
          <cell r="R96">
            <v>1565476</v>
          </cell>
          <cell r="S96">
            <v>48045</v>
          </cell>
        </row>
        <row r="97">
          <cell r="B97">
            <v>1</v>
          </cell>
          <cell r="C97" t="str">
            <v>O&amp;M</v>
          </cell>
          <cell r="D97" t="str">
            <v>Regions/RM&amp;C</v>
          </cell>
          <cell r="E97" t="str">
            <v>Restore</v>
          </cell>
          <cell r="G97" t="str">
            <v>Meals/Travel</v>
          </cell>
          <cell r="H97" t="str">
            <v>Restore</v>
          </cell>
          <cell r="I97">
            <v>0</v>
          </cell>
          <cell r="K97">
            <v>344</v>
          </cell>
          <cell r="M97">
            <v>8810</v>
          </cell>
          <cell r="N97">
            <v>2137</v>
          </cell>
          <cell r="O97">
            <v>6673</v>
          </cell>
          <cell r="P97">
            <v>26271</v>
          </cell>
          <cell r="Q97">
            <v>26271</v>
          </cell>
          <cell r="R97">
            <v>22596</v>
          </cell>
          <cell r="S97">
            <v>3675</v>
          </cell>
        </row>
        <row r="98">
          <cell r="B98">
            <v>1</v>
          </cell>
          <cell r="C98" t="str">
            <v>O&amp;M</v>
          </cell>
          <cell r="D98" t="str">
            <v>Regions/RM&amp;C</v>
          </cell>
          <cell r="E98" t="str">
            <v>Restore</v>
          </cell>
          <cell r="G98" t="str">
            <v>Materials</v>
          </cell>
          <cell r="H98" t="str">
            <v>Restore</v>
          </cell>
          <cell r="I98">
            <v>0</v>
          </cell>
          <cell r="K98">
            <v>2470</v>
          </cell>
          <cell r="M98">
            <v>22403</v>
          </cell>
          <cell r="N98">
            <v>12512</v>
          </cell>
          <cell r="O98">
            <v>9891</v>
          </cell>
          <cell r="P98">
            <v>65325</v>
          </cell>
          <cell r="Q98">
            <v>65325</v>
          </cell>
          <cell r="R98">
            <v>62472</v>
          </cell>
          <cell r="S98">
            <v>2853</v>
          </cell>
        </row>
        <row r="99">
          <cell r="B99">
            <v>1</v>
          </cell>
          <cell r="C99" t="str">
            <v>O&amp;M</v>
          </cell>
          <cell r="D99" t="str">
            <v>Regions/RM&amp;C</v>
          </cell>
          <cell r="E99" t="str">
            <v>Restore</v>
          </cell>
          <cell r="G99" t="str">
            <v>Ciac</v>
          </cell>
          <cell r="H99" t="str">
            <v>Restore</v>
          </cell>
          <cell r="I99">
            <v>0</v>
          </cell>
          <cell r="K99">
            <v>-9001</v>
          </cell>
          <cell r="M99">
            <v>-57393</v>
          </cell>
          <cell r="N99">
            <v>-61949</v>
          </cell>
          <cell r="O99">
            <v>4556</v>
          </cell>
          <cell r="P99">
            <v>-166559</v>
          </cell>
          <cell r="Q99">
            <v>-166559</v>
          </cell>
          <cell r="R99">
            <v>-174886</v>
          </cell>
          <cell r="S99">
            <v>8327</v>
          </cell>
        </row>
        <row r="100">
          <cell r="B100">
            <v>1</v>
          </cell>
          <cell r="C100" t="str">
            <v>O&amp;M</v>
          </cell>
          <cell r="D100" t="str">
            <v>Regions/RM&amp;C</v>
          </cell>
          <cell r="E100" t="str">
            <v>Restore</v>
          </cell>
          <cell r="G100" t="str">
            <v>Other</v>
          </cell>
          <cell r="H100" t="str">
            <v>Restore</v>
          </cell>
          <cell r="I100">
            <v>0</v>
          </cell>
          <cell r="K100">
            <v>0</v>
          </cell>
          <cell r="M100">
            <v>710</v>
          </cell>
          <cell r="N100">
            <v>0</v>
          </cell>
          <cell r="O100">
            <v>710</v>
          </cell>
          <cell r="P100">
            <v>2095</v>
          </cell>
          <cell r="Q100">
            <v>2095</v>
          </cell>
          <cell r="R100">
            <v>1789</v>
          </cell>
          <cell r="S100">
            <v>306</v>
          </cell>
        </row>
        <row r="101">
          <cell r="B101">
            <v>1</v>
          </cell>
          <cell r="C101" t="str">
            <v>O&amp;M</v>
          </cell>
          <cell r="D101" t="str">
            <v>Regions/RM&amp;C</v>
          </cell>
          <cell r="E101" t="str">
            <v>Revenue-Install/Remove Transformers</v>
          </cell>
          <cell r="G101" t="str">
            <v>Company Labor</v>
          </cell>
          <cell r="H101" t="str">
            <v>Revenue-Install/Remove Transformers</v>
          </cell>
          <cell r="I101">
            <v>0</v>
          </cell>
          <cell r="K101">
            <v>14197</v>
          </cell>
          <cell r="M101">
            <v>148305</v>
          </cell>
          <cell r="N101">
            <v>54264</v>
          </cell>
          <cell r="O101">
            <v>94041</v>
          </cell>
          <cell r="P101">
            <v>492803</v>
          </cell>
          <cell r="Q101">
            <v>492803</v>
          </cell>
          <cell r="R101">
            <v>492803</v>
          </cell>
          <cell r="S101">
            <v>0</v>
          </cell>
        </row>
        <row r="102">
          <cell r="B102">
            <v>1</v>
          </cell>
          <cell r="C102" t="str">
            <v>O&amp;M</v>
          </cell>
          <cell r="D102" t="str">
            <v>Regions/RM&amp;C</v>
          </cell>
          <cell r="E102" t="str">
            <v>Revenue-Install/Remove Transformers</v>
          </cell>
          <cell r="G102" t="str">
            <v>Company Labor</v>
          </cell>
          <cell r="H102" t="str">
            <v>Revenue-Install/Remove Transformers</v>
          </cell>
          <cell r="I102">
            <v>0</v>
          </cell>
          <cell r="K102">
            <v>243</v>
          </cell>
          <cell r="M102">
            <v>5381</v>
          </cell>
          <cell r="N102">
            <v>935</v>
          </cell>
          <cell r="O102">
            <v>4446</v>
          </cell>
          <cell r="P102">
            <v>22032</v>
          </cell>
          <cell r="Q102">
            <v>22032</v>
          </cell>
          <cell r="R102">
            <v>22032</v>
          </cell>
          <cell r="S102">
            <v>0</v>
          </cell>
        </row>
        <row r="103">
          <cell r="B103">
            <v>1</v>
          </cell>
          <cell r="C103" t="str">
            <v>O&amp;M</v>
          </cell>
          <cell r="D103" t="str">
            <v>Regions/RM&amp;C</v>
          </cell>
          <cell r="E103" t="str">
            <v>Revenue-Install/Remove Transformers</v>
          </cell>
          <cell r="G103" t="str">
            <v>Contract Labor</v>
          </cell>
          <cell r="H103" t="str">
            <v>Revenue-Install/Remove Transformers</v>
          </cell>
          <cell r="I103">
            <v>0</v>
          </cell>
          <cell r="K103">
            <v>22788</v>
          </cell>
          <cell r="M103">
            <v>194631</v>
          </cell>
          <cell r="N103">
            <v>108676</v>
          </cell>
          <cell r="O103">
            <v>85956</v>
          </cell>
          <cell r="P103">
            <v>646701</v>
          </cell>
          <cell r="Q103">
            <v>646701</v>
          </cell>
          <cell r="R103">
            <v>646701</v>
          </cell>
          <cell r="S103">
            <v>0</v>
          </cell>
        </row>
        <row r="104">
          <cell r="B104">
            <v>1</v>
          </cell>
          <cell r="C104" t="str">
            <v>O&amp;M</v>
          </cell>
          <cell r="D104" t="str">
            <v>Regions/RM&amp;C</v>
          </cell>
          <cell r="E104" t="str">
            <v>Revenue-Install/Remove Transformers</v>
          </cell>
          <cell r="G104" t="str">
            <v>Fleet</v>
          </cell>
          <cell r="H104" t="str">
            <v>Revenue-Install/Remove Transformers</v>
          </cell>
          <cell r="I104">
            <v>0</v>
          </cell>
          <cell r="K104">
            <v>5779</v>
          </cell>
          <cell r="M104">
            <v>59842</v>
          </cell>
          <cell r="N104">
            <v>24222</v>
          </cell>
          <cell r="O104">
            <v>35620</v>
          </cell>
          <cell r="P104">
            <v>187641</v>
          </cell>
          <cell r="Q104">
            <v>187641</v>
          </cell>
          <cell r="R104">
            <v>187641</v>
          </cell>
          <cell r="S104">
            <v>0</v>
          </cell>
        </row>
        <row r="105">
          <cell r="B105">
            <v>1</v>
          </cell>
          <cell r="C105" t="str">
            <v>O&amp;M</v>
          </cell>
          <cell r="D105" t="str">
            <v>Regions/RM&amp;C</v>
          </cell>
          <cell r="E105" t="str">
            <v>Revenue-Install/Remove Transformers</v>
          </cell>
          <cell r="G105" t="str">
            <v>Materials</v>
          </cell>
          <cell r="H105" t="str">
            <v>Revenue-Install/Remove Transformers</v>
          </cell>
          <cell r="I105">
            <v>0</v>
          </cell>
          <cell r="K105">
            <v>3</v>
          </cell>
          <cell r="M105">
            <v>3664</v>
          </cell>
          <cell r="N105">
            <v>5</v>
          </cell>
          <cell r="O105">
            <v>3658</v>
          </cell>
          <cell r="P105">
            <v>11589</v>
          </cell>
          <cell r="Q105">
            <v>11589</v>
          </cell>
          <cell r="R105">
            <v>11589</v>
          </cell>
          <cell r="S105">
            <v>0</v>
          </cell>
        </row>
        <row r="106">
          <cell r="B106">
            <v>1</v>
          </cell>
          <cell r="C106" t="str">
            <v>O&amp;M</v>
          </cell>
          <cell r="D106" t="str">
            <v>Regions/RM&amp;C</v>
          </cell>
          <cell r="E106" t="str">
            <v>Revenue-Install/Remove Transformers</v>
          </cell>
          <cell r="G106" t="str">
            <v>Ciac</v>
          </cell>
          <cell r="H106" t="str">
            <v>Revenue-Install/Remove Transformers</v>
          </cell>
          <cell r="I106">
            <v>0</v>
          </cell>
          <cell r="K106">
            <v>-1580</v>
          </cell>
          <cell r="M106">
            <v>0</v>
          </cell>
          <cell r="N106">
            <v>-10829</v>
          </cell>
          <cell r="O106">
            <v>10829</v>
          </cell>
          <cell r="P106">
            <v>0</v>
          </cell>
          <cell r="Q106">
            <v>0</v>
          </cell>
          <cell r="R106">
            <v>0</v>
          </cell>
          <cell r="S106">
            <v>0</v>
          </cell>
        </row>
        <row r="107">
          <cell r="B107">
            <v>1</v>
          </cell>
          <cell r="C107" t="str">
            <v>O&amp;M</v>
          </cell>
          <cell r="D107" t="str">
            <v>Regions/RM&amp;C</v>
          </cell>
          <cell r="E107" t="str">
            <v>Safety &amp; Training</v>
          </cell>
          <cell r="G107" t="str">
            <v>Company Labor</v>
          </cell>
          <cell r="H107" t="str">
            <v>Safety/Training/Prod Unavail</v>
          </cell>
          <cell r="I107">
            <v>0</v>
          </cell>
          <cell r="K107">
            <v>98335</v>
          </cell>
          <cell r="M107">
            <v>354070</v>
          </cell>
          <cell r="N107">
            <v>379214</v>
          </cell>
          <cell r="O107">
            <v>-25144</v>
          </cell>
          <cell r="P107">
            <v>1023480</v>
          </cell>
          <cell r="Q107">
            <v>1023480</v>
          </cell>
          <cell r="R107">
            <v>1023480</v>
          </cell>
          <cell r="S107">
            <v>0</v>
          </cell>
        </row>
        <row r="108">
          <cell r="B108">
            <v>1</v>
          </cell>
          <cell r="C108" t="str">
            <v>O&amp;M</v>
          </cell>
          <cell r="D108" t="str">
            <v>Regions/RM&amp;C</v>
          </cell>
          <cell r="E108" t="str">
            <v>Safety &amp; Training</v>
          </cell>
          <cell r="G108" t="str">
            <v>Company Labor</v>
          </cell>
          <cell r="H108" t="str">
            <v>Safety/Training/Prod Unavail</v>
          </cell>
          <cell r="I108">
            <v>0</v>
          </cell>
          <cell r="K108">
            <v>3746</v>
          </cell>
          <cell r="M108">
            <v>0</v>
          </cell>
          <cell r="N108">
            <v>18089</v>
          </cell>
          <cell r="O108">
            <v>-18089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</row>
        <row r="109">
          <cell r="B109">
            <v>1</v>
          </cell>
          <cell r="C109" t="str">
            <v>O&amp;M</v>
          </cell>
          <cell r="D109" t="str">
            <v>Regions/RM&amp;C</v>
          </cell>
          <cell r="E109" t="str">
            <v>Safety &amp; Training</v>
          </cell>
          <cell r="G109" t="str">
            <v>Contract Labor</v>
          </cell>
          <cell r="H109" t="str">
            <v>Safety/Training/Prod Unavail</v>
          </cell>
          <cell r="I109">
            <v>0</v>
          </cell>
          <cell r="K109">
            <v>432</v>
          </cell>
          <cell r="M109">
            <v>0</v>
          </cell>
          <cell r="N109">
            <v>1251</v>
          </cell>
          <cell r="O109">
            <v>-1251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</row>
        <row r="110">
          <cell r="B110">
            <v>1</v>
          </cell>
          <cell r="C110" t="str">
            <v>O&amp;M</v>
          </cell>
          <cell r="D110" t="str">
            <v>Regions/RM&amp;C</v>
          </cell>
          <cell r="E110" t="str">
            <v>Safety &amp; Training</v>
          </cell>
          <cell r="G110" t="str">
            <v>Meals/Travel</v>
          </cell>
          <cell r="H110" t="str">
            <v>Safety/Training/Prod Unavail</v>
          </cell>
          <cell r="I110">
            <v>0</v>
          </cell>
          <cell r="K110">
            <v>16218</v>
          </cell>
          <cell r="M110">
            <v>20270</v>
          </cell>
          <cell r="N110">
            <v>52804</v>
          </cell>
          <cell r="O110">
            <v>-32534</v>
          </cell>
          <cell r="P110">
            <v>60810</v>
          </cell>
          <cell r="Q110">
            <v>60810</v>
          </cell>
          <cell r="R110">
            <v>60810</v>
          </cell>
          <cell r="S110">
            <v>0</v>
          </cell>
        </row>
        <row r="111">
          <cell r="B111">
            <v>1</v>
          </cell>
          <cell r="C111" t="str">
            <v>O&amp;M</v>
          </cell>
          <cell r="D111" t="str">
            <v>Regions/RM&amp;C</v>
          </cell>
          <cell r="E111" t="str">
            <v>Safety &amp; Training</v>
          </cell>
          <cell r="G111" t="str">
            <v>Materials</v>
          </cell>
          <cell r="H111" t="str">
            <v>Safety/Training/Prod Unavail</v>
          </cell>
          <cell r="I111">
            <v>0</v>
          </cell>
          <cell r="K111">
            <v>307</v>
          </cell>
          <cell r="M111">
            <v>420</v>
          </cell>
          <cell r="N111">
            <v>828</v>
          </cell>
          <cell r="O111">
            <v>-408</v>
          </cell>
          <cell r="P111">
            <v>1436</v>
          </cell>
          <cell r="Q111">
            <v>1436</v>
          </cell>
          <cell r="R111">
            <v>1436</v>
          </cell>
          <cell r="S111">
            <v>0</v>
          </cell>
        </row>
        <row r="112">
          <cell r="B112">
            <v>1</v>
          </cell>
          <cell r="C112" t="str">
            <v>O&amp;M</v>
          </cell>
          <cell r="D112" t="str">
            <v>Regions/RM&amp;C</v>
          </cell>
          <cell r="E112" t="str">
            <v>Safety &amp; Training</v>
          </cell>
          <cell r="G112" t="str">
            <v>Other</v>
          </cell>
          <cell r="H112" t="str">
            <v>Safety/Training/Prod Unavail</v>
          </cell>
          <cell r="I112">
            <v>0</v>
          </cell>
          <cell r="K112">
            <v>29254</v>
          </cell>
          <cell r="M112">
            <v>81108</v>
          </cell>
          <cell r="N112">
            <v>60265</v>
          </cell>
          <cell r="O112">
            <v>20843</v>
          </cell>
          <cell r="P112">
            <v>243325</v>
          </cell>
          <cell r="Q112">
            <v>243325</v>
          </cell>
          <cell r="R112">
            <v>243325</v>
          </cell>
          <cell r="S112">
            <v>0</v>
          </cell>
        </row>
        <row r="113">
          <cell r="B113">
            <v>1</v>
          </cell>
          <cell r="C113" t="str">
            <v>O&amp;M</v>
          </cell>
          <cell r="D113" t="str">
            <v>Regions/RM&amp;C</v>
          </cell>
          <cell r="E113" t="str">
            <v>Service Delivery</v>
          </cell>
          <cell r="G113" t="str">
            <v>Company Labor</v>
          </cell>
          <cell r="H113" t="str">
            <v>Service Delivery</v>
          </cell>
          <cell r="I113">
            <v>0</v>
          </cell>
          <cell r="K113">
            <v>140678</v>
          </cell>
          <cell r="M113">
            <v>503200</v>
          </cell>
          <cell r="N113">
            <v>595909</v>
          </cell>
          <cell r="O113">
            <v>-92710</v>
          </cell>
          <cell r="P113">
            <v>1525757</v>
          </cell>
          <cell r="Q113">
            <v>1525757</v>
          </cell>
          <cell r="R113">
            <v>1525757</v>
          </cell>
          <cell r="S113">
            <v>0</v>
          </cell>
        </row>
        <row r="114">
          <cell r="B114">
            <v>1</v>
          </cell>
          <cell r="C114" t="str">
            <v>O&amp;M</v>
          </cell>
          <cell r="D114" t="str">
            <v>Regions/RM&amp;C</v>
          </cell>
          <cell r="E114" t="str">
            <v>Service Delivery</v>
          </cell>
          <cell r="G114" t="str">
            <v>Company Labor</v>
          </cell>
          <cell r="H114" t="str">
            <v>Service Delivery</v>
          </cell>
          <cell r="I114">
            <v>0</v>
          </cell>
          <cell r="K114">
            <v>93941</v>
          </cell>
          <cell r="M114">
            <v>345282</v>
          </cell>
          <cell r="N114">
            <v>399396</v>
          </cell>
          <cell r="O114">
            <v>-54114</v>
          </cell>
          <cell r="P114">
            <v>1047613</v>
          </cell>
          <cell r="Q114">
            <v>1047613</v>
          </cell>
          <cell r="R114">
            <v>1047613</v>
          </cell>
          <cell r="S114">
            <v>0</v>
          </cell>
        </row>
        <row r="115">
          <cell r="B115">
            <v>1</v>
          </cell>
          <cell r="C115" t="str">
            <v>O&amp;M</v>
          </cell>
          <cell r="D115" t="str">
            <v>Regions/RM&amp;C</v>
          </cell>
          <cell r="E115" t="str">
            <v>Service Delivery</v>
          </cell>
          <cell r="G115" t="str">
            <v>Company Labor</v>
          </cell>
          <cell r="H115" t="str">
            <v>Service Delivery</v>
          </cell>
          <cell r="I115">
            <v>0</v>
          </cell>
          <cell r="K115">
            <v>31491</v>
          </cell>
          <cell r="M115">
            <v>163600</v>
          </cell>
          <cell r="N115">
            <v>141459</v>
          </cell>
          <cell r="O115">
            <v>22142</v>
          </cell>
          <cell r="P115">
            <v>499789</v>
          </cell>
          <cell r="Q115">
            <v>499789</v>
          </cell>
          <cell r="R115">
            <v>499789</v>
          </cell>
          <cell r="S115">
            <v>0</v>
          </cell>
        </row>
        <row r="116">
          <cell r="B116">
            <v>1</v>
          </cell>
          <cell r="C116" t="str">
            <v>O&amp;M</v>
          </cell>
          <cell r="D116" t="str">
            <v>Regions/RM&amp;C</v>
          </cell>
          <cell r="E116" t="str">
            <v>Service Delivery</v>
          </cell>
          <cell r="G116" t="str">
            <v>Contract Labor</v>
          </cell>
          <cell r="H116" t="str">
            <v>Service Delivery</v>
          </cell>
          <cell r="I116">
            <v>0</v>
          </cell>
          <cell r="K116">
            <v>361281</v>
          </cell>
          <cell r="M116">
            <v>1582462</v>
          </cell>
          <cell r="N116">
            <v>1481939</v>
          </cell>
          <cell r="O116">
            <v>100523</v>
          </cell>
          <cell r="P116">
            <v>4834090</v>
          </cell>
          <cell r="Q116">
            <v>4834090</v>
          </cell>
          <cell r="R116">
            <v>4834090</v>
          </cell>
          <cell r="S116">
            <v>0</v>
          </cell>
        </row>
        <row r="117">
          <cell r="B117">
            <v>1</v>
          </cell>
          <cell r="C117" t="str">
            <v>O&amp;M</v>
          </cell>
          <cell r="D117" t="str">
            <v>Regions/RM&amp;C</v>
          </cell>
          <cell r="E117" t="str">
            <v>Service Delivery</v>
          </cell>
          <cell r="G117" t="str">
            <v>Fleet</v>
          </cell>
          <cell r="H117" t="str">
            <v>Service Delivery</v>
          </cell>
          <cell r="I117">
            <v>0</v>
          </cell>
          <cell r="K117">
            <v>73729</v>
          </cell>
          <cell r="M117">
            <v>286032</v>
          </cell>
          <cell r="N117">
            <v>321955</v>
          </cell>
          <cell r="O117">
            <v>-35923</v>
          </cell>
          <cell r="P117">
            <v>878312</v>
          </cell>
          <cell r="Q117">
            <v>878312</v>
          </cell>
          <cell r="R117">
            <v>878312</v>
          </cell>
          <cell r="S117">
            <v>0</v>
          </cell>
        </row>
        <row r="118">
          <cell r="B118">
            <v>1</v>
          </cell>
          <cell r="C118" t="str">
            <v>O&amp;M</v>
          </cell>
          <cell r="D118" t="str">
            <v>Regions/RM&amp;C</v>
          </cell>
          <cell r="E118" t="str">
            <v>Service Delivery</v>
          </cell>
          <cell r="G118" t="str">
            <v>Meals/Travel</v>
          </cell>
          <cell r="H118" t="str">
            <v>Service Delivery</v>
          </cell>
          <cell r="I118">
            <v>0</v>
          </cell>
          <cell r="K118">
            <v>0</v>
          </cell>
          <cell r="M118">
            <v>0</v>
          </cell>
          <cell r="N118">
            <v>20</v>
          </cell>
          <cell r="O118">
            <v>-20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</row>
        <row r="119">
          <cell r="B119">
            <v>1</v>
          </cell>
          <cell r="C119" t="str">
            <v>O&amp;M</v>
          </cell>
          <cell r="D119" t="str">
            <v>Regions/RM&amp;C</v>
          </cell>
          <cell r="E119" t="str">
            <v>TM&amp;R Credits</v>
          </cell>
          <cell r="G119" t="str">
            <v>Transformer &amp; meter credits</v>
          </cell>
          <cell r="H119" t="str">
            <v>TM&amp;R Credits</v>
          </cell>
          <cell r="I119">
            <v>0</v>
          </cell>
          <cell r="K119">
            <v>-306744</v>
          </cell>
          <cell r="M119">
            <v>-1026374</v>
          </cell>
          <cell r="N119">
            <v>-1269938</v>
          </cell>
          <cell r="O119">
            <v>243564</v>
          </cell>
          <cell r="P119">
            <v>-2650020</v>
          </cell>
          <cell r="Q119">
            <v>-2650020</v>
          </cell>
          <cell r="R119">
            <v>-2650020</v>
          </cell>
          <cell r="S119">
            <v>0</v>
          </cell>
        </row>
        <row r="120">
          <cell r="B120">
            <v>1</v>
          </cell>
          <cell r="C120" t="str">
            <v>O&amp;M</v>
          </cell>
          <cell r="D120" t="str">
            <v>Distribution</v>
          </cell>
          <cell r="E120" t="str">
            <v>Components and Process Engineering</v>
          </cell>
          <cell r="G120" t="str">
            <v>Company Labor</v>
          </cell>
          <cell r="H120" t="str">
            <v>Components and Process Engineering</v>
          </cell>
          <cell r="I120">
            <v>0</v>
          </cell>
          <cell r="K120">
            <v>73562</v>
          </cell>
          <cell r="M120">
            <v>212570</v>
          </cell>
          <cell r="N120">
            <v>268640</v>
          </cell>
          <cell r="O120">
            <v>-56070</v>
          </cell>
          <cell r="P120">
            <v>596545</v>
          </cell>
          <cell r="Q120">
            <v>596545</v>
          </cell>
          <cell r="R120">
            <v>596545</v>
          </cell>
          <cell r="S120">
            <v>0</v>
          </cell>
        </row>
        <row r="121">
          <cell r="B121">
            <v>1</v>
          </cell>
          <cell r="C121" t="str">
            <v>O&amp;M</v>
          </cell>
          <cell r="D121" t="str">
            <v>Distribution</v>
          </cell>
          <cell r="E121" t="str">
            <v>Components and Process Engineering</v>
          </cell>
          <cell r="G121" t="str">
            <v>Company Labor</v>
          </cell>
          <cell r="H121" t="str">
            <v>Components and Process Engineering</v>
          </cell>
          <cell r="I121">
            <v>0</v>
          </cell>
          <cell r="K121">
            <v>47046</v>
          </cell>
          <cell r="M121">
            <v>133282</v>
          </cell>
          <cell r="N121">
            <v>171778</v>
          </cell>
          <cell r="O121">
            <v>-38496</v>
          </cell>
          <cell r="P121">
            <v>374034</v>
          </cell>
          <cell r="Q121">
            <v>374034</v>
          </cell>
          <cell r="R121">
            <v>374034</v>
          </cell>
          <cell r="S121">
            <v>0</v>
          </cell>
        </row>
        <row r="122">
          <cell r="B122">
            <v>1</v>
          </cell>
          <cell r="C122" t="str">
            <v>O&amp;M</v>
          </cell>
          <cell r="D122" t="str">
            <v>Distribution</v>
          </cell>
          <cell r="E122" t="str">
            <v>Components and Process Engineering</v>
          </cell>
          <cell r="G122" t="str">
            <v>Company Labor</v>
          </cell>
          <cell r="H122" t="str">
            <v>Components and Process Engineering</v>
          </cell>
          <cell r="I122">
            <v>0</v>
          </cell>
          <cell r="K122">
            <v>5065</v>
          </cell>
          <cell r="M122">
            <v>0</v>
          </cell>
          <cell r="N122">
            <v>17493</v>
          </cell>
          <cell r="O122">
            <v>-17493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</row>
        <row r="123">
          <cell r="B123">
            <v>1</v>
          </cell>
          <cell r="C123" t="str">
            <v>O&amp;M</v>
          </cell>
          <cell r="D123" t="str">
            <v>Distribution</v>
          </cell>
          <cell r="E123" t="str">
            <v>Components and Process Engineering</v>
          </cell>
          <cell r="G123" t="str">
            <v>Contract Labor</v>
          </cell>
          <cell r="H123" t="str">
            <v>Components and Process Engineering</v>
          </cell>
          <cell r="I123">
            <v>0</v>
          </cell>
          <cell r="K123">
            <v>26615</v>
          </cell>
          <cell r="M123">
            <v>980260</v>
          </cell>
          <cell r="N123">
            <v>1255712</v>
          </cell>
          <cell r="O123">
            <v>-275453</v>
          </cell>
          <cell r="P123">
            <v>3044331</v>
          </cell>
          <cell r="Q123">
            <v>3044331</v>
          </cell>
          <cell r="R123">
            <v>3044331</v>
          </cell>
          <cell r="S123">
            <v>0</v>
          </cell>
        </row>
        <row r="124">
          <cell r="B124">
            <v>1</v>
          </cell>
          <cell r="C124" t="str">
            <v>O&amp;M</v>
          </cell>
          <cell r="D124" t="str">
            <v>Distribution</v>
          </cell>
          <cell r="E124" t="str">
            <v>Components and Process Engineering</v>
          </cell>
          <cell r="G124" t="str">
            <v>Fleet</v>
          </cell>
          <cell r="H124" t="str">
            <v>Components and Process Engineering</v>
          </cell>
          <cell r="I124">
            <v>0</v>
          </cell>
          <cell r="K124">
            <v>19869</v>
          </cell>
          <cell r="M124">
            <v>62192</v>
          </cell>
          <cell r="N124">
            <v>82914</v>
          </cell>
          <cell r="O124">
            <v>-20722</v>
          </cell>
          <cell r="P124">
            <v>170242</v>
          </cell>
          <cell r="Q124">
            <v>170242</v>
          </cell>
          <cell r="R124">
            <v>170242</v>
          </cell>
          <cell r="S124">
            <v>0</v>
          </cell>
        </row>
        <row r="125">
          <cell r="B125">
            <v>1</v>
          </cell>
          <cell r="C125" t="str">
            <v>O&amp;M</v>
          </cell>
          <cell r="D125" t="str">
            <v>Distribution</v>
          </cell>
          <cell r="E125" t="str">
            <v>Components and Process Engineering</v>
          </cell>
          <cell r="G125" t="str">
            <v>Meals/Travel</v>
          </cell>
          <cell r="H125" t="str">
            <v>Components and Process Engineering</v>
          </cell>
          <cell r="I125">
            <v>0</v>
          </cell>
          <cell r="K125">
            <v>3369</v>
          </cell>
          <cell r="M125">
            <v>11182</v>
          </cell>
          <cell r="N125">
            <v>5977</v>
          </cell>
          <cell r="O125">
            <v>5205</v>
          </cell>
          <cell r="P125">
            <v>30000</v>
          </cell>
          <cell r="Q125">
            <v>30000</v>
          </cell>
          <cell r="R125">
            <v>30000</v>
          </cell>
          <cell r="S125">
            <v>0</v>
          </cell>
        </row>
        <row r="126">
          <cell r="B126">
            <v>1</v>
          </cell>
          <cell r="C126" t="str">
            <v>O&amp;M</v>
          </cell>
          <cell r="D126" t="str">
            <v>Distribution</v>
          </cell>
          <cell r="E126" t="str">
            <v>Components and Process Engineering</v>
          </cell>
          <cell r="G126" t="str">
            <v>Materials</v>
          </cell>
          <cell r="H126" t="str">
            <v>Components and Process Engineering</v>
          </cell>
          <cell r="I126">
            <v>0</v>
          </cell>
          <cell r="K126">
            <v>9652</v>
          </cell>
          <cell r="M126">
            <v>48625</v>
          </cell>
          <cell r="N126">
            <v>34257</v>
          </cell>
          <cell r="O126">
            <v>14368</v>
          </cell>
          <cell r="P126">
            <v>145631</v>
          </cell>
          <cell r="Q126">
            <v>145631</v>
          </cell>
          <cell r="R126">
            <v>145631</v>
          </cell>
          <cell r="S126">
            <v>0</v>
          </cell>
        </row>
        <row r="127">
          <cell r="B127">
            <v>1</v>
          </cell>
          <cell r="C127" t="str">
            <v>O&amp;M</v>
          </cell>
          <cell r="D127" t="str">
            <v>Distribution</v>
          </cell>
          <cell r="E127" t="str">
            <v>Components and Process Engineering</v>
          </cell>
          <cell r="G127" t="str">
            <v>Ciac</v>
          </cell>
          <cell r="H127" t="str">
            <v>Components and Process Engineering</v>
          </cell>
          <cell r="I127">
            <v>0</v>
          </cell>
          <cell r="K127">
            <v>5100</v>
          </cell>
          <cell r="M127">
            <v>-30000</v>
          </cell>
          <cell r="N127">
            <v>-20453</v>
          </cell>
          <cell r="O127">
            <v>-9547</v>
          </cell>
          <cell r="P127">
            <v>-90000</v>
          </cell>
          <cell r="Q127">
            <v>-90000</v>
          </cell>
          <cell r="R127">
            <v>-90000</v>
          </cell>
          <cell r="S127">
            <v>0</v>
          </cell>
        </row>
        <row r="128">
          <cell r="B128">
            <v>1</v>
          </cell>
          <cell r="C128" t="str">
            <v>O&amp;M</v>
          </cell>
          <cell r="D128" t="str">
            <v>Distribution</v>
          </cell>
          <cell r="E128" t="str">
            <v>Components and Process Engineering</v>
          </cell>
          <cell r="G128" t="str">
            <v>Hardware/Software</v>
          </cell>
          <cell r="H128" t="str">
            <v>Components and Process Engineering</v>
          </cell>
          <cell r="I128">
            <v>0</v>
          </cell>
          <cell r="K128">
            <v>0</v>
          </cell>
          <cell r="M128">
            <v>0</v>
          </cell>
          <cell r="N128">
            <v>1</v>
          </cell>
          <cell r="O128">
            <v>-1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</row>
        <row r="129">
          <cell r="B129">
            <v>1</v>
          </cell>
          <cell r="C129" t="str">
            <v>O&amp;M</v>
          </cell>
          <cell r="D129" t="str">
            <v>Distribution</v>
          </cell>
          <cell r="E129" t="str">
            <v>Components and Process Engineering</v>
          </cell>
          <cell r="G129" t="str">
            <v>Rent/utilities</v>
          </cell>
          <cell r="H129" t="str">
            <v>Components and Process Engineering</v>
          </cell>
          <cell r="I129">
            <v>0</v>
          </cell>
          <cell r="K129">
            <v>0</v>
          </cell>
          <cell r="M129">
            <v>0</v>
          </cell>
          <cell r="N129">
            <v>782</v>
          </cell>
          <cell r="O129">
            <v>-78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</row>
        <row r="130">
          <cell r="B130">
            <v>1</v>
          </cell>
          <cell r="C130" t="str">
            <v>O&amp;M</v>
          </cell>
          <cell r="D130" t="str">
            <v>Distribution</v>
          </cell>
          <cell r="E130" t="str">
            <v>Components and Process Engineering</v>
          </cell>
          <cell r="G130" t="str">
            <v>Other</v>
          </cell>
          <cell r="H130" t="str">
            <v>Components and Process Engineering</v>
          </cell>
          <cell r="I130">
            <v>0</v>
          </cell>
          <cell r="K130">
            <v>257</v>
          </cell>
          <cell r="M130">
            <v>4917</v>
          </cell>
          <cell r="N130">
            <v>-256</v>
          </cell>
          <cell r="O130">
            <v>5173</v>
          </cell>
          <cell r="P130">
            <v>14750</v>
          </cell>
          <cell r="Q130">
            <v>14750</v>
          </cell>
          <cell r="R130">
            <v>14750</v>
          </cell>
          <cell r="S130">
            <v>0</v>
          </cell>
        </row>
        <row r="131">
          <cell r="B131">
            <v>1</v>
          </cell>
          <cell r="C131" t="str">
            <v>O&amp;M</v>
          </cell>
          <cell r="D131" t="str">
            <v>Distribution</v>
          </cell>
          <cell r="E131" t="str">
            <v>Continuous Business Excellence</v>
          </cell>
          <cell r="G131" t="str">
            <v>Company Labor</v>
          </cell>
          <cell r="H131" t="str">
            <v>Distribution Application Support</v>
          </cell>
          <cell r="I131">
            <v>0</v>
          </cell>
          <cell r="K131">
            <v>56137</v>
          </cell>
          <cell r="M131">
            <v>273063</v>
          </cell>
          <cell r="N131">
            <v>242035</v>
          </cell>
          <cell r="O131">
            <v>31028</v>
          </cell>
          <cell r="P131">
            <v>788885</v>
          </cell>
          <cell r="Q131">
            <v>788885</v>
          </cell>
          <cell r="R131">
            <v>788885</v>
          </cell>
          <cell r="S131">
            <v>0</v>
          </cell>
        </row>
        <row r="132">
          <cell r="B132">
            <v>1</v>
          </cell>
          <cell r="C132" t="str">
            <v>O&amp;M</v>
          </cell>
          <cell r="D132" t="str">
            <v>Distribution</v>
          </cell>
          <cell r="E132" t="str">
            <v>Continuous Business Excellence</v>
          </cell>
          <cell r="G132" t="str">
            <v>Company Labor</v>
          </cell>
          <cell r="H132" t="str">
            <v>Distribution Application Support</v>
          </cell>
          <cell r="I132">
            <v>0</v>
          </cell>
          <cell r="K132">
            <v>35198</v>
          </cell>
          <cell r="M132">
            <v>171521</v>
          </cell>
          <cell r="N132">
            <v>151756</v>
          </cell>
          <cell r="O132">
            <v>19765</v>
          </cell>
          <cell r="P132">
            <v>495541</v>
          </cell>
          <cell r="Q132">
            <v>495541</v>
          </cell>
          <cell r="R132">
            <v>495541</v>
          </cell>
          <cell r="S132">
            <v>0</v>
          </cell>
        </row>
        <row r="133">
          <cell r="B133">
            <v>1</v>
          </cell>
          <cell r="C133" t="str">
            <v>O&amp;M</v>
          </cell>
          <cell r="D133" t="str">
            <v>Distribution</v>
          </cell>
          <cell r="E133" t="str">
            <v>Continuous Business Excellence</v>
          </cell>
          <cell r="G133" t="str">
            <v>Company Labor</v>
          </cell>
          <cell r="H133" t="str">
            <v>Distribution Application Support</v>
          </cell>
          <cell r="I133">
            <v>0</v>
          </cell>
          <cell r="K133">
            <v>0</v>
          </cell>
          <cell r="M133">
            <v>1705</v>
          </cell>
          <cell r="N133">
            <v>0</v>
          </cell>
          <cell r="O133">
            <v>1705</v>
          </cell>
          <cell r="P133">
            <v>5000</v>
          </cell>
          <cell r="Q133">
            <v>5000</v>
          </cell>
          <cell r="R133">
            <v>5000</v>
          </cell>
          <cell r="S133">
            <v>0</v>
          </cell>
        </row>
        <row r="134">
          <cell r="B134">
            <v>1</v>
          </cell>
          <cell r="C134" t="str">
            <v>O&amp;M</v>
          </cell>
          <cell r="D134" t="str">
            <v>Distribution</v>
          </cell>
          <cell r="E134" t="str">
            <v>Continuous Business Excellence</v>
          </cell>
          <cell r="G134" t="str">
            <v>Meals/Travel</v>
          </cell>
          <cell r="H134" t="str">
            <v>Distribution Application Support</v>
          </cell>
          <cell r="I134">
            <v>0</v>
          </cell>
          <cell r="K134">
            <v>326</v>
          </cell>
          <cell r="M134">
            <v>2609</v>
          </cell>
          <cell r="N134">
            <v>691</v>
          </cell>
          <cell r="O134">
            <v>1918</v>
          </cell>
          <cell r="P134">
            <v>7000</v>
          </cell>
          <cell r="Q134">
            <v>7000</v>
          </cell>
          <cell r="R134">
            <v>7000</v>
          </cell>
          <cell r="S134">
            <v>0</v>
          </cell>
        </row>
        <row r="135">
          <cell r="B135">
            <v>1</v>
          </cell>
          <cell r="C135" t="str">
            <v>O&amp;M</v>
          </cell>
          <cell r="D135" t="str">
            <v>Distribution</v>
          </cell>
          <cell r="E135" t="str">
            <v>Continuous Business Excellence</v>
          </cell>
          <cell r="G135" t="str">
            <v>Materials</v>
          </cell>
          <cell r="H135" t="str">
            <v>Distribution Application Support</v>
          </cell>
          <cell r="I135">
            <v>0</v>
          </cell>
          <cell r="K135">
            <v>87</v>
          </cell>
          <cell r="M135">
            <v>431</v>
          </cell>
          <cell r="N135">
            <v>1586</v>
          </cell>
          <cell r="O135">
            <v>-1155</v>
          </cell>
          <cell r="P135">
            <v>1293</v>
          </cell>
          <cell r="Q135">
            <v>1293</v>
          </cell>
          <cell r="R135">
            <v>1293</v>
          </cell>
          <cell r="S135">
            <v>0</v>
          </cell>
        </row>
        <row r="136">
          <cell r="B136">
            <v>1</v>
          </cell>
          <cell r="C136" t="str">
            <v>O&amp;M</v>
          </cell>
          <cell r="D136" t="str">
            <v>Distribution</v>
          </cell>
          <cell r="E136" t="str">
            <v>Continuous Business Excellence</v>
          </cell>
          <cell r="G136" t="str">
            <v>Other</v>
          </cell>
          <cell r="H136" t="str">
            <v>Distribution Application Support</v>
          </cell>
          <cell r="I136">
            <v>0</v>
          </cell>
          <cell r="K136">
            <v>1179</v>
          </cell>
          <cell r="M136">
            <v>1667</v>
          </cell>
          <cell r="N136">
            <v>1579</v>
          </cell>
          <cell r="O136">
            <v>88</v>
          </cell>
          <cell r="P136">
            <v>5000</v>
          </cell>
          <cell r="Q136">
            <v>5000</v>
          </cell>
          <cell r="R136">
            <v>5000</v>
          </cell>
          <cell r="S136">
            <v>0</v>
          </cell>
        </row>
        <row r="137">
          <cell r="B137">
            <v>1</v>
          </cell>
          <cell r="C137" t="str">
            <v>O&amp;M</v>
          </cell>
          <cell r="D137" t="str">
            <v>Distribution</v>
          </cell>
          <cell r="E137" t="str">
            <v>Distribution Application Support</v>
          </cell>
          <cell r="G137" t="str">
            <v>Company Labor</v>
          </cell>
          <cell r="H137" t="str">
            <v>Distribution Application Support</v>
          </cell>
          <cell r="I137">
            <v>0</v>
          </cell>
          <cell r="K137">
            <v>62328</v>
          </cell>
          <cell r="M137">
            <v>305177</v>
          </cell>
          <cell r="N137">
            <v>257838</v>
          </cell>
          <cell r="O137">
            <v>47339</v>
          </cell>
          <cell r="P137">
            <v>888172</v>
          </cell>
          <cell r="Q137">
            <v>888172</v>
          </cell>
          <cell r="R137">
            <v>888172</v>
          </cell>
          <cell r="S137">
            <v>0</v>
          </cell>
        </row>
        <row r="138">
          <cell r="B138">
            <v>1</v>
          </cell>
          <cell r="C138" t="str">
            <v>O&amp;M</v>
          </cell>
          <cell r="D138" t="str">
            <v>Distribution</v>
          </cell>
          <cell r="E138" t="str">
            <v>Distribution Application Support</v>
          </cell>
          <cell r="G138" t="str">
            <v>Company Labor</v>
          </cell>
          <cell r="H138" t="str">
            <v>Distribution Application Support</v>
          </cell>
          <cell r="I138">
            <v>0</v>
          </cell>
          <cell r="K138">
            <v>39079</v>
          </cell>
          <cell r="M138">
            <v>191346</v>
          </cell>
          <cell r="N138">
            <v>161664</v>
          </cell>
          <cell r="O138">
            <v>29682</v>
          </cell>
          <cell r="P138">
            <v>556884</v>
          </cell>
          <cell r="Q138">
            <v>556884</v>
          </cell>
          <cell r="R138">
            <v>556884</v>
          </cell>
          <cell r="S138">
            <v>0</v>
          </cell>
        </row>
        <row r="139">
          <cell r="B139">
            <v>1</v>
          </cell>
          <cell r="C139" t="str">
            <v>O&amp;M</v>
          </cell>
          <cell r="D139" t="str">
            <v>Distribution</v>
          </cell>
          <cell r="E139" t="str">
            <v>Distribution Application Support</v>
          </cell>
          <cell r="G139" t="str">
            <v>Contract Labor</v>
          </cell>
          <cell r="H139" t="str">
            <v>Distribution Application Support</v>
          </cell>
          <cell r="I139">
            <v>0</v>
          </cell>
          <cell r="K139">
            <v>3690</v>
          </cell>
          <cell r="M139">
            <v>3333</v>
          </cell>
          <cell r="N139">
            <v>21143</v>
          </cell>
          <cell r="O139">
            <v>-17809</v>
          </cell>
          <cell r="P139">
            <v>10000</v>
          </cell>
          <cell r="Q139">
            <v>10000</v>
          </cell>
          <cell r="R139">
            <v>10000</v>
          </cell>
          <cell r="S139">
            <v>0</v>
          </cell>
        </row>
        <row r="140">
          <cell r="B140">
            <v>1</v>
          </cell>
          <cell r="C140" t="str">
            <v>O&amp;M</v>
          </cell>
          <cell r="D140" t="str">
            <v>Distribution</v>
          </cell>
          <cell r="E140" t="str">
            <v>Distribution Application Support</v>
          </cell>
          <cell r="G140" t="str">
            <v>Fleet</v>
          </cell>
          <cell r="H140" t="str">
            <v>Distribution Application Support</v>
          </cell>
          <cell r="I140">
            <v>0</v>
          </cell>
          <cell r="K140">
            <v>244</v>
          </cell>
          <cell r="M140">
            <v>1325</v>
          </cell>
          <cell r="N140">
            <v>722</v>
          </cell>
          <cell r="O140">
            <v>603</v>
          </cell>
          <cell r="P140">
            <v>3886</v>
          </cell>
          <cell r="Q140">
            <v>3886</v>
          </cell>
          <cell r="R140">
            <v>3886</v>
          </cell>
          <cell r="S140">
            <v>0</v>
          </cell>
        </row>
        <row r="141">
          <cell r="B141">
            <v>1</v>
          </cell>
          <cell r="C141" t="str">
            <v>O&amp;M</v>
          </cell>
          <cell r="D141" t="str">
            <v>Distribution</v>
          </cell>
          <cell r="E141" t="str">
            <v>Distribution Application Support</v>
          </cell>
          <cell r="G141" t="str">
            <v>Meals/Travel</v>
          </cell>
          <cell r="H141" t="str">
            <v>Distribution Application Support</v>
          </cell>
          <cell r="I141">
            <v>0</v>
          </cell>
          <cell r="K141">
            <v>1535</v>
          </cell>
          <cell r="M141">
            <v>3727</v>
          </cell>
          <cell r="N141">
            <v>4345</v>
          </cell>
          <cell r="O141">
            <v>-618</v>
          </cell>
          <cell r="P141">
            <v>10000</v>
          </cell>
          <cell r="Q141">
            <v>10000</v>
          </cell>
          <cell r="R141">
            <v>10000</v>
          </cell>
          <cell r="S141">
            <v>0</v>
          </cell>
        </row>
        <row r="142">
          <cell r="B142">
            <v>1</v>
          </cell>
          <cell r="C142" t="str">
            <v>O&amp;M</v>
          </cell>
          <cell r="D142" t="str">
            <v>Distribution</v>
          </cell>
          <cell r="E142" t="str">
            <v>Distribution Application Support</v>
          </cell>
          <cell r="G142" t="str">
            <v>Materials</v>
          </cell>
          <cell r="H142" t="str">
            <v>Distribution Application Support</v>
          </cell>
          <cell r="I142">
            <v>0</v>
          </cell>
          <cell r="K142">
            <v>52</v>
          </cell>
          <cell r="M142">
            <v>718</v>
          </cell>
          <cell r="N142">
            <v>174</v>
          </cell>
          <cell r="O142">
            <v>545</v>
          </cell>
          <cell r="P142">
            <v>2155</v>
          </cell>
          <cell r="Q142">
            <v>2155</v>
          </cell>
          <cell r="R142">
            <v>2155</v>
          </cell>
          <cell r="S142">
            <v>0</v>
          </cell>
        </row>
        <row r="143">
          <cell r="B143">
            <v>1</v>
          </cell>
          <cell r="C143" t="str">
            <v>O&amp;M</v>
          </cell>
          <cell r="D143" t="str">
            <v>Distribution</v>
          </cell>
          <cell r="E143" t="str">
            <v>Distribution Application Support</v>
          </cell>
          <cell r="G143" t="str">
            <v>Hardware/Software</v>
          </cell>
          <cell r="H143" t="str">
            <v>Distribution Application Support</v>
          </cell>
          <cell r="I143">
            <v>0</v>
          </cell>
          <cell r="K143">
            <v>48501</v>
          </cell>
          <cell r="M143">
            <v>639540</v>
          </cell>
          <cell r="N143">
            <v>344697</v>
          </cell>
          <cell r="O143">
            <v>294843</v>
          </cell>
          <cell r="P143">
            <v>969000</v>
          </cell>
          <cell r="Q143">
            <v>969000</v>
          </cell>
          <cell r="R143">
            <v>1169000</v>
          </cell>
          <cell r="S143">
            <v>-200000</v>
          </cell>
        </row>
        <row r="144">
          <cell r="B144">
            <v>1</v>
          </cell>
          <cell r="C144" t="str">
            <v>O&amp;M</v>
          </cell>
          <cell r="D144" t="str">
            <v>Distribution</v>
          </cell>
          <cell r="E144" t="str">
            <v>Distribution Application Support</v>
          </cell>
          <cell r="G144" t="str">
            <v>Other</v>
          </cell>
          <cell r="H144" t="str">
            <v>Distribution Application Support</v>
          </cell>
          <cell r="I144">
            <v>0</v>
          </cell>
          <cell r="K144">
            <v>212</v>
          </cell>
          <cell r="M144">
            <v>3333</v>
          </cell>
          <cell r="N144">
            <v>287</v>
          </cell>
          <cell r="O144">
            <v>3046</v>
          </cell>
          <cell r="P144">
            <v>10000</v>
          </cell>
          <cell r="Q144">
            <v>10000</v>
          </cell>
          <cell r="R144">
            <v>10000</v>
          </cell>
          <cell r="S144">
            <v>0</v>
          </cell>
        </row>
        <row r="145">
          <cell r="B145">
            <v>1</v>
          </cell>
          <cell r="C145" t="str">
            <v>O&amp;M</v>
          </cell>
          <cell r="D145" t="str">
            <v>Distribution</v>
          </cell>
          <cell r="E145" t="str">
            <v>Distribution Control Center</v>
          </cell>
          <cell r="G145" t="str">
            <v>Company Labor</v>
          </cell>
          <cell r="H145" t="str">
            <v>Distribution Control Center</v>
          </cell>
          <cell r="I145">
            <v>0</v>
          </cell>
          <cell r="K145">
            <v>207947</v>
          </cell>
          <cell r="M145">
            <v>910125</v>
          </cell>
          <cell r="N145">
            <v>885426</v>
          </cell>
          <cell r="O145">
            <v>24699</v>
          </cell>
          <cell r="P145">
            <v>2629963</v>
          </cell>
          <cell r="Q145">
            <v>2629963</v>
          </cell>
          <cell r="R145">
            <v>2629963</v>
          </cell>
          <cell r="S145">
            <v>0</v>
          </cell>
        </row>
        <row r="146">
          <cell r="B146">
            <v>1</v>
          </cell>
          <cell r="C146" t="str">
            <v>O&amp;M</v>
          </cell>
          <cell r="D146" t="str">
            <v>Distribution</v>
          </cell>
          <cell r="E146" t="str">
            <v>Distribution Control Center</v>
          </cell>
          <cell r="G146" t="str">
            <v>Company Labor</v>
          </cell>
          <cell r="H146" t="str">
            <v>Distribution Control Center</v>
          </cell>
          <cell r="I146">
            <v>0</v>
          </cell>
          <cell r="K146">
            <v>134047</v>
          </cell>
          <cell r="M146">
            <v>589142</v>
          </cell>
          <cell r="N146">
            <v>569536</v>
          </cell>
          <cell r="O146">
            <v>19606</v>
          </cell>
          <cell r="P146">
            <v>1703223</v>
          </cell>
          <cell r="Q146">
            <v>1703223</v>
          </cell>
          <cell r="R146">
            <v>1703223</v>
          </cell>
          <cell r="S146">
            <v>0</v>
          </cell>
        </row>
        <row r="147">
          <cell r="B147">
            <v>1</v>
          </cell>
          <cell r="C147" t="str">
            <v>O&amp;M</v>
          </cell>
          <cell r="D147" t="str">
            <v>Distribution</v>
          </cell>
          <cell r="E147" t="str">
            <v>Distribution Control Center</v>
          </cell>
          <cell r="G147" t="str">
            <v>Company Labor</v>
          </cell>
          <cell r="H147" t="str">
            <v>Distribution Control Center</v>
          </cell>
          <cell r="I147">
            <v>0</v>
          </cell>
          <cell r="K147">
            <v>20134</v>
          </cell>
          <cell r="M147">
            <v>101614</v>
          </cell>
          <cell r="N147">
            <v>78976</v>
          </cell>
          <cell r="O147">
            <v>22638</v>
          </cell>
          <cell r="P147">
            <v>298000</v>
          </cell>
          <cell r="Q147">
            <v>298000</v>
          </cell>
          <cell r="R147">
            <v>298000</v>
          </cell>
          <cell r="S147">
            <v>0</v>
          </cell>
        </row>
        <row r="148">
          <cell r="B148">
            <v>1</v>
          </cell>
          <cell r="C148" t="str">
            <v>O&amp;M</v>
          </cell>
          <cell r="D148" t="str">
            <v>Distribution</v>
          </cell>
          <cell r="E148" t="str">
            <v>Distribution Control Center</v>
          </cell>
          <cell r="G148" t="str">
            <v>Meals/Travel</v>
          </cell>
          <cell r="H148" t="str">
            <v>Distribution Control Center</v>
          </cell>
          <cell r="I148">
            <v>0</v>
          </cell>
          <cell r="K148">
            <v>4669</v>
          </cell>
          <cell r="M148">
            <v>9318</v>
          </cell>
          <cell r="N148">
            <v>11437</v>
          </cell>
          <cell r="O148">
            <v>-2118</v>
          </cell>
          <cell r="P148">
            <v>25000</v>
          </cell>
          <cell r="Q148">
            <v>25000</v>
          </cell>
          <cell r="R148">
            <v>25000</v>
          </cell>
          <cell r="S148">
            <v>0</v>
          </cell>
        </row>
        <row r="149">
          <cell r="B149">
            <v>1</v>
          </cell>
          <cell r="C149" t="str">
            <v>O&amp;M</v>
          </cell>
          <cell r="D149" t="str">
            <v>Distribution</v>
          </cell>
          <cell r="E149" t="str">
            <v>Distribution Control Center</v>
          </cell>
          <cell r="G149" t="str">
            <v>Materials</v>
          </cell>
          <cell r="H149" t="str">
            <v>Distribution Control Center</v>
          </cell>
          <cell r="I149">
            <v>0</v>
          </cell>
          <cell r="K149">
            <v>98</v>
          </cell>
          <cell r="M149">
            <v>1078</v>
          </cell>
          <cell r="N149">
            <v>1448</v>
          </cell>
          <cell r="O149">
            <v>-371</v>
          </cell>
          <cell r="P149">
            <v>3233</v>
          </cell>
          <cell r="Q149">
            <v>3233</v>
          </cell>
          <cell r="R149">
            <v>3233</v>
          </cell>
          <cell r="S149">
            <v>0</v>
          </cell>
        </row>
        <row r="150">
          <cell r="B150">
            <v>1</v>
          </cell>
          <cell r="C150" t="str">
            <v>O&amp;M</v>
          </cell>
          <cell r="D150" t="str">
            <v>Distribution</v>
          </cell>
          <cell r="E150" t="str">
            <v>Distribution Control Center</v>
          </cell>
          <cell r="G150" t="str">
            <v>Ciac</v>
          </cell>
          <cell r="H150" t="str">
            <v>Distribution Control Center</v>
          </cell>
          <cell r="I150">
            <v>0</v>
          </cell>
          <cell r="K150">
            <v>0</v>
          </cell>
          <cell r="M150">
            <v>0</v>
          </cell>
          <cell r="N150">
            <v>-127</v>
          </cell>
          <cell r="O150">
            <v>127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</row>
        <row r="151">
          <cell r="B151">
            <v>1</v>
          </cell>
          <cell r="C151" t="str">
            <v>O&amp;M</v>
          </cell>
          <cell r="D151" t="str">
            <v>Distribution</v>
          </cell>
          <cell r="E151" t="str">
            <v>Distribution Control Center</v>
          </cell>
          <cell r="G151" t="str">
            <v>Rent/utilities</v>
          </cell>
          <cell r="H151" t="str">
            <v>Distribution Control Center</v>
          </cell>
          <cell r="I151">
            <v>0</v>
          </cell>
          <cell r="K151">
            <v>104</v>
          </cell>
          <cell r="M151">
            <v>0</v>
          </cell>
          <cell r="N151">
            <v>311</v>
          </cell>
          <cell r="O151">
            <v>-311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</row>
        <row r="152">
          <cell r="B152">
            <v>1</v>
          </cell>
          <cell r="C152" t="str">
            <v>O&amp;M</v>
          </cell>
          <cell r="D152" t="str">
            <v>Distribution</v>
          </cell>
          <cell r="E152" t="str">
            <v>Distribution Control Center</v>
          </cell>
          <cell r="G152" t="str">
            <v>Other</v>
          </cell>
          <cell r="H152" t="str">
            <v>Distribution Control Center</v>
          </cell>
          <cell r="I152">
            <v>0</v>
          </cell>
          <cell r="K152">
            <v>928</v>
          </cell>
          <cell r="M152">
            <v>3333</v>
          </cell>
          <cell r="N152">
            <v>-1537</v>
          </cell>
          <cell r="O152">
            <v>4870</v>
          </cell>
          <cell r="P152">
            <v>10000</v>
          </cell>
          <cell r="Q152">
            <v>10000</v>
          </cell>
          <cell r="R152">
            <v>10000</v>
          </cell>
          <cell r="S152">
            <v>0</v>
          </cell>
        </row>
        <row r="153">
          <cell r="B153">
            <v>1</v>
          </cell>
          <cell r="C153" t="str">
            <v>O&amp;M</v>
          </cell>
          <cell r="D153" t="str">
            <v>Distribution</v>
          </cell>
          <cell r="E153" t="str">
            <v>Distribution Projects</v>
          </cell>
          <cell r="G153" t="str">
            <v>Company Labor</v>
          </cell>
          <cell r="H153" t="str">
            <v>Distribution Application Support</v>
          </cell>
          <cell r="I153">
            <v>0</v>
          </cell>
          <cell r="K153">
            <v>18268</v>
          </cell>
          <cell r="M153">
            <v>95193</v>
          </cell>
          <cell r="N153">
            <v>75106</v>
          </cell>
          <cell r="O153">
            <v>20087</v>
          </cell>
          <cell r="P153">
            <v>268849</v>
          </cell>
          <cell r="Q153">
            <v>268849</v>
          </cell>
          <cell r="R153">
            <v>268849</v>
          </cell>
          <cell r="S153">
            <v>0</v>
          </cell>
        </row>
        <row r="154">
          <cell r="B154">
            <v>1</v>
          </cell>
          <cell r="C154" t="str">
            <v>O&amp;M</v>
          </cell>
          <cell r="D154" t="str">
            <v>Distribution</v>
          </cell>
          <cell r="E154" t="str">
            <v>Distribution Projects</v>
          </cell>
          <cell r="G154" t="str">
            <v>Company Labor</v>
          </cell>
          <cell r="H154" t="str">
            <v>Distribution Application Support</v>
          </cell>
          <cell r="I154">
            <v>0</v>
          </cell>
          <cell r="K154">
            <v>11458</v>
          </cell>
          <cell r="M154">
            <v>59686</v>
          </cell>
          <cell r="N154">
            <v>47192</v>
          </cell>
          <cell r="O154">
            <v>12494</v>
          </cell>
          <cell r="P154">
            <v>168569</v>
          </cell>
          <cell r="Q154">
            <v>168569</v>
          </cell>
          <cell r="R154">
            <v>168569</v>
          </cell>
          <cell r="S154">
            <v>0</v>
          </cell>
        </row>
        <row r="155">
          <cell r="B155">
            <v>1</v>
          </cell>
          <cell r="C155" t="str">
            <v>O&amp;M</v>
          </cell>
          <cell r="D155" t="str">
            <v>Distribution</v>
          </cell>
          <cell r="E155" t="str">
            <v>Distribution Projects</v>
          </cell>
          <cell r="G155" t="str">
            <v>Company Labor</v>
          </cell>
          <cell r="H155" t="str">
            <v>Distribution Application Support</v>
          </cell>
          <cell r="I155">
            <v>0</v>
          </cell>
          <cell r="K155">
            <v>21</v>
          </cell>
          <cell r="M155">
            <v>0</v>
          </cell>
          <cell r="N155">
            <v>482</v>
          </cell>
          <cell r="O155">
            <v>-48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</row>
        <row r="156">
          <cell r="B156">
            <v>1</v>
          </cell>
          <cell r="C156" t="str">
            <v>O&amp;M</v>
          </cell>
          <cell r="D156" t="str">
            <v>Distribution</v>
          </cell>
          <cell r="E156" t="str">
            <v>Distribution Projects</v>
          </cell>
          <cell r="G156" t="str">
            <v>Contract Labor</v>
          </cell>
          <cell r="H156" t="str">
            <v>Distribution Application Support</v>
          </cell>
          <cell r="I156">
            <v>0</v>
          </cell>
          <cell r="K156">
            <v>3337</v>
          </cell>
          <cell r="M156">
            <v>36333</v>
          </cell>
          <cell r="N156">
            <v>5281</v>
          </cell>
          <cell r="O156">
            <v>31053</v>
          </cell>
          <cell r="P156">
            <v>109000</v>
          </cell>
          <cell r="Q156">
            <v>109000</v>
          </cell>
          <cell r="R156">
            <v>109000</v>
          </cell>
          <cell r="S156">
            <v>0</v>
          </cell>
        </row>
        <row r="157">
          <cell r="B157">
            <v>1</v>
          </cell>
          <cell r="C157" t="str">
            <v>O&amp;M</v>
          </cell>
          <cell r="D157" t="str">
            <v>Distribution</v>
          </cell>
          <cell r="E157" t="str">
            <v>Distribution Projects</v>
          </cell>
          <cell r="G157" t="str">
            <v>Fleet</v>
          </cell>
          <cell r="H157" t="str">
            <v>Distribution Application Support</v>
          </cell>
          <cell r="I157">
            <v>0</v>
          </cell>
          <cell r="K157">
            <v>111</v>
          </cell>
          <cell r="M157">
            <v>0</v>
          </cell>
          <cell r="N157">
            <v>3627</v>
          </cell>
          <cell r="O157">
            <v>-3627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</row>
        <row r="158">
          <cell r="B158">
            <v>1</v>
          </cell>
          <cell r="C158" t="str">
            <v>O&amp;M</v>
          </cell>
          <cell r="D158" t="str">
            <v>Distribution</v>
          </cell>
          <cell r="E158" t="str">
            <v>Distribution Projects</v>
          </cell>
          <cell r="G158" t="str">
            <v>Meals/Travel</v>
          </cell>
          <cell r="H158" t="str">
            <v>Distribution Application Support</v>
          </cell>
          <cell r="I158">
            <v>0</v>
          </cell>
          <cell r="K158">
            <v>1132</v>
          </cell>
          <cell r="M158">
            <v>4846</v>
          </cell>
          <cell r="N158">
            <v>2801</v>
          </cell>
          <cell r="O158">
            <v>2045</v>
          </cell>
          <cell r="P158">
            <v>13000</v>
          </cell>
          <cell r="Q158">
            <v>13000</v>
          </cell>
          <cell r="R158">
            <v>13000</v>
          </cell>
          <cell r="S158">
            <v>0</v>
          </cell>
        </row>
        <row r="159">
          <cell r="B159">
            <v>1</v>
          </cell>
          <cell r="C159" t="str">
            <v>O&amp;M</v>
          </cell>
          <cell r="D159" t="str">
            <v>Distribution</v>
          </cell>
          <cell r="E159" t="str">
            <v>Distribution Projects</v>
          </cell>
          <cell r="G159" t="str">
            <v>Materials</v>
          </cell>
          <cell r="H159" t="str">
            <v>Distribution Application Support</v>
          </cell>
          <cell r="I159">
            <v>0</v>
          </cell>
          <cell r="K159">
            <v>620</v>
          </cell>
          <cell r="M159">
            <v>8840</v>
          </cell>
          <cell r="N159">
            <v>4862</v>
          </cell>
          <cell r="O159">
            <v>3977</v>
          </cell>
          <cell r="P159">
            <v>26519</v>
          </cell>
          <cell r="Q159">
            <v>26519</v>
          </cell>
          <cell r="R159">
            <v>24519</v>
          </cell>
          <cell r="S159">
            <v>2000</v>
          </cell>
        </row>
        <row r="160">
          <cell r="B160">
            <v>1</v>
          </cell>
          <cell r="C160" t="str">
            <v>O&amp;M</v>
          </cell>
          <cell r="D160" t="str">
            <v>Distribution</v>
          </cell>
          <cell r="E160" t="str">
            <v>Distribution Projects</v>
          </cell>
          <cell r="G160" t="str">
            <v>Ciac</v>
          </cell>
          <cell r="H160" t="str">
            <v>Distribution Application Support</v>
          </cell>
          <cell r="I160">
            <v>0</v>
          </cell>
          <cell r="K160">
            <v>13681</v>
          </cell>
          <cell r="M160">
            <v>-34667</v>
          </cell>
          <cell r="N160">
            <v>2940</v>
          </cell>
          <cell r="O160">
            <v>-37606</v>
          </cell>
          <cell r="P160">
            <v>-104000</v>
          </cell>
          <cell r="Q160">
            <v>-104000</v>
          </cell>
          <cell r="R160">
            <v>-104000</v>
          </cell>
          <cell r="S160">
            <v>0</v>
          </cell>
        </row>
        <row r="161">
          <cell r="B161">
            <v>1</v>
          </cell>
          <cell r="C161" t="str">
            <v>O&amp;M</v>
          </cell>
          <cell r="D161" t="str">
            <v>Distribution</v>
          </cell>
          <cell r="E161" t="str">
            <v>Distribution Projects</v>
          </cell>
          <cell r="G161" t="str">
            <v>Other</v>
          </cell>
          <cell r="H161" t="str">
            <v>Distribution Application Support</v>
          </cell>
          <cell r="I161">
            <v>0</v>
          </cell>
          <cell r="K161">
            <v>152</v>
          </cell>
          <cell r="M161">
            <v>1667</v>
          </cell>
          <cell r="N161">
            <v>297</v>
          </cell>
          <cell r="O161">
            <v>1369</v>
          </cell>
          <cell r="P161">
            <v>5000</v>
          </cell>
          <cell r="Q161">
            <v>5000</v>
          </cell>
          <cell r="R161">
            <v>5000</v>
          </cell>
          <cell r="S161">
            <v>0</v>
          </cell>
        </row>
        <row r="162">
          <cell r="B162">
            <v>1</v>
          </cell>
          <cell r="C162" t="str">
            <v>O&amp;M</v>
          </cell>
          <cell r="D162" t="str">
            <v>Distribution</v>
          </cell>
          <cell r="E162" t="str">
            <v>Distribution Standards</v>
          </cell>
          <cell r="G162" t="str">
            <v>Company Labor</v>
          </cell>
          <cell r="H162" t="str">
            <v>Engineering Support</v>
          </cell>
          <cell r="I162">
            <v>0</v>
          </cell>
          <cell r="K162">
            <v>33229</v>
          </cell>
          <cell r="M162">
            <v>162283</v>
          </cell>
          <cell r="N162">
            <v>130833</v>
          </cell>
          <cell r="O162">
            <v>31450</v>
          </cell>
          <cell r="P162">
            <v>469007</v>
          </cell>
          <cell r="Q162">
            <v>469007</v>
          </cell>
          <cell r="R162">
            <v>469007</v>
          </cell>
          <cell r="S162">
            <v>0</v>
          </cell>
        </row>
        <row r="163">
          <cell r="B163">
            <v>1</v>
          </cell>
          <cell r="C163" t="str">
            <v>O&amp;M</v>
          </cell>
          <cell r="D163" t="str">
            <v>Distribution</v>
          </cell>
          <cell r="E163" t="str">
            <v>Distribution Standards</v>
          </cell>
          <cell r="G163" t="str">
            <v>Company Labor</v>
          </cell>
          <cell r="H163" t="str">
            <v>Engineering Support</v>
          </cell>
          <cell r="I163">
            <v>0</v>
          </cell>
          <cell r="K163">
            <v>21034</v>
          </cell>
          <cell r="M163">
            <v>102343</v>
          </cell>
          <cell r="N163">
            <v>82944</v>
          </cell>
          <cell r="O163">
            <v>19399</v>
          </cell>
          <cell r="P163">
            <v>295781</v>
          </cell>
          <cell r="Q163">
            <v>295781</v>
          </cell>
          <cell r="R163">
            <v>295781</v>
          </cell>
          <cell r="S163">
            <v>0</v>
          </cell>
        </row>
        <row r="164">
          <cell r="B164">
            <v>1</v>
          </cell>
          <cell r="C164" t="str">
            <v>O&amp;M</v>
          </cell>
          <cell r="D164" t="str">
            <v>Distribution</v>
          </cell>
          <cell r="E164" t="str">
            <v>Distribution Standards</v>
          </cell>
          <cell r="G164" t="str">
            <v>Company Labor</v>
          </cell>
          <cell r="H164" t="str">
            <v>Engineering Support</v>
          </cell>
          <cell r="I164">
            <v>0</v>
          </cell>
          <cell r="K164">
            <v>997</v>
          </cell>
          <cell r="M164">
            <v>3005</v>
          </cell>
          <cell r="N164">
            <v>4647</v>
          </cell>
          <cell r="O164">
            <v>-1642</v>
          </cell>
          <cell r="P164">
            <v>8681</v>
          </cell>
          <cell r="Q164">
            <v>8681</v>
          </cell>
          <cell r="R164">
            <v>8681</v>
          </cell>
          <cell r="S164">
            <v>0</v>
          </cell>
        </row>
        <row r="165">
          <cell r="B165">
            <v>1</v>
          </cell>
          <cell r="C165" t="str">
            <v>O&amp;M</v>
          </cell>
          <cell r="D165" t="str">
            <v>Distribution</v>
          </cell>
          <cell r="E165" t="str">
            <v>Distribution Standards</v>
          </cell>
          <cell r="G165" t="str">
            <v>Contract Labor</v>
          </cell>
          <cell r="H165" t="str">
            <v>Engineering Support</v>
          </cell>
          <cell r="I165">
            <v>0</v>
          </cell>
          <cell r="K165">
            <v>204</v>
          </cell>
          <cell r="M165">
            <v>1400</v>
          </cell>
          <cell r="N165">
            <v>979</v>
          </cell>
          <cell r="O165">
            <v>421</v>
          </cell>
          <cell r="P165">
            <v>4200</v>
          </cell>
          <cell r="Q165">
            <v>4200</v>
          </cell>
          <cell r="R165">
            <v>4200</v>
          </cell>
          <cell r="S165">
            <v>0</v>
          </cell>
        </row>
        <row r="166">
          <cell r="B166">
            <v>1</v>
          </cell>
          <cell r="C166" t="str">
            <v>O&amp;M</v>
          </cell>
          <cell r="D166" t="str">
            <v>Distribution</v>
          </cell>
          <cell r="E166" t="str">
            <v>Distribution Standards</v>
          </cell>
          <cell r="G166" t="str">
            <v>Fleet</v>
          </cell>
          <cell r="H166" t="str">
            <v>Engineering Support</v>
          </cell>
          <cell r="I166">
            <v>0</v>
          </cell>
          <cell r="K166">
            <v>1107</v>
          </cell>
          <cell r="M166">
            <v>3821</v>
          </cell>
          <cell r="N166">
            <v>4027</v>
          </cell>
          <cell r="O166">
            <v>-206</v>
          </cell>
          <cell r="P166">
            <v>11205</v>
          </cell>
          <cell r="Q166">
            <v>11205</v>
          </cell>
          <cell r="R166">
            <v>11205</v>
          </cell>
          <cell r="S166">
            <v>0</v>
          </cell>
        </row>
        <row r="167">
          <cell r="B167">
            <v>1</v>
          </cell>
          <cell r="C167" t="str">
            <v>O&amp;M</v>
          </cell>
          <cell r="D167" t="str">
            <v>Distribution</v>
          </cell>
          <cell r="E167" t="str">
            <v>Distribution Standards</v>
          </cell>
          <cell r="G167" t="str">
            <v>Meals/Travel</v>
          </cell>
          <cell r="H167" t="str">
            <v>Engineering Support</v>
          </cell>
          <cell r="I167">
            <v>0</v>
          </cell>
          <cell r="K167">
            <v>575</v>
          </cell>
          <cell r="M167">
            <v>10847</v>
          </cell>
          <cell r="N167">
            <v>2573</v>
          </cell>
          <cell r="O167">
            <v>8274</v>
          </cell>
          <cell r="P167">
            <v>29100</v>
          </cell>
          <cell r="Q167">
            <v>29100</v>
          </cell>
          <cell r="R167">
            <v>29100</v>
          </cell>
          <cell r="S167">
            <v>0</v>
          </cell>
        </row>
        <row r="168">
          <cell r="B168">
            <v>1</v>
          </cell>
          <cell r="C168" t="str">
            <v>O&amp;M</v>
          </cell>
          <cell r="D168" t="str">
            <v>Distribution</v>
          </cell>
          <cell r="E168" t="str">
            <v>Distribution Standards</v>
          </cell>
          <cell r="G168" t="str">
            <v>Materials</v>
          </cell>
          <cell r="H168" t="str">
            <v>Engineering Support</v>
          </cell>
          <cell r="I168">
            <v>0</v>
          </cell>
          <cell r="K168">
            <v>11970</v>
          </cell>
          <cell r="M168">
            <v>45848</v>
          </cell>
          <cell r="N168">
            <v>45708</v>
          </cell>
          <cell r="O168">
            <v>140</v>
          </cell>
          <cell r="P168">
            <v>187747</v>
          </cell>
          <cell r="Q168">
            <v>187747</v>
          </cell>
          <cell r="R168">
            <v>187747</v>
          </cell>
          <cell r="S168">
            <v>0</v>
          </cell>
        </row>
        <row r="169">
          <cell r="B169">
            <v>1</v>
          </cell>
          <cell r="C169" t="str">
            <v>O&amp;M</v>
          </cell>
          <cell r="D169" t="str">
            <v>Distribution</v>
          </cell>
          <cell r="E169" t="str">
            <v>Distribution Standards</v>
          </cell>
          <cell r="G169" t="str">
            <v>Hardware/Software</v>
          </cell>
          <cell r="H169" t="str">
            <v>Engineering Support</v>
          </cell>
          <cell r="I169">
            <v>0</v>
          </cell>
          <cell r="K169">
            <v>418</v>
          </cell>
          <cell r="M169">
            <v>8393</v>
          </cell>
          <cell r="N169">
            <v>6525</v>
          </cell>
          <cell r="O169">
            <v>1867</v>
          </cell>
          <cell r="P169">
            <v>33200</v>
          </cell>
          <cell r="Q169">
            <v>33200</v>
          </cell>
          <cell r="R169">
            <v>33200</v>
          </cell>
          <cell r="S169">
            <v>0</v>
          </cell>
        </row>
        <row r="170">
          <cell r="B170">
            <v>1</v>
          </cell>
          <cell r="C170" t="str">
            <v>O&amp;M</v>
          </cell>
          <cell r="D170" t="str">
            <v>Distribution</v>
          </cell>
          <cell r="E170" t="str">
            <v>Distribution Standards</v>
          </cell>
          <cell r="G170" t="str">
            <v>Other</v>
          </cell>
          <cell r="H170" t="str">
            <v>Engineering Support</v>
          </cell>
          <cell r="I170">
            <v>0</v>
          </cell>
          <cell r="K170">
            <v>139</v>
          </cell>
          <cell r="M170">
            <v>3933</v>
          </cell>
          <cell r="N170">
            <v>1682</v>
          </cell>
          <cell r="O170">
            <v>2251</v>
          </cell>
          <cell r="P170">
            <v>11800</v>
          </cell>
          <cell r="Q170">
            <v>11800</v>
          </cell>
          <cell r="R170">
            <v>11800</v>
          </cell>
          <cell r="S170">
            <v>0</v>
          </cell>
        </row>
        <row r="171">
          <cell r="B171">
            <v>1</v>
          </cell>
          <cell r="C171" t="str">
            <v>O&amp;M</v>
          </cell>
          <cell r="D171" t="str">
            <v>Distribution</v>
          </cell>
          <cell r="E171" t="str">
            <v>Energy Information</v>
          </cell>
          <cell r="G171" t="str">
            <v>Company Labor</v>
          </cell>
          <cell r="H171" t="str">
            <v>Energy Information</v>
          </cell>
          <cell r="I171">
            <v>0</v>
          </cell>
          <cell r="K171">
            <v>188162</v>
          </cell>
          <cell r="M171">
            <v>1092838</v>
          </cell>
          <cell r="N171">
            <v>903685</v>
          </cell>
          <cell r="O171">
            <v>189153</v>
          </cell>
          <cell r="P171">
            <v>3154769</v>
          </cell>
          <cell r="Q171">
            <v>3154769</v>
          </cell>
          <cell r="R171">
            <v>3154769</v>
          </cell>
          <cell r="S171">
            <v>0</v>
          </cell>
        </row>
        <row r="172">
          <cell r="B172">
            <v>1</v>
          </cell>
          <cell r="C172" t="str">
            <v>O&amp;M</v>
          </cell>
          <cell r="D172" t="str">
            <v>Distribution</v>
          </cell>
          <cell r="E172" t="str">
            <v>Energy Information</v>
          </cell>
          <cell r="G172" t="str">
            <v>Company Labor</v>
          </cell>
          <cell r="H172" t="str">
            <v>Energy Information</v>
          </cell>
          <cell r="I172">
            <v>0</v>
          </cell>
          <cell r="K172">
            <v>118769</v>
          </cell>
          <cell r="M172">
            <v>689644</v>
          </cell>
          <cell r="N172">
            <v>572194</v>
          </cell>
          <cell r="O172">
            <v>117450</v>
          </cell>
          <cell r="P172">
            <v>1991044</v>
          </cell>
          <cell r="Q172">
            <v>1991044</v>
          </cell>
          <cell r="R172">
            <v>1991044</v>
          </cell>
          <cell r="S172">
            <v>0</v>
          </cell>
        </row>
        <row r="173">
          <cell r="B173">
            <v>1</v>
          </cell>
          <cell r="C173" t="str">
            <v>O&amp;M</v>
          </cell>
          <cell r="D173" t="str">
            <v>Distribution</v>
          </cell>
          <cell r="E173" t="str">
            <v>Energy Information</v>
          </cell>
          <cell r="G173" t="str">
            <v>Company Labor</v>
          </cell>
          <cell r="H173" t="str">
            <v>Energy Information</v>
          </cell>
          <cell r="I173">
            <v>0</v>
          </cell>
          <cell r="K173">
            <v>4348</v>
          </cell>
          <cell r="M173">
            <v>24363</v>
          </cell>
          <cell r="N173">
            <v>30677</v>
          </cell>
          <cell r="O173">
            <v>-6313</v>
          </cell>
          <cell r="P173">
            <v>71450</v>
          </cell>
          <cell r="Q173">
            <v>71450</v>
          </cell>
          <cell r="R173">
            <v>71450</v>
          </cell>
          <cell r="S173">
            <v>0</v>
          </cell>
        </row>
        <row r="174">
          <cell r="B174">
            <v>1</v>
          </cell>
          <cell r="C174" t="str">
            <v>O&amp;M</v>
          </cell>
          <cell r="D174" t="str">
            <v>Distribution</v>
          </cell>
          <cell r="E174" t="str">
            <v>Energy Information</v>
          </cell>
          <cell r="G174" t="str">
            <v>Contract Labor</v>
          </cell>
          <cell r="H174" t="str">
            <v>Energy Information</v>
          </cell>
          <cell r="I174">
            <v>0</v>
          </cell>
          <cell r="K174">
            <v>3540</v>
          </cell>
          <cell r="M174">
            <v>11651</v>
          </cell>
          <cell r="N174">
            <v>19495</v>
          </cell>
          <cell r="O174">
            <v>-7844</v>
          </cell>
          <cell r="P174">
            <v>34952</v>
          </cell>
          <cell r="Q174">
            <v>34952</v>
          </cell>
          <cell r="R174">
            <v>34952</v>
          </cell>
          <cell r="S174">
            <v>0</v>
          </cell>
        </row>
        <row r="175">
          <cell r="B175">
            <v>1</v>
          </cell>
          <cell r="C175" t="str">
            <v>O&amp;M</v>
          </cell>
          <cell r="D175" t="str">
            <v>Distribution</v>
          </cell>
          <cell r="E175" t="str">
            <v>Energy Information</v>
          </cell>
          <cell r="G175" t="str">
            <v>Fleet</v>
          </cell>
          <cell r="H175" t="str">
            <v>Energy Information</v>
          </cell>
          <cell r="I175">
            <v>0</v>
          </cell>
          <cell r="K175">
            <v>31740</v>
          </cell>
          <cell r="M175">
            <v>164357</v>
          </cell>
          <cell r="N175">
            <v>164507</v>
          </cell>
          <cell r="O175">
            <v>-150</v>
          </cell>
          <cell r="P175">
            <v>482006</v>
          </cell>
          <cell r="Q175">
            <v>482006</v>
          </cell>
          <cell r="R175">
            <v>482006</v>
          </cell>
          <cell r="S175">
            <v>0</v>
          </cell>
        </row>
        <row r="176">
          <cell r="B176">
            <v>1</v>
          </cell>
          <cell r="C176" t="str">
            <v>O&amp;M</v>
          </cell>
          <cell r="D176" t="str">
            <v>Distribution</v>
          </cell>
          <cell r="E176" t="str">
            <v>Energy Information</v>
          </cell>
          <cell r="G176" t="str">
            <v>Meals/Travel</v>
          </cell>
          <cell r="H176" t="str">
            <v>Energy Information</v>
          </cell>
          <cell r="I176">
            <v>0</v>
          </cell>
          <cell r="K176">
            <v>2992</v>
          </cell>
          <cell r="M176">
            <v>21693</v>
          </cell>
          <cell r="N176">
            <v>22683</v>
          </cell>
          <cell r="O176">
            <v>-989</v>
          </cell>
          <cell r="P176">
            <v>58200</v>
          </cell>
          <cell r="Q176">
            <v>58200</v>
          </cell>
          <cell r="R176">
            <v>58200</v>
          </cell>
          <cell r="S176">
            <v>0</v>
          </cell>
        </row>
        <row r="177">
          <cell r="B177">
            <v>1</v>
          </cell>
          <cell r="C177" t="str">
            <v>O&amp;M</v>
          </cell>
          <cell r="D177" t="str">
            <v>Distribution</v>
          </cell>
          <cell r="E177" t="str">
            <v>Energy Information</v>
          </cell>
          <cell r="G177" t="str">
            <v>Materials</v>
          </cell>
          <cell r="H177" t="str">
            <v>Energy Information</v>
          </cell>
          <cell r="I177">
            <v>0</v>
          </cell>
          <cell r="K177">
            <v>13278</v>
          </cell>
          <cell r="M177">
            <v>28333</v>
          </cell>
          <cell r="N177">
            <v>44142</v>
          </cell>
          <cell r="O177">
            <v>-15808</v>
          </cell>
          <cell r="P177">
            <v>85000</v>
          </cell>
          <cell r="Q177">
            <v>85000</v>
          </cell>
          <cell r="R177">
            <v>85000</v>
          </cell>
          <cell r="S177">
            <v>0</v>
          </cell>
        </row>
        <row r="178">
          <cell r="B178">
            <v>1</v>
          </cell>
          <cell r="C178" t="str">
            <v>O&amp;M</v>
          </cell>
          <cell r="D178" t="str">
            <v>Distribution</v>
          </cell>
          <cell r="E178" t="str">
            <v>Energy Information</v>
          </cell>
          <cell r="G178" t="str">
            <v>Hardware/Software</v>
          </cell>
          <cell r="H178" t="str">
            <v>Energy Information</v>
          </cell>
          <cell r="I178">
            <v>0</v>
          </cell>
          <cell r="K178">
            <v>0</v>
          </cell>
          <cell r="M178">
            <v>0</v>
          </cell>
          <cell r="N178">
            <v>22</v>
          </cell>
          <cell r="O178">
            <v>-22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</row>
        <row r="179">
          <cell r="B179">
            <v>1</v>
          </cell>
          <cell r="C179" t="str">
            <v>O&amp;M</v>
          </cell>
          <cell r="D179" t="str">
            <v>Distribution</v>
          </cell>
          <cell r="E179" t="str">
            <v>Energy Information</v>
          </cell>
          <cell r="G179" t="str">
            <v>Other</v>
          </cell>
          <cell r="H179" t="str">
            <v>Energy Information</v>
          </cell>
          <cell r="I179">
            <v>0</v>
          </cell>
          <cell r="K179">
            <v>317</v>
          </cell>
          <cell r="M179">
            <v>3333</v>
          </cell>
          <cell r="N179">
            <v>2294</v>
          </cell>
          <cell r="O179">
            <v>1040</v>
          </cell>
          <cell r="P179">
            <v>10000</v>
          </cell>
          <cell r="Q179">
            <v>10000</v>
          </cell>
          <cell r="R179">
            <v>10000</v>
          </cell>
          <cell r="S179">
            <v>0</v>
          </cell>
        </row>
        <row r="180">
          <cell r="B180">
            <v>1</v>
          </cell>
          <cell r="C180" t="str">
            <v>O&amp;M</v>
          </cell>
          <cell r="D180" t="str">
            <v>Distribution</v>
          </cell>
          <cell r="E180" t="str">
            <v>Energy Information</v>
          </cell>
          <cell r="G180" t="str">
            <v>Transformer &amp; meter credits</v>
          </cell>
          <cell r="H180" t="str">
            <v>Energy Information</v>
          </cell>
          <cell r="I180">
            <v>0</v>
          </cell>
          <cell r="K180">
            <v>-195906</v>
          </cell>
          <cell r="M180">
            <v>-698630</v>
          </cell>
          <cell r="N180">
            <v>-485052</v>
          </cell>
          <cell r="O180">
            <v>-213578</v>
          </cell>
          <cell r="P180">
            <v>-1848384</v>
          </cell>
          <cell r="Q180">
            <v>-1848384</v>
          </cell>
          <cell r="R180">
            <v>-1848384</v>
          </cell>
          <cell r="S180">
            <v>0</v>
          </cell>
        </row>
        <row r="181">
          <cell r="B181">
            <v>1</v>
          </cell>
          <cell r="C181" t="str">
            <v>O&amp;M</v>
          </cell>
          <cell r="D181" t="str">
            <v>Distribution</v>
          </cell>
          <cell r="E181" t="str">
            <v>Joint Use</v>
          </cell>
          <cell r="G181" t="str">
            <v>Company Labor</v>
          </cell>
          <cell r="H181" t="str">
            <v>Joint Use/Locates</v>
          </cell>
          <cell r="I181">
            <v>0</v>
          </cell>
          <cell r="K181">
            <v>713</v>
          </cell>
          <cell r="M181">
            <v>0</v>
          </cell>
          <cell r="N181">
            <v>3384</v>
          </cell>
          <cell r="O181">
            <v>-3384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</row>
        <row r="182">
          <cell r="B182">
            <v>1</v>
          </cell>
          <cell r="C182" t="str">
            <v>O&amp;M</v>
          </cell>
          <cell r="D182" t="str">
            <v>Distribution</v>
          </cell>
          <cell r="E182" t="str">
            <v>Joint Use</v>
          </cell>
          <cell r="G182" t="str">
            <v>Company Labor</v>
          </cell>
          <cell r="H182" t="str">
            <v>Joint Use/Locates</v>
          </cell>
          <cell r="I182">
            <v>0</v>
          </cell>
          <cell r="K182">
            <v>455</v>
          </cell>
          <cell r="M182">
            <v>0</v>
          </cell>
          <cell r="N182">
            <v>2136</v>
          </cell>
          <cell r="O182">
            <v>-2136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</row>
        <row r="183">
          <cell r="B183">
            <v>1</v>
          </cell>
          <cell r="C183" t="str">
            <v>O&amp;M</v>
          </cell>
          <cell r="D183" t="str">
            <v>Distribution</v>
          </cell>
          <cell r="E183" t="str">
            <v>Joint Use</v>
          </cell>
          <cell r="G183" t="str">
            <v>Company Labor</v>
          </cell>
          <cell r="H183" t="str">
            <v>Joint Use/Locates</v>
          </cell>
          <cell r="I183">
            <v>0</v>
          </cell>
          <cell r="K183">
            <v>44</v>
          </cell>
          <cell r="M183">
            <v>0</v>
          </cell>
          <cell r="N183">
            <v>44</v>
          </cell>
          <cell r="O183">
            <v>-44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</row>
        <row r="184">
          <cell r="B184">
            <v>1</v>
          </cell>
          <cell r="C184" t="str">
            <v>O&amp;M</v>
          </cell>
          <cell r="D184" t="str">
            <v>Distribution</v>
          </cell>
          <cell r="E184" t="str">
            <v>Joint Use</v>
          </cell>
          <cell r="G184" t="str">
            <v>Contract Labor</v>
          </cell>
          <cell r="H184" t="str">
            <v>Joint Use/Locates</v>
          </cell>
          <cell r="I184">
            <v>0</v>
          </cell>
          <cell r="K184">
            <v>33757</v>
          </cell>
          <cell r="M184">
            <v>150667</v>
          </cell>
          <cell r="N184">
            <v>164213</v>
          </cell>
          <cell r="O184">
            <v>-13546</v>
          </cell>
          <cell r="P184">
            <v>452000</v>
          </cell>
          <cell r="Q184">
            <v>452000</v>
          </cell>
          <cell r="R184">
            <v>452000</v>
          </cell>
          <cell r="S184">
            <v>0</v>
          </cell>
        </row>
        <row r="185">
          <cell r="B185">
            <v>1</v>
          </cell>
          <cell r="C185" t="str">
            <v>O&amp;M</v>
          </cell>
          <cell r="D185" t="str">
            <v>Distribution</v>
          </cell>
          <cell r="E185" t="str">
            <v>Joint Use</v>
          </cell>
          <cell r="G185" t="str">
            <v>Fleet</v>
          </cell>
          <cell r="H185" t="str">
            <v>Joint Use/Locates</v>
          </cell>
          <cell r="I185">
            <v>0</v>
          </cell>
          <cell r="K185">
            <v>120</v>
          </cell>
          <cell r="M185">
            <v>0</v>
          </cell>
          <cell r="N185">
            <v>454</v>
          </cell>
          <cell r="O185">
            <v>-454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</row>
        <row r="186">
          <cell r="B186">
            <v>1</v>
          </cell>
          <cell r="C186" t="str">
            <v>O&amp;M</v>
          </cell>
          <cell r="D186" t="str">
            <v>Distribution</v>
          </cell>
          <cell r="E186" t="str">
            <v>Joint Use</v>
          </cell>
          <cell r="G186" t="str">
            <v>Materials</v>
          </cell>
          <cell r="H186" t="str">
            <v>Joint Use/Locates</v>
          </cell>
          <cell r="I186">
            <v>0</v>
          </cell>
          <cell r="K186">
            <v>0</v>
          </cell>
          <cell r="M186">
            <v>0</v>
          </cell>
          <cell r="N186">
            <v>-40</v>
          </cell>
          <cell r="O186">
            <v>40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</row>
        <row r="187">
          <cell r="B187">
            <v>1</v>
          </cell>
          <cell r="C187" t="str">
            <v>O&amp;M</v>
          </cell>
          <cell r="D187" t="str">
            <v>Distribution</v>
          </cell>
          <cell r="E187" t="str">
            <v>Joint Use</v>
          </cell>
          <cell r="G187" t="str">
            <v>Ciac</v>
          </cell>
          <cell r="H187" t="str">
            <v>Joint Use/Locates</v>
          </cell>
          <cell r="I187">
            <v>0</v>
          </cell>
          <cell r="K187">
            <v>-21954</v>
          </cell>
          <cell r="M187">
            <v>-173267</v>
          </cell>
          <cell r="N187">
            <v>-225878</v>
          </cell>
          <cell r="O187">
            <v>52611</v>
          </cell>
          <cell r="P187">
            <v>-519800</v>
          </cell>
          <cell r="Q187">
            <v>-519800</v>
          </cell>
          <cell r="R187">
            <v>-519800</v>
          </cell>
          <cell r="S187">
            <v>0</v>
          </cell>
        </row>
        <row r="188">
          <cell r="B188">
            <v>1</v>
          </cell>
          <cell r="C188" t="str">
            <v>O&amp;M</v>
          </cell>
          <cell r="D188" t="str">
            <v>Distribution</v>
          </cell>
          <cell r="E188" t="str">
            <v>Joint Use</v>
          </cell>
          <cell r="G188" t="str">
            <v>Rent/utilities</v>
          </cell>
          <cell r="H188" t="str">
            <v>Joint Use/Locates</v>
          </cell>
          <cell r="I188">
            <v>0</v>
          </cell>
          <cell r="K188">
            <v>284410</v>
          </cell>
          <cell r="M188">
            <v>1149000</v>
          </cell>
          <cell r="N188">
            <v>1137639</v>
          </cell>
          <cell r="O188">
            <v>11361</v>
          </cell>
          <cell r="P188">
            <v>0</v>
          </cell>
          <cell r="Q188">
            <v>3445000</v>
          </cell>
          <cell r="R188">
            <v>3445000</v>
          </cell>
          <cell r="S188">
            <v>0</v>
          </cell>
        </row>
        <row r="189">
          <cell r="B189">
            <v>1</v>
          </cell>
          <cell r="C189" t="str">
            <v>O&amp;M</v>
          </cell>
          <cell r="D189" t="str">
            <v>Distribution</v>
          </cell>
          <cell r="E189" t="str">
            <v>Load Growth, LRC, and System Integrity</v>
          </cell>
          <cell r="G189" t="str">
            <v>Company Labor</v>
          </cell>
          <cell r="H189" t="str">
            <v>Engineering Support</v>
          </cell>
          <cell r="I189">
            <v>0</v>
          </cell>
          <cell r="K189">
            <v>4315</v>
          </cell>
          <cell r="M189">
            <v>9896</v>
          </cell>
          <cell r="N189">
            <v>15923</v>
          </cell>
          <cell r="O189">
            <v>-6027</v>
          </cell>
          <cell r="P189">
            <v>76981</v>
          </cell>
          <cell r="Q189">
            <v>76981</v>
          </cell>
          <cell r="R189">
            <v>20928</v>
          </cell>
          <cell r="S189">
            <v>56053</v>
          </cell>
        </row>
        <row r="190">
          <cell r="B190">
            <v>1</v>
          </cell>
          <cell r="C190" t="str">
            <v>O&amp;M</v>
          </cell>
          <cell r="D190" t="str">
            <v>Distribution</v>
          </cell>
          <cell r="E190" t="str">
            <v>Load Growth, LRC, and System Integrity</v>
          </cell>
          <cell r="G190" t="str">
            <v>Company Labor</v>
          </cell>
          <cell r="H190" t="str">
            <v>Engineering Support</v>
          </cell>
          <cell r="I190">
            <v>0</v>
          </cell>
          <cell r="K190">
            <v>2743</v>
          </cell>
          <cell r="M190">
            <v>6205</v>
          </cell>
          <cell r="N190">
            <v>10079</v>
          </cell>
          <cell r="O190">
            <v>-3874</v>
          </cell>
          <cell r="P190">
            <v>48267</v>
          </cell>
          <cell r="Q190">
            <v>48267</v>
          </cell>
          <cell r="R190">
            <v>13122</v>
          </cell>
          <cell r="S190">
            <v>35145</v>
          </cell>
        </row>
        <row r="191">
          <cell r="B191">
            <v>1</v>
          </cell>
          <cell r="C191" t="str">
            <v>O&amp;M</v>
          </cell>
          <cell r="D191" t="str">
            <v>Distribution</v>
          </cell>
          <cell r="E191" t="str">
            <v>Load Growth, LRC, and System Integrity</v>
          </cell>
          <cell r="G191" t="str">
            <v>Company Labor</v>
          </cell>
          <cell r="H191" t="str">
            <v>Engineering Support</v>
          </cell>
          <cell r="I191">
            <v>0</v>
          </cell>
          <cell r="K191">
            <v>210</v>
          </cell>
          <cell r="M191">
            <v>0</v>
          </cell>
          <cell r="N191">
            <v>523</v>
          </cell>
          <cell r="O191">
            <v>-523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</row>
        <row r="192">
          <cell r="B192">
            <v>1</v>
          </cell>
          <cell r="C192" t="str">
            <v>O&amp;M</v>
          </cell>
          <cell r="D192" t="str">
            <v>Distribution</v>
          </cell>
          <cell r="E192" t="str">
            <v>Load Growth, LRC, and System Integrity</v>
          </cell>
          <cell r="G192" t="str">
            <v>Contract Labor</v>
          </cell>
          <cell r="H192" t="str">
            <v>Engineering Support</v>
          </cell>
          <cell r="I192">
            <v>0</v>
          </cell>
          <cell r="K192">
            <v>24329</v>
          </cell>
          <cell r="M192">
            <v>48911</v>
          </cell>
          <cell r="N192">
            <v>95358</v>
          </cell>
          <cell r="O192">
            <v>-46447</v>
          </cell>
          <cell r="P192">
            <v>297751</v>
          </cell>
          <cell r="Q192">
            <v>297751</v>
          </cell>
          <cell r="R192">
            <v>117528</v>
          </cell>
          <cell r="S192">
            <v>180223</v>
          </cell>
        </row>
        <row r="193">
          <cell r="B193">
            <v>1</v>
          </cell>
          <cell r="C193" t="str">
            <v>O&amp;M</v>
          </cell>
          <cell r="D193" t="str">
            <v>Distribution</v>
          </cell>
          <cell r="E193" t="str">
            <v>Load Growth, LRC, and System Integrity</v>
          </cell>
          <cell r="G193" t="str">
            <v>Fleet</v>
          </cell>
          <cell r="H193" t="str">
            <v>Engineering Support</v>
          </cell>
          <cell r="I193">
            <v>0</v>
          </cell>
          <cell r="K193">
            <v>1607</v>
          </cell>
          <cell r="M193">
            <v>3297</v>
          </cell>
          <cell r="N193">
            <v>5474</v>
          </cell>
          <cell r="O193">
            <v>-2177</v>
          </cell>
          <cell r="P193">
            <v>22202</v>
          </cell>
          <cell r="Q193">
            <v>22202</v>
          </cell>
          <cell r="R193">
            <v>7761</v>
          </cell>
          <cell r="S193">
            <v>14441</v>
          </cell>
        </row>
        <row r="194">
          <cell r="B194">
            <v>1</v>
          </cell>
          <cell r="C194" t="str">
            <v>O&amp;M</v>
          </cell>
          <cell r="D194" t="str">
            <v>Distribution</v>
          </cell>
          <cell r="E194" t="str">
            <v>Load Growth, LRC, and System Integrity</v>
          </cell>
          <cell r="G194" t="str">
            <v>Meals/Travel</v>
          </cell>
          <cell r="H194" t="str">
            <v>Engineering Support</v>
          </cell>
          <cell r="I194">
            <v>0</v>
          </cell>
          <cell r="K194">
            <v>2230</v>
          </cell>
          <cell r="M194">
            <v>0</v>
          </cell>
          <cell r="N194">
            <v>3524</v>
          </cell>
          <cell r="O194">
            <v>-3524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</row>
        <row r="195">
          <cell r="B195">
            <v>1</v>
          </cell>
          <cell r="C195" t="str">
            <v>O&amp;M</v>
          </cell>
          <cell r="D195" t="str">
            <v>Distribution</v>
          </cell>
          <cell r="E195" t="str">
            <v>Load Growth, LRC, and System Integrity</v>
          </cell>
          <cell r="G195" t="str">
            <v>Materials</v>
          </cell>
          <cell r="H195" t="str">
            <v>Engineering Support</v>
          </cell>
          <cell r="I195">
            <v>0</v>
          </cell>
          <cell r="K195">
            <v>928</v>
          </cell>
          <cell r="M195">
            <v>1408</v>
          </cell>
          <cell r="N195">
            <v>1158</v>
          </cell>
          <cell r="O195">
            <v>250</v>
          </cell>
          <cell r="P195">
            <v>16572</v>
          </cell>
          <cell r="Q195">
            <v>16572</v>
          </cell>
          <cell r="R195">
            <v>2034</v>
          </cell>
          <cell r="S195">
            <v>14538</v>
          </cell>
        </row>
        <row r="196">
          <cell r="B196">
            <v>1</v>
          </cell>
          <cell r="C196" t="str">
            <v>O&amp;M</v>
          </cell>
          <cell r="D196" t="str">
            <v>Distribution</v>
          </cell>
          <cell r="E196" t="str">
            <v>Management &amp; Support</v>
          </cell>
          <cell r="G196" t="str">
            <v>Company Labor</v>
          </cell>
          <cell r="H196" t="str">
            <v>Management &amp; Support</v>
          </cell>
          <cell r="I196">
            <v>0</v>
          </cell>
          <cell r="K196">
            <v>50672</v>
          </cell>
          <cell r="M196">
            <v>211106</v>
          </cell>
          <cell r="N196">
            <v>180437</v>
          </cell>
          <cell r="O196">
            <v>30669</v>
          </cell>
          <cell r="P196">
            <v>609892</v>
          </cell>
          <cell r="Q196">
            <v>609892</v>
          </cell>
          <cell r="R196">
            <v>609892</v>
          </cell>
          <cell r="S196">
            <v>0</v>
          </cell>
        </row>
        <row r="197">
          <cell r="B197">
            <v>1</v>
          </cell>
          <cell r="C197" t="str">
            <v>O&amp;M</v>
          </cell>
          <cell r="D197" t="str">
            <v>Distribution</v>
          </cell>
          <cell r="E197" t="str">
            <v>Management &amp; Support</v>
          </cell>
          <cell r="G197" t="str">
            <v>Company Labor</v>
          </cell>
          <cell r="H197" t="str">
            <v>Management &amp; Support</v>
          </cell>
          <cell r="I197">
            <v>0</v>
          </cell>
          <cell r="K197">
            <v>31928</v>
          </cell>
          <cell r="M197">
            <v>132830</v>
          </cell>
          <cell r="N197">
            <v>113701</v>
          </cell>
          <cell r="O197">
            <v>19130</v>
          </cell>
          <cell r="P197">
            <v>383753</v>
          </cell>
          <cell r="Q197">
            <v>383753</v>
          </cell>
          <cell r="R197">
            <v>383753</v>
          </cell>
          <cell r="S197">
            <v>0</v>
          </cell>
        </row>
        <row r="198">
          <cell r="B198">
            <v>1</v>
          </cell>
          <cell r="C198" t="str">
            <v>O&amp;M</v>
          </cell>
          <cell r="D198" t="str">
            <v>Distribution</v>
          </cell>
          <cell r="E198" t="str">
            <v>Management &amp; Support</v>
          </cell>
          <cell r="G198" t="str">
            <v>Company Labor</v>
          </cell>
          <cell r="H198" t="str">
            <v>Management &amp; Support</v>
          </cell>
          <cell r="I198">
            <v>0</v>
          </cell>
          <cell r="K198">
            <v>862</v>
          </cell>
          <cell r="M198">
            <v>2563</v>
          </cell>
          <cell r="N198">
            <v>3114</v>
          </cell>
          <cell r="O198">
            <v>-551</v>
          </cell>
          <cell r="P198">
            <v>7421</v>
          </cell>
          <cell r="Q198">
            <v>7421</v>
          </cell>
          <cell r="R198">
            <v>7421</v>
          </cell>
          <cell r="S198">
            <v>0</v>
          </cell>
        </row>
        <row r="199">
          <cell r="B199">
            <v>1</v>
          </cell>
          <cell r="C199" t="str">
            <v>O&amp;M</v>
          </cell>
          <cell r="D199" t="str">
            <v>Distribution</v>
          </cell>
          <cell r="E199" t="str">
            <v>Management &amp; Support</v>
          </cell>
          <cell r="G199" t="str">
            <v>Contract Labor</v>
          </cell>
          <cell r="H199" t="str">
            <v>Management &amp; Support</v>
          </cell>
          <cell r="I199">
            <v>0</v>
          </cell>
          <cell r="K199">
            <v>2920</v>
          </cell>
          <cell r="M199">
            <v>20333</v>
          </cell>
          <cell r="N199">
            <v>6305</v>
          </cell>
          <cell r="O199">
            <v>14029</v>
          </cell>
          <cell r="P199">
            <v>61000</v>
          </cell>
          <cell r="Q199">
            <v>61000</v>
          </cell>
          <cell r="R199">
            <v>61000</v>
          </cell>
          <cell r="S199">
            <v>0</v>
          </cell>
        </row>
        <row r="200">
          <cell r="B200">
            <v>1</v>
          </cell>
          <cell r="C200" t="str">
            <v>O&amp;M</v>
          </cell>
          <cell r="D200" t="str">
            <v>Distribution</v>
          </cell>
          <cell r="E200" t="str">
            <v>Management &amp; Support</v>
          </cell>
          <cell r="G200" t="str">
            <v>Fleet</v>
          </cell>
          <cell r="H200" t="str">
            <v>Management &amp; Support</v>
          </cell>
          <cell r="I200">
            <v>0</v>
          </cell>
          <cell r="K200">
            <v>690</v>
          </cell>
          <cell r="M200">
            <v>946</v>
          </cell>
          <cell r="N200">
            <v>2168</v>
          </cell>
          <cell r="O200">
            <v>-1222</v>
          </cell>
          <cell r="P200">
            <v>2774</v>
          </cell>
          <cell r="Q200">
            <v>2774</v>
          </cell>
          <cell r="R200">
            <v>2774</v>
          </cell>
          <cell r="S200">
            <v>0</v>
          </cell>
        </row>
        <row r="201">
          <cell r="B201">
            <v>1</v>
          </cell>
          <cell r="C201" t="str">
            <v>O&amp;M</v>
          </cell>
          <cell r="D201" t="str">
            <v>Distribution</v>
          </cell>
          <cell r="E201" t="str">
            <v>Management &amp; Support</v>
          </cell>
          <cell r="G201" t="str">
            <v>Meals/Travel</v>
          </cell>
          <cell r="H201" t="str">
            <v>Management &amp; Support</v>
          </cell>
          <cell r="I201">
            <v>0</v>
          </cell>
          <cell r="K201">
            <v>3036</v>
          </cell>
          <cell r="M201">
            <v>14910</v>
          </cell>
          <cell r="N201">
            <v>14156</v>
          </cell>
          <cell r="O201">
            <v>754</v>
          </cell>
          <cell r="P201">
            <v>40000</v>
          </cell>
          <cell r="Q201">
            <v>40000</v>
          </cell>
          <cell r="R201">
            <v>40000</v>
          </cell>
          <cell r="S201">
            <v>0</v>
          </cell>
        </row>
        <row r="202">
          <cell r="B202">
            <v>1</v>
          </cell>
          <cell r="C202" t="str">
            <v>O&amp;M</v>
          </cell>
          <cell r="D202" t="str">
            <v>Distribution</v>
          </cell>
          <cell r="E202" t="str">
            <v>Management &amp; Support</v>
          </cell>
          <cell r="G202" t="str">
            <v>Materials</v>
          </cell>
          <cell r="H202" t="str">
            <v>Management &amp; Support</v>
          </cell>
          <cell r="I202">
            <v>0</v>
          </cell>
          <cell r="K202">
            <v>966</v>
          </cell>
          <cell r="M202">
            <v>9702</v>
          </cell>
          <cell r="N202">
            <v>3266</v>
          </cell>
          <cell r="O202">
            <v>6436</v>
          </cell>
          <cell r="P202">
            <v>29107</v>
          </cell>
          <cell r="Q202">
            <v>29107</v>
          </cell>
          <cell r="R202">
            <v>29107</v>
          </cell>
          <cell r="S202">
            <v>0</v>
          </cell>
        </row>
        <row r="203">
          <cell r="B203">
            <v>1</v>
          </cell>
          <cell r="C203" t="str">
            <v>O&amp;M</v>
          </cell>
          <cell r="D203" t="str">
            <v>Distribution</v>
          </cell>
          <cell r="E203" t="str">
            <v>Management &amp; Support</v>
          </cell>
          <cell r="G203" t="str">
            <v>Hardware/Software</v>
          </cell>
          <cell r="H203" t="str">
            <v>Management &amp; Support</v>
          </cell>
          <cell r="I203">
            <v>0</v>
          </cell>
          <cell r="K203">
            <v>10</v>
          </cell>
          <cell r="M203">
            <v>0</v>
          </cell>
          <cell r="N203">
            <v>10</v>
          </cell>
          <cell r="O203">
            <v>-10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</row>
        <row r="204">
          <cell r="B204">
            <v>1</v>
          </cell>
          <cell r="C204" t="str">
            <v>O&amp;M</v>
          </cell>
          <cell r="D204" t="str">
            <v>Distribution</v>
          </cell>
          <cell r="E204" t="str">
            <v>Management &amp; Support</v>
          </cell>
          <cell r="G204" t="str">
            <v>Other</v>
          </cell>
          <cell r="H204" t="str">
            <v>Management &amp; Support</v>
          </cell>
          <cell r="I204">
            <v>0</v>
          </cell>
          <cell r="K204">
            <v>7628</v>
          </cell>
          <cell r="M204">
            <v>29333</v>
          </cell>
          <cell r="N204">
            <v>18487</v>
          </cell>
          <cell r="O204">
            <v>10846</v>
          </cell>
          <cell r="P204">
            <v>88000</v>
          </cell>
          <cell r="Q204">
            <v>88000</v>
          </cell>
          <cell r="R204">
            <v>63000</v>
          </cell>
          <cell r="S204">
            <v>25000</v>
          </cell>
        </row>
        <row r="205">
          <cell r="B205">
            <v>1</v>
          </cell>
          <cell r="C205" t="str">
            <v>O&amp;M</v>
          </cell>
          <cell r="D205" t="str">
            <v>Distribution</v>
          </cell>
          <cell r="E205" t="str">
            <v>Oil Spill Clean-Up</v>
          </cell>
          <cell r="G205" t="str">
            <v>Contract Labor</v>
          </cell>
          <cell r="H205" t="str">
            <v>Engineering Support</v>
          </cell>
          <cell r="I205">
            <v>0</v>
          </cell>
          <cell r="K205">
            <v>41489</v>
          </cell>
          <cell r="M205">
            <v>197793</v>
          </cell>
          <cell r="N205">
            <v>168700</v>
          </cell>
          <cell r="O205">
            <v>29093</v>
          </cell>
          <cell r="P205">
            <v>732000</v>
          </cell>
          <cell r="Q205">
            <v>732000</v>
          </cell>
          <cell r="R205">
            <v>732000</v>
          </cell>
          <cell r="S205">
            <v>0</v>
          </cell>
        </row>
        <row r="206">
          <cell r="B206">
            <v>1</v>
          </cell>
          <cell r="C206" t="str">
            <v>O&amp;M</v>
          </cell>
          <cell r="D206" t="str">
            <v>Distribution</v>
          </cell>
          <cell r="E206" t="str">
            <v>Oil Spill Clean-Up</v>
          </cell>
          <cell r="G206" t="str">
            <v>Materials</v>
          </cell>
          <cell r="H206" t="str">
            <v>Engineering Support</v>
          </cell>
          <cell r="I206">
            <v>0</v>
          </cell>
          <cell r="K206">
            <v>0</v>
          </cell>
          <cell r="M206">
            <v>0</v>
          </cell>
          <cell r="N206">
            <v>52</v>
          </cell>
          <cell r="O206">
            <v>-52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</row>
        <row r="207">
          <cell r="B207">
            <v>1</v>
          </cell>
          <cell r="C207" t="str">
            <v>O&amp;M</v>
          </cell>
          <cell r="D207" t="str">
            <v>Distribution</v>
          </cell>
          <cell r="E207" t="str">
            <v>Oil Spill Clean-Up</v>
          </cell>
          <cell r="G207" t="str">
            <v>Ciac</v>
          </cell>
          <cell r="H207" t="str">
            <v>Engineering Support</v>
          </cell>
          <cell r="I207">
            <v>0</v>
          </cell>
          <cell r="K207">
            <v>-2236</v>
          </cell>
          <cell r="M207">
            <v>-18915</v>
          </cell>
          <cell r="N207">
            <v>-25514</v>
          </cell>
          <cell r="O207">
            <v>6599</v>
          </cell>
          <cell r="P207">
            <v>-70000</v>
          </cell>
          <cell r="Q207">
            <v>-70000</v>
          </cell>
          <cell r="R207">
            <v>-70000</v>
          </cell>
          <cell r="S207">
            <v>0</v>
          </cell>
        </row>
        <row r="208">
          <cell r="B208">
            <v>1</v>
          </cell>
          <cell r="C208" t="str">
            <v>O&amp;M</v>
          </cell>
          <cell r="D208" t="str">
            <v>Distribution</v>
          </cell>
          <cell r="E208" t="str">
            <v>System Engineering and ROW</v>
          </cell>
          <cell r="G208" t="str">
            <v>Company Labor</v>
          </cell>
          <cell r="H208" t="str">
            <v>Engineering Support</v>
          </cell>
          <cell r="I208">
            <v>0</v>
          </cell>
          <cell r="K208">
            <v>117216</v>
          </cell>
          <cell r="M208">
            <v>623949</v>
          </cell>
          <cell r="N208">
            <v>489023</v>
          </cell>
          <cell r="O208">
            <v>134926</v>
          </cell>
          <cell r="P208">
            <v>1787710</v>
          </cell>
          <cell r="Q208">
            <v>1787710</v>
          </cell>
          <cell r="R208">
            <v>1787710</v>
          </cell>
          <cell r="S208">
            <v>0</v>
          </cell>
        </row>
        <row r="209">
          <cell r="B209">
            <v>1</v>
          </cell>
          <cell r="C209" t="str">
            <v>O&amp;M</v>
          </cell>
          <cell r="D209" t="str">
            <v>Distribution</v>
          </cell>
          <cell r="E209" t="str">
            <v>System Engineering and ROW</v>
          </cell>
          <cell r="G209" t="str">
            <v>Company Labor</v>
          </cell>
          <cell r="H209" t="str">
            <v>Engineering Support</v>
          </cell>
          <cell r="I209">
            <v>0</v>
          </cell>
          <cell r="K209">
            <v>73494</v>
          </cell>
          <cell r="M209">
            <v>377533</v>
          </cell>
          <cell r="N209">
            <v>306657</v>
          </cell>
          <cell r="O209">
            <v>70876</v>
          </cell>
          <cell r="P209">
            <v>1076574</v>
          </cell>
          <cell r="Q209">
            <v>1076574</v>
          </cell>
          <cell r="R209">
            <v>1076574</v>
          </cell>
          <cell r="S209">
            <v>0</v>
          </cell>
        </row>
        <row r="210">
          <cell r="B210">
            <v>1</v>
          </cell>
          <cell r="C210" t="str">
            <v>O&amp;M</v>
          </cell>
          <cell r="D210" t="str">
            <v>Distribution</v>
          </cell>
          <cell r="E210" t="str">
            <v>System Engineering and ROW</v>
          </cell>
          <cell r="G210" t="str">
            <v>Company Labor</v>
          </cell>
          <cell r="H210" t="str">
            <v>Engineering Support</v>
          </cell>
          <cell r="I210">
            <v>0</v>
          </cell>
          <cell r="K210">
            <v>1</v>
          </cell>
          <cell r="M210">
            <v>0</v>
          </cell>
          <cell r="N210">
            <v>220</v>
          </cell>
          <cell r="O210">
            <v>-220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</row>
        <row r="211">
          <cell r="B211">
            <v>1</v>
          </cell>
          <cell r="C211" t="str">
            <v>O&amp;M</v>
          </cell>
          <cell r="D211" t="str">
            <v>Distribution</v>
          </cell>
          <cell r="E211" t="str">
            <v>System Engineering and ROW</v>
          </cell>
          <cell r="G211" t="str">
            <v>Contract Labor</v>
          </cell>
          <cell r="H211" t="str">
            <v>Engineering Support</v>
          </cell>
          <cell r="I211">
            <v>0</v>
          </cell>
          <cell r="K211">
            <v>400</v>
          </cell>
          <cell r="M211">
            <v>50000</v>
          </cell>
          <cell r="N211">
            <v>13636</v>
          </cell>
          <cell r="O211">
            <v>36364</v>
          </cell>
          <cell r="P211">
            <v>150000</v>
          </cell>
          <cell r="Q211">
            <v>150000</v>
          </cell>
          <cell r="R211">
            <v>150000</v>
          </cell>
          <cell r="S211">
            <v>0</v>
          </cell>
        </row>
        <row r="212">
          <cell r="B212">
            <v>1</v>
          </cell>
          <cell r="C212" t="str">
            <v>O&amp;M</v>
          </cell>
          <cell r="D212" t="str">
            <v>Distribution</v>
          </cell>
          <cell r="E212" t="str">
            <v>System Engineering and ROW</v>
          </cell>
          <cell r="G212" t="str">
            <v>Fleet</v>
          </cell>
          <cell r="H212" t="str">
            <v>Engineering Support</v>
          </cell>
          <cell r="I212">
            <v>0</v>
          </cell>
          <cell r="K212">
            <v>1556</v>
          </cell>
          <cell r="M212">
            <v>9619</v>
          </cell>
          <cell r="N212">
            <v>4660</v>
          </cell>
          <cell r="O212">
            <v>4959</v>
          </cell>
          <cell r="P212">
            <v>28209</v>
          </cell>
          <cell r="Q212">
            <v>28209</v>
          </cell>
          <cell r="R212">
            <v>28209</v>
          </cell>
          <cell r="S212">
            <v>0</v>
          </cell>
        </row>
        <row r="213">
          <cell r="B213">
            <v>1</v>
          </cell>
          <cell r="C213" t="str">
            <v>O&amp;M</v>
          </cell>
          <cell r="D213" t="str">
            <v>Distribution</v>
          </cell>
          <cell r="E213" t="str">
            <v>System Engineering and ROW</v>
          </cell>
          <cell r="G213" t="str">
            <v>Meals/Travel</v>
          </cell>
          <cell r="H213" t="str">
            <v>Engineering Support</v>
          </cell>
          <cell r="I213">
            <v>0</v>
          </cell>
          <cell r="K213">
            <v>5845</v>
          </cell>
          <cell r="M213">
            <v>25719</v>
          </cell>
          <cell r="N213">
            <v>21624</v>
          </cell>
          <cell r="O213">
            <v>4095</v>
          </cell>
          <cell r="P213">
            <v>69000</v>
          </cell>
          <cell r="Q213">
            <v>69000</v>
          </cell>
          <cell r="R213">
            <v>69000</v>
          </cell>
          <cell r="S213">
            <v>0</v>
          </cell>
        </row>
        <row r="214">
          <cell r="B214">
            <v>1</v>
          </cell>
          <cell r="C214" t="str">
            <v>O&amp;M</v>
          </cell>
          <cell r="D214" t="str">
            <v>Distribution</v>
          </cell>
          <cell r="E214" t="str">
            <v>System Engineering and ROW</v>
          </cell>
          <cell r="G214" t="str">
            <v>Materials</v>
          </cell>
          <cell r="H214" t="str">
            <v>Engineering Support</v>
          </cell>
          <cell r="I214">
            <v>0</v>
          </cell>
          <cell r="K214">
            <v>367</v>
          </cell>
          <cell r="M214">
            <v>2994</v>
          </cell>
          <cell r="N214">
            <v>1390</v>
          </cell>
          <cell r="O214">
            <v>1605</v>
          </cell>
          <cell r="P214">
            <v>8983</v>
          </cell>
          <cell r="Q214">
            <v>8983</v>
          </cell>
          <cell r="R214">
            <v>8983</v>
          </cell>
          <cell r="S214">
            <v>0</v>
          </cell>
        </row>
        <row r="215">
          <cell r="B215">
            <v>1</v>
          </cell>
          <cell r="C215" t="str">
            <v>O&amp;M</v>
          </cell>
          <cell r="D215" t="str">
            <v>Distribution</v>
          </cell>
          <cell r="E215" t="str">
            <v>System Engineering and ROW</v>
          </cell>
          <cell r="G215" t="str">
            <v>Other</v>
          </cell>
          <cell r="H215" t="str">
            <v>Engineering Support</v>
          </cell>
          <cell r="I215">
            <v>0</v>
          </cell>
          <cell r="K215">
            <v>269</v>
          </cell>
          <cell r="M215">
            <v>5000</v>
          </cell>
          <cell r="N215">
            <v>4351</v>
          </cell>
          <cell r="O215">
            <v>649</v>
          </cell>
          <cell r="P215">
            <v>15000</v>
          </cell>
          <cell r="Q215">
            <v>15000</v>
          </cell>
          <cell r="R215">
            <v>15000</v>
          </cell>
          <cell r="S215">
            <v>0</v>
          </cell>
        </row>
        <row r="216">
          <cell r="B216">
            <v>1</v>
          </cell>
          <cell r="C216" t="str">
            <v>O&amp;M</v>
          </cell>
          <cell r="D216" t="str">
            <v>Distribution</v>
          </cell>
          <cell r="E216" t="str">
            <v>Underground Locates</v>
          </cell>
          <cell r="G216" t="str">
            <v>Company Labor</v>
          </cell>
          <cell r="H216" t="str">
            <v>Joint Use/Locates</v>
          </cell>
          <cell r="I216">
            <v>0</v>
          </cell>
          <cell r="K216">
            <v>21366</v>
          </cell>
          <cell r="M216">
            <v>87196</v>
          </cell>
          <cell r="N216">
            <v>84117</v>
          </cell>
          <cell r="O216">
            <v>3079</v>
          </cell>
          <cell r="P216">
            <v>254528</v>
          </cell>
          <cell r="Q216">
            <v>254528</v>
          </cell>
          <cell r="R216">
            <v>254528</v>
          </cell>
          <cell r="S216">
            <v>0</v>
          </cell>
        </row>
        <row r="217">
          <cell r="B217">
            <v>1</v>
          </cell>
          <cell r="C217" t="str">
            <v>O&amp;M</v>
          </cell>
          <cell r="D217" t="str">
            <v>Distribution</v>
          </cell>
          <cell r="E217" t="str">
            <v>Underground Locates</v>
          </cell>
          <cell r="G217" t="str">
            <v>Company Labor</v>
          </cell>
          <cell r="H217" t="str">
            <v>Joint Use/Locates</v>
          </cell>
          <cell r="I217">
            <v>0</v>
          </cell>
          <cell r="K217">
            <v>13749</v>
          </cell>
          <cell r="M217">
            <v>56298</v>
          </cell>
          <cell r="N217">
            <v>54156</v>
          </cell>
          <cell r="O217">
            <v>2142</v>
          </cell>
          <cell r="P217">
            <v>164420</v>
          </cell>
          <cell r="Q217">
            <v>164420</v>
          </cell>
          <cell r="R217">
            <v>164420</v>
          </cell>
          <cell r="S217">
            <v>0</v>
          </cell>
        </row>
        <row r="218">
          <cell r="B218">
            <v>1</v>
          </cell>
          <cell r="C218" t="str">
            <v>O&amp;M</v>
          </cell>
          <cell r="D218" t="str">
            <v>Distribution</v>
          </cell>
          <cell r="E218" t="str">
            <v>Underground Locates</v>
          </cell>
          <cell r="G218" t="str">
            <v>Company Labor</v>
          </cell>
          <cell r="H218" t="str">
            <v>Joint Use/Locates</v>
          </cell>
          <cell r="I218">
            <v>0</v>
          </cell>
          <cell r="K218">
            <v>0</v>
          </cell>
          <cell r="M218">
            <v>1381</v>
          </cell>
          <cell r="N218">
            <v>100</v>
          </cell>
          <cell r="O218">
            <v>1281</v>
          </cell>
          <cell r="P218">
            <v>4050</v>
          </cell>
          <cell r="Q218">
            <v>4050</v>
          </cell>
          <cell r="R218">
            <v>4050</v>
          </cell>
          <cell r="S218">
            <v>0</v>
          </cell>
        </row>
        <row r="219">
          <cell r="B219">
            <v>1</v>
          </cell>
          <cell r="C219" t="str">
            <v>O&amp;M</v>
          </cell>
          <cell r="D219" t="str">
            <v>Distribution</v>
          </cell>
          <cell r="E219" t="str">
            <v>Underground Locates</v>
          </cell>
          <cell r="G219" t="str">
            <v>Contract Labor</v>
          </cell>
          <cell r="H219" t="str">
            <v>Joint Use/Locates</v>
          </cell>
          <cell r="I219">
            <v>0</v>
          </cell>
          <cell r="K219">
            <v>171889</v>
          </cell>
          <cell r="M219">
            <v>932037</v>
          </cell>
          <cell r="N219">
            <v>677934</v>
          </cell>
          <cell r="O219">
            <v>254103</v>
          </cell>
          <cell r="P219">
            <v>2947600</v>
          </cell>
          <cell r="Q219">
            <v>2947600</v>
          </cell>
          <cell r="R219">
            <v>2437002</v>
          </cell>
          <cell r="S219">
            <v>510598</v>
          </cell>
        </row>
        <row r="220">
          <cell r="B220">
            <v>1</v>
          </cell>
          <cell r="C220" t="str">
            <v>O&amp;M</v>
          </cell>
          <cell r="D220" t="str">
            <v>Distribution</v>
          </cell>
          <cell r="E220" t="str">
            <v>Underground Locates</v>
          </cell>
          <cell r="G220" t="str">
            <v>Meals/Travel</v>
          </cell>
          <cell r="H220" t="str">
            <v>Joint Use/Locates</v>
          </cell>
          <cell r="I220">
            <v>0</v>
          </cell>
          <cell r="K220">
            <v>711</v>
          </cell>
          <cell r="M220">
            <v>10120</v>
          </cell>
          <cell r="N220">
            <v>1413</v>
          </cell>
          <cell r="O220">
            <v>8707</v>
          </cell>
          <cell r="P220">
            <v>27150</v>
          </cell>
          <cell r="Q220">
            <v>27150</v>
          </cell>
          <cell r="R220">
            <v>27150</v>
          </cell>
          <cell r="S220">
            <v>0</v>
          </cell>
        </row>
        <row r="221">
          <cell r="B221">
            <v>1</v>
          </cell>
          <cell r="C221" t="str">
            <v>O&amp;M</v>
          </cell>
          <cell r="D221" t="str">
            <v>Distribution</v>
          </cell>
          <cell r="E221" t="str">
            <v>Underground Locates</v>
          </cell>
          <cell r="G221" t="str">
            <v>Rent/utilities</v>
          </cell>
          <cell r="H221" t="str">
            <v>Joint Use/Locates</v>
          </cell>
          <cell r="I221">
            <v>0</v>
          </cell>
          <cell r="K221">
            <v>0</v>
          </cell>
          <cell r="M221">
            <v>0</v>
          </cell>
          <cell r="N221">
            <v>0</v>
          </cell>
          <cell r="O221">
            <v>0</v>
          </cell>
          <cell r="P221">
            <v>3445000</v>
          </cell>
          <cell r="Q221">
            <v>0</v>
          </cell>
          <cell r="R221">
            <v>0</v>
          </cell>
          <cell r="S221">
            <v>0</v>
          </cell>
        </row>
        <row r="222">
          <cell r="B222">
            <v>1</v>
          </cell>
          <cell r="C222" t="str">
            <v>O&amp;M</v>
          </cell>
          <cell r="D222" t="str">
            <v>Distribution</v>
          </cell>
          <cell r="E222" t="str">
            <v>Underground Locates</v>
          </cell>
          <cell r="G222" t="str">
            <v>Other</v>
          </cell>
          <cell r="H222" t="str">
            <v>Joint Use/Locates</v>
          </cell>
          <cell r="I222">
            <v>0</v>
          </cell>
          <cell r="K222">
            <v>2625</v>
          </cell>
          <cell r="M222">
            <v>6857</v>
          </cell>
          <cell r="N222">
            <v>5449</v>
          </cell>
          <cell r="O222">
            <v>1408</v>
          </cell>
          <cell r="P222">
            <v>23262</v>
          </cell>
          <cell r="Q222">
            <v>23262</v>
          </cell>
          <cell r="R222">
            <v>23262</v>
          </cell>
          <cell r="S222">
            <v>0</v>
          </cell>
        </row>
        <row r="223">
          <cell r="B223">
            <v>1</v>
          </cell>
          <cell r="C223" t="str">
            <v>O&amp;M</v>
          </cell>
          <cell r="D223" t="str">
            <v>Distribution</v>
          </cell>
          <cell r="E223" t="str">
            <v>Vegetation Management</v>
          </cell>
          <cell r="G223" t="str">
            <v>Company Labor</v>
          </cell>
          <cell r="H223" t="str">
            <v>Vegetation Management</v>
          </cell>
          <cell r="I223">
            <v>0</v>
          </cell>
          <cell r="K223">
            <v>53320</v>
          </cell>
          <cell r="M223">
            <v>125882</v>
          </cell>
          <cell r="N223">
            <v>213311</v>
          </cell>
          <cell r="O223">
            <v>-87429</v>
          </cell>
          <cell r="P223">
            <v>363677</v>
          </cell>
          <cell r="Q223">
            <v>363677</v>
          </cell>
          <cell r="R223">
            <v>363677</v>
          </cell>
          <cell r="S223">
            <v>0</v>
          </cell>
        </row>
        <row r="224">
          <cell r="B224">
            <v>1</v>
          </cell>
          <cell r="C224" t="str">
            <v>O&amp;M</v>
          </cell>
          <cell r="D224" t="str">
            <v>Distribution</v>
          </cell>
          <cell r="E224" t="str">
            <v>Vegetation Management</v>
          </cell>
          <cell r="G224" t="str">
            <v>Company Labor</v>
          </cell>
          <cell r="H224" t="str">
            <v>Vegetation Management</v>
          </cell>
          <cell r="I224">
            <v>0</v>
          </cell>
          <cell r="K224">
            <v>32111</v>
          </cell>
          <cell r="M224">
            <v>78928</v>
          </cell>
          <cell r="N224">
            <v>127711</v>
          </cell>
          <cell r="O224">
            <v>-48783</v>
          </cell>
          <cell r="P224">
            <v>228025</v>
          </cell>
          <cell r="Q224">
            <v>228025</v>
          </cell>
          <cell r="R224">
            <v>228025</v>
          </cell>
          <cell r="S224">
            <v>0</v>
          </cell>
        </row>
        <row r="225">
          <cell r="B225">
            <v>1</v>
          </cell>
          <cell r="C225" t="str">
            <v>O&amp;M</v>
          </cell>
          <cell r="D225" t="str">
            <v>Distribution</v>
          </cell>
          <cell r="E225" t="str">
            <v>Vegetation Management</v>
          </cell>
          <cell r="G225" t="str">
            <v>Company Labor</v>
          </cell>
          <cell r="H225" t="str">
            <v>Vegetation Management</v>
          </cell>
          <cell r="I225">
            <v>0</v>
          </cell>
          <cell r="K225">
            <v>1746</v>
          </cell>
          <cell r="M225">
            <v>0</v>
          </cell>
          <cell r="N225">
            <v>7106</v>
          </cell>
          <cell r="O225">
            <v>-7106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</row>
        <row r="226">
          <cell r="B226">
            <v>1</v>
          </cell>
          <cell r="C226" t="str">
            <v>O&amp;M</v>
          </cell>
          <cell r="D226" t="str">
            <v>Distribution</v>
          </cell>
          <cell r="E226" t="str">
            <v>Vegetation Management</v>
          </cell>
          <cell r="G226" t="str">
            <v>Vegetation Management Contract Labor</v>
          </cell>
          <cell r="H226" t="str">
            <v>Vegetation Management</v>
          </cell>
          <cell r="I226">
            <v>0</v>
          </cell>
          <cell r="K226">
            <v>2724992</v>
          </cell>
          <cell r="M226">
            <v>11456930</v>
          </cell>
          <cell r="N226">
            <v>11764748</v>
          </cell>
          <cell r="O226">
            <v>-307818</v>
          </cell>
          <cell r="P226">
            <v>32016000</v>
          </cell>
          <cell r="Q226">
            <v>28310002</v>
          </cell>
          <cell r="R226">
            <v>28310000</v>
          </cell>
          <cell r="S226">
            <v>2</v>
          </cell>
        </row>
        <row r="227">
          <cell r="B227">
            <v>1</v>
          </cell>
          <cell r="C227" t="str">
            <v>O&amp;M</v>
          </cell>
          <cell r="D227" t="str">
            <v>Distribution</v>
          </cell>
          <cell r="E227" t="str">
            <v>Vegetation Management</v>
          </cell>
          <cell r="G227" t="str">
            <v>Fleet</v>
          </cell>
          <cell r="H227" t="str">
            <v>Vegetation Management</v>
          </cell>
          <cell r="I227">
            <v>0</v>
          </cell>
          <cell r="K227">
            <v>4746</v>
          </cell>
          <cell r="M227">
            <v>9814</v>
          </cell>
          <cell r="N227">
            <v>15445</v>
          </cell>
          <cell r="O227">
            <v>-5631</v>
          </cell>
          <cell r="P227">
            <v>28781</v>
          </cell>
          <cell r="Q227">
            <v>28781</v>
          </cell>
          <cell r="R227">
            <v>28781</v>
          </cell>
          <cell r="S227">
            <v>0</v>
          </cell>
        </row>
        <row r="228">
          <cell r="B228">
            <v>1</v>
          </cell>
          <cell r="C228" t="str">
            <v>O&amp;M</v>
          </cell>
          <cell r="D228" t="str">
            <v>Distribution</v>
          </cell>
          <cell r="E228" t="str">
            <v>Vegetation Management</v>
          </cell>
          <cell r="G228" t="str">
            <v>Meals/Travel</v>
          </cell>
          <cell r="H228" t="str">
            <v>Vegetation Management</v>
          </cell>
          <cell r="I228">
            <v>0</v>
          </cell>
          <cell r="K228">
            <v>1399</v>
          </cell>
          <cell r="M228">
            <v>8200</v>
          </cell>
          <cell r="N228">
            <v>7048</v>
          </cell>
          <cell r="O228">
            <v>1152</v>
          </cell>
          <cell r="P228">
            <v>22000</v>
          </cell>
          <cell r="Q228">
            <v>22000</v>
          </cell>
          <cell r="R228">
            <v>22000</v>
          </cell>
          <cell r="S228">
            <v>0</v>
          </cell>
        </row>
        <row r="229">
          <cell r="B229">
            <v>1</v>
          </cell>
          <cell r="C229" t="str">
            <v>O&amp;M</v>
          </cell>
          <cell r="D229" t="str">
            <v>Distribution</v>
          </cell>
          <cell r="E229" t="str">
            <v>Vegetation Management</v>
          </cell>
          <cell r="G229" t="str">
            <v>Materials</v>
          </cell>
          <cell r="H229" t="str">
            <v>Vegetation Management</v>
          </cell>
          <cell r="I229">
            <v>0</v>
          </cell>
          <cell r="K229">
            <v>3051</v>
          </cell>
          <cell r="M229">
            <v>43333</v>
          </cell>
          <cell r="N229">
            <v>5302</v>
          </cell>
          <cell r="O229">
            <v>38031</v>
          </cell>
          <cell r="P229">
            <v>129999</v>
          </cell>
          <cell r="Q229">
            <v>129999</v>
          </cell>
          <cell r="R229">
            <v>129999</v>
          </cell>
          <cell r="S229">
            <v>0</v>
          </cell>
        </row>
        <row r="230">
          <cell r="B230">
            <v>1</v>
          </cell>
          <cell r="C230" t="str">
            <v>O&amp;M</v>
          </cell>
          <cell r="D230" t="str">
            <v>Distribution</v>
          </cell>
          <cell r="E230" t="str">
            <v>Vegetation Management</v>
          </cell>
          <cell r="G230" t="str">
            <v>Hardware/Software</v>
          </cell>
          <cell r="H230" t="str">
            <v>Vegetation Management</v>
          </cell>
          <cell r="I230">
            <v>0</v>
          </cell>
          <cell r="K230">
            <v>0</v>
          </cell>
          <cell r="M230">
            <v>0</v>
          </cell>
          <cell r="N230">
            <v>2070</v>
          </cell>
          <cell r="O230">
            <v>-2070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</row>
        <row r="231">
          <cell r="B231">
            <v>1</v>
          </cell>
          <cell r="C231" t="str">
            <v>O&amp;M</v>
          </cell>
          <cell r="D231" t="str">
            <v>Distribution</v>
          </cell>
          <cell r="E231" t="str">
            <v>Vegetation Management</v>
          </cell>
          <cell r="G231" t="str">
            <v>Other</v>
          </cell>
          <cell r="H231" t="str">
            <v>Vegetation Management</v>
          </cell>
          <cell r="I231">
            <v>0</v>
          </cell>
          <cell r="K231">
            <v>0</v>
          </cell>
          <cell r="M231">
            <v>1000</v>
          </cell>
          <cell r="N231">
            <v>693</v>
          </cell>
          <cell r="O231">
            <v>307</v>
          </cell>
          <cell r="P231">
            <v>3000</v>
          </cell>
          <cell r="Q231">
            <v>3000</v>
          </cell>
          <cell r="R231">
            <v>3000</v>
          </cell>
          <cell r="S231">
            <v>0</v>
          </cell>
        </row>
        <row r="232">
          <cell r="B232">
            <v>1</v>
          </cell>
          <cell r="C232" t="str">
            <v>O&amp;M</v>
          </cell>
          <cell r="D232" t="str">
            <v>Carolinas C&amp;MS</v>
          </cell>
          <cell r="E232" t="str">
            <v>CMS Balanced Bill</v>
          </cell>
          <cell r="G232" t="str">
            <v>Company Labor</v>
          </cell>
          <cell r="H232" t="str">
            <v>CMS Balanced Bill</v>
          </cell>
          <cell r="I232">
            <v>0</v>
          </cell>
          <cell r="K232">
            <v>1209</v>
          </cell>
          <cell r="M232">
            <v>3076</v>
          </cell>
          <cell r="N232">
            <v>7417</v>
          </cell>
          <cell r="O232">
            <v>-4341</v>
          </cell>
          <cell r="P232">
            <v>9133</v>
          </cell>
          <cell r="Q232">
            <v>9133</v>
          </cell>
          <cell r="R232">
            <v>9133</v>
          </cell>
          <cell r="S232">
            <v>0</v>
          </cell>
        </row>
        <row r="233">
          <cell r="B233">
            <v>1</v>
          </cell>
          <cell r="C233" t="str">
            <v>O&amp;M</v>
          </cell>
          <cell r="D233" t="str">
            <v>Carolinas C&amp;MS</v>
          </cell>
          <cell r="E233" t="str">
            <v>CMS Balanced Bill</v>
          </cell>
          <cell r="G233" t="str">
            <v>Company Labor</v>
          </cell>
          <cell r="H233" t="str">
            <v>CMS Balanced Bill</v>
          </cell>
          <cell r="I233">
            <v>0</v>
          </cell>
          <cell r="K233">
            <v>815</v>
          </cell>
          <cell r="M233">
            <v>2050</v>
          </cell>
          <cell r="N233">
            <v>5027</v>
          </cell>
          <cell r="O233">
            <v>-2977</v>
          </cell>
          <cell r="P233">
            <v>6085</v>
          </cell>
          <cell r="Q233">
            <v>6085</v>
          </cell>
          <cell r="R233">
            <v>6085</v>
          </cell>
          <cell r="S233">
            <v>0</v>
          </cell>
        </row>
        <row r="234">
          <cell r="B234">
            <v>1</v>
          </cell>
          <cell r="C234" t="str">
            <v>O&amp;M</v>
          </cell>
          <cell r="D234" t="str">
            <v>Carolinas C&amp;MS</v>
          </cell>
          <cell r="E234" t="str">
            <v>CMS Balanced Bill</v>
          </cell>
          <cell r="G234" t="str">
            <v>Company Labor</v>
          </cell>
          <cell r="H234" t="str">
            <v>CMS Balanced Bill</v>
          </cell>
          <cell r="I234">
            <v>0</v>
          </cell>
          <cell r="K234">
            <v>7</v>
          </cell>
          <cell r="M234">
            <v>0</v>
          </cell>
          <cell r="N234">
            <v>191</v>
          </cell>
          <cell r="O234">
            <v>-191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</row>
        <row r="235">
          <cell r="B235">
            <v>1</v>
          </cell>
          <cell r="C235" t="str">
            <v>O&amp;M</v>
          </cell>
          <cell r="D235" t="str">
            <v>Carolinas C&amp;MS</v>
          </cell>
          <cell r="E235" t="str">
            <v>CMS Balanced Bill</v>
          </cell>
          <cell r="G235" t="str">
            <v>Contract Labor</v>
          </cell>
          <cell r="H235" t="str">
            <v>CMS Balanced Bill</v>
          </cell>
          <cell r="I235">
            <v>0</v>
          </cell>
          <cell r="K235">
            <v>0</v>
          </cell>
          <cell r="M235">
            <v>0</v>
          </cell>
          <cell r="N235">
            <v>0</v>
          </cell>
          <cell r="O235">
            <v>0</v>
          </cell>
          <cell r="P235">
            <v>55000</v>
          </cell>
          <cell r="Q235">
            <v>55000</v>
          </cell>
          <cell r="R235">
            <v>0</v>
          </cell>
          <cell r="S235">
            <v>55000</v>
          </cell>
        </row>
        <row r="236">
          <cell r="B236">
            <v>1</v>
          </cell>
          <cell r="C236" t="str">
            <v>O&amp;M</v>
          </cell>
          <cell r="D236" t="str">
            <v>Carolinas C&amp;MS</v>
          </cell>
          <cell r="E236" t="str">
            <v>CMS Balanced Bill</v>
          </cell>
          <cell r="G236" t="str">
            <v>Other</v>
          </cell>
          <cell r="H236" t="str">
            <v>CMS Balanced Bill</v>
          </cell>
          <cell r="I236">
            <v>0</v>
          </cell>
          <cell r="K236">
            <v>0</v>
          </cell>
          <cell r="M236">
            <v>0</v>
          </cell>
          <cell r="N236">
            <v>0</v>
          </cell>
          <cell r="O236">
            <v>0</v>
          </cell>
          <cell r="P236">
            <v>18000</v>
          </cell>
          <cell r="Q236">
            <v>18000</v>
          </cell>
          <cell r="R236">
            <v>0</v>
          </cell>
          <cell r="S236">
            <v>18000</v>
          </cell>
        </row>
        <row r="237">
          <cell r="B237">
            <v>1</v>
          </cell>
          <cell r="C237" t="str">
            <v>O&amp;M</v>
          </cell>
          <cell r="D237" t="str">
            <v>Carolinas C&amp;MS</v>
          </cell>
          <cell r="E237" t="str">
            <v>CMS Contract Meter Reading</v>
          </cell>
          <cell r="G237" t="str">
            <v>Contract Labor</v>
          </cell>
          <cell r="H237" t="str">
            <v>CMS Contract Meter Reading</v>
          </cell>
          <cell r="I237">
            <v>0</v>
          </cell>
          <cell r="K237">
            <v>378130</v>
          </cell>
          <cell r="M237">
            <v>1508712</v>
          </cell>
          <cell r="N237">
            <v>1492868</v>
          </cell>
          <cell r="O237">
            <v>15844</v>
          </cell>
          <cell r="P237">
            <v>4526135</v>
          </cell>
          <cell r="Q237">
            <v>4526135</v>
          </cell>
          <cell r="R237">
            <v>4526135</v>
          </cell>
          <cell r="S237">
            <v>0</v>
          </cell>
        </row>
        <row r="238">
          <cell r="B238">
            <v>1</v>
          </cell>
          <cell r="C238" t="str">
            <v>O&amp;M</v>
          </cell>
          <cell r="D238" t="str">
            <v>Carolinas C&amp;MS</v>
          </cell>
          <cell r="E238" t="str">
            <v>CMS Co-owned Equip Maintenance</v>
          </cell>
          <cell r="G238" t="str">
            <v>Other</v>
          </cell>
          <cell r="H238" t="str">
            <v>CMS Co-owned Equip Maintenance</v>
          </cell>
          <cell r="I238">
            <v>0</v>
          </cell>
          <cell r="K238">
            <v>0</v>
          </cell>
          <cell r="M238">
            <v>328231</v>
          </cell>
          <cell r="N238">
            <v>314313</v>
          </cell>
          <cell r="O238">
            <v>13918</v>
          </cell>
          <cell r="P238">
            <v>464659</v>
          </cell>
          <cell r="Q238">
            <v>464659</v>
          </cell>
          <cell r="R238">
            <v>450267</v>
          </cell>
          <cell r="S238">
            <v>14392</v>
          </cell>
        </row>
        <row r="239">
          <cell r="B239">
            <v>1</v>
          </cell>
          <cell r="C239" t="str">
            <v>O&amp;M</v>
          </cell>
          <cell r="D239" t="str">
            <v>Carolinas C&amp;MS</v>
          </cell>
          <cell r="E239" t="str">
            <v>CMS Labor Total w/ Burdens</v>
          </cell>
          <cell r="G239" t="str">
            <v>Company Labor</v>
          </cell>
          <cell r="H239" t="str">
            <v>CMS Labor Total w/ Burdens</v>
          </cell>
          <cell r="I239">
            <v>0</v>
          </cell>
          <cell r="K239">
            <v>719397</v>
          </cell>
          <cell r="M239">
            <v>3414324</v>
          </cell>
          <cell r="N239">
            <v>3216211</v>
          </cell>
          <cell r="O239">
            <v>198112</v>
          </cell>
          <cell r="P239">
            <v>10121286</v>
          </cell>
          <cell r="Q239">
            <v>10101607</v>
          </cell>
          <cell r="R239">
            <v>10023260</v>
          </cell>
          <cell r="S239">
            <v>78348</v>
          </cell>
        </row>
        <row r="240">
          <cell r="B240">
            <v>1</v>
          </cell>
          <cell r="C240" t="str">
            <v>O&amp;M</v>
          </cell>
          <cell r="D240" t="str">
            <v>Carolinas C&amp;MS</v>
          </cell>
          <cell r="E240" t="str">
            <v>CMS Labor Total w/ Burdens</v>
          </cell>
          <cell r="G240" t="str">
            <v>Company Labor</v>
          </cell>
          <cell r="H240" t="str">
            <v>CMS Labor Total w/ Burdens</v>
          </cell>
          <cell r="I240">
            <v>0</v>
          </cell>
          <cell r="K240">
            <v>463348</v>
          </cell>
          <cell r="M240">
            <v>2225707</v>
          </cell>
          <cell r="N240">
            <v>2082234</v>
          </cell>
          <cell r="O240">
            <v>143473</v>
          </cell>
          <cell r="P240">
            <v>6581245</v>
          </cell>
          <cell r="Q240">
            <v>6583966</v>
          </cell>
          <cell r="R240">
            <v>6482825</v>
          </cell>
          <cell r="S240">
            <v>101141</v>
          </cell>
        </row>
        <row r="241">
          <cell r="B241">
            <v>1</v>
          </cell>
          <cell r="C241" t="str">
            <v>O&amp;M</v>
          </cell>
          <cell r="D241" t="str">
            <v>Carolinas C&amp;MS</v>
          </cell>
          <cell r="E241" t="str">
            <v>CMS Labor Total w/ Burdens</v>
          </cell>
          <cell r="G241" t="str">
            <v>Company Labor</v>
          </cell>
          <cell r="H241" t="str">
            <v>CMS Labor Total w/ Burdens</v>
          </cell>
          <cell r="I241">
            <v>0</v>
          </cell>
          <cell r="K241">
            <v>22288</v>
          </cell>
          <cell r="M241">
            <v>131200</v>
          </cell>
          <cell r="N241">
            <v>108327</v>
          </cell>
          <cell r="O241">
            <v>22873</v>
          </cell>
          <cell r="P241">
            <v>386558</v>
          </cell>
          <cell r="Q241">
            <v>386558</v>
          </cell>
          <cell r="R241">
            <v>373058</v>
          </cell>
          <cell r="S241">
            <v>13500</v>
          </cell>
        </row>
        <row r="242">
          <cell r="B242">
            <v>1</v>
          </cell>
          <cell r="C242" t="str">
            <v>O&amp;M</v>
          </cell>
          <cell r="D242" t="str">
            <v>Carolinas C&amp;MS</v>
          </cell>
          <cell r="E242" t="str">
            <v>CMS Labor Total w/ Burdens</v>
          </cell>
          <cell r="G242" t="str">
            <v>Contract Labor</v>
          </cell>
          <cell r="H242" t="str">
            <v>CMS Labor Total w/ Burdens</v>
          </cell>
          <cell r="I242">
            <v>0</v>
          </cell>
          <cell r="K242">
            <v>249046</v>
          </cell>
          <cell r="M242">
            <v>990124</v>
          </cell>
          <cell r="N242">
            <v>952344</v>
          </cell>
          <cell r="O242">
            <v>37780</v>
          </cell>
          <cell r="P242">
            <v>2969896</v>
          </cell>
          <cell r="Q242">
            <v>2969896</v>
          </cell>
          <cell r="R242">
            <v>2989288</v>
          </cell>
          <cell r="S242">
            <v>-19392</v>
          </cell>
        </row>
        <row r="243">
          <cell r="B243">
            <v>1</v>
          </cell>
          <cell r="C243" t="str">
            <v>O&amp;M</v>
          </cell>
          <cell r="D243" t="str">
            <v>Carolinas C&amp;MS</v>
          </cell>
          <cell r="E243" t="str">
            <v>CMS Labor Total w/ Burdens</v>
          </cell>
          <cell r="G243" t="str">
            <v>Other</v>
          </cell>
          <cell r="H243" t="str">
            <v>CMS Labor Total w/ Burdens</v>
          </cell>
          <cell r="I243">
            <v>0</v>
          </cell>
          <cell r="K243">
            <v>4</v>
          </cell>
          <cell r="M243">
            <v>10758</v>
          </cell>
          <cell r="N243">
            <v>5923</v>
          </cell>
          <cell r="O243">
            <v>4835</v>
          </cell>
          <cell r="P243">
            <v>42980</v>
          </cell>
          <cell r="Q243">
            <v>42980</v>
          </cell>
          <cell r="R243">
            <v>43180</v>
          </cell>
          <cell r="S243">
            <v>-200</v>
          </cell>
        </row>
        <row r="244">
          <cell r="B244">
            <v>1</v>
          </cell>
          <cell r="C244" t="str">
            <v>O&amp;M</v>
          </cell>
          <cell r="D244" t="str">
            <v>Carolinas C&amp;MS</v>
          </cell>
          <cell r="E244" t="str">
            <v>CMS Materials</v>
          </cell>
          <cell r="G244" t="str">
            <v>Materials</v>
          </cell>
          <cell r="H244" t="str">
            <v>CMS Materials</v>
          </cell>
          <cell r="I244">
            <v>0</v>
          </cell>
          <cell r="K244">
            <v>1701</v>
          </cell>
          <cell r="M244">
            <v>30969</v>
          </cell>
          <cell r="N244">
            <v>10942</v>
          </cell>
          <cell r="O244">
            <v>20027</v>
          </cell>
          <cell r="P244">
            <v>93591</v>
          </cell>
          <cell r="Q244">
            <v>93601</v>
          </cell>
          <cell r="R244">
            <v>88933</v>
          </cell>
          <cell r="S244">
            <v>4668</v>
          </cell>
        </row>
        <row r="245">
          <cell r="B245">
            <v>1</v>
          </cell>
          <cell r="C245" t="str">
            <v>O&amp;M</v>
          </cell>
          <cell r="D245" t="str">
            <v>Carolinas C&amp;MS</v>
          </cell>
          <cell r="E245" t="str">
            <v>CMS Materials</v>
          </cell>
          <cell r="G245" t="str">
            <v>Other</v>
          </cell>
          <cell r="H245" t="str">
            <v>CMS Materials</v>
          </cell>
          <cell r="I245">
            <v>0</v>
          </cell>
          <cell r="K245">
            <v>0</v>
          </cell>
          <cell r="M245">
            <v>42081</v>
          </cell>
          <cell r="N245">
            <v>205</v>
          </cell>
          <cell r="O245">
            <v>41876</v>
          </cell>
          <cell r="P245">
            <v>152500</v>
          </cell>
          <cell r="Q245">
            <v>152500</v>
          </cell>
          <cell r="R245">
            <v>27500</v>
          </cell>
          <cell r="S245">
            <v>125000</v>
          </cell>
        </row>
        <row r="246">
          <cell r="B246">
            <v>1</v>
          </cell>
          <cell r="C246" t="str">
            <v>O&amp;M</v>
          </cell>
          <cell r="D246" t="str">
            <v>Carolinas C&amp;MS</v>
          </cell>
          <cell r="E246" t="str">
            <v>CMS Other Miscellaneous</v>
          </cell>
          <cell r="G246" t="str">
            <v>Fleet</v>
          </cell>
          <cell r="H246" t="str">
            <v>CMS Other Miscellaneous</v>
          </cell>
          <cell r="I246">
            <v>0</v>
          </cell>
          <cell r="K246">
            <v>719</v>
          </cell>
          <cell r="M246">
            <v>5000</v>
          </cell>
          <cell r="N246">
            <v>3298</v>
          </cell>
          <cell r="O246">
            <v>1702</v>
          </cell>
          <cell r="P246">
            <v>15000</v>
          </cell>
          <cell r="Q246">
            <v>15000</v>
          </cell>
          <cell r="R246">
            <v>15000</v>
          </cell>
          <cell r="S246">
            <v>0</v>
          </cell>
        </row>
        <row r="247">
          <cell r="B247">
            <v>1</v>
          </cell>
          <cell r="C247" t="str">
            <v>O&amp;M</v>
          </cell>
          <cell r="D247" t="str">
            <v>Carolinas C&amp;MS</v>
          </cell>
          <cell r="E247" t="str">
            <v>CMS Other Miscellaneous</v>
          </cell>
          <cell r="G247" t="str">
            <v>Materials</v>
          </cell>
          <cell r="H247" t="str">
            <v>CMS Other Miscellaneous</v>
          </cell>
          <cell r="I247">
            <v>0</v>
          </cell>
          <cell r="K247">
            <v>24</v>
          </cell>
          <cell r="M247">
            <v>5664</v>
          </cell>
          <cell r="N247">
            <v>167</v>
          </cell>
          <cell r="O247">
            <v>5497</v>
          </cell>
          <cell r="P247">
            <v>19045</v>
          </cell>
          <cell r="Q247">
            <v>19045</v>
          </cell>
          <cell r="R247">
            <v>9164</v>
          </cell>
          <cell r="S247">
            <v>9881</v>
          </cell>
        </row>
        <row r="248">
          <cell r="B248">
            <v>1</v>
          </cell>
          <cell r="C248" t="str">
            <v>O&amp;M</v>
          </cell>
          <cell r="D248" t="str">
            <v>Carolinas C&amp;MS</v>
          </cell>
          <cell r="E248" t="str">
            <v>CMS Other Miscellaneous</v>
          </cell>
          <cell r="G248" t="str">
            <v>Rent/utilities</v>
          </cell>
          <cell r="H248" t="str">
            <v>CMS Other Miscellaneous</v>
          </cell>
          <cell r="I248">
            <v>0</v>
          </cell>
          <cell r="K248">
            <v>5663</v>
          </cell>
          <cell r="M248">
            <v>21368</v>
          </cell>
          <cell r="N248">
            <v>22020</v>
          </cell>
          <cell r="O248">
            <v>-652</v>
          </cell>
          <cell r="P248">
            <v>64100</v>
          </cell>
          <cell r="Q248">
            <v>64100</v>
          </cell>
          <cell r="R248">
            <v>64100</v>
          </cell>
          <cell r="S248">
            <v>0</v>
          </cell>
        </row>
        <row r="249">
          <cell r="B249">
            <v>1</v>
          </cell>
          <cell r="C249" t="str">
            <v>O&amp;M</v>
          </cell>
          <cell r="D249" t="str">
            <v>Carolinas C&amp;MS</v>
          </cell>
          <cell r="E249" t="str">
            <v>CMS Other Miscellaneous</v>
          </cell>
          <cell r="G249" t="str">
            <v>Other</v>
          </cell>
          <cell r="H249" t="str">
            <v>CMS Other Miscellaneous</v>
          </cell>
          <cell r="I249">
            <v>0</v>
          </cell>
          <cell r="K249">
            <v>1432</v>
          </cell>
          <cell r="M249">
            <v>72045</v>
          </cell>
          <cell r="N249">
            <v>79834</v>
          </cell>
          <cell r="O249">
            <v>-7789</v>
          </cell>
          <cell r="P249">
            <v>263125</v>
          </cell>
          <cell r="Q249">
            <v>263308</v>
          </cell>
          <cell r="R249">
            <v>304640</v>
          </cell>
          <cell r="S249">
            <v>-41332</v>
          </cell>
        </row>
        <row r="250">
          <cell r="B250">
            <v>1</v>
          </cell>
          <cell r="C250" t="str">
            <v>O&amp;M</v>
          </cell>
          <cell r="D250" t="str">
            <v>Carolinas C&amp;MS</v>
          </cell>
          <cell r="E250" t="str">
            <v>CMS Other Outside Services</v>
          </cell>
          <cell r="G250" t="str">
            <v>Contract Labor</v>
          </cell>
          <cell r="H250" t="str">
            <v>CMS Other Outside Services</v>
          </cell>
          <cell r="I250">
            <v>0</v>
          </cell>
          <cell r="K250">
            <v>37464</v>
          </cell>
          <cell r="M250">
            <v>196926</v>
          </cell>
          <cell r="N250">
            <v>194788</v>
          </cell>
          <cell r="O250">
            <v>2139</v>
          </cell>
          <cell r="P250">
            <v>543647</v>
          </cell>
          <cell r="Q250">
            <v>543664</v>
          </cell>
          <cell r="R250">
            <v>513029</v>
          </cell>
          <cell r="S250">
            <v>30635</v>
          </cell>
        </row>
        <row r="251">
          <cell r="B251">
            <v>1</v>
          </cell>
          <cell r="C251" t="str">
            <v>O&amp;M</v>
          </cell>
          <cell r="D251" t="str">
            <v>Carolinas C&amp;MS</v>
          </cell>
          <cell r="E251" t="str">
            <v>CMS Paystations</v>
          </cell>
          <cell r="G251" t="str">
            <v>Contract Labor</v>
          </cell>
          <cell r="H251" t="str">
            <v>CMS Paystations</v>
          </cell>
          <cell r="I251">
            <v>0</v>
          </cell>
          <cell r="K251">
            <v>67431</v>
          </cell>
          <cell r="M251">
            <v>297474</v>
          </cell>
          <cell r="N251">
            <v>276878</v>
          </cell>
          <cell r="O251">
            <v>20596</v>
          </cell>
          <cell r="P251">
            <v>882745</v>
          </cell>
          <cell r="Q251">
            <v>882745</v>
          </cell>
          <cell r="R251">
            <v>830745</v>
          </cell>
          <cell r="S251">
            <v>52000</v>
          </cell>
        </row>
        <row r="252">
          <cell r="B252">
            <v>1</v>
          </cell>
          <cell r="C252" t="str">
            <v>O&amp;M</v>
          </cell>
          <cell r="D252" t="str">
            <v>Carolinas C&amp;MS</v>
          </cell>
          <cell r="E252" t="str">
            <v>CMS Postage &amp; Materials</v>
          </cell>
          <cell r="G252" t="str">
            <v>Contract Labor</v>
          </cell>
          <cell r="H252" t="str">
            <v>CMS Postage &amp; Materials</v>
          </cell>
          <cell r="I252">
            <v>0</v>
          </cell>
          <cell r="K252">
            <v>6484</v>
          </cell>
          <cell r="M252">
            <v>35126</v>
          </cell>
          <cell r="N252">
            <v>26283</v>
          </cell>
          <cell r="O252">
            <v>8843</v>
          </cell>
          <cell r="P252">
            <v>91871</v>
          </cell>
          <cell r="Q252">
            <v>91871</v>
          </cell>
          <cell r="R252">
            <v>91871</v>
          </cell>
          <cell r="S252">
            <v>0</v>
          </cell>
        </row>
        <row r="253">
          <cell r="B253">
            <v>1</v>
          </cell>
          <cell r="C253" t="str">
            <v>O&amp;M</v>
          </cell>
          <cell r="D253" t="str">
            <v>Carolinas C&amp;MS</v>
          </cell>
          <cell r="E253" t="str">
            <v>CMS Postage &amp; Materials</v>
          </cell>
          <cell r="G253" t="str">
            <v>Materials</v>
          </cell>
          <cell r="H253" t="str">
            <v>CMS Postage &amp; Materials</v>
          </cell>
          <cell r="I253">
            <v>0</v>
          </cell>
          <cell r="K253">
            <v>53455</v>
          </cell>
          <cell r="M253">
            <v>297965</v>
          </cell>
          <cell r="N253">
            <v>120367</v>
          </cell>
          <cell r="O253">
            <v>177597</v>
          </cell>
          <cell r="P253">
            <v>887693</v>
          </cell>
          <cell r="Q253">
            <v>887693</v>
          </cell>
          <cell r="R253">
            <v>887693</v>
          </cell>
          <cell r="S253">
            <v>0</v>
          </cell>
        </row>
        <row r="254">
          <cell r="B254">
            <v>1</v>
          </cell>
          <cell r="C254" t="str">
            <v>O&amp;M</v>
          </cell>
          <cell r="D254" t="str">
            <v>Carolinas C&amp;MS</v>
          </cell>
          <cell r="E254" t="str">
            <v>CMS Postage &amp; Materials</v>
          </cell>
          <cell r="G254" t="str">
            <v>Rent/utilities</v>
          </cell>
          <cell r="H254" t="str">
            <v>CMS Postage &amp; Materials</v>
          </cell>
          <cell r="I254">
            <v>0</v>
          </cell>
          <cell r="K254">
            <v>8927</v>
          </cell>
          <cell r="M254">
            <v>17900</v>
          </cell>
          <cell r="N254">
            <v>17790</v>
          </cell>
          <cell r="O254">
            <v>110</v>
          </cell>
          <cell r="P254">
            <v>35800</v>
          </cell>
          <cell r="Q254">
            <v>35800</v>
          </cell>
          <cell r="R254">
            <v>35800</v>
          </cell>
          <cell r="S254">
            <v>0</v>
          </cell>
        </row>
        <row r="255">
          <cell r="B255">
            <v>1</v>
          </cell>
          <cell r="C255" t="str">
            <v>O&amp;M</v>
          </cell>
          <cell r="D255" t="str">
            <v>Carolinas C&amp;MS</v>
          </cell>
          <cell r="E255" t="str">
            <v>CMS Postage &amp; Materials</v>
          </cell>
          <cell r="G255" t="str">
            <v>Other</v>
          </cell>
          <cell r="H255" t="str">
            <v>CMS Postage &amp; Materials</v>
          </cell>
          <cell r="I255">
            <v>0</v>
          </cell>
          <cell r="K255">
            <v>529935</v>
          </cell>
          <cell r="M255">
            <v>1949582</v>
          </cell>
          <cell r="N255">
            <v>1901951</v>
          </cell>
          <cell r="O255">
            <v>47631</v>
          </cell>
          <cell r="P255">
            <v>5672988</v>
          </cell>
          <cell r="Q255">
            <v>5672988</v>
          </cell>
          <cell r="R255">
            <v>5370988</v>
          </cell>
          <cell r="S255">
            <v>302000</v>
          </cell>
        </row>
        <row r="256">
          <cell r="B256">
            <v>1</v>
          </cell>
          <cell r="C256" t="str">
            <v>O&amp;M</v>
          </cell>
          <cell r="D256" t="str">
            <v>Carolinas C&amp;MS</v>
          </cell>
          <cell r="E256" t="str">
            <v>CMS Revenue Protection</v>
          </cell>
          <cell r="G256" t="str">
            <v>Company Labor</v>
          </cell>
          <cell r="H256" t="str">
            <v>CMS Revenue Protection</v>
          </cell>
          <cell r="I256">
            <v>0</v>
          </cell>
          <cell r="K256">
            <v>52117</v>
          </cell>
          <cell r="M256">
            <v>229232</v>
          </cell>
          <cell r="N256">
            <v>222810</v>
          </cell>
          <cell r="O256">
            <v>6422</v>
          </cell>
          <cell r="P256">
            <v>686383</v>
          </cell>
          <cell r="Q256">
            <v>686383</v>
          </cell>
          <cell r="R256">
            <v>686383</v>
          </cell>
          <cell r="S256">
            <v>0</v>
          </cell>
        </row>
        <row r="257">
          <cell r="B257">
            <v>1</v>
          </cell>
          <cell r="C257" t="str">
            <v>O&amp;M</v>
          </cell>
          <cell r="D257" t="str">
            <v>Carolinas C&amp;MS</v>
          </cell>
          <cell r="E257" t="str">
            <v>CMS Revenue Protection</v>
          </cell>
          <cell r="G257" t="str">
            <v>Company Labor</v>
          </cell>
          <cell r="H257" t="str">
            <v>CMS Revenue Protection</v>
          </cell>
          <cell r="I257">
            <v>0</v>
          </cell>
          <cell r="K257">
            <v>32677</v>
          </cell>
          <cell r="M257">
            <v>144107</v>
          </cell>
          <cell r="N257">
            <v>139702</v>
          </cell>
          <cell r="O257">
            <v>4405</v>
          </cell>
          <cell r="P257">
            <v>431489</v>
          </cell>
          <cell r="Q257">
            <v>431489</v>
          </cell>
          <cell r="R257">
            <v>431216</v>
          </cell>
          <cell r="S257">
            <v>273</v>
          </cell>
        </row>
        <row r="258">
          <cell r="B258">
            <v>1</v>
          </cell>
          <cell r="C258" t="str">
            <v>O&amp;M</v>
          </cell>
          <cell r="D258" t="str">
            <v>Carolinas C&amp;MS</v>
          </cell>
          <cell r="E258" t="str">
            <v>CMS Revenue Protection</v>
          </cell>
          <cell r="G258" t="str">
            <v>Company Labor</v>
          </cell>
          <cell r="H258" t="str">
            <v>CMS Revenue Protection</v>
          </cell>
          <cell r="I258">
            <v>0</v>
          </cell>
          <cell r="K258">
            <v>0</v>
          </cell>
          <cell r="M258">
            <v>2080</v>
          </cell>
          <cell r="N258">
            <v>0</v>
          </cell>
          <cell r="O258">
            <v>2080</v>
          </cell>
          <cell r="P258">
            <v>6194</v>
          </cell>
          <cell r="Q258">
            <v>6194</v>
          </cell>
          <cell r="R258">
            <v>4694</v>
          </cell>
          <cell r="S258">
            <v>1500</v>
          </cell>
        </row>
        <row r="259">
          <cell r="B259">
            <v>1</v>
          </cell>
          <cell r="C259" t="str">
            <v>O&amp;M</v>
          </cell>
          <cell r="D259" t="str">
            <v>Carolinas C&amp;MS</v>
          </cell>
          <cell r="E259" t="str">
            <v>CMS Revenue Protection</v>
          </cell>
          <cell r="G259" t="str">
            <v>Fleet</v>
          </cell>
          <cell r="H259" t="str">
            <v>CMS Revenue Protection</v>
          </cell>
          <cell r="I259">
            <v>0</v>
          </cell>
          <cell r="K259">
            <v>11831</v>
          </cell>
          <cell r="M259">
            <v>35800</v>
          </cell>
          <cell r="N259">
            <v>47567</v>
          </cell>
          <cell r="O259">
            <v>-11767</v>
          </cell>
          <cell r="P259">
            <v>107400</v>
          </cell>
          <cell r="Q259">
            <v>107400</v>
          </cell>
          <cell r="R259">
            <v>107400</v>
          </cell>
          <cell r="S259">
            <v>0</v>
          </cell>
        </row>
        <row r="260">
          <cell r="B260">
            <v>1</v>
          </cell>
          <cell r="C260" t="str">
            <v>O&amp;M</v>
          </cell>
          <cell r="D260" t="str">
            <v>Carolinas C&amp;MS</v>
          </cell>
          <cell r="E260" t="str">
            <v>CMS Revenue Protection</v>
          </cell>
          <cell r="G260" t="str">
            <v>Meals/Travel</v>
          </cell>
          <cell r="H260" t="str">
            <v>CMS Revenue Protection</v>
          </cell>
          <cell r="I260">
            <v>0</v>
          </cell>
          <cell r="K260">
            <v>6</v>
          </cell>
          <cell r="M260">
            <v>2000</v>
          </cell>
          <cell r="N260">
            <v>4056</v>
          </cell>
          <cell r="O260">
            <v>-2056</v>
          </cell>
          <cell r="P260">
            <v>6000</v>
          </cell>
          <cell r="Q260">
            <v>6000</v>
          </cell>
          <cell r="R260">
            <v>6000</v>
          </cell>
          <cell r="S260">
            <v>0</v>
          </cell>
        </row>
        <row r="261">
          <cell r="B261">
            <v>1</v>
          </cell>
          <cell r="C261" t="str">
            <v>O&amp;M</v>
          </cell>
          <cell r="D261" t="str">
            <v>Carolinas C&amp;MS</v>
          </cell>
          <cell r="E261" t="str">
            <v>CMS Revenue Protection</v>
          </cell>
          <cell r="G261" t="str">
            <v>Materials</v>
          </cell>
          <cell r="H261" t="str">
            <v>CMS Revenue Protection</v>
          </cell>
          <cell r="I261">
            <v>0</v>
          </cell>
          <cell r="K261">
            <v>0</v>
          </cell>
          <cell r="M261">
            <v>3284</v>
          </cell>
          <cell r="N261">
            <v>1383</v>
          </cell>
          <cell r="O261">
            <v>1901</v>
          </cell>
          <cell r="P261">
            <v>9851</v>
          </cell>
          <cell r="Q261">
            <v>9851</v>
          </cell>
          <cell r="R261">
            <v>9851</v>
          </cell>
          <cell r="S261">
            <v>0</v>
          </cell>
        </row>
        <row r="262">
          <cell r="B262">
            <v>1</v>
          </cell>
          <cell r="C262" t="str">
            <v>O&amp;M</v>
          </cell>
          <cell r="D262" t="str">
            <v>Carolinas C&amp;MS</v>
          </cell>
          <cell r="E262" t="str">
            <v>CMS Revenue Protection</v>
          </cell>
          <cell r="G262" t="str">
            <v>Other</v>
          </cell>
          <cell r="H262" t="str">
            <v>CMS Revenue Protection</v>
          </cell>
          <cell r="I262">
            <v>0</v>
          </cell>
          <cell r="K262">
            <v>0</v>
          </cell>
          <cell r="M262">
            <v>2148</v>
          </cell>
          <cell r="N262">
            <v>1101</v>
          </cell>
          <cell r="O262">
            <v>1047</v>
          </cell>
          <cell r="P262">
            <v>6450</v>
          </cell>
          <cell r="Q262">
            <v>6450</v>
          </cell>
          <cell r="R262">
            <v>6450</v>
          </cell>
          <cell r="S262">
            <v>0</v>
          </cell>
        </row>
        <row r="263">
          <cell r="B263">
            <v>1</v>
          </cell>
          <cell r="C263" t="str">
            <v>O&amp;M</v>
          </cell>
          <cell r="D263" t="str">
            <v>Carolinas C&amp;MS</v>
          </cell>
          <cell r="E263" t="str">
            <v>CMS Travel/Meals/Lodging</v>
          </cell>
          <cell r="G263" t="str">
            <v>Meals/Travel</v>
          </cell>
          <cell r="H263" t="str">
            <v>CMS Travel/Meals/Lodging</v>
          </cell>
          <cell r="I263">
            <v>0</v>
          </cell>
          <cell r="K263">
            <v>8425</v>
          </cell>
          <cell r="M263">
            <v>39242</v>
          </cell>
          <cell r="N263">
            <v>38112</v>
          </cell>
          <cell r="O263">
            <v>1130</v>
          </cell>
          <cell r="P263">
            <v>122758</v>
          </cell>
          <cell r="Q263">
            <v>122758</v>
          </cell>
          <cell r="R263">
            <v>112486</v>
          </cell>
          <cell r="S263">
            <v>10272</v>
          </cell>
        </row>
        <row r="264">
          <cell r="B264">
            <v>1</v>
          </cell>
          <cell r="C264" t="str">
            <v>O&amp;M</v>
          </cell>
          <cell r="D264" t="str">
            <v>DSDR Recoverable</v>
          </cell>
          <cell r="E264" t="str">
            <v>DSDR Ongoing Maintenance</v>
          </cell>
          <cell r="G264" t="str">
            <v>Company Labor</v>
          </cell>
          <cell r="H264" t="str">
            <v>DSDR Ongoing Maintenance</v>
          </cell>
          <cell r="I264">
            <v>0</v>
          </cell>
          <cell r="K264">
            <v>14678</v>
          </cell>
          <cell r="M264">
            <v>90688</v>
          </cell>
          <cell r="N264">
            <v>40340</v>
          </cell>
          <cell r="O264">
            <v>50348</v>
          </cell>
          <cell r="P264">
            <v>262001</v>
          </cell>
          <cell r="Q264">
            <v>262001</v>
          </cell>
          <cell r="R264">
            <v>262001</v>
          </cell>
          <cell r="S264">
            <v>0</v>
          </cell>
        </row>
        <row r="265">
          <cell r="B265">
            <v>1</v>
          </cell>
          <cell r="C265" t="str">
            <v>O&amp;M</v>
          </cell>
          <cell r="D265" t="str">
            <v>DSDR Recoverable</v>
          </cell>
          <cell r="E265" t="str">
            <v>DSDR Ongoing Maintenance</v>
          </cell>
          <cell r="G265" t="str">
            <v>Company Labor</v>
          </cell>
          <cell r="H265" t="str">
            <v>DSDR Ongoing Maintenance</v>
          </cell>
          <cell r="I265">
            <v>0</v>
          </cell>
          <cell r="K265">
            <v>9237</v>
          </cell>
          <cell r="M265">
            <v>56862</v>
          </cell>
          <cell r="N265">
            <v>25450</v>
          </cell>
          <cell r="O265">
            <v>31412</v>
          </cell>
          <cell r="P265">
            <v>164275</v>
          </cell>
          <cell r="Q265">
            <v>164275</v>
          </cell>
          <cell r="R265">
            <v>164275</v>
          </cell>
          <cell r="S265">
            <v>0</v>
          </cell>
        </row>
        <row r="266">
          <cell r="B266">
            <v>1</v>
          </cell>
          <cell r="C266" t="str">
            <v>O&amp;M</v>
          </cell>
          <cell r="D266" t="str">
            <v>DSDR Recoverable</v>
          </cell>
          <cell r="E266" t="str">
            <v>DSDR Ongoing Maintenance</v>
          </cell>
          <cell r="G266" t="str">
            <v>Company Labor</v>
          </cell>
          <cell r="H266" t="str">
            <v>DSDR Ongoing Maintenance</v>
          </cell>
          <cell r="I266">
            <v>0</v>
          </cell>
          <cell r="K266">
            <v>184</v>
          </cell>
          <cell r="M266">
            <v>0</v>
          </cell>
          <cell r="N266">
            <v>858</v>
          </cell>
          <cell r="O266">
            <v>-858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</row>
        <row r="267">
          <cell r="B267">
            <v>1</v>
          </cell>
          <cell r="C267" t="str">
            <v>O&amp;M</v>
          </cell>
          <cell r="D267" t="str">
            <v>DSDR Recoverable</v>
          </cell>
          <cell r="E267" t="str">
            <v>DSDR Ongoing Maintenance</v>
          </cell>
          <cell r="G267" t="str">
            <v>Contract Labor</v>
          </cell>
          <cell r="H267" t="str">
            <v>DSDR Ongoing Maintenance</v>
          </cell>
          <cell r="I267">
            <v>0</v>
          </cell>
          <cell r="K267">
            <v>0</v>
          </cell>
          <cell r="M267">
            <v>0</v>
          </cell>
          <cell r="N267">
            <v>131</v>
          </cell>
          <cell r="O267">
            <v>-131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</row>
        <row r="268">
          <cell r="B268">
            <v>1</v>
          </cell>
          <cell r="C268" t="str">
            <v>O&amp;M</v>
          </cell>
          <cell r="D268" t="str">
            <v>DSDR Recoverable</v>
          </cell>
          <cell r="E268" t="str">
            <v>DSDR Ongoing Maintenance</v>
          </cell>
          <cell r="G268" t="str">
            <v>Fleet</v>
          </cell>
          <cell r="H268" t="str">
            <v>DSDR Ongoing Maintenance</v>
          </cell>
          <cell r="I268">
            <v>0</v>
          </cell>
          <cell r="K268">
            <v>5469</v>
          </cell>
          <cell r="M268">
            <v>0</v>
          </cell>
          <cell r="N268">
            <v>14617</v>
          </cell>
          <cell r="O268">
            <v>-14617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</row>
        <row r="269">
          <cell r="B269">
            <v>1</v>
          </cell>
          <cell r="C269" t="str">
            <v>O&amp;M</v>
          </cell>
          <cell r="D269" t="str">
            <v>DSDR Recoverable</v>
          </cell>
          <cell r="E269" t="str">
            <v>DSDR Ongoing Maintenance</v>
          </cell>
          <cell r="G269" t="str">
            <v>Materials</v>
          </cell>
          <cell r="H269" t="str">
            <v>DSDR Ongoing Maintenance</v>
          </cell>
          <cell r="I269">
            <v>0</v>
          </cell>
          <cell r="K269">
            <v>8028</v>
          </cell>
          <cell r="M269">
            <v>0</v>
          </cell>
          <cell r="N269">
            <v>41137</v>
          </cell>
          <cell r="O269">
            <v>-41137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</row>
        <row r="270">
          <cell r="B270">
            <v>1</v>
          </cell>
          <cell r="C270" t="str">
            <v>O&amp;M</v>
          </cell>
          <cell r="D270" t="str">
            <v>DSDR Recoverable</v>
          </cell>
          <cell r="E270" t="str">
            <v>DSDR Ongoing Operations</v>
          </cell>
          <cell r="G270" t="str">
            <v>Company Labor</v>
          </cell>
          <cell r="H270" t="str">
            <v>DSDR Ongoing Operations</v>
          </cell>
          <cell r="I270">
            <v>0</v>
          </cell>
          <cell r="K270">
            <v>16102</v>
          </cell>
          <cell r="M270">
            <v>92780</v>
          </cell>
          <cell r="N270">
            <v>66773</v>
          </cell>
          <cell r="O270">
            <v>26007</v>
          </cell>
          <cell r="P270">
            <v>268044</v>
          </cell>
          <cell r="Q270">
            <v>268044</v>
          </cell>
          <cell r="R270">
            <v>268044</v>
          </cell>
          <cell r="S270">
            <v>0</v>
          </cell>
        </row>
        <row r="271">
          <cell r="B271">
            <v>1</v>
          </cell>
          <cell r="C271" t="str">
            <v>O&amp;M</v>
          </cell>
          <cell r="D271" t="str">
            <v>DSDR Recoverable</v>
          </cell>
          <cell r="E271" t="str">
            <v>DSDR Ongoing Operations</v>
          </cell>
          <cell r="G271" t="str">
            <v>Company Labor</v>
          </cell>
          <cell r="H271" t="str">
            <v>DSDR Ongoing Operations</v>
          </cell>
          <cell r="I271">
            <v>0</v>
          </cell>
          <cell r="K271">
            <v>10151</v>
          </cell>
          <cell r="M271">
            <v>58173</v>
          </cell>
          <cell r="N271">
            <v>42093</v>
          </cell>
          <cell r="O271">
            <v>16080</v>
          </cell>
          <cell r="P271">
            <v>168063</v>
          </cell>
          <cell r="Q271">
            <v>168063</v>
          </cell>
          <cell r="R271">
            <v>168063</v>
          </cell>
          <cell r="S271">
            <v>0</v>
          </cell>
        </row>
        <row r="272">
          <cell r="B272">
            <v>1</v>
          </cell>
          <cell r="C272" t="str">
            <v>O&amp;M</v>
          </cell>
          <cell r="D272" t="str">
            <v>DSDR Recoverable</v>
          </cell>
          <cell r="E272" t="str">
            <v>DSDR Ongoing Operations</v>
          </cell>
          <cell r="G272" t="str">
            <v>Company Labor</v>
          </cell>
          <cell r="H272" t="str">
            <v>DSDR Ongoing Operations</v>
          </cell>
          <cell r="I272">
            <v>0</v>
          </cell>
          <cell r="K272">
            <v>301</v>
          </cell>
          <cell r="M272">
            <v>0</v>
          </cell>
          <cell r="N272">
            <v>1243</v>
          </cell>
          <cell r="O272">
            <v>-124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</row>
        <row r="273">
          <cell r="B273">
            <v>1</v>
          </cell>
          <cell r="C273" t="str">
            <v>O&amp;M</v>
          </cell>
          <cell r="D273" t="str">
            <v>DSDR Recoverable</v>
          </cell>
          <cell r="E273" t="str">
            <v>DSDR Ongoing Operations</v>
          </cell>
          <cell r="G273" t="str">
            <v>Meals/Travel</v>
          </cell>
          <cell r="H273" t="str">
            <v>DSDR Ongoing Operations</v>
          </cell>
          <cell r="I273">
            <v>0</v>
          </cell>
          <cell r="K273">
            <v>115</v>
          </cell>
          <cell r="M273">
            <v>0</v>
          </cell>
          <cell r="N273">
            <v>375</v>
          </cell>
          <cell r="O273">
            <v>-375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</row>
        <row r="274">
          <cell r="B274">
            <v>1</v>
          </cell>
          <cell r="C274" t="str">
            <v>O&amp;M</v>
          </cell>
          <cell r="D274" t="str">
            <v>DSDR Recoverable</v>
          </cell>
          <cell r="E274" t="str">
            <v>DSDR Project</v>
          </cell>
          <cell r="G274" t="str">
            <v>Company Labor</v>
          </cell>
          <cell r="H274" t="str">
            <v>DSDR Project</v>
          </cell>
          <cell r="I274">
            <v>0</v>
          </cell>
          <cell r="K274">
            <v>41496</v>
          </cell>
          <cell r="M274">
            <v>221708</v>
          </cell>
          <cell r="N274">
            <v>264524</v>
          </cell>
          <cell r="O274">
            <v>-42816</v>
          </cell>
          <cell r="P274">
            <v>557954</v>
          </cell>
          <cell r="Q274">
            <v>557954</v>
          </cell>
          <cell r="R274">
            <v>557954</v>
          </cell>
          <cell r="S274">
            <v>0</v>
          </cell>
        </row>
        <row r="275">
          <cell r="B275">
            <v>1</v>
          </cell>
          <cell r="C275" t="str">
            <v>O&amp;M</v>
          </cell>
          <cell r="D275" t="str">
            <v>DSDR Recoverable</v>
          </cell>
          <cell r="E275" t="str">
            <v>DSDR Project</v>
          </cell>
          <cell r="G275" t="str">
            <v>Company Labor</v>
          </cell>
          <cell r="H275" t="str">
            <v>DSDR Project</v>
          </cell>
          <cell r="I275">
            <v>0</v>
          </cell>
          <cell r="K275">
            <v>26197</v>
          </cell>
          <cell r="M275">
            <v>146533</v>
          </cell>
          <cell r="N275">
            <v>167000</v>
          </cell>
          <cell r="O275">
            <v>-20467</v>
          </cell>
          <cell r="P275">
            <v>372218</v>
          </cell>
          <cell r="Q275">
            <v>372218</v>
          </cell>
          <cell r="R275">
            <v>372218</v>
          </cell>
          <cell r="S275">
            <v>0</v>
          </cell>
        </row>
        <row r="276">
          <cell r="B276">
            <v>1</v>
          </cell>
          <cell r="C276" t="str">
            <v>O&amp;M</v>
          </cell>
          <cell r="D276" t="str">
            <v>DSDR Recoverable</v>
          </cell>
          <cell r="E276" t="str">
            <v>DSDR Project</v>
          </cell>
          <cell r="G276" t="str">
            <v>Company Labor</v>
          </cell>
          <cell r="H276" t="str">
            <v>DSDR Project</v>
          </cell>
          <cell r="I276">
            <v>0</v>
          </cell>
          <cell r="K276">
            <v>982</v>
          </cell>
          <cell r="M276">
            <v>21576</v>
          </cell>
          <cell r="N276">
            <v>6277</v>
          </cell>
          <cell r="O276">
            <v>15299</v>
          </cell>
          <cell r="P276">
            <v>83463</v>
          </cell>
          <cell r="Q276">
            <v>83463</v>
          </cell>
          <cell r="R276">
            <v>83463</v>
          </cell>
          <cell r="S276">
            <v>0</v>
          </cell>
        </row>
        <row r="277">
          <cell r="B277">
            <v>1</v>
          </cell>
          <cell r="C277" t="str">
            <v>O&amp;M</v>
          </cell>
          <cell r="D277" t="str">
            <v>DSDR Recoverable</v>
          </cell>
          <cell r="E277" t="str">
            <v>DSDR Project</v>
          </cell>
          <cell r="G277" t="str">
            <v>Contract Labor</v>
          </cell>
          <cell r="H277" t="str">
            <v>DSDR Project</v>
          </cell>
          <cell r="I277">
            <v>0</v>
          </cell>
          <cell r="K277">
            <v>19003</v>
          </cell>
          <cell r="M277">
            <v>79372</v>
          </cell>
          <cell r="N277">
            <v>184635</v>
          </cell>
          <cell r="O277">
            <v>-105263</v>
          </cell>
          <cell r="P277">
            <v>217875</v>
          </cell>
          <cell r="Q277">
            <v>217875</v>
          </cell>
          <cell r="R277">
            <v>217875</v>
          </cell>
          <cell r="S277">
            <v>0</v>
          </cell>
        </row>
        <row r="278">
          <cell r="B278">
            <v>1</v>
          </cell>
          <cell r="C278" t="str">
            <v>O&amp;M</v>
          </cell>
          <cell r="D278" t="str">
            <v>DSDR Recoverable</v>
          </cell>
          <cell r="E278" t="str">
            <v>DSDR Project</v>
          </cell>
          <cell r="G278" t="str">
            <v>Fleet</v>
          </cell>
          <cell r="H278" t="str">
            <v>DSDR Project</v>
          </cell>
          <cell r="I278">
            <v>0</v>
          </cell>
          <cell r="K278">
            <v>7108</v>
          </cell>
          <cell r="M278">
            <v>64906</v>
          </cell>
          <cell r="N278">
            <v>49092</v>
          </cell>
          <cell r="O278">
            <v>15814</v>
          </cell>
          <cell r="P278">
            <v>186769</v>
          </cell>
          <cell r="Q278">
            <v>186769</v>
          </cell>
          <cell r="R278">
            <v>186769</v>
          </cell>
          <cell r="S278">
            <v>0</v>
          </cell>
        </row>
        <row r="279">
          <cell r="B279">
            <v>1</v>
          </cell>
          <cell r="C279" t="str">
            <v>O&amp;M</v>
          </cell>
          <cell r="D279" t="str">
            <v>DSDR Recoverable</v>
          </cell>
          <cell r="E279" t="str">
            <v>DSDR Project</v>
          </cell>
          <cell r="G279" t="str">
            <v>Meals/Travel</v>
          </cell>
          <cell r="H279" t="str">
            <v>DSDR Project</v>
          </cell>
          <cell r="I279">
            <v>0</v>
          </cell>
          <cell r="K279">
            <v>6817</v>
          </cell>
          <cell r="M279">
            <v>2495</v>
          </cell>
          <cell r="N279">
            <v>20675</v>
          </cell>
          <cell r="O279">
            <v>-18181</v>
          </cell>
          <cell r="P279">
            <v>6789</v>
          </cell>
          <cell r="Q279">
            <v>6789</v>
          </cell>
          <cell r="R279">
            <v>6789</v>
          </cell>
          <cell r="S279">
            <v>0</v>
          </cell>
        </row>
        <row r="280">
          <cell r="B280">
            <v>1</v>
          </cell>
          <cell r="C280" t="str">
            <v>O&amp;M</v>
          </cell>
          <cell r="D280" t="str">
            <v>DSDR Recoverable</v>
          </cell>
          <cell r="E280" t="str">
            <v>DSDR Project</v>
          </cell>
          <cell r="G280" t="str">
            <v>Materials</v>
          </cell>
          <cell r="H280" t="str">
            <v>DSDR Project</v>
          </cell>
          <cell r="I280">
            <v>0</v>
          </cell>
          <cell r="K280">
            <v>10727</v>
          </cell>
          <cell r="M280">
            <v>72142</v>
          </cell>
          <cell r="N280">
            <v>21070</v>
          </cell>
          <cell r="O280">
            <v>51072</v>
          </cell>
          <cell r="P280">
            <v>222200</v>
          </cell>
          <cell r="Q280">
            <v>222200</v>
          </cell>
          <cell r="R280">
            <v>210112</v>
          </cell>
          <cell r="S280">
            <v>12088</v>
          </cell>
        </row>
        <row r="281">
          <cell r="B281">
            <v>1</v>
          </cell>
          <cell r="C281" t="str">
            <v>O&amp;M</v>
          </cell>
          <cell r="D281" t="str">
            <v>DSDR Recoverable</v>
          </cell>
          <cell r="E281" t="str">
            <v>DSDR Project</v>
          </cell>
          <cell r="G281" t="str">
            <v>Other</v>
          </cell>
          <cell r="H281" t="str">
            <v>DSDR Project</v>
          </cell>
          <cell r="I281">
            <v>0</v>
          </cell>
          <cell r="K281">
            <v>1053</v>
          </cell>
          <cell r="M281">
            <v>-174081</v>
          </cell>
          <cell r="N281">
            <v>4422</v>
          </cell>
          <cell r="O281">
            <v>-178503</v>
          </cell>
          <cell r="P281">
            <v>146202</v>
          </cell>
          <cell r="Q281">
            <v>-1730280</v>
          </cell>
          <cell r="R281">
            <v>-370212</v>
          </cell>
          <cell r="S281">
            <v>-1360068</v>
          </cell>
        </row>
        <row r="282">
          <cell r="B282">
            <v>1</v>
          </cell>
          <cell r="C282" t="str">
            <v>O&amp;M</v>
          </cell>
          <cell r="D282" t="str">
            <v>DSDR Recoverable</v>
          </cell>
          <cell r="E282" t="str">
            <v>DSDR Project</v>
          </cell>
          <cell r="G282" t="str">
            <v>Management adjustment</v>
          </cell>
          <cell r="H282" t="str">
            <v>DSDR Project</v>
          </cell>
          <cell r="I282">
            <v>0</v>
          </cell>
          <cell r="K282">
            <v>0</v>
          </cell>
          <cell r="M282">
            <v>0</v>
          </cell>
          <cell r="N282">
            <v>0</v>
          </cell>
          <cell r="O282">
            <v>0</v>
          </cell>
          <cell r="P282">
            <v>1450001</v>
          </cell>
          <cell r="Q282">
            <v>1450001</v>
          </cell>
          <cell r="R282">
            <v>28158</v>
          </cell>
          <cell r="S282">
            <v>1421843</v>
          </cell>
        </row>
        <row r="283">
          <cell r="B283">
            <v>1</v>
          </cell>
          <cell r="C283" t="str">
            <v>O&amp;M</v>
          </cell>
          <cell r="D283" t="str">
            <v>DSDR Recoverable</v>
          </cell>
          <cell r="E283" t="str">
            <v>DSDR Project</v>
          </cell>
          <cell r="G283" t="str">
            <v>Transformer &amp; meter credits</v>
          </cell>
          <cell r="H283" t="str">
            <v>DSDR Project</v>
          </cell>
          <cell r="I283">
            <v>0</v>
          </cell>
          <cell r="K283">
            <v>-45802</v>
          </cell>
          <cell r="M283">
            <v>-148948</v>
          </cell>
          <cell r="N283">
            <v>-322981</v>
          </cell>
          <cell r="O283">
            <v>174033</v>
          </cell>
          <cell r="P283">
            <v>-409607</v>
          </cell>
          <cell r="Q283">
            <v>-409607</v>
          </cell>
          <cell r="R283">
            <v>-409607</v>
          </cell>
          <cell r="S283">
            <v>0</v>
          </cell>
        </row>
        <row r="284">
          <cell r="B284">
            <v>1</v>
          </cell>
          <cell r="C284" t="str">
            <v>O&amp;M</v>
          </cell>
          <cell r="D284" t="str">
            <v>Non DSDR Recoverable</v>
          </cell>
          <cell r="E284" t="str">
            <v>DSDR Project</v>
          </cell>
          <cell r="G284" t="str">
            <v>Company Labor</v>
          </cell>
          <cell r="H284" t="str">
            <v>DSDR Project</v>
          </cell>
          <cell r="I284">
            <v>0</v>
          </cell>
          <cell r="K284">
            <v>0</v>
          </cell>
          <cell r="M284">
            <v>0</v>
          </cell>
          <cell r="N284">
            <v>187</v>
          </cell>
          <cell r="O284">
            <v>-187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</row>
        <row r="285">
          <cell r="B285">
            <v>1</v>
          </cell>
          <cell r="C285" t="str">
            <v>O&amp;M</v>
          </cell>
          <cell r="D285" t="str">
            <v>Non DSDR Recoverable</v>
          </cell>
          <cell r="E285" t="str">
            <v>DSDR Project</v>
          </cell>
          <cell r="G285" t="str">
            <v>Company Labor</v>
          </cell>
          <cell r="H285" t="str">
            <v>DSDR Project</v>
          </cell>
          <cell r="I285">
            <v>0</v>
          </cell>
          <cell r="K285">
            <v>0</v>
          </cell>
          <cell r="M285">
            <v>0</v>
          </cell>
          <cell r="N285">
            <v>117</v>
          </cell>
          <cell r="O285">
            <v>-117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</row>
        <row r="286">
          <cell r="B286">
            <v>1</v>
          </cell>
          <cell r="C286" t="str">
            <v>O&amp;M</v>
          </cell>
          <cell r="D286" t="str">
            <v>Non DSDR Recoverable</v>
          </cell>
          <cell r="E286" t="str">
            <v>DSDR Project</v>
          </cell>
          <cell r="G286" t="str">
            <v>Fleet</v>
          </cell>
          <cell r="H286" t="str">
            <v>DSDR Project</v>
          </cell>
          <cell r="I286">
            <v>0</v>
          </cell>
          <cell r="K286">
            <v>0</v>
          </cell>
          <cell r="M286">
            <v>0</v>
          </cell>
          <cell r="N286">
            <v>57</v>
          </cell>
          <cell r="O286">
            <v>-57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</row>
        <row r="287">
          <cell r="B287">
            <v>1</v>
          </cell>
          <cell r="C287" t="str">
            <v>O&amp;M</v>
          </cell>
          <cell r="D287" t="str">
            <v>Non DSDR Recoverable</v>
          </cell>
          <cell r="E287" t="str">
            <v>DSDR Project</v>
          </cell>
          <cell r="G287" t="str">
            <v>Materials</v>
          </cell>
          <cell r="H287" t="str">
            <v>DSDR Project</v>
          </cell>
          <cell r="I287">
            <v>0</v>
          </cell>
          <cell r="K287">
            <v>0</v>
          </cell>
          <cell r="M287">
            <v>0</v>
          </cell>
          <cell r="N287">
            <v>-1505</v>
          </cell>
          <cell r="O287">
            <v>1505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</row>
        <row r="288">
          <cell r="B288">
            <v>1</v>
          </cell>
          <cell r="C288" t="str">
            <v>O&amp;M</v>
          </cell>
          <cell r="D288" t="str">
            <v>Non DSDR Recoverable</v>
          </cell>
          <cell r="E288" t="str">
            <v>DSDR Project</v>
          </cell>
          <cell r="G288" t="str">
            <v>Other</v>
          </cell>
          <cell r="H288" t="str">
            <v>DSDR Project</v>
          </cell>
          <cell r="I288">
            <v>0</v>
          </cell>
          <cell r="K288">
            <v>0</v>
          </cell>
          <cell r="M288">
            <v>0</v>
          </cell>
          <cell r="N288">
            <v>-200</v>
          </cell>
          <cell r="O288">
            <v>200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</row>
        <row r="289">
          <cell r="B289">
            <v>1</v>
          </cell>
          <cell r="C289" t="str">
            <v>O&amp;M</v>
          </cell>
          <cell r="D289" t="str">
            <v>EDC Uncollectibles</v>
          </cell>
          <cell r="E289">
            <v>0</v>
          </cell>
          <cell r="G289" t="str">
            <v>Contract Labor</v>
          </cell>
          <cell r="H289">
            <v>0</v>
          </cell>
          <cell r="I289">
            <v>0</v>
          </cell>
          <cell r="K289">
            <v>79547</v>
          </cell>
          <cell r="M289">
            <v>267140</v>
          </cell>
          <cell r="N289">
            <v>302163</v>
          </cell>
          <cell r="O289">
            <v>-35023</v>
          </cell>
          <cell r="P289">
            <v>737944</v>
          </cell>
          <cell r="Q289">
            <v>737944</v>
          </cell>
          <cell r="R289">
            <v>737944</v>
          </cell>
          <cell r="S289">
            <v>0</v>
          </cell>
        </row>
        <row r="290">
          <cell r="B290">
            <v>1</v>
          </cell>
          <cell r="C290" t="str">
            <v>O&amp;M</v>
          </cell>
          <cell r="D290" t="str">
            <v>EDC Uncollectibles</v>
          </cell>
          <cell r="E290">
            <v>0</v>
          </cell>
          <cell r="G290" t="str">
            <v>Other</v>
          </cell>
          <cell r="H290">
            <v>0</v>
          </cell>
          <cell r="I290">
            <v>0</v>
          </cell>
          <cell r="K290">
            <v>441967</v>
          </cell>
          <cell r="M290">
            <v>3863564</v>
          </cell>
          <cell r="N290">
            <v>1914493</v>
          </cell>
          <cell r="O290">
            <v>1949071</v>
          </cell>
          <cell r="P290">
            <v>11100000</v>
          </cell>
          <cell r="Q290">
            <v>11100000</v>
          </cell>
          <cell r="R290">
            <v>10100000</v>
          </cell>
          <cell r="S290">
            <v>1000000</v>
          </cell>
        </row>
        <row r="291">
          <cell r="B291">
            <v>60</v>
          </cell>
          <cell r="C291" t="str">
            <v>O&amp;M</v>
          </cell>
          <cell r="D291" t="str">
            <v>Florida C&amp;MS</v>
          </cell>
          <cell r="E291" t="str">
            <v>CMS Co-owned Equip Maintenance</v>
          </cell>
          <cell r="G291" t="str">
            <v>Other</v>
          </cell>
          <cell r="H291" t="str">
            <v>CMS Co-owned Equip Maintenance</v>
          </cell>
          <cell r="I291">
            <v>0</v>
          </cell>
          <cell r="K291">
            <v>0</v>
          </cell>
          <cell r="M291">
            <v>134932</v>
          </cell>
          <cell r="N291">
            <v>144730</v>
          </cell>
          <cell r="O291">
            <v>-9798</v>
          </cell>
          <cell r="P291">
            <v>572192</v>
          </cell>
          <cell r="Q291">
            <v>572192</v>
          </cell>
          <cell r="R291">
            <v>576564</v>
          </cell>
          <cell r="S291">
            <v>-4372</v>
          </cell>
        </row>
        <row r="292">
          <cell r="B292">
            <v>60</v>
          </cell>
          <cell r="C292" t="str">
            <v>O&amp;M</v>
          </cell>
          <cell r="D292" t="str">
            <v>Florida C&amp;MS</v>
          </cell>
          <cell r="E292" t="str">
            <v>CMS Labor Total w/ Burdens</v>
          </cell>
          <cell r="G292" t="str">
            <v>Company Labor</v>
          </cell>
          <cell r="H292" t="str">
            <v>CMS Labor Total w/ Burdens</v>
          </cell>
          <cell r="I292">
            <v>0</v>
          </cell>
          <cell r="K292">
            <v>642649</v>
          </cell>
          <cell r="M292">
            <v>3176288</v>
          </cell>
          <cell r="N292">
            <v>2961809</v>
          </cell>
          <cell r="O292">
            <v>214479</v>
          </cell>
          <cell r="P292">
            <v>9479645</v>
          </cell>
          <cell r="Q292">
            <v>9499324</v>
          </cell>
          <cell r="R292">
            <v>9144792</v>
          </cell>
          <cell r="S292">
            <v>354532</v>
          </cell>
        </row>
        <row r="293">
          <cell r="B293">
            <v>60</v>
          </cell>
          <cell r="C293" t="str">
            <v>O&amp;M</v>
          </cell>
          <cell r="D293" t="str">
            <v>Florida C&amp;MS</v>
          </cell>
          <cell r="E293" t="str">
            <v>CMS Labor Total w/ Burdens</v>
          </cell>
          <cell r="G293" t="str">
            <v>Company Labor</v>
          </cell>
          <cell r="H293" t="str">
            <v>CMS Labor Total w/ Burdens</v>
          </cell>
          <cell r="I293">
            <v>0</v>
          </cell>
          <cell r="K293">
            <v>426924</v>
          </cell>
          <cell r="M293">
            <v>2116232</v>
          </cell>
          <cell r="N293">
            <v>1959119</v>
          </cell>
          <cell r="O293">
            <v>157113</v>
          </cell>
          <cell r="P293">
            <v>6332182</v>
          </cell>
          <cell r="Q293">
            <v>6329461</v>
          </cell>
          <cell r="R293">
            <v>6117703</v>
          </cell>
          <cell r="S293">
            <v>211758</v>
          </cell>
        </row>
        <row r="294">
          <cell r="B294">
            <v>60</v>
          </cell>
          <cell r="C294" t="str">
            <v>O&amp;M</v>
          </cell>
          <cell r="D294" t="str">
            <v>Florida C&amp;MS</v>
          </cell>
          <cell r="E294" t="str">
            <v>CMS Labor Total w/ Burdens</v>
          </cell>
          <cell r="G294" t="str">
            <v>Company Labor</v>
          </cell>
          <cell r="H294" t="str">
            <v>CMS Labor Total w/ Burdens</v>
          </cell>
          <cell r="I294">
            <v>0</v>
          </cell>
          <cell r="K294">
            <v>16893</v>
          </cell>
          <cell r="M294">
            <v>112024</v>
          </cell>
          <cell r="N294">
            <v>86245</v>
          </cell>
          <cell r="O294">
            <v>25780</v>
          </cell>
          <cell r="P294">
            <v>327029</v>
          </cell>
          <cell r="Q294">
            <v>327029</v>
          </cell>
          <cell r="R294">
            <v>327029</v>
          </cell>
          <cell r="S294">
            <v>0</v>
          </cell>
        </row>
        <row r="295">
          <cell r="B295">
            <v>60</v>
          </cell>
          <cell r="C295" t="str">
            <v>O&amp;M</v>
          </cell>
          <cell r="D295" t="str">
            <v>Florida C&amp;MS</v>
          </cell>
          <cell r="E295" t="str">
            <v>CMS Labor Total w/ Burdens</v>
          </cell>
          <cell r="G295" t="str">
            <v>Contract Labor</v>
          </cell>
          <cell r="H295" t="str">
            <v>CMS Labor Total w/ Burdens</v>
          </cell>
          <cell r="I295">
            <v>0</v>
          </cell>
          <cell r="K295">
            <v>346994</v>
          </cell>
          <cell r="M295">
            <v>1494788</v>
          </cell>
          <cell r="N295">
            <v>1470077</v>
          </cell>
          <cell r="O295">
            <v>24711</v>
          </cell>
          <cell r="P295">
            <v>4565247</v>
          </cell>
          <cell r="Q295">
            <v>4565247</v>
          </cell>
          <cell r="R295">
            <v>4224935</v>
          </cell>
          <cell r="S295">
            <v>340312</v>
          </cell>
        </row>
        <row r="296">
          <cell r="B296">
            <v>60</v>
          </cell>
          <cell r="C296" t="str">
            <v>O&amp;M</v>
          </cell>
          <cell r="D296" t="str">
            <v>Florida C&amp;MS</v>
          </cell>
          <cell r="E296" t="str">
            <v>CMS Labor Total w/ Burdens</v>
          </cell>
          <cell r="G296" t="str">
            <v>Other</v>
          </cell>
          <cell r="H296" t="str">
            <v>CMS Labor Total w/ Burdens</v>
          </cell>
          <cell r="I296">
            <v>0</v>
          </cell>
          <cell r="K296">
            <v>6457</v>
          </cell>
          <cell r="M296">
            <v>9757</v>
          </cell>
          <cell r="N296">
            <v>16447</v>
          </cell>
          <cell r="O296">
            <v>-6690</v>
          </cell>
          <cell r="P296">
            <v>38745</v>
          </cell>
          <cell r="Q296">
            <v>38745</v>
          </cell>
          <cell r="R296">
            <v>38745</v>
          </cell>
          <cell r="S296">
            <v>0</v>
          </cell>
        </row>
        <row r="297">
          <cell r="B297">
            <v>60</v>
          </cell>
          <cell r="C297" t="str">
            <v>O&amp;M</v>
          </cell>
          <cell r="D297" t="str">
            <v>Florida C&amp;MS</v>
          </cell>
          <cell r="E297" t="str">
            <v>CMS Materials</v>
          </cell>
          <cell r="G297" t="str">
            <v>Materials</v>
          </cell>
          <cell r="H297" t="str">
            <v>CMS Materials</v>
          </cell>
          <cell r="I297">
            <v>0</v>
          </cell>
          <cell r="K297">
            <v>3205</v>
          </cell>
          <cell r="M297">
            <v>87713</v>
          </cell>
          <cell r="N297">
            <v>39855</v>
          </cell>
          <cell r="O297">
            <v>47858</v>
          </cell>
          <cell r="P297">
            <v>248919</v>
          </cell>
          <cell r="Q297">
            <v>248909</v>
          </cell>
          <cell r="R297">
            <v>216365</v>
          </cell>
          <cell r="S297">
            <v>32544</v>
          </cell>
        </row>
        <row r="298">
          <cell r="B298">
            <v>60</v>
          </cell>
          <cell r="C298" t="str">
            <v>O&amp;M</v>
          </cell>
          <cell r="D298" t="str">
            <v>Florida C&amp;MS</v>
          </cell>
          <cell r="E298" t="str">
            <v>CMS Materials</v>
          </cell>
          <cell r="G298" t="str">
            <v>Other</v>
          </cell>
          <cell r="H298" t="str">
            <v>CMS Materials</v>
          </cell>
          <cell r="I298">
            <v>0</v>
          </cell>
          <cell r="K298">
            <v>490</v>
          </cell>
          <cell r="M298">
            <v>418</v>
          </cell>
          <cell r="N298">
            <v>490</v>
          </cell>
          <cell r="O298">
            <v>-72</v>
          </cell>
          <cell r="P298">
            <v>1250</v>
          </cell>
          <cell r="Q298">
            <v>1250</v>
          </cell>
          <cell r="R298">
            <v>1250</v>
          </cell>
          <cell r="S298">
            <v>0</v>
          </cell>
        </row>
        <row r="299">
          <cell r="B299">
            <v>60</v>
          </cell>
          <cell r="C299" t="str">
            <v>O&amp;M</v>
          </cell>
          <cell r="D299" t="str">
            <v>Florida C&amp;MS</v>
          </cell>
          <cell r="E299" t="str">
            <v>CMS Other Miscellaneous</v>
          </cell>
          <cell r="G299" t="str">
            <v>Company Labor</v>
          </cell>
          <cell r="H299" t="str">
            <v>CMS Other Miscellaneous</v>
          </cell>
          <cell r="I299">
            <v>0</v>
          </cell>
          <cell r="K299">
            <v>3992</v>
          </cell>
          <cell r="M299">
            <v>0</v>
          </cell>
          <cell r="N299">
            <v>7153</v>
          </cell>
          <cell r="O299">
            <v>-7153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</row>
        <row r="300">
          <cell r="B300">
            <v>60</v>
          </cell>
          <cell r="C300" t="str">
            <v>O&amp;M</v>
          </cell>
          <cell r="D300" t="str">
            <v>Florida C&amp;MS</v>
          </cell>
          <cell r="E300" t="str">
            <v>CMS Other Miscellaneous</v>
          </cell>
          <cell r="G300" t="str">
            <v>Company Labor</v>
          </cell>
          <cell r="H300" t="str">
            <v>CMS Other Miscellaneous</v>
          </cell>
          <cell r="I300">
            <v>0</v>
          </cell>
          <cell r="K300">
            <v>2390</v>
          </cell>
          <cell r="M300">
            <v>0</v>
          </cell>
          <cell r="N300">
            <v>4294</v>
          </cell>
          <cell r="O300">
            <v>-429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</row>
        <row r="301">
          <cell r="B301">
            <v>60</v>
          </cell>
          <cell r="C301" t="str">
            <v>O&amp;M</v>
          </cell>
          <cell r="D301" t="str">
            <v>Florida C&amp;MS</v>
          </cell>
          <cell r="E301" t="str">
            <v>CMS Other Miscellaneous</v>
          </cell>
          <cell r="G301" t="str">
            <v>Company Labor</v>
          </cell>
          <cell r="H301" t="str">
            <v>CMS Other Miscellaneous</v>
          </cell>
          <cell r="I301">
            <v>0</v>
          </cell>
          <cell r="K301">
            <v>930</v>
          </cell>
          <cell r="M301">
            <v>0</v>
          </cell>
          <cell r="N301">
            <v>1799</v>
          </cell>
          <cell r="O301">
            <v>-1799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</row>
        <row r="302">
          <cell r="B302">
            <v>60</v>
          </cell>
          <cell r="C302" t="str">
            <v>O&amp;M</v>
          </cell>
          <cell r="D302" t="str">
            <v>Florida C&amp;MS</v>
          </cell>
          <cell r="E302" t="str">
            <v>CMS Other Miscellaneous</v>
          </cell>
          <cell r="G302" t="str">
            <v>Contract Labor</v>
          </cell>
          <cell r="H302" t="str">
            <v>CMS Other Miscellaneous</v>
          </cell>
          <cell r="I302">
            <v>0</v>
          </cell>
          <cell r="K302">
            <v>0</v>
          </cell>
          <cell r="M302">
            <v>0</v>
          </cell>
          <cell r="N302">
            <v>500</v>
          </cell>
          <cell r="O302">
            <v>-500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</row>
        <row r="303">
          <cell r="B303">
            <v>60</v>
          </cell>
          <cell r="C303" t="str">
            <v>O&amp;M</v>
          </cell>
          <cell r="D303" t="str">
            <v>Florida C&amp;MS</v>
          </cell>
          <cell r="E303" t="str">
            <v>CMS Other Miscellaneous</v>
          </cell>
          <cell r="G303" t="str">
            <v>Fleet</v>
          </cell>
          <cell r="H303" t="str">
            <v>CMS Other Miscellaneous</v>
          </cell>
          <cell r="I303">
            <v>0</v>
          </cell>
          <cell r="K303">
            <v>2076</v>
          </cell>
          <cell r="M303">
            <v>0</v>
          </cell>
          <cell r="N303">
            <v>3666</v>
          </cell>
          <cell r="O303">
            <v>-3666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</row>
        <row r="304">
          <cell r="B304">
            <v>60</v>
          </cell>
          <cell r="C304" t="str">
            <v>O&amp;M</v>
          </cell>
          <cell r="D304" t="str">
            <v>Florida C&amp;MS</v>
          </cell>
          <cell r="E304" t="str">
            <v>CMS Other Miscellaneous</v>
          </cell>
          <cell r="G304" t="str">
            <v>Meals/Travel</v>
          </cell>
          <cell r="H304" t="str">
            <v>CMS Other Miscellaneous</v>
          </cell>
          <cell r="I304">
            <v>0</v>
          </cell>
          <cell r="K304">
            <v>127</v>
          </cell>
          <cell r="M304">
            <v>0</v>
          </cell>
          <cell r="N304">
            <v>212</v>
          </cell>
          <cell r="O304">
            <v>-212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</row>
        <row r="305">
          <cell r="B305">
            <v>60</v>
          </cell>
          <cell r="C305" t="str">
            <v>O&amp;M</v>
          </cell>
          <cell r="D305" t="str">
            <v>Florida C&amp;MS</v>
          </cell>
          <cell r="E305" t="str">
            <v>CMS Other Miscellaneous</v>
          </cell>
          <cell r="G305" t="str">
            <v>Materials</v>
          </cell>
          <cell r="H305" t="str">
            <v>CMS Other Miscellaneous</v>
          </cell>
          <cell r="I305">
            <v>0</v>
          </cell>
          <cell r="K305">
            <v>50</v>
          </cell>
          <cell r="M305">
            <v>5777</v>
          </cell>
          <cell r="N305">
            <v>118</v>
          </cell>
          <cell r="O305">
            <v>5659</v>
          </cell>
          <cell r="P305">
            <v>16420</v>
          </cell>
          <cell r="Q305">
            <v>16420</v>
          </cell>
          <cell r="R305">
            <v>14340</v>
          </cell>
          <cell r="S305">
            <v>2080</v>
          </cell>
        </row>
        <row r="306">
          <cell r="B306">
            <v>60</v>
          </cell>
          <cell r="C306" t="str">
            <v>O&amp;M</v>
          </cell>
          <cell r="D306" t="str">
            <v>Florida C&amp;MS</v>
          </cell>
          <cell r="E306" t="str">
            <v>CMS Other Miscellaneous</v>
          </cell>
          <cell r="G306" t="str">
            <v>Rent/utilities</v>
          </cell>
          <cell r="H306" t="str">
            <v>CMS Other Miscellaneous</v>
          </cell>
          <cell r="I306">
            <v>0</v>
          </cell>
          <cell r="K306">
            <v>0</v>
          </cell>
          <cell r="M306">
            <v>2667</v>
          </cell>
          <cell r="N306">
            <v>0</v>
          </cell>
          <cell r="O306">
            <v>2667</v>
          </cell>
          <cell r="P306">
            <v>8000</v>
          </cell>
          <cell r="Q306">
            <v>8000</v>
          </cell>
          <cell r="R306">
            <v>8000</v>
          </cell>
          <cell r="S306">
            <v>0</v>
          </cell>
        </row>
        <row r="307">
          <cell r="B307">
            <v>60</v>
          </cell>
          <cell r="C307" t="str">
            <v>O&amp;M</v>
          </cell>
          <cell r="D307" t="str">
            <v>Florida C&amp;MS</v>
          </cell>
          <cell r="E307" t="str">
            <v>CMS Other Miscellaneous</v>
          </cell>
          <cell r="G307" t="str">
            <v>Other</v>
          </cell>
          <cell r="H307" t="str">
            <v>CMS Other Miscellaneous</v>
          </cell>
          <cell r="I307">
            <v>0</v>
          </cell>
          <cell r="K307">
            <v>10242</v>
          </cell>
          <cell r="M307">
            <v>78218</v>
          </cell>
          <cell r="N307">
            <v>64397</v>
          </cell>
          <cell r="O307">
            <v>13821</v>
          </cell>
          <cell r="P307">
            <v>247141</v>
          </cell>
          <cell r="Q307">
            <v>246958</v>
          </cell>
          <cell r="R307">
            <v>232804</v>
          </cell>
          <cell r="S307">
            <v>14154</v>
          </cell>
        </row>
        <row r="308">
          <cell r="B308">
            <v>60</v>
          </cell>
          <cell r="C308" t="str">
            <v>O&amp;M</v>
          </cell>
          <cell r="D308" t="str">
            <v>Florida C&amp;MS</v>
          </cell>
          <cell r="E308" t="str">
            <v>CMS Other Outside Services</v>
          </cell>
          <cell r="G308" t="str">
            <v>Contract Labor</v>
          </cell>
          <cell r="H308" t="str">
            <v>CMS Other Outside Services</v>
          </cell>
          <cell r="I308">
            <v>0</v>
          </cell>
          <cell r="K308">
            <v>32018</v>
          </cell>
          <cell r="M308">
            <v>177003</v>
          </cell>
          <cell r="N308">
            <v>184307</v>
          </cell>
          <cell r="O308">
            <v>-7305</v>
          </cell>
          <cell r="P308">
            <v>492277</v>
          </cell>
          <cell r="Q308">
            <v>492260</v>
          </cell>
          <cell r="R308">
            <v>478660</v>
          </cell>
          <cell r="S308">
            <v>13600</v>
          </cell>
        </row>
        <row r="309">
          <cell r="B309">
            <v>60</v>
          </cell>
          <cell r="C309" t="str">
            <v>O&amp;M</v>
          </cell>
          <cell r="D309" t="str">
            <v>Florida C&amp;MS</v>
          </cell>
          <cell r="E309" t="str">
            <v>CMS Paystations</v>
          </cell>
          <cell r="G309" t="str">
            <v>Contract Labor</v>
          </cell>
          <cell r="H309" t="str">
            <v>CMS Paystations</v>
          </cell>
          <cell r="I309">
            <v>0</v>
          </cell>
          <cell r="K309">
            <v>24429</v>
          </cell>
          <cell r="M309">
            <v>145759</v>
          </cell>
          <cell r="N309">
            <v>102985</v>
          </cell>
          <cell r="O309">
            <v>42774</v>
          </cell>
          <cell r="P309">
            <v>425611</v>
          </cell>
          <cell r="Q309">
            <v>425611</v>
          </cell>
          <cell r="R309">
            <v>349611</v>
          </cell>
          <cell r="S309">
            <v>76000</v>
          </cell>
        </row>
        <row r="310">
          <cell r="B310">
            <v>60</v>
          </cell>
          <cell r="C310" t="str">
            <v>O&amp;M</v>
          </cell>
          <cell r="D310" t="str">
            <v>Florida C&amp;MS</v>
          </cell>
          <cell r="E310" t="str">
            <v>CMS Postage &amp; Materials</v>
          </cell>
          <cell r="G310" t="str">
            <v>Contract Labor</v>
          </cell>
          <cell r="H310" t="str">
            <v>CMS Postage &amp; Materials</v>
          </cell>
          <cell r="I310">
            <v>0</v>
          </cell>
          <cell r="K310">
            <v>8182</v>
          </cell>
          <cell r="M310">
            <v>36267</v>
          </cell>
          <cell r="N310">
            <v>28622</v>
          </cell>
          <cell r="O310">
            <v>7645</v>
          </cell>
          <cell r="P310">
            <v>95476</v>
          </cell>
          <cell r="Q310">
            <v>95476</v>
          </cell>
          <cell r="R310">
            <v>95476</v>
          </cell>
          <cell r="S310">
            <v>0</v>
          </cell>
        </row>
        <row r="311">
          <cell r="B311">
            <v>60</v>
          </cell>
          <cell r="C311" t="str">
            <v>O&amp;M</v>
          </cell>
          <cell r="D311" t="str">
            <v>Florida C&amp;MS</v>
          </cell>
          <cell r="E311" t="str">
            <v>CMS Postage &amp; Materials</v>
          </cell>
          <cell r="G311" t="str">
            <v>Materials</v>
          </cell>
          <cell r="H311" t="str">
            <v>CMS Postage &amp; Materials</v>
          </cell>
          <cell r="I311">
            <v>0</v>
          </cell>
          <cell r="K311">
            <v>69162</v>
          </cell>
          <cell r="M311">
            <v>314338</v>
          </cell>
          <cell r="N311">
            <v>221567</v>
          </cell>
          <cell r="O311">
            <v>92771</v>
          </cell>
          <cell r="P311">
            <v>964992</v>
          </cell>
          <cell r="Q311">
            <v>964992</v>
          </cell>
          <cell r="R311">
            <v>964992</v>
          </cell>
          <cell r="S311">
            <v>0</v>
          </cell>
        </row>
        <row r="312">
          <cell r="B312">
            <v>60</v>
          </cell>
          <cell r="C312" t="str">
            <v>O&amp;M</v>
          </cell>
          <cell r="D312" t="str">
            <v>Florida C&amp;MS</v>
          </cell>
          <cell r="E312" t="str">
            <v>CMS Postage &amp; Materials</v>
          </cell>
          <cell r="G312" t="str">
            <v>Rent/utilities</v>
          </cell>
          <cell r="H312" t="str">
            <v>CMS Postage &amp; Materials</v>
          </cell>
          <cell r="I312">
            <v>0</v>
          </cell>
          <cell r="K312">
            <v>8927</v>
          </cell>
          <cell r="M312">
            <v>17900</v>
          </cell>
          <cell r="N312">
            <v>17790</v>
          </cell>
          <cell r="O312">
            <v>110</v>
          </cell>
          <cell r="P312">
            <v>35800</v>
          </cell>
          <cell r="Q312">
            <v>35800</v>
          </cell>
          <cell r="R312">
            <v>35800</v>
          </cell>
          <cell r="S312">
            <v>0</v>
          </cell>
        </row>
        <row r="313">
          <cell r="B313">
            <v>60</v>
          </cell>
          <cell r="C313" t="str">
            <v>O&amp;M</v>
          </cell>
          <cell r="D313" t="str">
            <v>Florida C&amp;MS</v>
          </cell>
          <cell r="E313" t="str">
            <v>CMS Postage &amp; Materials</v>
          </cell>
          <cell r="G313" t="str">
            <v>Other</v>
          </cell>
          <cell r="H313" t="str">
            <v>CMS Postage &amp; Materials</v>
          </cell>
          <cell r="I313">
            <v>0</v>
          </cell>
          <cell r="K313">
            <v>627445</v>
          </cell>
          <cell r="M313">
            <v>2274960</v>
          </cell>
          <cell r="N313">
            <v>2304576</v>
          </cell>
          <cell r="O313">
            <v>-29616</v>
          </cell>
          <cell r="P313">
            <v>6782964</v>
          </cell>
          <cell r="Q313">
            <v>6782964</v>
          </cell>
          <cell r="R313">
            <v>6638964</v>
          </cell>
          <cell r="S313">
            <v>144000</v>
          </cell>
        </row>
        <row r="314">
          <cell r="B314">
            <v>60</v>
          </cell>
          <cell r="C314" t="str">
            <v>O&amp;M</v>
          </cell>
          <cell r="D314" t="str">
            <v>Florida C&amp;MS</v>
          </cell>
          <cell r="E314" t="str">
            <v>CMS Revenue Protection</v>
          </cell>
          <cell r="G314" t="str">
            <v>Company Labor</v>
          </cell>
          <cell r="H314" t="str">
            <v>CMS Revenue Protection</v>
          </cell>
          <cell r="I314">
            <v>0</v>
          </cell>
          <cell r="K314">
            <v>44760</v>
          </cell>
          <cell r="M314">
            <v>207203</v>
          </cell>
          <cell r="N314">
            <v>178553</v>
          </cell>
          <cell r="O314">
            <v>28650</v>
          </cell>
          <cell r="P314">
            <v>630583</v>
          </cell>
          <cell r="Q314">
            <v>630583</v>
          </cell>
          <cell r="R314">
            <v>629302</v>
          </cell>
          <cell r="S314">
            <v>1280</v>
          </cell>
        </row>
        <row r="315">
          <cell r="B315">
            <v>60</v>
          </cell>
          <cell r="C315" t="str">
            <v>O&amp;M</v>
          </cell>
          <cell r="D315" t="str">
            <v>Florida C&amp;MS</v>
          </cell>
          <cell r="E315" t="str">
            <v>CMS Revenue Protection</v>
          </cell>
          <cell r="G315" t="str">
            <v>Company Labor</v>
          </cell>
          <cell r="H315" t="str">
            <v>CMS Revenue Protection</v>
          </cell>
          <cell r="I315">
            <v>0</v>
          </cell>
          <cell r="K315">
            <v>30165</v>
          </cell>
          <cell r="M315">
            <v>139745</v>
          </cell>
          <cell r="N315">
            <v>120481</v>
          </cell>
          <cell r="O315">
            <v>19264</v>
          </cell>
          <cell r="P315">
            <v>425268</v>
          </cell>
          <cell r="Q315">
            <v>425268</v>
          </cell>
          <cell r="R315">
            <v>424406</v>
          </cell>
          <cell r="S315">
            <v>862</v>
          </cell>
        </row>
        <row r="316">
          <cell r="B316">
            <v>60</v>
          </cell>
          <cell r="C316" t="str">
            <v>O&amp;M</v>
          </cell>
          <cell r="D316" t="str">
            <v>Florida C&amp;MS</v>
          </cell>
          <cell r="E316" t="str">
            <v>CMS Revenue Protection</v>
          </cell>
          <cell r="G316" t="str">
            <v>Company Labor</v>
          </cell>
          <cell r="H316" t="str">
            <v>CMS Revenue Protection</v>
          </cell>
          <cell r="I316">
            <v>0</v>
          </cell>
          <cell r="K316">
            <v>182</v>
          </cell>
          <cell r="M316">
            <v>1433</v>
          </cell>
          <cell r="N316">
            <v>1563</v>
          </cell>
          <cell r="O316">
            <v>-131</v>
          </cell>
          <cell r="P316">
            <v>4264</v>
          </cell>
          <cell r="Q316">
            <v>4264</v>
          </cell>
          <cell r="R316">
            <v>4264</v>
          </cell>
          <cell r="S316">
            <v>0</v>
          </cell>
        </row>
        <row r="317">
          <cell r="B317">
            <v>60</v>
          </cell>
          <cell r="C317" t="str">
            <v>O&amp;M</v>
          </cell>
          <cell r="D317" t="str">
            <v>Florida C&amp;MS</v>
          </cell>
          <cell r="E317" t="str">
            <v>CMS Revenue Protection</v>
          </cell>
          <cell r="G317" t="str">
            <v>Contract Labor</v>
          </cell>
          <cell r="H317" t="str">
            <v>CMS Revenue Protection</v>
          </cell>
          <cell r="I317">
            <v>0</v>
          </cell>
          <cell r="K317">
            <v>140</v>
          </cell>
          <cell r="M317">
            <v>49088</v>
          </cell>
          <cell r="N317">
            <v>466</v>
          </cell>
          <cell r="O317">
            <v>48622</v>
          </cell>
          <cell r="P317">
            <v>147264</v>
          </cell>
          <cell r="Q317">
            <v>147264</v>
          </cell>
          <cell r="R317">
            <v>75264</v>
          </cell>
          <cell r="S317">
            <v>72000</v>
          </cell>
        </row>
        <row r="318">
          <cell r="B318">
            <v>60</v>
          </cell>
          <cell r="C318" t="str">
            <v>O&amp;M</v>
          </cell>
          <cell r="D318" t="str">
            <v>Florida C&amp;MS</v>
          </cell>
          <cell r="E318" t="str">
            <v>CMS Revenue Protection</v>
          </cell>
          <cell r="G318" t="str">
            <v>Fleet</v>
          </cell>
          <cell r="H318" t="str">
            <v>CMS Revenue Protection</v>
          </cell>
          <cell r="I318">
            <v>0</v>
          </cell>
          <cell r="K318">
            <v>2655</v>
          </cell>
          <cell r="M318">
            <v>11408</v>
          </cell>
          <cell r="N318">
            <v>11606</v>
          </cell>
          <cell r="O318">
            <v>-198</v>
          </cell>
          <cell r="P318">
            <v>34224</v>
          </cell>
          <cell r="Q318">
            <v>34224</v>
          </cell>
          <cell r="R318">
            <v>34224</v>
          </cell>
          <cell r="S318">
            <v>0</v>
          </cell>
        </row>
        <row r="319">
          <cell r="B319">
            <v>60</v>
          </cell>
          <cell r="C319" t="str">
            <v>O&amp;M</v>
          </cell>
          <cell r="D319" t="str">
            <v>Florida C&amp;MS</v>
          </cell>
          <cell r="E319" t="str">
            <v>CMS Revenue Protection</v>
          </cell>
          <cell r="G319" t="str">
            <v>Meals/Travel</v>
          </cell>
          <cell r="H319" t="str">
            <v>CMS Revenue Protection</v>
          </cell>
          <cell r="I319">
            <v>0</v>
          </cell>
          <cell r="K319">
            <v>3308</v>
          </cell>
          <cell r="M319">
            <v>16479</v>
          </cell>
          <cell r="N319">
            <v>16042</v>
          </cell>
          <cell r="O319">
            <v>436</v>
          </cell>
          <cell r="P319">
            <v>49436</v>
          </cell>
          <cell r="Q319">
            <v>49436</v>
          </cell>
          <cell r="R319">
            <v>49436</v>
          </cell>
          <cell r="S319">
            <v>0</v>
          </cell>
        </row>
        <row r="320">
          <cell r="B320">
            <v>60</v>
          </cell>
          <cell r="C320" t="str">
            <v>O&amp;M</v>
          </cell>
          <cell r="D320" t="str">
            <v>Florida C&amp;MS</v>
          </cell>
          <cell r="E320" t="str">
            <v>CMS Revenue Protection</v>
          </cell>
          <cell r="G320" t="str">
            <v>Materials</v>
          </cell>
          <cell r="H320" t="str">
            <v>CMS Revenue Protection</v>
          </cell>
          <cell r="I320">
            <v>0</v>
          </cell>
          <cell r="K320">
            <v>178</v>
          </cell>
          <cell r="M320">
            <v>3904</v>
          </cell>
          <cell r="N320">
            <v>802</v>
          </cell>
          <cell r="O320">
            <v>3102</v>
          </cell>
          <cell r="P320">
            <v>11712</v>
          </cell>
          <cell r="Q320">
            <v>11712</v>
          </cell>
          <cell r="R320">
            <v>11712</v>
          </cell>
          <cell r="S320">
            <v>0</v>
          </cell>
        </row>
        <row r="321">
          <cell r="B321">
            <v>60</v>
          </cell>
          <cell r="C321" t="str">
            <v>O&amp;M</v>
          </cell>
          <cell r="D321" t="str">
            <v>Florida C&amp;MS</v>
          </cell>
          <cell r="E321" t="str">
            <v>CMS Revenue Protection</v>
          </cell>
          <cell r="G321" t="str">
            <v>Other</v>
          </cell>
          <cell r="H321" t="str">
            <v>CMS Revenue Protection</v>
          </cell>
          <cell r="I321">
            <v>0</v>
          </cell>
          <cell r="K321">
            <v>0</v>
          </cell>
          <cell r="M321">
            <v>1625</v>
          </cell>
          <cell r="N321">
            <v>1255</v>
          </cell>
          <cell r="O321">
            <v>370</v>
          </cell>
          <cell r="P321">
            <v>2750</v>
          </cell>
          <cell r="Q321">
            <v>2750</v>
          </cell>
          <cell r="R321">
            <v>2750</v>
          </cell>
          <cell r="S321">
            <v>0</v>
          </cell>
        </row>
        <row r="322">
          <cell r="B322">
            <v>60</v>
          </cell>
          <cell r="C322" t="str">
            <v>O&amp;M</v>
          </cell>
          <cell r="D322" t="str">
            <v>Florida C&amp;MS</v>
          </cell>
          <cell r="E322" t="str">
            <v>CMS Travel/Meals/Lodging</v>
          </cell>
          <cell r="G322" t="str">
            <v>Meals/Travel</v>
          </cell>
          <cell r="H322" t="str">
            <v>CMS Travel/Meals/Lodging</v>
          </cell>
          <cell r="I322">
            <v>0</v>
          </cell>
          <cell r="K322">
            <v>8831</v>
          </cell>
          <cell r="M322">
            <v>40662</v>
          </cell>
          <cell r="N322">
            <v>29948</v>
          </cell>
          <cell r="O322">
            <v>10714</v>
          </cell>
          <cell r="P322">
            <v>123911</v>
          </cell>
          <cell r="Q322">
            <v>123911</v>
          </cell>
          <cell r="R322">
            <v>123911</v>
          </cell>
          <cell r="S322">
            <v>0</v>
          </cell>
        </row>
        <row r="323">
          <cell r="B323">
            <v>60</v>
          </cell>
          <cell r="C323" t="str">
            <v>O&amp;M</v>
          </cell>
          <cell r="D323" t="str">
            <v>EDF Uncollectibles</v>
          </cell>
          <cell r="E323">
            <v>0</v>
          </cell>
          <cell r="G323" t="str">
            <v>Contract Labor</v>
          </cell>
          <cell r="H323">
            <v>0</v>
          </cell>
          <cell r="I323">
            <v>0</v>
          </cell>
          <cell r="K323">
            <v>49049</v>
          </cell>
          <cell r="M323">
            <v>227486</v>
          </cell>
          <cell r="N323">
            <v>282468</v>
          </cell>
          <cell r="O323">
            <v>-54982</v>
          </cell>
          <cell r="P323">
            <v>784434</v>
          </cell>
          <cell r="Q323">
            <v>784434</v>
          </cell>
          <cell r="R323">
            <v>784434</v>
          </cell>
          <cell r="S323">
            <v>0</v>
          </cell>
        </row>
        <row r="324">
          <cell r="B324">
            <v>60</v>
          </cell>
          <cell r="C324" t="str">
            <v>O&amp;M</v>
          </cell>
          <cell r="D324" t="str">
            <v>EDF Uncollectibles</v>
          </cell>
          <cell r="E324">
            <v>0</v>
          </cell>
          <cell r="G324" t="str">
            <v>Other</v>
          </cell>
          <cell r="H324">
            <v>0</v>
          </cell>
          <cell r="I324">
            <v>0</v>
          </cell>
          <cell r="K324">
            <v>342526</v>
          </cell>
          <cell r="M324">
            <v>5814761</v>
          </cell>
          <cell r="N324">
            <v>2677803</v>
          </cell>
          <cell r="O324">
            <v>3136958</v>
          </cell>
          <cell r="P324">
            <v>15715570</v>
          </cell>
          <cell r="Q324">
            <v>15715570</v>
          </cell>
          <cell r="R324">
            <v>10000000</v>
          </cell>
          <cell r="S324">
            <v>5715570</v>
          </cell>
        </row>
        <row r="325">
          <cell r="B325">
            <v>1</v>
          </cell>
          <cell r="C325" t="str">
            <v>Capital</v>
          </cell>
          <cell r="D325" t="str">
            <v>Growth</v>
          </cell>
          <cell r="E325" t="str">
            <v>Camp Lejeune</v>
          </cell>
          <cell r="G325" t="str">
            <v>Company Labor</v>
          </cell>
          <cell r="H325" t="str">
            <v>Engineering Support</v>
          </cell>
          <cell r="I325" t="str">
            <v>Large Revenue Customer</v>
          </cell>
          <cell r="K325">
            <v>4009</v>
          </cell>
          <cell r="M325">
            <v>13364</v>
          </cell>
          <cell r="N325">
            <v>10451</v>
          </cell>
          <cell r="O325">
            <v>2914</v>
          </cell>
          <cell r="P325">
            <v>59989</v>
          </cell>
          <cell r="Q325">
            <v>59989</v>
          </cell>
          <cell r="R325">
            <v>59989</v>
          </cell>
          <cell r="S325">
            <v>0</v>
          </cell>
        </row>
        <row r="326">
          <cell r="B326">
            <v>1</v>
          </cell>
          <cell r="C326" t="str">
            <v>Capital</v>
          </cell>
          <cell r="D326" t="str">
            <v>Growth</v>
          </cell>
          <cell r="E326" t="str">
            <v>Camp Lejeune</v>
          </cell>
          <cell r="G326" t="str">
            <v>Company Labor</v>
          </cell>
          <cell r="H326" t="str">
            <v>Engineering Support</v>
          </cell>
          <cell r="I326" t="str">
            <v>Large Revenue Customer</v>
          </cell>
          <cell r="K326">
            <v>2514</v>
          </cell>
          <cell r="M326">
            <v>8380</v>
          </cell>
          <cell r="N326">
            <v>6553</v>
          </cell>
          <cell r="O326">
            <v>1827</v>
          </cell>
          <cell r="P326">
            <v>37613</v>
          </cell>
          <cell r="Q326">
            <v>37613</v>
          </cell>
          <cell r="R326">
            <v>37613</v>
          </cell>
          <cell r="S326">
            <v>0</v>
          </cell>
        </row>
        <row r="327">
          <cell r="B327">
            <v>1</v>
          </cell>
          <cell r="C327" t="str">
            <v>Capital</v>
          </cell>
          <cell r="D327" t="str">
            <v>Growth</v>
          </cell>
          <cell r="E327" t="str">
            <v>Camp Lejeune</v>
          </cell>
          <cell r="G327" t="str">
            <v>Contract Labor</v>
          </cell>
          <cell r="H327" t="str">
            <v>Engineering Support</v>
          </cell>
          <cell r="I327" t="str">
            <v>Large Revenue Customer</v>
          </cell>
          <cell r="K327">
            <v>8054</v>
          </cell>
          <cell r="M327">
            <v>177096</v>
          </cell>
          <cell r="N327">
            <v>35167</v>
          </cell>
          <cell r="O327">
            <v>141929</v>
          </cell>
          <cell r="P327">
            <v>876892</v>
          </cell>
          <cell r="Q327">
            <v>876892</v>
          </cell>
          <cell r="R327">
            <v>876892</v>
          </cell>
          <cell r="S327">
            <v>0</v>
          </cell>
        </row>
        <row r="328">
          <cell r="B328">
            <v>1</v>
          </cell>
          <cell r="C328" t="str">
            <v>Capital</v>
          </cell>
          <cell r="D328" t="str">
            <v>Growth</v>
          </cell>
          <cell r="E328" t="str">
            <v>Camp Lejeune</v>
          </cell>
          <cell r="G328" t="str">
            <v>Fleet</v>
          </cell>
          <cell r="H328" t="str">
            <v>Engineering Support</v>
          </cell>
          <cell r="I328" t="str">
            <v>Large Revenue Customer</v>
          </cell>
          <cell r="K328">
            <v>0</v>
          </cell>
          <cell r="M328">
            <v>0</v>
          </cell>
          <cell r="N328">
            <v>0</v>
          </cell>
          <cell r="O328">
            <v>0</v>
          </cell>
          <cell r="P328">
            <v>30437</v>
          </cell>
          <cell r="Q328">
            <v>30437</v>
          </cell>
          <cell r="R328">
            <v>30437</v>
          </cell>
          <cell r="S328">
            <v>0</v>
          </cell>
        </row>
        <row r="329">
          <cell r="B329">
            <v>1</v>
          </cell>
          <cell r="C329" t="str">
            <v>Capital</v>
          </cell>
          <cell r="D329" t="str">
            <v>Growth</v>
          </cell>
          <cell r="E329" t="str">
            <v>Camp Lejeune</v>
          </cell>
          <cell r="G329" t="str">
            <v>Meals/Travel</v>
          </cell>
          <cell r="H329" t="str">
            <v>Engineering Support</v>
          </cell>
          <cell r="I329" t="str">
            <v>Large Revenue Customer</v>
          </cell>
          <cell r="K329">
            <v>76</v>
          </cell>
          <cell r="M329">
            <v>0</v>
          </cell>
          <cell r="N329">
            <v>308</v>
          </cell>
          <cell r="O329">
            <v>-308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</row>
        <row r="330">
          <cell r="B330">
            <v>1</v>
          </cell>
          <cell r="C330" t="str">
            <v>Capital</v>
          </cell>
          <cell r="D330" t="str">
            <v>Growth</v>
          </cell>
          <cell r="E330" t="str">
            <v>Camp Lejeune</v>
          </cell>
          <cell r="G330" t="str">
            <v>Materials</v>
          </cell>
          <cell r="H330" t="str">
            <v>Engineering Support</v>
          </cell>
          <cell r="I330" t="str">
            <v>Large Revenue Customer</v>
          </cell>
          <cell r="K330">
            <v>0</v>
          </cell>
          <cell r="M330">
            <v>0</v>
          </cell>
          <cell r="N330">
            <v>0</v>
          </cell>
          <cell r="O330">
            <v>0</v>
          </cell>
          <cell r="P330">
            <v>1392944</v>
          </cell>
          <cell r="Q330">
            <v>1392944</v>
          </cell>
          <cell r="R330">
            <v>1392944</v>
          </cell>
          <cell r="S330">
            <v>0</v>
          </cell>
        </row>
        <row r="331">
          <cell r="B331">
            <v>1</v>
          </cell>
          <cell r="C331" t="str">
            <v>Capital</v>
          </cell>
          <cell r="D331" t="str">
            <v>Growth</v>
          </cell>
          <cell r="E331" t="str">
            <v>Camp Lejeune</v>
          </cell>
          <cell r="G331" t="str">
            <v>Other</v>
          </cell>
          <cell r="H331" t="str">
            <v>Engineering Support</v>
          </cell>
          <cell r="I331" t="str">
            <v>Large Revenue Customer</v>
          </cell>
          <cell r="K331">
            <v>433</v>
          </cell>
          <cell r="M331">
            <v>24837</v>
          </cell>
          <cell r="N331">
            <v>3904</v>
          </cell>
          <cell r="O331">
            <v>20934</v>
          </cell>
          <cell r="P331">
            <v>150259</v>
          </cell>
          <cell r="Q331">
            <v>147321</v>
          </cell>
          <cell r="R331">
            <v>151197</v>
          </cell>
          <cell r="S331">
            <v>-3877</v>
          </cell>
        </row>
        <row r="332">
          <cell r="B332">
            <v>1</v>
          </cell>
          <cell r="C332" t="str">
            <v>Capital</v>
          </cell>
          <cell r="D332" t="str">
            <v>Growth</v>
          </cell>
          <cell r="E332" t="str">
            <v>Capitalized Labor-Meters</v>
          </cell>
          <cell r="G332" t="str">
            <v>Transformer &amp; meter credits</v>
          </cell>
          <cell r="H332" t="str">
            <v>Energy Information</v>
          </cell>
          <cell r="I332" t="str">
            <v>Transformer &amp; Meter Purchases</v>
          </cell>
          <cell r="K332">
            <v>195906</v>
          </cell>
          <cell r="M332">
            <v>698630</v>
          </cell>
          <cell r="N332">
            <v>485052</v>
          </cell>
          <cell r="O332">
            <v>213578</v>
          </cell>
          <cell r="P332">
            <v>1848384</v>
          </cell>
          <cell r="Q332">
            <v>1848384</v>
          </cell>
          <cell r="R332">
            <v>1848384</v>
          </cell>
          <cell r="S332">
            <v>0</v>
          </cell>
        </row>
        <row r="333">
          <cell r="B333">
            <v>1</v>
          </cell>
          <cell r="C333" t="str">
            <v>Capital</v>
          </cell>
          <cell r="D333" t="str">
            <v>Growth</v>
          </cell>
          <cell r="E333" t="str">
            <v>Capitalized Labor-Transformers</v>
          </cell>
          <cell r="G333" t="str">
            <v>Transformer &amp; meter credits</v>
          </cell>
          <cell r="H333" t="str">
            <v>Capitalized Labor-Transformers</v>
          </cell>
          <cell r="I333" t="str">
            <v>Transformer &amp; Meter Purchases</v>
          </cell>
          <cell r="K333">
            <v>306744</v>
          </cell>
          <cell r="M333">
            <v>1026374</v>
          </cell>
          <cell r="N333">
            <v>1269938</v>
          </cell>
          <cell r="O333">
            <v>-243564</v>
          </cell>
          <cell r="P333">
            <v>2650020</v>
          </cell>
          <cell r="Q333">
            <v>2650020</v>
          </cell>
          <cell r="R333">
            <v>2650020</v>
          </cell>
          <cell r="S333">
            <v>0</v>
          </cell>
        </row>
        <row r="334">
          <cell r="B334">
            <v>1</v>
          </cell>
          <cell r="C334" t="str">
            <v>Capital</v>
          </cell>
          <cell r="D334" t="str">
            <v>Growth</v>
          </cell>
          <cell r="E334" t="str">
            <v>Clayton Industrial</v>
          </cell>
          <cell r="G334" t="str">
            <v>Company Labor</v>
          </cell>
          <cell r="H334" t="str">
            <v>Engineering Support</v>
          </cell>
          <cell r="I334" t="str">
            <v>Large Revenue Customer</v>
          </cell>
          <cell r="K334">
            <v>10169</v>
          </cell>
          <cell r="M334">
            <v>36334</v>
          </cell>
          <cell r="N334">
            <v>55285</v>
          </cell>
          <cell r="O334">
            <v>-18951</v>
          </cell>
          <cell r="P334">
            <v>167212</v>
          </cell>
          <cell r="Q334">
            <v>167212</v>
          </cell>
          <cell r="R334">
            <v>167212</v>
          </cell>
          <cell r="S334">
            <v>0</v>
          </cell>
        </row>
        <row r="335">
          <cell r="B335">
            <v>1</v>
          </cell>
          <cell r="C335" t="str">
            <v>Capital</v>
          </cell>
          <cell r="D335" t="str">
            <v>Growth</v>
          </cell>
          <cell r="E335" t="str">
            <v>Clayton Industrial</v>
          </cell>
          <cell r="G335" t="str">
            <v>Company Labor</v>
          </cell>
          <cell r="H335" t="str">
            <v>Engineering Support</v>
          </cell>
          <cell r="I335" t="str">
            <v>Large Revenue Customer</v>
          </cell>
          <cell r="K335">
            <v>6384</v>
          </cell>
          <cell r="M335">
            <v>22781</v>
          </cell>
          <cell r="N335">
            <v>34838</v>
          </cell>
          <cell r="O335">
            <v>-12057</v>
          </cell>
          <cell r="P335">
            <v>104842</v>
          </cell>
          <cell r="Q335">
            <v>104842</v>
          </cell>
          <cell r="R335">
            <v>104842</v>
          </cell>
          <cell r="S335">
            <v>0</v>
          </cell>
        </row>
        <row r="336">
          <cell r="B336">
            <v>1</v>
          </cell>
          <cell r="C336" t="str">
            <v>Capital</v>
          </cell>
          <cell r="D336" t="str">
            <v>Growth</v>
          </cell>
          <cell r="E336" t="str">
            <v>Clayton Industrial</v>
          </cell>
          <cell r="G336" t="str">
            <v>Company Labor</v>
          </cell>
          <cell r="H336" t="str">
            <v>Engineering Support</v>
          </cell>
          <cell r="I336" t="str">
            <v>Large Revenue Customer</v>
          </cell>
          <cell r="K336">
            <v>40</v>
          </cell>
          <cell r="M336">
            <v>0</v>
          </cell>
          <cell r="N336">
            <v>956</v>
          </cell>
          <cell r="O336">
            <v>-956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</row>
        <row r="337">
          <cell r="B337">
            <v>1</v>
          </cell>
          <cell r="C337" t="str">
            <v>Capital</v>
          </cell>
          <cell r="D337" t="str">
            <v>Growth</v>
          </cell>
          <cell r="E337" t="str">
            <v>Clayton Industrial</v>
          </cell>
          <cell r="G337" t="str">
            <v>Contract Labor</v>
          </cell>
          <cell r="H337" t="str">
            <v>Engineering Support</v>
          </cell>
          <cell r="I337" t="str">
            <v>Large Revenue Customer</v>
          </cell>
          <cell r="K337">
            <v>157981</v>
          </cell>
          <cell r="M337">
            <v>305196</v>
          </cell>
          <cell r="N337">
            <v>362323</v>
          </cell>
          <cell r="O337">
            <v>-57128</v>
          </cell>
          <cell r="P337">
            <v>824781</v>
          </cell>
          <cell r="Q337">
            <v>824781</v>
          </cell>
          <cell r="R337">
            <v>824781</v>
          </cell>
          <cell r="S337">
            <v>0</v>
          </cell>
        </row>
        <row r="338">
          <cell r="B338">
            <v>1</v>
          </cell>
          <cell r="C338" t="str">
            <v>Capital</v>
          </cell>
          <cell r="D338" t="str">
            <v>Growth</v>
          </cell>
          <cell r="E338" t="str">
            <v>Clayton Industrial</v>
          </cell>
          <cell r="G338" t="str">
            <v>Fleet</v>
          </cell>
          <cell r="H338" t="str">
            <v>Engineering Support</v>
          </cell>
          <cell r="I338" t="str">
            <v>Large Revenue Customer</v>
          </cell>
          <cell r="K338">
            <v>159</v>
          </cell>
          <cell r="M338">
            <v>26082</v>
          </cell>
          <cell r="N338">
            <v>526</v>
          </cell>
          <cell r="O338">
            <v>25556</v>
          </cell>
          <cell r="P338">
            <v>106773</v>
          </cell>
          <cell r="Q338">
            <v>106773</v>
          </cell>
          <cell r="R338">
            <v>106773</v>
          </cell>
          <cell r="S338">
            <v>0</v>
          </cell>
        </row>
        <row r="339">
          <cell r="B339">
            <v>1</v>
          </cell>
          <cell r="C339" t="str">
            <v>Capital</v>
          </cell>
          <cell r="D339" t="str">
            <v>Growth</v>
          </cell>
          <cell r="E339" t="str">
            <v>Clayton Industrial</v>
          </cell>
          <cell r="G339" t="str">
            <v>Meals/Travel</v>
          </cell>
          <cell r="H339" t="str">
            <v>Engineering Support</v>
          </cell>
          <cell r="I339" t="str">
            <v>Large Revenue Customer</v>
          </cell>
          <cell r="K339">
            <v>25</v>
          </cell>
          <cell r="M339">
            <v>0</v>
          </cell>
          <cell r="N339">
            <v>100</v>
          </cell>
          <cell r="O339">
            <v>-100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</row>
        <row r="340">
          <cell r="B340">
            <v>1</v>
          </cell>
          <cell r="C340" t="str">
            <v>Capital</v>
          </cell>
          <cell r="D340" t="str">
            <v>Growth</v>
          </cell>
          <cell r="E340" t="str">
            <v>Clayton Industrial</v>
          </cell>
          <cell r="G340" t="str">
            <v>Materials</v>
          </cell>
          <cell r="H340" t="str">
            <v>Engineering Support</v>
          </cell>
          <cell r="I340" t="str">
            <v>Large Revenue Customer</v>
          </cell>
          <cell r="K340">
            <v>179708</v>
          </cell>
          <cell r="M340">
            <v>35920</v>
          </cell>
          <cell r="N340">
            <v>711795</v>
          </cell>
          <cell r="O340">
            <v>-675875</v>
          </cell>
          <cell r="P340">
            <v>2407435</v>
          </cell>
          <cell r="Q340">
            <v>2407435</v>
          </cell>
          <cell r="R340">
            <v>2407435</v>
          </cell>
          <cell r="S340">
            <v>0</v>
          </cell>
        </row>
        <row r="341">
          <cell r="B341">
            <v>1</v>
          </cell>
          <cell r="C341" t="str">
            <v>Capital</v>
          </cell>
          <cell r="D341" t="str">
            <v>Growth</v>
          </cell>
          <cell r="E341" t="str">
            <v>Clayton Industrial</v>
          </cell>
          <cell r="G341" t="str">
            <v>Other</v>
          </cell>
          <cell r="H341" t="str">
            <v>Engineering Support</v>
          </cell>
          <cell r="I341" t="str">
            <v>Large Revenue Customer</v>
          </cell>
          <cell r="K341">
            <v>21327</v>
          </cell>
          <cell r="M341">
            <v>42126</v>
          </cell>
          <cell r="N341">
            <v>31308</v>
          </cell>
          <cell r="O341">
            <v>10817</v>
          </cell>
          <cell r="P341">
            <v>119478</v>
          </cell>
          <cell r="Q341">
            <v>118856</v>
          </cell>
          <cell r="R341">
            <v>116245</v>
          </cell>
          <cell r="S341">
            <v>2611</v>
          </cell>
        </row>
        <row r="342">
          <cell r="B342">
            <v>1</v>
          </cell>
          <cell r="C342" t="str">
            <v>Capital</v>
          </cell>
          <cell r="D342" t="str">
            <v>Growth</v>
          </cell>
          <cell r="E342" t="str">
            <v>Large Revenue Customer</v>
          </cell>
          <cell r="G342" t="str">
            <v>Company Labor</v>
          </cell>
          <cell r="H342" t="str">
            <v>Engineering Support</v>
          </cell>
          <cell r="I342" t="str">
            <v>Large Revenue Customer</v>
          </cell>
          <cell r="K342">
            <v>13386</v>
          </cell>
          <cell r="M342">
            <v>72626</v>
          </cell>
          <cell r="N342">
            <v>72746</v>
          </cell>
          <cell r="O342">
            <v>-119</v>
          </cell>
          <cell r="P342">
            <v>191466</v>
          </cell>
          <cell r="Q342">
            <v>177686</v>
          </cell>
          <cell r="R342">
            <v>158544</v>
          </cell>
          <cell r="S342">
            <v>19142</v>
          </cell>
        </row>
        <row r="343">
          <cell r="B343">
            <v>1</v>
          </cell>
          <cell r="C343" t="str">
            <v>Capital</v>
          </cell>
          <cell r="D343" t="str">
            <v>Growth</v>
          </cell>
          <cell r="E343" t="str">
            <v>Large Revenue Customer</v>
          </cell>
          <cell r="G343" t="str">
            <v>Company Labor</v>
          </cell>
          <cell r="H343" t="str">
            <v>Engineering Support</v>
          </cell>
          <cell r="I343" t="str">
            <v>Large Revenue Customer</v>
          </cell>
          <cell r="K343">
            <v>9149</v>
          </cell>
          <cell r="M343">
            <v>45537</v>
          </cell>
          <cell r="N343">
            <v>47435</v>
          </cell>
          <cell r="O343">
            <v>-1898</v>
          </cell>
          <cell r="P343">
            <v>120050</v>
          </cell>
          <cell r="Q343">
            <v>111409</v>
          </cell>
          <cell r="R343">
            <v>100271</v>
          </cell>
          <cell r="S343">
            <v>11138</v>
          </cell>
        </row>
        <row r="344">
          <cell r="B344">
            <v>1</v>
          </cell>
          <cell r="C344" t="str">
            <v>Capital</v>
          </cell>
          <cell r="D344" t="str">
            <v>Growth</v>
          </cell>
          <cell r="E344" t="str">
            <v>Large Revenue Customer</v>
          </cell>
          <cell r="G344" t="str">
            <v>Company Labor</v>
          </cell>
          <cell r="H344" t="str">
            <v>Engineering Support</v>
          </cell>
          <cell r="I344" t="str">
            <v>Large Revenue Customer</v>
          </cell>
          <cell r="K344">
            <v>4152</v>
          </cell>
          <cell r="M344">
            <v>0</v>
          </cell>
          <cell r="N344">
            <v>10020</v>
          </cell>
          <cell r="O344">
            <v>-10020</v>
          </cell>
          <cell r="P344">
            <v>-1</v>
          </cell>
          <cell r="Q344">
            <v>-1</v>
          </cell>
          <cell r="R344">
            <v>4746</v>
          </cell>
          <cell r="S344">
            <v>-4747</v>
          </cell>
        </row>
        <row r="345">
          <cell r="B345">
            <v>1</v>
          </cell>
          <cell r="C345" t="str">
            <v>Capital</v>
          </cell>
          <cell r="D345" t="str">
            <v>Growth</v>
          </cell>
          <cell r="E345" t="str">
            <v>Large Revenue Customer</v>
          </cell>
          <cell r="G345" t="str">
            <v>Contract Labor</v>
          </cell>
          <cell r="H345" t="str">
            <v>Engineering Support</v>
          </cell>
          <cell r="I345" t="str">
            <v>Large Revenue Customer</v>
          </cell>
          <cell r="K345">
            <v>36391</v>
          </cell>
          <cell r="M345">
            <v>169189</v>
          </cell>
          <cell r="N345">
            <v>323788</v>
          </cell>
          <cell r="O345">
            <v>-154599</v>
          </cell>
          <cell r="P345">
            <v>723419</v>
          </cell>
          <cell r="Q345">
            <v>485419</v>
          </cell>
          <cell r="R345">
            <v>587545</v>
          </cell>
          <cell r="S345">
            <v>-102125</v>
          </cell>
        </row>
        <row r="346">
          <cell r="B346">
            <v>1</v>
          </cell>
          <cell r="C346" t="str">
            <v>Capital</v>
          </cell>
          <cell r="D346" t="str">
            <v>Growth</v>
          </cell>
          <cell r="E346" t="str">
            <v>Large Revenue Customer</v>
          </cell>
          <cell r="G346" t="str">
            <v>Fleet</v>
          </cell>
          <cell r="H346" t="str">
            <v>Engineering Support</v>
          </cell>
          <cell r="I346" t="str">
            <v>Large Revenue Customer</v>
          </cell>
          <cell r="K346">
            <v>2421</v>
          </cell>
          <cell r="M346">
            <v>5903</v>
          </cell>
          <cell r="N346">
            <v>14772</v>
          </cell>
          <cell r="O346">
            <v>-8870</v>
          </cell>
          <cell r="P346">
            <v>36834</v>
          </cell>
          <cell r="Q346">
            <v>15834</v>
          </cell>
          <cell r="R346">
            <v>23032</v>
          </cell>
          <cell r="S346">
            <v>-7198</v>
          </cell>
        </row>
        <row r="347">
          <cell r="B347">
            <v>1</v>
          </cell>
          <cell r="C347" t="str">
            <v>Capital</v>
          </cell>
          <cell r="D347" t="str">
            <v>Growth</v>
          </cell>
          <cell r="E347" t="str">
            <v>Large Revenue Customer</v>
          </cell>
          <cell r="G347" t="str">
            <v>Meals/Travel</v>
          </cell>
          <cell r="H347" t="str">
            <v>Engineering Support</v>
          </cell>
          <cell r="I347" t="str">
            <v>Large Revenue Customer</v>
          </cell>
          <cell r="K347">
            <v>1651</v>
          </cell>
          <cell r="M347">
            <v>0</v>
          </cell>
          <cell r="N347">
            <v>6334</v>
          </cell>
          <cell r="O347">
            <v>-6334</v>
          </cell>
          <cell r="P347">
            <v>0</v>
          </cell>
          <cell r="Q347">
            <v>0</v>
          </cell>
          <cell r="R347">
            <v>993</v>
          </cell>
          <cell r="S347">
            <v>-993</v>
          </cell>
        </row>
        <row r="348">
          <cell r="B348">
            <v>1</v>
          </cell>
          <cell r="C348" t="str">
            <v>Capital</v>
          </cell>
          <cell r="D348" t="str">
            <v>Growth</v>
          </cell>
          <cell r="E348" t="str">
            <v>Large Revenue Customer</v>
          </cell>
          <cell r="G348" t="str">
            <v>Materials</v>
          </cell>
          <cell r="H348" t="str">
            <v>Engineering Support</v>
          </cell>
          <cell r="I348" t="str">
            <v>Large Revenue Customer</v>
          </cell>
          <cell r="K348">
            <v>21205</v>
          </cell>
          <cell r="M348">
            <v>717574</v>
          </cell>
          <cell r="N348">
            <v>308605</v>
          </cell>
          <cell r="O348">
            <v>408969</v>
          </cell>
          <cell r="P348">
            <v>3659735</v>
          </cell>
          <cell r="Q348">
            <v>3239736</v>
          </cell>
          <cell r="R348">
            <v>3199854</v>
          </cell>
          <cell r="S348">
            <v>39882</v>
          </cell>
        </row>
        <row r="349">
          <cell r="B349">
            <v>1</v>
          </cell>
          <cell r="C349" t="str">
            <v>Capital</v>
          </cell>
          <cell r="D349" t="str">
            <v>Growth</v>
          </cell>
          <cell r="E349" t="str">
            <v>Large Revenue Customer</v>
          </cell>
          <cell r="G349" t="str">
            <v>Ciac</v>
          </cell>
          <cell r="H349" t="str">
            <v>Engineering Support</v>
          </cell>
          <cell r="I349" t="str">
            <v>Large Revenue Customer</v>
          </cell>
          <cell r="K349">
            <v>-8000</v>
          </cell>
          <cell r="M349">
            <v>0</v>
          </cell>
          <cell r="N349">
            <v>-24000</v>
          </cell>
          <cell r="O349">
            <v>24000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</row>
        <row r="350">
          <cell r="B350">
            <v>1</v>
          </cell>
          <cell r="C350" t="str">
            <v>Capital</v>
          </cell>
          <cell r="D350" t="str">
            <v>Growth</v>
          </cell>
          <cell r="E350" t="str">
            <v>Large Revenue Customer</v>
          </cell>
          <cell r="G350" t="str">
            <v>Hardware/Software</v>
          </cell>
          <cell r="H350" t="str">
            <v>Engineering Support</v>
          </cell>
          <cell r="I350" t="str">
            <v>Large Revenue Customer</v>
          </cell>
          <cell r="K350">
            <v>0</v>
          </cell>
          <cell r="M350">
            <v>0</v>
          </cell>
          <cell r="N350">
            <v>-8000</v>
          </cell>
          <cell r="O350">
            <v>8000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</row>
        <row r="351">
          <cell r="B351">
            <v>1</v>
          </cell>
          <cell r="C351" t="str">
            <v>Capital</v>
          </cell>
          <cell r="D351" t="str">
            <v>Growth</v>
          </cell>
          <cell r="E351" t="str">
            <v>Large Revenue Customer</v>
          </cell>
          <cell r="G351" t="str">
            <v>Rent/utilities</v>
          </cell>
          <cell r="H351" t="str">
            <v>Engineering Support</v>
          </cell>
          <cell r="I351" t="str">
            <v>Large Revenue Customer</v>
          </cell>
          <cell r="K351">
            <v>1175</v>
          </cell>
          <cell r="M351">
            <v>0</v>
          </cell>
          <cell r="N351">
            <v>2542</v>
          </cell>
          <cell r="O351">
            <v>-2542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</row>
        <row r="352">
          <cell r="B352">
            <v>1</v>
          </cell>
          <cell r="C352" t="str">
            <v>Capital</v>
          </cell>
          <cell r="D352" t="str">
            <v>Growth</v>
          </cell>
          <cell r="E352" t="str">
            <v>Large Revenue Customer</v>
          </cell>
          <cell r="G352" t="str">
            <v>Other</v>
          </cell>
          <cell r="H352" t="str">
            <v>Engineering Support</v>
          </cell>
          <cell r="I352" t="str">
            <v>Large Revenue Customer</v>
          </cell>
          <cell r="K352">
            <v>2809</v>
          </cell>
          <cell r="M352">
            <v>21554</v>
          </cell>
          <cell r="N352">
            <v>21727</v>
          </cell>
          <cell r="O352">
            <v>-172</v>
          </cell>
          <cell r="P352">
            <v>41674</v>
          </cell>
          <cell r="Q352">
            <v>41391</v>
          </cell>
          <cell r="R352">
            <v>33390</v>
          </cell>
          <cell r="S352">
            <v>8001</v>
          </cell>
        </row>
        <row r="353">
          <cell r="B353">
            <v>1</v>
          </cell>
          <cell r="C353" t="str">
            <v>Capital</v>
          </cell>
          <cell r="D353" t="str">
            <v>Growth</v>
          </cell>
          <cell r="E353" t="str">
            <v>Meter Purchases</v>
          </cell>
          <cell r="G353" t="str">
            <v>Contract Labor</v>
          </cell>
          <cell r="H353" t="str">
            <v>Energy Information</v>
          </cell>
          <cell r="I353" t="str">
            <v>Transformer &amp; Meter Purchases</v>
          </cell>
          <cell r="K353">
            <v>0</v>
          </cell>
          <cell r="M353">
            <v>26667</v>
          </cell>
          <cell r="N353">
            <v>0</v>
          </cell>
          <cell r="O353">
            <v>26667</v>
          </cell>
          <cell r="P353">
            <v>80000</v>
          </cell>
          <cell r="Q353">
            <v>80000</v>
          </cell>
          <cell r="R353">
            <v>0</v>
          </cell>
          <cell r="S353">
            <v>80000</v>
          </cell>
        </row>
        <row r="354">
          <cell r="B354">
            <v>1</v>
          </cell>
          <cell r="C354" t="str">
            <v>Capital</v>
          </cell>
          <cell r="D354" t="str">
            <v>Growth</v>
          </cell>
          <cell r="E354" t="str">
            <v>Meter Purchases</v>
          </cell>
          <cell r="G354" t="str">
            <v>Materials</v>
          </cell>
          <cell r="H354" t="str">
            <v>Energy Information</v>
          </cell>
          <cell r="I354" t="str">
            <v>Transformer &amp; Meter Purchases</v>
          </cell>
          <cell r="K354">
            <v>352121</v>
          </cell>
          <cell r="M354">
            <v>1768528</v>
          </cell>
          <cell r="N354">
            <v>1000663</v>
          </cell>
          <cell r="O354">
            <v>767865</v>
          </cell>
          <cell r="P354">
            <v>4892225</v>
          </cell>
          <cell r="Q354">
            <v>4892225</v>
          </cell>
          <cell r="R354">
            <v>4892225</v>
          </cell>
          <cell r="S354">
            <v>0</v>
          </cell>
        </row>
        <row r="355">
          <cell r="B355">
            <v>1</v>
          </cell>
          <cell r="C355" t="str">
            <v>Capital</v>
          </cell>
          <cell r="D355" t="str">
            <v>Growth</v>
          </cell>
          <cell r="E355" t="str">
            <v>Meter Purchases</v>
          </cell>
          <cell r="G355" t="str">
            <v>Ciac</v>
          </cell>
          <cell r="H355" t="str">
            <v>Energy Information</v>
          </cell>
          <cell r="I355" t="str">
            <v>Transformer &amp; Meter Purchases</v>
          </cell>
          <cell r="K355">
            <v>0</v>
          </cell>
          <cell r="M355">
            <v>0</v>
          </cell>
          <cell r="N355">
            <v>-4394</v>
          </cell>
          <cell r="O355">
            <v>439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</row>
        <row r="356">
          <cell r="B356">
            <v>1</v>
          </cell>
          <cell r="C356" t="str">
            <v>Capital</v>
          </cell>
          <cell r="D356" t="str">
            <v>Growth</v>
          </cell>
          <cell r="E356" t="str">
            <v>Rev Construction - C&amp;I</v>
          </cell>
          <cell r="G356" t="str">
            <v>Company Labor</v>
          </cell>
          <cell r="H356" t="str">
            <v>Other</v>
          </cell>
          <cell r="I356" t="str">
            <v>Rev Construction - C&amp;I</v>
          </cell>
          <cell r="K356">
            <v>269441</v>
          </cell>
          <cell r="M356">
            <v>949116</v>
          </cell>
          <cell r="N356">
            <v>1027649</v>
          </cell>
          <cell r="O356">
            <v>-78533</v>
          </cell>
          <cell r="P356">
            <v>2832896</v>
          </cell>
          <cell r="Q356">
            <v>2832896</v>
          </cell>
          <cell r="R356">
            <v>2832896</v>
          </cell>
          <cell r="S356">
            <v>0</v>
          </cell>
        </row>
        <row r="357">
          <cell r="B357">
            <v>1</v>
          </cell>
          <cell r="C357" t="str">
            <v>Capital</v>
          </cell>
          <cell r="D357" t="str">
            <v>Growth</v>
          </cell>
          <cell r="E357" t="str">
            <v>Rev Construction - C&amp;I</v>
          </cell>
          <cell r="G357" t="str">
            <v>Company Labor</v>
          </cell>
          <cell r="H357" t="str">
            <v>Rev Construction - C&amp;I</v>
          </cell>
          <cell r="I357" t="str">
            <v>Rev Construction - C&amp;I</v>
          </cell>
          <cell r="K357">
            <v>2547</v>
          </cell>
          <cell r="M357">
            <v>0</v>
          </cell>
          <cell r="N357">
            <v>2859</v>
          </cell>
          <cell r="O357">
            <v>-2859</v>
          </cell>
          <cell r="P357">
            <v>0</v>
          </cell>
          <cell r="Q357">
            <v>0</v>
          </cell>
          <cell r="R357">
            <v>19776</v>
          </cell>
          <cell r="S357">
            <v>-19776</v>
          </cell>
        </row>
        <row r="358">
          <cell r="B358">
            <v>1</v>
          </cell>
          <cell r="C358" t="str">
            <v>Capital</v>
          </cell>
          <cell r="D358" t="str">
            <v>Growth</v>
          </cell>
          <cell r="E358" t="str">
            <v>Rev Construction - C&amp;I</v>
          </cell>
          <cell r="G358" t="str">
            <v>Company Labor</v>
          </cell>
          <cell r="H358" t="str">
            <v>Lab &amp; Mat Burdens</v>
          </cell>
          <cell r="I358" t="str">
            <v>Rev Construction - C&amp;I</v>
          </cell>
          <cell r="K358">
            <v>172543</v>
          </cell>
          <cell r="M358">
            <v>602290</v>
          </cell>
          <cell r="N358">
            <v>652512</v>
          </cell>
          <cell r="O358">
            <v>-50221</v>
          </cell>
          <cell r="P358">
            <v>1795931</v>
          </cell>
          <cell r="Q358">
            <v>1795931</v>
          </cell>
          <cell r="R358">
            <v>1808330</v>
          </cell>
          <cell r="S358">
            <v>-12399</v>
          </cell>
        </row>
        <row r="359">
          <cell r="B359">
            <v>1</v>
          </cell>
          <cell r="C359" t="str">
            <v>Capital</v>
          </cell>
          <cell r="D359" t="str">
            <v>Growth</v>
          </cell>
          <cell r="E359" t="str">
            <v>Rev Construction - C&amp;I</v>
          </cell>
          <cell r="G359" t="str">
            <v>Company Labor</v>
          </cell>
          <cell r="H359" t="str">
            <v>Other</v>
          </cell>
          <cell r="I359" t="str">
            <v>Rev Construction - C&amp;I</v>
          </cell>
          <cell r="K359">
            <v>10969</v>
          </cell>
          <cell r="M359">
            <v>39528</v>
          </cell>
          <cell r="N359">
            <v>34851</v>
          </cell>
          <cell r="O359">
            <v>4677</v>
          </cell>
          <cell r="P359">
            <v>108263</v>
          </cell>
          <cell r="Q359">
            <v>108263</v>
          </cell>
          <cell r="R359">
            <v>108263</v>
          </cell>
          <cell r="S359">
            <v>0</v>
          </cell>
        </row>
        <row r="360">
          <cell r="B360">
            <v>1</v>
          </cell>
          <cell r="C360" t="str">
            <v>Capital</v>
          </cell>
          <cell r="D360" t="str">
            <v>Growth</v>
          </cell>
          <cell r="E360" t="str">
            <v>Rev Construction - C&amp;I</v>
          </cell>
          <cell r="G360" t="str">
            <v>Contract Labor</v>
          </cell>
          <cell r="H360" t="str">
            <v>Other</v>
          </cell>
          <cell r="I360" t="str">
            <v>Rev Construction - C&amp;I</v>
          </cell>
          <cell r="K360">
            <v>723183</v>
          </cell>
          <cell r="M360">
            <v>2140226</v>
          </cell>
          <cell r="N360">
            <v>2672681</v>
          </cell>
          <cell r="O360">
            <v>-532454</v>
          </cell>
          <cell r="P360">
            <v>6886474</v>
          </cell>
          <cell r="Q360">
            <v>6886474</v>
          </cell>
          <cell r="R360">
            <v>6886474</v>
          </cell>
          <cell r="S360">
            <v>0</v>
          </cell>
        </row>
        <row r="361">
          <cell r="B361">
            <v>1</v>
          </cell>
          <cell r="C361" t="str">
            <v>Capital</v>
          </cell>
          <cell r="D361" t="str">
            <v>Growth</v>
          </cell>
          <cell r="E361" t="str">
            <v>Rev Construction - C&amp;I</v>
          </cell>
          <cell r="G361" t="str">
            <v>Contract Labor</v>
          </cell>
          <cell r="H361" t="str">
            <v>Rev Construction - C&amp;I</v>
          </cell>
          <cell r="I361" t="str">
            <v>Rev Construction - C&amp;I</v>
          </cell>
          <cell r="K361">
            <v>0</v>
          </cell>
          <cell r="M361">
            <v>0</v>
          </cell>
          <cell r="N361">
            <v>-2604</v>
          </cell>
          <cell r="O361">
            <v>2604</v>
          </cell>
          <cell r="P361">
            <v>0</v>
          </cell>
          <cell r="Q361">
            <v>0</v>
          </cell>
          <cell r="R361">
            <v>25175</v>
          </cell>
          <cell r="S361">
            <v>-25175</v>
          </cell>
        </row>
        <row r="362">
          <cell r="B362">
            <v>1</v>
          </cell>
          <cell r="C362" t="str">
            <v>Capital</v>
          </cell>
          <cell r="D362" t="str">
            <v>Growth</v>
          </cell>
          <cell r="E362" t="str">
            <v>Rev Construction - C&amp;I</v>
          </cell>
          <cell r="G362" t="str">
            <v>Fleet</v>
          </cell>
          <cell r="H362" t="str">
            <v>Other</v>
          </cell>
          <cell r="I362" t="str">
            <v>Rev Construction - C&amp;I</v>
          </cell>
          <cell r="K362">
            <v>81291</v>
          </cell>
          <cell r="M362">
            <v>307824</v>
          </cell>
          <cell r="N362">
            <v>303196</v>
          </cell>
          <cell r="O362">
            <v>4628</v>
          </cell>
          <cell r="P362">
            <v>717366</v>
          </cell>
          <cell r="Q362">
            <v>717366</v>
          </cell>
          <cell r="R362">
            <v>717366</v>
          </cell>
          <cell r="S362">
            <v>0</v>
          </cell>
        </row>
        <row r="363">
          <cell r="B363">
            <v>1</v>
          </cell>
          <cell r="C363" t="str">
            <v>Capital</v>
          </cell>
          <cell r="D363" t="str">
            <v>Growth</v>
          </cell>
          <cell r="E363" t="str">
            <v>Rev Construction - C&amp;I</v>
          </cell>
          <cell r="G363" t="str">
            <v>Fleet</v>
          </cell>
          <cell r="H363" t="str">
            <v>Rev Construction - C&amp;I</v>
          </cell>
          <cell r="I363" t="str">
            <v>Rev Construction - C&amp;I</v>
          </cell>
          <cell r="K363">
            <v>0</v>
          </cell>
          <cell r="M363">
            <v>0</v>
          </cell>
          <cell r="N363">
            <v>0</v>
          </cell>
          <cell r="O363">
            <v>0</v>
          </cell>
          <cell r="P363">
            <v>0</v>
          </cell>
          <cell r="Q363">
            <v>0</v>
          </cell>
          <cell r="R363">
            <v>4900</v>
          </cell>
          <cell r="S363">
            <v>-4900</v>
          </cell>
        </row>
        <row r="364">
          <cell r="B364">
            <v>1</v>
          </cell>
          <cell r="C364" t="str">
            <v>Capital</v>
          </cell>
          <cell r="D364" t="str">
            <v>Growth</v>
          </cell>
          <cell r="E364" t="str">
            <v>Rev Construction - C&amp;I</v>
          </cell>
          <cell r="G364" t="str">
            <v>Meals/Travel</v>
          </cell>
          <cell r="H364" t="str">
            <v>Other</v>
          </cell>
          <cell r="I364" t="str">
            <v>Rev Construction - C&amp;I</v>
          </cell>
          <cell r="K364">
            <v>-726</v>
          </cell>
          <cell r="M364">
            <v>0</v>
          </cell>
          <cell r="N364">
            <v>-761</v>
          </cell>
          <cell r="O364">
            <v>761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</row>
        <row r="365">
          <cell r="B365">
            <v>1</v>
          </cell>
          <cell r="C365" t="str">
            <v>Capital</v>
          </cell>
          <cell r="D365" t="str">
            <v>Growth</v>
          </cell>
          <cell r="E365" t="str">
            <v>Rev Construction - C&amp;I</v>
          </cell>
          <cell r="G365" t="str">
            <v>Meals/Travel</v>
          </cell>
          <cell r="H365" t="str">
            <v>Rev Construction - C&amp;I</v>
          </cell>
          <cell r="I365" t="str">
            <v>Rev Construction - C&amp;I</v>
          </cell>
          <cell r="K365">
            <v>171</v>
          </cell>
          <cell r="M365">
            <v>0</v>
          </cell>
          <cell r="N365">
            <v>171</v>
          </cell>
          <cell r="O365">
            <v>-171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</row>
        <row r="366">
          <cell r="B366">
            <v>1</v>
          </cell>
          <cell r="C366" t="str">
            <v>Capital</v>
          </cell>
          <cell r="D366" t="str">
            <v>Growth</v>
          </cell>
          <cell r="E366" t="str">
            <v>Rev Construction - C&amp;I</v>
          </cell>
          <cell r="G366" t="str">
            <v>Materials</v>
          </cell>
          <cell r="H366" t="str">
            <v>Lab &amp; Mat Burdens</v>
          </cell>
          <cell r="I366" t="str">
            <v>Rev Construction - C&amp;I</v>
          </cell>
          <cell r="K366">
            <v>56768</v>
          </cell>
          <cell r="M366">
            <v>210892</v>
          </cell>
          <cell r="N366">
            <v>193326</v>
          </cell>
          <cell r="O366">
            <v>17566</v>
          </cell>
          <cell r="P366">
            <v>640914</v>
          </cell>
          <cell r="Q366">
            <v>640914</v>
          </cell>
          <cell r="R366">
            <v>654605</v>
          </cell>
          <cell r="S366">
            <v>-13690</v>
          </cell>
        </row>
        <row r="367">
          <cell r="B367">
            <v>1</v>
          </cell>
          <cell r="C367" t="str">
            <v>Capital</v>
          </cell>
          <cell r="D367" t="str">
            <v>Growth</v>
          </cell>
          <cell r="E367" t="str">
            <v>Rev Construction - C&amp;I</v>
          </cell>
          <cell r="G367" t="str">
            <v>Materials</v>
          </cell>
          <cell r="H367" t="str">
            <v>Other</v>
          </cell>
          <cell r="I367" t="str">
            <v>Rev Construction - C&amp;I</v>
          </cell>
          <cell r="K367">
            <v>496454</v>
          </cell>
          <cell r="M367">
            <v>1469627</v>
          </cell>
          <cell r="N367">
            <v>1554476</v>
          </cell>
          <cell r="O367">
            <v>-84849</v>
          </cell>
          <cell r="P367">
            <v>4466558</v>
          </cell>
          <cell r="Q367">
            <v>4466558</v>
          </cell>
          <cell r="R367">
            <v>4466558</v>
          </cell>
          <cell r="S367">
            <v>0</v>
          </cell>
        </row>
        <row r="368">
          <cell r="B368">
            <v>1</v>
          </cell>
          <cell r="C368" t="str">
            <v>Capital</v>
          </cell>
          <cell r="D368" t="str">
            <v>Growth</v>
          </cell>
          <cell r="E368" t="str">
            <v>Rev Construction - C&amp;I</v>
          </cell>
          <cell r="G368" t="str">
            <v>Materials</v>
          </cell>
          <cell r="H368" t="str">
            <v>Rev Construction - C&amp;I</v>
          </cell>
          <cell r="I368" t="str">
            <v>Rev Construction - C&amp;I</v>
          </cell>
          <cell r="K368">
            <v>0</v>
          </cell>
          <cell r="M368">
            <v>0</v>
          </cell>
          <cell r="N368">
            <v>0</v>
          </cell>
          <cell r="O368">
            <v>0</v>
          </cell>
          <cell r="P368">
            <v>0</v>
          </cell>
          <cell r="Q368">
            <v>0</v>
          </cell>
          <cell r="R368">
            <v>99930</v>
          </cell>
          <cell r="S368">
            <v>-99930</v>
          </cell>
        </row>
        <row r="369">
          <cell r="B369">
            <v>1</v>
          </cell>
          <cell r="C369" t="str">
            <v>Capital</v>
          </cell>
          <cell r="D369" t="str">
            <v>Growth</v>
          </cell>
          <cell r="E369" t="str">
            <v>Rev Construction - C&amp;I</v>
          </cell>
          <cell r="G369" t="str">
            <v>Ciac</v>
          </cell>
          <cell r="H369" t="str">
            <v>Other</v>
          </cell>
          <cell r="I369" t="str">
            <v>Rev Construction - C&amp;I</v>
          </cell>
          <cell r="K369">
            <v>-251480</v>
          </cell>
          <cell r="M369">
            <v>-961031</v>
          </cell>
          <cell r="N369">
            <v>-729485</v>
          </cell>
          <cell r="O369">
            <v>-231547</v>
          </cell>
          <cell r="P369">
            <v>-2883094</v>
          </cell>
          <cell r="Q369">
            <v>-2883094</v>
          </cell>
          <cell r="R369">
            <v>-2883094</v>
          </cell>
          <cell r="S369">
            <v>0</v>
          </cell>
        </row>
        <row r="370">
          <cell r="B370">
            <v>1</v>
          </cell>
          <cell r="C370" t="str">
            <v>Capital</v>
          </cell>
          <cell r="D370" t="str">
            <v>Growth</v>
          </cell>
          <cell r="E370" t="str">
            <v>Rev Construction - C&amp;I</v>
          </cell>
          <cell r="G370" t="str">
            <v>Other</v>
          </cell>
          <cell r="H370" t="str">
            <v>Lab &amp; Mat Burdens</v>
          </cell>
          <cell r="I370" t="str">
            <v>Rev Construction - C&amp;I</v>
          </cell>
          <cell r="K370">
            <v>369</v>
          </cell>
          <cell r="M370">
            <v>0</v>
          </cell>
          <cell r="N370">
            <v>400</v>
          </cell>
          <cell r="O370">
            <v>-400</v>
          </cell>
          <cell r="P370">
            <v>0</v>
          </cell>
          <cell r="Q370">
            <v>0</v>
          </cell>
          <cell r="R370">
            <v>4381</v>
          </cell>
          <cell r="S370">
            <v>-4381</v>
          </cell>
        </row>
        <row r="371">
          <cell r="B371">
            <v>1</v>
          </cell>
          <cell r="C371" t="str">
            <v>Capital</v>
          </cell>
          <cell r="D371" t="str">
            <v>Growth</v>
          </cell>
          <cell r="E371" t="str">
            <v>Rev Construction - C&amp;I</v>
          </cell>
          <cell r="G371" t="str">
            <v>Other</v>
          </cell>
          <cell r="H371" t="str">
            <v>Other</v>
          </cell>
          <cell r="I371" t="str">
            <v>Rev Construction - C&amp;I</v>
          </cell>
          <cell r="K371">
            <v>128</v>
          </cell>
          <cell r="M371">
            <v>0</v>
          </cell>
          <cell r="N371">
            <v>13140</v>
          </cell>
          <cell r="O371">
            <v>-13140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</row>
        <row r="372">
          <cell r="B372">
            <v>1</v>
          </cell>
          <cell r="C372" t="str">
            <v>Capital</v>
          </cell>
          <cell r="D372" t="str">
            <v>Growth</v>
          </cell>
          <cell r="E372" t="str">
            <v>Rev Construction - Lighting</v>
          </cell>
          <cell r="G372" t="str">
            <v>Company Labor</v>
          </cell>
          <cell r="H372" t="str">
            <v>Other</v>
          </cell>
          <cell r="I372" t="str">
            <v>Rev Construction - Lighting</v>
          </cell>
          <cell r="K372">
            <v>195224</v>
          </cell>
          <cell r="M372">
            <v>733912</v>
          </cell>
          <cell r="N372">
            <v>832986</v>
          </cell>
          <cell r="O372">
            <v>-99074</v>
          </cell>
          <cell r="P372">
            <v>2111779</v>
          </cell>
          <cell r="Q372">
            <v>2111779</v>
          </cell>
          <cell r="R372">
            <v>2111779</v>
          </cell>
          <cell r="S372">
            <v>0</v>
          </cell>
        </row>
        <row r="373">
          <cell r="B373">
            <v>1</v>
          </cell>
          <cell r="C373" t="str">
            <v>Capital</v>
          </cell>
          <cell r="D373" t="str">
            <v>Growth</v>
          </cell>
          <cell r="E373" t="str">
            <v>Rev Construction - Lighting</v>
          </cell>
          <cell r="G373" t="str">
            <v>Company Labor</v>
          </cell>
          <cell r="H373" t="str">
            <v>Lab &amp; Mat Burdens</v>
          </cell>
          <cell r="I373" t="str">
            <v>Rev Construction - Lighting</v>
          </cell>
          <cell r="K373">
            <v>123021</v>
          </cell>
          <cell r="M373">
            <v>465015</v>
          </cell>
          <cell r="N373">
            <v>524945</v>
          </cell>
          <cell r="O373">
            <v>-59931</v>
          </cell>
          <cell r="P373">
            <v>1332236</v>
          </cell>
          <cell r="Q373">
            <v>1332236</v>
          </cell>
          <cell r="R373">
            <v>1332236</v>
          </cell>
          <cell r="S373">
            <v>0</v>
          </cell>
        </row>
        <row r="374">
          <cell r="B374">
            <v>1</v>
          </cell>
          <cell r="C374" t="str">
            <v>Capital</v>
          </cell>
          <cell r="D374" t="str">
            <v>Growth</v>
          </cell>
          <cell r="E374" t="str">
            <v>Rev Construction - Lighting</v>
          </cell>
          <cell r="G374" t="str">
            <v>Company Labor</v>
          </cell>
          <cell r="H374" t="str">
            <v>Other</v>
          </cell>
          <cell r="I374" t="str">
            <v>Rev Construction - Lighting</v>
          </cell>
          <cell r="K374">
            <v>3242</v>
          </cell>
          <cell r="M374">
            <v>26656</v>
          </cell>
          <cell r="N374">
            <v>14293</v>
          </cell>
          <cell r="O374">
            <v>12363</v>
          </cell>
          <cell r="P374">
            <v>44777</v>
          </cell>
          <cell r="Q374">
            <v>44777</v>
          </cell>
          <cell r="R374">
            <v>44777</v>
          </cell>
          <cell r="S374">
            <v>0</v>
          </cell>
        </row>
        <row r="375">
          <cell r="B375">
            <v>1</v>
          </cell>
          <cell r="C375" t="str">
            <v>Capital</v>
          </cell>
          <cell r="D375" t="str">
            <v>Growth</v>
          </cell>
          <cell r="E375" t="str">
            <v>Rev Construction - Lighting</v>
          </cell>
          <cell r="G375" t="str">
            <v>Contract Labor</v>
          </cell>
          <cell r="H375" t="str">
            <v>Other</v>
          </cell>
          <cell r="I375" t="str">
            <v>Rev Construction - Lighting</v>
          </cell>
          <cell r="K375">
            <v>240202</v>
          </cell>
          <cell r="M375">
            <v>825278</v>
          </cell>
          <cell r="N375">
            <v>1093068</v>
          </cell>
          <cell r="O375">
            <v>-267790</v>
          </cell>
          <cell r="P375">
            <v>2671759</v>
          </cell>
          <cell r="Q375">
            <v>2671759</v>
          </cell>
          <cell r="R375">
            <v>2671759</v>
          </cell>
          <cell r="S375">
            <v>0</v>
          </cell>
        </row>
        <row r="376">
          <cell r="B376">
            <v>1</v>
          </cell>
          <cell r="C376" t="str">
            <v>Capital</v>
          </cell>
          <cell r="D376" t="str">
            <v>Growth</v>
          </cell>
          <cell r="E376" t="str">
            <v>Rev Construction - Lighting</v>
          </cell>
          <cell r="G376" t="str">
            <v>Fleet</v>
          </cell>
          <cell r="H376" t="str">
            <v>Other</v>
          </cell>
          <cell r="I376" t="str">
            <v>Rev Construction - Lighting</v>
          </cell>
          <cell r="K376">
            <v>58664</v>
          </cell>
          <cell r="M376">
            <v>202244</v>
          </cell>
          <cell r="N376">
            <v>256767</v>
          </cell>
          <cell r="O376">
            <v>-54524</v>
          </cell>
          <cell r="P376">
            <v>549993</v>
          </cell>
          <cell r="Q376">
            <v>549993</v>
          </cell>
          <cell r="R376">
            <v>549993</v>
          </cell>
          <cell r="S376">
            <v>0</v>
          </cell>
        </row>
        <row r="377">
          <cell r="B377">
            <v>1</v>
          </cell>
          <cell r="C377" t="str">
            <v>Capital</v>
          </cell>
          <cell r="D377" t="str">
            <v>Growth</v>
          </cell>
          <cell r="E377" t="str">
            <v>Rev Construction - Lighting</v>
          </cell>
          <cell r="G377" t="str">
            <v>Meals/Travel</v>
          </cell>
          <cell r="H377" t="str">
            <v>Other</v>
          </cell>
          <cell r="I377" t="str">
            <v>Rev Construction - Lighting</v>
          </cell>
          <cell r="K377">
            <v>1511</v>
          </cell>
          <cell r="M377">
            <v>27663</v>
          </cell>
          <cell r="N377">
            <v>7566</v>
          </cell>
          <cell r="O377">
            <v>20097</v>
          </cell>
          <cell r="P377">
            <v>27663</v>
          </cell>
          <cell r="Q377">
            <v>27663</v>
          </cell>
          <cell r="R377">
            <v>27663</v>
          </cell>
          <cell r="S377">
            <v>0</v>
          </cell>
        </row>
        <row r="378">
          <cell r="B378">
            <v>1</v>
          </cell>
          <cell r="C378" t="str">
            <v>Capital</v>
          </cell>
          <cell r="D378" t="str">
            <v>Growth</v>
          </cell>
          <cell r="E378" t="str">
            <v>Rev Construction - Lighting</v>
          </cell>
          <cell r="G378" t="str">
            <v>Materials</v>
          </cell>
          <cell r="H378" t="str">
            <v>Lab &amp; Mat Burdens</v>
          </cell>
          <cell r="I378" t="str">
            <v>Rev Construction - Lighting</v>
          </cell>
          <cell r="K378">
            <v>44910</v>
          </cell>
          <cell r="M378">
            <v>190391</v>
          </cell>
          <cell r="N378">
            <v>200811</v>
          </cell>
          <cell r="O378">
            <v>-10420</v>
          </cell>
          <cell r="P378">
            <v>719076</v>
          </cell>
          <cell r="Q378">
            <v>719076</v>
          </cell>
          <cell r="R378">
            <v>719076</v>
          </cell>
          <cell r="S378">
            <v>0</v>
          </cell>
        </row>
        <row r="379">
          <cell r="B379">
            <v>1</v>
          </cell>
          <cell r="C379" t="str">
            <v>Capital</v>
          </cell>
          <cell r="D379" t="str">
            <v>Growth</v>
          </cell>
          <cell r="E379" t="str">
            <v>Rev Construction - Lighting</v>
          </cell>
          <cell r="G379" t="str">
            <v>Materials</v>
          </cell>
          <cell r="H379" t="str">
            <v>Other</v>
          </cell>
          <cell r="I379" t="str">
            <v>Rev Construction - Lighting</v>
          </cell>
          <cell r="K379">
            <v>350004</v>
          </cell>
          <cell r="M379">
            <v>1263705</v>
          </cell>
          <cell r="N379">
            <v>1553797</v>
          </cell>
          <cell r="O379">
            <v>-290092</v>
          </cell>
          <cell r="P379">
            <v>4904337</v>
          </cell>
          <cell r="Q379">
            <v>4904337</v>
          </cell>
          <cell r="R379">
            <v>4904337</v>
          </cell>
          <cell r="S379">
            <v>0</v>
          </cell>
        </row>
        <row r="380">
          <cell r="B380">
            <v>1</v>
          </cell>
          <cell r="C380" t="str">
            <v>Capital</v>
          </cell>
          <cell r="D380" t="str">
            <v>Growth</v>
          </cell>
          <cell r="E380" t="str">
            <v>Rev Construction - Lighting</v>
          </cell>
          <cell r="G380" t="str">
            <v>Materials</v>
          </cell>
          <cell r="H380" t="str">
            <v>Region Other</v>
          </cell>
          <cell r="I380" t="str">
            <v>Rev Construction - Lighting</v>
          </cell>
          <cell r="K380">
            <v>0</v>
          </cell>
          <cell r="M380">
            <v>0</v>
          </cell>
          <cell r="N380">
            <v>0</v>
          </cell>
          <cell r="O380">
            <v>0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</row>
        <row r="381">
          <cell r="B381">
            <v>1</v>
          </cell>
          <cell r="C381" t="str">
            <v>Capital</v>
          </cell>
          <cell r="D381" t="str">
            <v>Growth</v>
          </cell>
          <cell r="E381" t="str">
            <v>Rev Construction - Lighting</v>
          </cell>
          <cell r="G381" t="str">
            <v>Ciac</v>
          </cell>
          <cell r="H381" t="str">
            <v>Other</v>
          </cell>
          <cell r="I381" t="str">
            <v>Rev Construction - Lighting</v>
          </cell>
          <cell r="K381">
            <v>-9124</v>
          </cell>
          <cell r="M381">
            <v>-109360</v>
          </cell>
          <cell r="N381">
            <v>-59553</v>
          </cell>
          <cell r="O381">
            <v>-49807</v>
          </cell>
          <cell r="P381">
            <v>-328080</v>
          </cell>
          <cell r="Q381">
            <v>-328080</v>
          </cell>
          <cell r="R381">
            <v>-328080</v>
          </cell>
          <cell r="S381">
            <v>0</v>
          </cell>
        </row>
        <row r="382">
          <cell r="B382">
            <v>1</v>
          </cell>
          <cell r="C382" t="str">
            <v>Capital</v>
          </cell>
          <cell r="D382" t="str">
            <v>Growth</v>
          </cell>
          <cell r="E382" t="str">
            <v>Rev Construction - Residential</v>
          </cell>
          <cell r="G382" t="str">
            <v>Company Labor</v>
          </cell>
          <cell r="H382" t="str">
            <v>Other</v>
          </cell>
          <cell r="I382" t="str">
            <v>Rev Construction - Residential</v>
          </cell>
          <cell r="K382">
            <v>380896</v>
          </cell>
          <cell r="M382">
            <v>808965</v>
          </cell>
          <cell r="N382">
            <v>1557566</v>
          </cell>
          <cell r="O382">
            <v>-748600</v>
          </cell>
          <cell r="P382">
            <v>3109713</v>
          </cell>
          <cell r="Q382">
            <v>3109713</v>
          </cell>
          <cell r="R382">
            <v>3109713</v>
          </cell>
          <cell r="S382">
            <v>0</v>
          </cell>
        </row>
        <row r="383">
          <cell r="B383">
            <v>1</v>
          </cell>
          <cell r="C383" t="str">
            <v>Capital</v>
          </cell>
          <cell r="D383" t="str">
            <v>Growth</v>
          </cell>
          <cell r="E383" t="str">
            <v>Rev Construction - Residential</v>
          </cell>
          <cell r="G383" t="str">
            <v>Company Labor</v>
          </cell>
          <cell r="H383" t="str">
            <v>Lab &amp; Mat Burdens</v>
          </cell>
          <cell r="I383" t="str">
            <v>Rev Construction - Residential</v>
          </cell>
          <cell r="K383">
            <v>241758</v>
          </cell>
          <cell r="M383">
            <v>515966</v>
          </cell>
          <cell r="N383">
            <v>987104</v>
          </cell>
          <cell r="O383">
            <v>-471138</v>
          </cell>
          <cell r="P383">
            <v>1976939</v>
          </cell>
          <cell r="Q383">
            <v>1976939</v>
          </cell>
          <cell r="R383">
            <v>1976939</v>
          </cell>
          <cell r="S383">
            <v>0</v>
          </cell>
        </row>
        <row r="384">
          <cell r="B384">
            <v>1</v>
          </cell>
          <cell r="C384" t="str">
            <v>Capital</v>
          </cell>
          <cell r="D384" t="str">
            <v>Growth</v>
          </cell>
          <cell r="E384" t="str">
            <v>Rev Construction - Residential</v>
          </cell>
          <cell r="G384" t="str">
            <v>Company Labor</v>
          </cell>
          <cell r="H384" t="str">
            <v>Other</v>
          </cell>
          <cell r="I384" t="str">
            <v>Rev Construction - Residential</v>
          </cell>
          <cell r="K384">
            <v>16105</v>
          </cell>
          <cell r="M384">
            <v>48049</v>
          </cell>
          <cell r="N384">
            <v>57543</v>
          </cell>
          <cell r="O384">
            <v>-9494</v>
          </cell>
          <cell r="P384">
            <v>149165</v>
          </cell>
          <cell r="Q384">
            <v>149165</v>
          </cell>
          <cell r="R384">
            <v>149165</v>
          </cell>
          <cell r="S384">
            <v>0</v>
          </cell>
        </row>
        <row r="385">
          <cell r="B385">
            <v>1</v>
          </cell>
          <cell r="C385" t="str">
            <v>Capital</v>
          </cell>
          <cell r="D385" t="str">
            <v>Growth</v>
          </cell>
          <cell r="E385" t="str">
            <v>Rev Construction - Residential</v>
          </cell>
          <cell r="G385" t="str">
            <v>Contract Labor</v>
          </cell>
          <cell r="H385" t="str">
            <v>Other</v>
          </cell>
          <cell r="I385" t="str">
            <v>Rev Construction - Residential</v>
          </cell>
          <cell r="K385">
            <v>686387</v>
          </cell>
          <cell r="M385">
            <v>2644766</v>
          </cell>
          <cell r="N385">
            <v>2783214</v>
          </cell>
          <cell r="O385">
            <v>-138448</v>
          </cell>
          <cell r="P385">
            <v>8237936</v>
          </cell>
          <cell r="Q385">
            <v>8237936</v>
          </cell>
          <cell r="R385">
            <v>8237936</v>
          </cell>
          <cell r="S385">
            <v>0</v>
          </cell>
        </row>
        <row r="386">
          <cell r="B386">
            <v>1</v>
          </cell>
          <cell r="C386" t="str">
            <v>Capital</v>
          </cell>
          <cell r="D386" t="str">
            <v>Growth</v>
          </cell>
          <cell r="E386" t="str">
            <v>Rev Construction - Residential</v>
          </cell>
          <cell r="G386" t="str">
            <v>Fleet</v>
          </cell>
          <cell r="H386" t="str">
            <v>Other</v>
          </cell>
          <cell r="I386" t="str">
            <v>Rev Construction - Residential</v>
          </cell>
          <cell r="K386">
            <v>90741</v>
          </cell>
          <cell r="M386">
            <v>304006</v>
          </cell>
          <cell r="N386">
            <v>377577</v>
          </cell>
          <cell r="O386">
            <v>-73571</v>
          </cell>
          <cell r="P386">
            <v>803614</v>
          </cell>
          <cell r="Q386">
            <v>803614</v>
          </cell>
          <cell r="R386">
            <v>803614</v>
          </cell>
          <cell r="S386">
            <v>0</v>
          </cell>
        </row>
        <row r="387">
          <cell r="B387">
            <v>1</v>
          </cell>
          <cell r="C387" t="str">
            <v>Capital</v>
          </cell>
          <cell r="D387" t="str">
            <v>Growth</v>
          </cell>
          <cell r="E387" t="str">
            <v>Rev Construction - Residential</v>
          </cell>
          <cell r="G387" t="str">
            <v>Meals/Travel</v>
          </cell>
          <cell r="H387" t="str">
            <v>Other</v>
          </cell>
          <cell r="I387" t="str">
            <v>Rev Construction - Residential</v>
          </cell>
          <cell r="K387">
            <v>2143</v>
          </cell>
          <cell r="M387">
            <v>4251</v>
          </cell>
          <cell r="N387">
            <v>11948</v>
          </cell>
          <cell r="O387">
            <v>-7697</v>
          </cell>
          <cell r="P387">
            <v>29450</v>
          </cell>
          <cell r="Q387">
            <v>29450</v>
          </cell>
          <cell r="R387">
            <v>29450</v>
          </cell>
          <cell r="S387">
            <v>0</v>
          </cell>
        </row>
        <row r="388">
          <cell r="B388">
            <v>1</v>
          </cell>
          <cell r="C388" t="str">
            <v>Capital</v>
          </cell>
          <cell r="D388" t="str">
            <v>Growth</v>
          </cell>
          <cell r="E388" t="str">
            <v>Rev Construction - Residential</v>
          </cell>
          <cell r="G388" t="str">
            <v>Materials</v>
          </cell>
          <cell r="H388" t="str">
            <v>Lab &amp; Mat Burdens</v>
          </cell>
          <cell r="I388" t="str">
            <v>Rev Construction - Residential</v>
          </cell>
          <cell r="K388">
            <v>42900</v>
          </cell>
          <cell r="M388">
            <v>177701</v>
          </cell>
          <cell r="N388">
            <v>187150</v>
          </cell>
          <cell r="O388">
            <v>-9449</v>
          </cell>
          <cell r="P388">
            <v>610997</v>
          </cell>
          <cell r="Q388">
            <v>610997</v>
          </cell>
          <cell r="R388">
            <v>610997</v>
          </cell>
          <cell r="S388">
            <v>0</v>
          </cell>
        </row>
        <row r="389">
          <cell r="B389">
            <v>1</v>
          </cell>
          <cell r="C389" t="str">
            <v>Capital</v>
          </cell>
          <cell r="D389" t="str">
            <v>Growth</v>
          </cell>
          <cell r="E389" t="str">
            <v>Rev Construction - Residential</v>
          </cell>
          <cell r="G389" t="str">
            <v>Materials</v>
          </cell>
          <cell r="H389" t="str">
            <v>Other</v>
          </cell>
          <cell r="I389" t="str">
            <v>Rev Construction - Residential</v>
          </cell>
          <cell r="K389">
            <v>337507</v>
          </cell>
          <cell r="M389">
            <v>1268390</v>
          </cell>
          <cell r="N389">
            <v>1463840</v>
          </cell>
          <cell r="O389">
            <v>-195450</v>
          </cell>
          <cell r="P389">
            <v>4351923</v>
          </cell>
          <cell r="Q389">
            <v>4351923</v>
          </cell>
          <cell r="R389">
            <v>4351923</v>
          </cell>
          <cell r="S389">
            <v>0</v>
          </cell>
        </row>
        <row r="390">
          <cell r="B390">
            <v>1</v>
          </cell>
          <cell r="C390" t="str">
            <v>Capital</v>
          </cell>
          <cell r="D390" t="str">
            <v>Growth</v>
          </cell>
          <cell r="E390" t="str">
            <v>Rev Construction - Residential</v>
          </cell>
          <cell r="G390" t="str">
            <v>Ciac</v>
          </cell>
          <cell r="H390" t="str">
            <v>Other</v>
          </cell>
          <cell r="I390" t="str">
            <v>Rev Construction - Residential</v>
          </cell>
          <cell r="K390">
            <v>-697681</v>
          </cell>
          <cell r="M390">
            <v>-1251787</v>
          </cell>
          <cell r="N390">
            <v>-1994120</v>
          </cell>
          <cell r="O390">
            <v>742333</v>
          </cell>
          <cell r="P390">
            <v>-3755362</v>
          </cell>
          <cell r="Q390">
            <v>-3755362</v>
          </cell>
          <cell r="R390">
            <v>-3755362</v>
          </cell>
          <cell r="S390">
            <v>0</v>
          </cell>
        </row>
        <row r="391">
          <cell r="B391">
            <v>1</v>
          </cell>
          <cell r="C391" t="str">
            <v>Capital</v>
          </cell>
          <cell r="D391" t="str">
            <v>Growth</v>
          </cell>
          <cell r="E391" t="str">
            <v>Rev Construction - Residential</v>
          </cell>
          <cell r="G391" t="str">
            <v>Other</v>
          </cell>
          <cell r="H391" t="str">
            <v>Other</v>
          </cell>
          <cell r="I391" t="str">
            <v>Rev Construction - Residential</v>
          </cell>
          <cell r="K391">
            <v>82</v>
          </cell>
          <cell r="M391">
            <v>0</v>
          </cell>
          <cell r="N391">
            <v>545</v>
          </cell>
          <cell r="O391">
            <v>-545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</row>
        <row r="392">
          <cell r="B392">
            <v>1</v>
          </cell>
          <cell r="C392" t="str">
            <v>Capital</v>
          </cell>
          <cell r="D392" t="str">
            <v>Growth</v>
          </cell>
          <cell r="E392" t="str">
            <v>Transformer Purchases</v>
          </cell>
          <cell r="G392" t="str">
            <v>Materials</v>
          </cell>
          <cell r="H392" t="str">
            <v>Transformer Purchases</v>
          </cell>
          <cell r="I392" t="str">
            <v>Transformer &amp; Meter Purchases</v>
          </cell>
          <cell r="K392">
            <v>1392696</v>
          </cell>
          <cell r="M392">
            <v>7319240</v>
          </cell>
          <cell r="N392">
            <v>7471429</v>
          </cell>
          <cell r="O392">
            <v>-152189</v>
          </cell>
          <cell r="P392">
            <v>18722658</v>
          </cell>
          <cell r="Q392">
            <v>18722658</v>
          </cell>
          <cell r="R392">
            <v>18722658</v>
          </cell>
          <cell r="S392">
            <v>0</v>
          </cell>
        </row>
        <row r="393">
          <cell r="B393">
            <v>1</v>
          </cell>
          <cell r="C393" t="str">
            <v>Capital</v>
          </cell>
          <cell r="D393" t="str">
            <v>Growth</v>
          </cell>
          <cell r="E393" t="str">
            <v>Transformer Purchases</v>
          </cell>
          <cell r="G393" t="str">
            <v>Ciac</v>
          </cell>
          <cell r="H393" t="str">
            <v>Transformer Purchases</v>
          </cell>
          <cell r="I393" t="str">
            <v>Transformer &amp; Meter Purchases</v>
          </cell>
          <cell r="K393">
            <v>-12950</v>
          </cell>
          <cell r="M393">
            <v>0</v>
          </cell>
          <cell r="N393">
            <v>-119482</v>
          </cell>
          <cell r="O393">
            <v>119482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</row>
        <row r="394">
          <cell r="B394">
            <v>1</v>
          </cell>
          <cell r="C394" t="str">
            <v>Capital</v>
          </cell>
          <cell r="D394" t="str">
            <v>Base</v>
          </cell>
          <cell r="E394" t="str">
            <v>Capital Managed Fund</v>
          </cell>
          <cell r="G394" t="str">
            <v>Other</v>
          </cell>
          <cell r="H394" t="str">
            <v>Capital Managed Fund</v>
          </cell>
          <cell r="I394" t="str">
            <v>Other</v>
          </cell>
          <cell r="K394">
            <v>0</v>
          </cell>
          <cell r="M394">
            <v>1586667</v>
          </cell>
          <cell r="N394">
            <v>0</v>
          </cell>
          <cell r="O394">
            <v>1586667</v>
          </cell>
          <cell r="P394">
            <v>500000</v>
          </cell>
          <cell r="Q394">
            <v>1920000</v>
          </cell>
          <cell r="R394">
            <v>1336000</v>
          </cell>
          <cell r="S394">
            <v>584000</v>
          </cell>
        </row>
        <row r="395">
          <cell r="B395">
            <v>1</v>
          </cell>
          <cell r="C395" t="str">
            <v>Capital</v>
          </cell>
          <cell r="D395" t="str">
            <v>Base</v>
          </cell>
          <cell r="E395" t="str">
            <v>Carolinas C&amp;MS</v>
          </cell>
          <cell r="G395" t="str">
            <v>Contract Labor</v>
          </cell>
          <cell r="H395" t="str">
            <v>CMS Other Outside Services</v>
          </cell>
          <cell r="I395" t="str">
            <v>Other</v>
          </cell>
          <cell r="K395">
            <v>0</v>
          </cell>
          <cell r="M395">
            <v>0</v>
          </cell>
          <cell r="N395">
            <v>27185</v>
          </cell>
          <cell r="O395">
            <v>-27185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</row>
        <row r="396">
          <cell r="B396">
            <v>1</v>
          </cell>
          <cell r="C396" t="str">
            <v>Capital</v>
          </cell>
          <cell r="D396" t="str">
            <v>Base</v>
          </cell>
          <cell r="E396" t="str">
            <v>Carolinas C&amp;MS</v>
          </cell>
          <cell r="G396" t="str">
            <v>Meals/Travel</v>
          </cell>
          <cell r="H396" t="str">
            <v>CMS Travel/Meals/Lodging</v>
          </cell>
          <cell r="I396" t="str">
            <v>Other</v>
          </cell>
          <cell r="K396">
            <v>0</v>
          </cell>
          <cell r="M396">
            <v>0</v>
          </cell>
          <cell r="N396">
            <v>1088</v>
          </cell>
          <cell r="O396">
            <v>-1088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</row>
        <row r="397">
          <cell r="B397">
            <v>1</v>
          </cell>
          <cell r="C397" t="str">
            <v>Capital</v>
          </cell>
          <cell r="D397" t="str">
            <v>Base</v>
          </cell>
          <cell r="E397" t="str">
            <v>Carolinas C&amp;MS</v>
          </cell>
          <cell r="G397" t="str">
            <v>Materials</v>
          </cell>
          <cell r="H397" t="str">
            <v>CMS Other Miscellaneous</v>
          </cell>
          <cell r="I397" t="str">
            <v>Other</v>
          </cell>
          <cell r="K397">
            <v>0</v>
          </cell>
          <cell r="M397">
            <v>0</v>
          </cell>
          <cell r="N397">
            <v>41850</v>
          </cell>
          <cell r="O397">
            <v>-41850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</row>
        <row r="398">
          <cell r="B398">
            <v>1</v>
          </cell>
          <cell r="C398" t="str">
            <v>Capital</v>
          </cell>
          <cell r="D398" t="str">
            <v>Base</v>
          </cell>
          <cell r="E398" t="str">
            <v>Carolinas C&amp;MS</v>
          </cell>
          <cell r="G398" t="str">
            <v>Other</v>
          </cell>
          <cell r="H398" t="str">
            <v>CMS Other Miscellaneous</v>
          </cell>
          <cell r="I398" t="str">
            <v>Other</v>
          </cell>
          <cell r="K398">
            <v>0</v>
          </cell>
          <cell r="M398">
            <v>200000</v>
          </cell>
          <cell r="N398">
            <v>0</v>
          </cell>
          <cell r="O398">
            <v>200000</v>
          </cell>
          <cell r="P398">
            <v>600000</v>
          </cell>
          <cell r="Q398">
            <v>600000</v>
          </cell>
          <cell r="R398">
            <v>70123</v>
          </cell>
          <cell r="S398">
            <v>529877</v>
          </cell>
        </row>
        <row r="399">
          <cell r="B399">
            <v>1</v>
          </cell>
          <cell r="C399" t="str">
            <v>Capital</v>
          </cell>
          <cell r="D399" t="str">
            <v>Base</v>
          </cell>
          <cell r="E399" t="str">
            <v>Contractor Incentives</v>
          </cell>
          <cell r="G399" t="str">
            <v>Contract Labor</v>
          </cell>
          <cell r="H399" t="str">
            <v>Contractor Incentives</v>
          </cell>
          <cell r="I399" t="str">
            <v>Indirects &amp; Incentives</v>
          </cell>
          <cell r="K399">
            <v>298363</v>
          </cell>
          <cell r="M399">
            <v>833333</v>
          </cell>
          <cell r="N399">
            <v>1015208</v>
          </cell>
          <cell r="O399">
            <v>-181874</v>
          </cell>
          <cell r="P399">
            <v>2500000</v>
          </cell>
          <cell r="Q399">
            <v>2500000</v>
          </cell>
          <cell r="R399">
            <v>2800000</v>
          </cell>
          <cell r="S399">
            <v>-300000</v>
          </cell>
        </row>
        <row r="400">
          <cell r="B400">
            <v>1</v>
          </cell>
          <cell r="C400" t="str">
            <v>Capital</v>
          </cell>
          <cell r="D400" t="str">
            <v>Base</v>
          </cell>
          <cell r="E400" t="str">
            <v>DSDR</v>
          </cell>
          <cell r="G400" t="str">
            <v>Company Labor</v>
          </cell>
          <cell r="H400" t="str">
            <v>DSDR Ongoing Maintenance</v>
          </cell>
          <cell r="I400" t="str">
            <v>DSDR</v>
          </cell>
          <cell r="K400">
            <v>576</v>
          </cell>
          <cell r="M400">
            <v>0</v>
          </cell>
          <cell r="N400">
            <v>576</v>
          </cell>
          <cell r="O400">
            <v>-576</v>
          </cell>
          <cell r="P400">
            <v>0</v>
          </cell>
          <cell r="Q400">
            <v>0</v>
          </cell>
          <cell r="R400">
            <v>0</v>
          </cell>
          <cell r="S400">
            <v>0</v>
          </cell>
        </row>
        <row r="401">
          <cell r="B401">
            <v>1</v>
          </cell>
          <cell r="C401" t="str">
            <v>Capital</v>
          </cell>
          <cell r="D401" t="str">
            <v>Base</v>
          </cell>
          <cell r="E401" t="str">
            <v>DSDR</v>
          </cell>
          <cell r="G401" t="str">
            <v>Company Labor</v>
          </cell>
          <cell r="H401" t="str">
            <v>DSDR Project</v>
          </cell>
          <cell r="I401" t="str">
            <v>DSDR</v>
          </cell>
          <cell r="K401">
            <v>322382</v>
          </cell>
          <cell r="M401">
            <v>2027495</v>
          </cell>
          <cell r="N401">
            <v>1518024</v>
          </cell>
          <cell r="O401">
            <v>509471</v>
          </cell>
          <cell r="P401">
            <v>4748832</v>
          </cell>
          <cell r="Q401">
            <v>4748832</v>
          </cell>
          <cell r="R401">
            <v>4748832</v>
          </cell>
          <cell r="S401">
            <v>0</v>
          </cell>
        </row>
        <row r="402">
          <cell r="B402">
            <v>1</v>
          </cell>
          <cell r="C402" t="str">
            <v>Capital</v>
          </cell>
          <cell r="D402" t="str">
            <v>Base</v>
          </cell>
          <cell r="E402" t="str">
            <v>DSDR</v>
          </cell>
          <cell r="G402" t="str">
            <v>Company Labor</v>
          </cell>
          <cell r="H402" t="str">
            <v>DSDR Ongoing Maintenance</v>
          </cell>
          <cell r="I402" t="str">
            <v>DSDR</v>
          </cell>
          <cell r="K402">
            <v>361</v>
          </cell>
          <cell r="M402">
            <v>0</v>
          </cell>
          <cell r="N402">
            <v>361</v>
          </cell>
          <cell r="O402">
            <v>-361</v>
          </cell>
          <cell r="P402">
            <v>0</v>
          </cell>
          <cell r="Q402">
            <v>0</v>
          </cell>
          <cell r="R402">
            <v>0</v>
          </cell>
          <cell r="S402">
            <v>0</v>
          </cell>
        </row>
        <row r="403">
          <cell r="B403">
            <v>1</v>
          </cell>
          <cell r="C403" t="str">
            <v>Capital</v>
          </cell>
          <cell r="D403" t="str">
            <v>Base</v>
          </cell>
          <cell r="E403" t="str">
            <v>DSDR</v>
          </cell>
          <cell r="G403" t="str">
            <v>Company Labor</v>
          </cell>
          <cell r="H403" t="str">
            <v>DSDR Project</v>
          </cell>
          <cell r="I403" t="str">
            <v>DSDR</v>
          </cell>
          <cell r="K403">
            <v>203261</v>
          </cell>
          <cell r="M403">
            <v>1315490</v>
          </cell>
          <cell r="N403">
            <v>957933</v>
          </cell>
          <cell r="O403">
            <v>357557</v>
          </cell>
          <cell r="P403">
            <v>3072530</v>
          </cell>
          <cell r="Q403">
            <v>3072530</v>
          </cell>
          <cell r="R403">
            <v>3072530</v>
          </cell>
          <cell r="S403">
            <v>0</v>
          </cell>
        </row>
        <row r="404">
          <cell r="B404">
            <v>1</v>
          </cell>
          <cell r="C404" t="str">
            <v>Capital</v>
          </cell>
          <cell r="D404" t="str">
            <v>Base</v>
          </cell>
          <cell r="E404" t="str">
            <v>DSDR</v>
          </cell>
          <cell r="G404" t="str">
            <v>Company Labor</v>
          </cell>
          <cell r="H404" t="str">
            <v>DSDR Project</v>
          </cell>
          <cell r="I404" t="str">
            <v>DSDR</v>
          </cell>
          <cell r="K404">
            <v>6171</v>
          </cell>
          <cell r="M404">
            <v>35270</v>
          </cell>
          <cell r="N404">
            <v>33592</v>
          </cell>
          <cell r="O404">
            <v>1678</v>
          </cell>
          <cell r="P404">
            <v>106318</v>
          </cell>
          <cell r="Q404">
            <v>106318</v>
          </cell>
          <cell r="R404">
            <v>106318</v>
          </cell>
          <cell r="S404">
            <v>0</v>
          </cell>
        </row>
        <row r="405">
          <cell r="B405">
            <v>1</v>
          </cell>
          <cell r="C405" t="str">
            <v>Capital</v>
          </cell>
          <cell r="D405" t="str">
            <v>Base</v>
          </cell>
          <cell r="E405" t="str">
            <v>DSDR</v>
          </cell>
          <cell r="G405" t="str">
            <v>Contract Labor</v>
          </cell>
          <cell r="H405" t="str">
            <v>DSDR Ongoing Maintenance</v>
          </cell>
          <cell r="I405" t="str">
            <v>DSDR</v>
          </cell>
          <cell r="K405">
            <v>0</v>
          </cell>
          <cell r="M405">
            <v>46884</v>
          </cell>
          <cell r="N405">
            <v>551</v>
          </cell>
          <cell r="O405">
            <v>46333</v>
          </cell>
          <cell r="P405">
            <v>140651</v>
          </cell>
          <cell r="Q405">
            <v>140651</v>
          </cell>
          <cell r="R405">
            <v>140651</v>
          </cell>
          <cell r="S405">
            <v>0</v>
          </cell>
        </row>
        <row r="406">
          <cell r="B406">
            <v>1</v>
          </cell>
          <cell r="C406" t="str">
            <v>Capital</v>
          </cell>
          <cell r="D406" t="str">
            <v>Base</v>
          </cell>
          <cell r="E406" t="str">
            <v>DSDR</v>
          </cell>
          <cell r="G406" t="str">
            <v>Contract Labor</v>
          </cell>
          <cell r="H406" t="str">
            <v>DSDR Project</v>
          </cell>
          <cell r="I406" t="str">
            <v>DSDR</v>
          </cell>
          <cell r="K406">
            <v>625675</v>
          </cell>
          <cell r="M406">
            <v>2466187</v>
          </cell>
          <cell r="N406">
            <v>2264398</v>
          </cell>
          <cell r="O406">
            <v>201789</v>
          </cell>
          <cell r="P406">
            <v>6237590</v>
          </cell>
          <cell r="Q406">
            <v>6237590</v>
          </cell>
          <cell r="R406">
            <v>6124394</v>
          </cell>
          <cell r="S406">
            <v>113195</v>
          </cell>
        </row>
        <row r="407">
          <cell r="B407">
            <v>1</v>
          </cell>
          <cell r="C407" t="str">
            <v>Capital</v>
          </cell>
          <cell r="D407" t="str">
            <v>Base</v>
          </cell>
          <cell r="E407" t="str">
            <v>DSDR</v>
          </cell>
          <cell r="G407" t="str">
            <v>Fleet</v>
          </cell>
          <cell r="H407" t="str">
            <v>DSDR Ongoing Maintenance</v>
          </cell>
          <cell r="I407" t="str">
            <v>DSDR</v>
          </cell>
          <cell r="K407">
            <v>230</v>
          </cell>
          <cell r="M407">
            <v>1397</v>
          </cell>
          <cell r="N407">
            <v>230</v>
          </cell>
          <cell r="O407">
            <v>1167</v>
          </cell>
          <cell r="P407">
            <v>4191</v>
          </cell>
          <cell r="Q407">
            <v>4191</v>
          </cell>
          <cell r="R407">
            <v>4191</v>
          </cell>
          <cell r="S407">
            <v>0</v>
          </cell>
        </row>
        <row r="408">
          <cell r="B408">
            <v>1</v>
          </cell>
          <cell r="C408" t="str">
            <v>Capital</v>
          </cell>
          <cell r="D408" t="str">
            <v>Base</v>
          </cell>
          <cell r="E408" t="str">
            <v>DSDR</v>
          </cell>
          <cell r="G408" t="str">
            <v>Fleet</v>
          </cell>
          <cell r="H408" t="str">
            <v>DSDR Project</v>
          </cell>
          <cell r="I408" t="str">
            <v>DSDR</v>
          </cell>
          <cell r="K408">
            <v>44479</v>
          </cell>
          <cell r="M408">
            <v>258701</v>
          </cell>
          <cell r="N408">
            <v>239010</v>
          </cell>
          <cell r="O408">
            <v>19692</v>
          </cell>
          <cell r="P408">
            <v>532687</v>
          </cell>
          <cell r="Q408">
            <v>532687</v>
          </cell>
          <cell r="R408">
            <v>532687</v>
          </cell>
          <cell r="S408">
            <v>0</v>
          </cell>
        </row>
        <row r="409">
          <cell r="B409">
            <v>1</v>
          </cell>
          <cell r="C409" t="str">
            <v>Capital</v>
          </cell>
          <cell r="D409" t="str">
            <v>Base</v>
          </cell>
          <cell r="E409" t="str">
            <v>DSDR</v>
          </cell>
          <cell r="G409" t="str">
            <v>Meals/Travel</v>
          </cell>
          <cell r="H409" t="str">
            <v>DSDR Project</v>
          </cell>
          <cell r="I409" t="str">
            <v>DSDR</v>
          </cell>
          <cell r="K409">
            <v>4669</v>
          </cell>
          <cell r="M409">
            <v>29267</v>
          </cell>
          <cell r="N409">
            <v>24999</v>
          </cell>
          <cell r="O409">
            <v>4267</v>
          </cell>
          <cell r="P409">
            <v>64747</v>
          </cell>
          <cell r="Q409">
            <v>64747</v>
          </cell>
          <cell r="R409">
            <v>64747</v>
          </cell>
          <cell r="S409">
            <v>0</v>
          </cell>
        </row>
        <row r="410">
          <cell r="B410">
            <v>1</v>
          </cell>
          <cell r="C410" t="str">
            <v>Capital</v>
          </cell>
          <cell r="D410" t="str">
            <v>Base</v>
          </cell>
          <cell r="E410" t="str">
            <v>DSDR</v>
          </cell>
          <cell r="G410" t="str">
            <v>Materials</v>
          </cell>
          <cell r="H410" t="str">
            <v>DSDR Ongoing Maintenance</v>
          </cell>
          <cell r="I410" t="str">
            <v>DSDR</v>
          </cell>
          <cell r="K410">
            <v>0</v>
          </cell>
          <cell r="M410">
            <v>381251</v>
          </cell>
          <cell r="N410">
            <v>4028</v>
          </cell>
          <cell r="O410">
            <v>377223</v>
          </cell>
          <cell r="P410">
            <v>1143753</v>
          </cell>
          <cell r="Q410">
            <v>1143753</v>
          </cell>
          <cell r="R410">
            <v>1143753</v>
          </cell>
          <cell r="S410">
            <v>0</v>
          </cell>
        </row>
        <row r="411">
          <cell r="B411">
            <v>1</v>
          </cell>
          <cell r="C411" t="str">
            <v>Capital</v>
          </cell>
          <cell r="D411" t="str">
            <v>Base</v>
          </cell>
          <cell r="E411" t="str">
            <v>DSDR</v>
          </cell>
          <cell r="G411" t="str">
            <v>Materials</v>
          </cell>
          <cell r="H411" t="str">
            <v>DSDR Project</v>
          </cell>
          <cell r="I411" t="str">
            <v>DSDR</v>
          </cell>
          <cell r="K411">
            <v>931610</v>
          </cell>
          <cell r="M411">
            <v>7351324</v>
          </cell>
          <cell r="N411">
            <v>3695066</v>
          </cell>
          <cell r="O411">
            <v>3656258</v>
          </cell>
          <cell r="P411">
            <v>12636564</v>
          </cell>
          <cell r="Q411">
            <v>12636564</v>
          </cell>
          <cell r="R411">
            <v>12636564</v>
          </cell>
          <cell r="S411">
            <v>0</v>
          </cell>
        </row>
        <row r="412">
          <cell r="B412">
            <v>1</v>
          </cell>
          <cell r="C412" t="str">
            <v>Capital</v>
          </cell>
          <cell r="D412" t="str">
            <v>Base</v>
          </cell>
          <cell r="E412" t="str">
            <v>DSDR</v>
          </cell>
          <cell r="G412" t="str">
            <v>Rent/utilities</v>
          </cell>
          <cell r="H412" t="str">
            <v>DSDR Project</v>
          </cell>
          <cell r="I412" t="str">
            <v>DSDR</v>
          </cell>
          <cell r="K412">
            <v>1667</v>
          </cell>
          <cell r="M412">
            <v>144</v>
          </cell>
          <cell r="N412">
            <v>2167</v>
          </cell>
          <cell r="O412">
            <v>-2022</v>
          </cell>
          <cell r="P412">
            <v>269</v>
          </cell>
          <cell r="Q412">
            <v>269</v>
          </cell>
          <cell r="R412">
            <v>269</v>
          </cell>
          <cell r="S412">
            <v>0</v>
          </cell>
        </row>
        <row r="413">
          <cell r="B413">
            <v>1</v>
          </cell>
          <cell r="C413" t="str">
            <v>Capital</v>
          </cell>
          <cell r="D413" t="str">
            <v>Base</v>
          </cell>
          <cell r="E413" t="str">
            <v>DSDR</v>
          </cell>
          <cell r="G413" t="str">
            <v>Other</v>
          </cell>
          <cell r="H413" t="str">
            <v>DSDR Ongoing Maintenance</v>
          </cell>
          <cell r="I413" t="str">
            <v>DSDR</v>
          </cell>
          <cell r="K413">
            <v>228</v>
          </cell>
          <cell r="M413">
            <v>15722</v>
          </cell>
          <cell r="N413">
            <v>380</v>
          </cell>
          <cell r="O413">
            <v>15342</v>
          </cell>
          <cell r="P413">
            <v>0</v>
          </cell>
          <cell r="Q413">
            <v>46722</v>
          </cell>
          <cell r="R413">
            <v>17950</v>
          </cell>
          <cell r="S413">
            <v>28772</v>
          </cell>
        </row>
        <row r="414">
          <cell r="B414">
            <v>1</v>
          </cell>
          <cell r="C414" t="str">
            <v>Capital</v>
          </cell>
          <cell r="D414" t="str">
            <v>Base</v>
          </cell>
          <cell r="E414" t="str">
            <v>DSDR</v>
          </cell>
          <cell r="G414" t="str">
            <v>Other</v>
          </cell>
          <cell r="H414" t="str">
            <v>DSDR Project</v>
          </cell>
          <cell r="I414" t="str">
            <v>DSDR</v>
          </cell>
          <cell r="K414">
            <v>3095</v>
          </cell>
          <cell r="M414">
            <v>-455047</v>
          </cell>
          <cell r="N414">
            <v>31865</v>
          </cell>
          <cell r="O414">
            <v>-486912</v>
          </cell>
          <cell r="P414">
            <v>-320881</v>
          </cell>
          <cell r="Q414">
            <v>-1973858</v>
          </cell>
          <cell r="R414">
            <v>-5525774</v>
          </cell>
          <cell r="S414">
            <v>3551916</v>
          </cell>
        </row>
        <row r="415">
          <cell r="B415">
            <v>1</v>
          </cell>
          <cell r="C415" t="str">
            <v>Capital</v>
          </cell>
          <cell r="D415" t="str">
            <v>Base</v>
          </cell>
          <cell r="E415" t="str">
            <v>DSDR</v>
          </cell>
          <cell r="G415" t="str">
            <v>Management adjustment</v>
          </cell>
          <cell r="H415" t="str">
            <v>DSDR Project</v>
          </cell>
          <cell r="I415" t="str">
            <v>DSDR</v>
          </cell>
          <cell r="K415">
            <v>0</v>
          </cell>
          <cell r="M415">
            <v>0</v>
          </cell>
          <cell r="N415">
            <v>0</v>
          </cell>
          <cell r="O415">
            <v>0</v>
          </cell>
          <cell r="P415">
            <v>2988000</v>
          </cell>
          <cell r="Q415">
            <v>2988000</v>
          </cell>
          <cell r="R415">
            <v>4288154</v>
          </cell>
          <cell r="S415">
            <v>-1300154</v>
          </cell>
        </row>
        <row r="416">
          <cell r="B416">
            <v>1</v>
          </cell>
          <cell r="C416" t="str">
            <v>Capital</v>
          </cell>
          <cell r="D416" t="str">
            <v>Base</v>
          </cell>
          <cell r="E416" t="str">
            <v>DSDR</v>
          </cell>
          <cell r="G416" t="str">
            <v>Transformer &amp; meter credits</v>
          </cell>
          <cell r="H416" t="str">
            <v>DSDR Project</v>
          </cell>
          <cell r="I416" t="str">
            <v>DSDR</v>
          </cell>
          <cell r="K416">
            <v>45802</v>
          </cell>
          <cell r="M416">
            <v>148952</v>
          </cell>
          <cell r="N416">
            <v>322981</v>
          </cell>
          <cell r="O416">
            <v>-174029</v>
          </cell>
          <cell r="P416">
            <v>446856</v>
          </cell>
          <cell r="Q416">
            <v>446856</v>
          </cell>
          <cell r="R416">
            <v>446856</v>
          </cell>
          <cell r="S416">
            <v>0</v>
          </cell>
        </row>
        <row r="417">
          <cell r="B417">
            <v>1</v>
          </cell>
          <cell r="C417" t="str">
            <v>Capital</v>
          </cell>
          <cell r="D417" t="str">
            <v>Base</v>
          </cell>
          <cell r="E417" t="str">
            <v>EDC Indirects</v>
          </cell>
          <cell r="G417" t="str">
            <v>Company Labor</v>
          </cell>
          <cell r="H417" t="str">
            <v>Distribution Control Center</v>
          </cell>
          <cell r="I417" t="str">
            <v>Indirects &amp; Incentives</v>
          </cell>
          <cell r="K417">
            <v>17104</v>
          </cell>
          <cell r="M417">
            <v>82268</v>
          </cell>
          <cell r="N417">
            <v>71873</v>
          </cell>
          <cell r="O417">
            <v>10395</v>
          </cell>
          <cell r="P417">
            <v>237674</v>
          </cell>
          <cell r="Q417">
            <v>237674</v>
          </cell>
          <cell r="R417">
            <v>237674</v>
          </cell>
          <cell r="S417">
            <v>0</v>
          </cell>
        </row>
        <row r="418">
          <cell r="B418">
            <v>1</v>
          </cell>
          <cell r="C418" t="str">
            <v>Capital</v>
          </cell>
          <cell r="D418" t="str">
            <v>Base</v>
          </cell>
          <cell r="E418" t="str">
            <v>EDC Indirects</v>
          </cell>
          <cell r="G418" t="str">
            <v>Company Labor</v>
          </cell>
          <cell r="H418" t="str">
            <v>Energy Information</v>
          </cell>
          <cell r="I418" t="str">
            <v>Indirects &amp; Incentives</v>
          </cell>
          <cell r="K418">
            <v>1749</v>
          </cell>
          <cell r="M418">
            <v>39754</v>
          </cell>
          <cell r="N418">
            <v>12184</v>
          </cell>
          <cell r="O418">
            <v>27570</v>
          </cell>
          <cell r="P418">
            <v>114849</v>
          </cell>
          <cell r="Q418">
            <v>114849</v>
          </cell>
          <cell r="R418">
            <v>114849</v>
          </cell>
          <cell r="S418">
            <v>0</v>
          </cell>
        </row>
        <row r="419">
          <cell r="B419">
            <v>1</v>
          </cell>
          <cell r="C419" t="str">
            <v>Capital</v>
          </cell>
          <cell r="D419" t="str">
            <v>Base</v>
          </cell>
          <cell r="E419" t="str">
            <v>EDC Indirects</v>
          </cell>
          <cell r="G419" t="str">
            <v>Company Labor</v>
          </cell>
          <cell r="H419" t="str">
            <v>Engineering Support</v>
          </cell>
          <cell r="I419" t="str">
            <v>Indirects &amp; Incentives</v>
          </cell>
          <cell r="K419">
            <v>2577</v>
          </cell>
          <cell r="M419">
            <v>0</v>
          </cell>
          <cell r="N419">
            <v>2920</v>
          </cell>
          <cell r="O419">
            <v>-2920</v>
          </cell>
          <cell r="P419">
            <v>0</v>
          </cell>
          <cell r="Q419">
            <v>0</v>
          </cell>
          <cell r="R419">
            <v>0</v>
          </cell>
          <cell r="S419">
            <v>0</v>
          </cell>
        </row>
        <row r="420">
          <cell r="B420">
            <v>1</v>
          </cell>
          <cell r="C420" t="str">
            <v>Capital</v>
          </cell>
          <cell r="D420" t="str">
            <v>Base</v>
          </cell>
          <cell r="E420" t="str">
            <v>EDC Indirects</v>
          </cell>
          <cell r="G420" t="str">
            <v>Company Labor</v>
          </cell>
          <cell r="H420" t="str">
            <v>Indirect Overheads</v>
          </cell>
          <cell r="I420" t="str">
            <v>Indirects &amp; Incentives</v>
          </cell>
          <cell r="K420">
            <v>501286</v>
          </cell>
          <cell r="M420">
            <v>2195469</v>
          </cell>
          <cell r="N420">
            <v>2162722</v>
          </cell>
          <cell r="O420">
            <v>32748</v>
          </cell>
          <cell r="P420">
            <v>6301895</v>
          </cell>
          <cell r="Q420">
            <v>6301895</v>
          </cell>
          <cell r="R420">
            <v>6301896</v>
          </cell>
          <cell r="S420">
            <v>-1</v>
          </cell>
        </row>
        <row r="421">
          <cell r="B421">
            <v>1</v>
          </cell>
          <cell r="C421" t="str">
            <v>Capital</v>
          </cell>
          <cell r="D421" t="str">
            <v>Base</v>
          </cell>
          <cell r="E421" t="str">
            <v>EDC Indirects</v>
          </cell>
          <cell r="G421" t="str">
            <v>Company Labor</v>
          </cell>
          <cell r="H421" t="str">
            <v>Management &amp; Support</v>
          </cell>
          <cell r="I421" t="str">
            <v>Indirects &amp; Incentives</v>
          </cell>
          <cell r="K421">
            <v>85203</v>
          </cell>
          <cell r="M421">
            <v>588726</v>
          </cell>
          <cell r="N421">
            <v>351136</v>
          </cell>
          <cell r="O421">
            <v>237590</v>
          </cell>
          <cell r="P421">
            <v>1753082</v>
          </cell>
          <cell r="Q421">
            <v>1753082</v>
          </cell>
          <cell r="R421">
            <v>1753082</v>
          </cell>
          <cell r="S421">
            <v>0</v>
          </cell>
        </row>
        <row r="422">
          <cell r="B422">
            <v>1</v>
          </cell>
          <cell r="C422" t="str">
            <v>Capital</v>
          </cell>
          <cell r="D422" t="str">
            <v>Base</v>
          </cell>
          <cell r="E422" t="str">
            <v>EDC Indirects</v>
          </cell>
          <cell r="G422" t="str">
            <v>Company Labor</v>
          </cell>
          <cell r="H422" t="str">
            <v>Other</v>
          </cell>
          <cell r="I422" t="str">
            <v>Indirects &amp; Incentives</v>
          </cell>
          <cell r="K422">
            <v>27069</v>
          </cell>
          <cell r="M422">
            <v>232047</v>
          </cell>
          <cell r="N422">
            <v>133407</v>
          </cell>
          <cell r="O422">
            <v>98641</v>
          </cell>
          <cell r="P422">
            <v>669321</v>
          </cell>
          <cell r="Q422">
            <v>669321</v>
          </cell>
          <cell r="R422">
            <v>669321</v>
          </cell>
          <cell r="S422">
            <v>0</v>
          </cell>
        </row>
        <row r="423">
          <cell r="B423">
            <v>1</v>
          </cell>
          <cell r="C423" t="str">
            <v>Capital</v>
          </cell>
          <cell r="D423" t="str">
            <v>Base</v>
          </cell>
          <cell r="E423" t="str">
            <v>EDC Indirects</v>
          </cell>
          <cell r="G423" t="str">
            <v>Company Labor</v>
          </cell>
          <cell r="H423" t="str">
            <v>Distribution Control Center</v>
          </cell>
          <cell r="I423" t="str">
            <v>Indirects &amp; Incentives</v>
          </cell>
          <cell r="K423">
            <v>11290</v>
          </cell>
          <cell r="M423">
            <v>54148</v>
          </cell>
          <cell r="N423">
            <v>47128</v>
          </cell>
          <cell r="O423">
            <v>7020</v>
          </cell>
          <cell r="P423">
            <v>156520</v>
          </cell>
          <cell r="Q423">
            <v>156520</v>
          </cell>
          <cell r="R423">
            <v>156520</v>
          </cell>
          <cell r="S423">
            <v>0</v>
          </cell>
        </row>
        <row r="424">
          <cell r="B424">
            <v>1</v>
          </cell>
          <cell r="C424" t="str">
            <v>Capital</v>
          </cell>
          <cell r="D424" t="str">
            <v>Base</v>
          </cell>
          <cell r="E424" t="str">
            <v>EDC Indirects</v>
          </cell>
          <cell r="G424" t="str">
            <v>Company Labor</v>
          </cell>
          <cell r="H424" t="str">
            <v>Energy Information</v>
          </cell>
          <cell r="I424" t="str">
            <v>Indirects &amp; Incentives</v>
          </cell>
          <cell r="K424">
            <v>1097</v>
          </cell>
          <cell r="M424">
            <v>24925</v>
          </cell>
          <cell r="N424">
            <v>7639</v>
          </cell>
          <cell r="O424">
            <v>17286</v>
          </cell>
          <cell r="P424">
            <v>72010</v>
          </cell>
          <cell r="Q424">
            <v>72010</v>
          </cell>
          <cell r="R424">
            <v>72010</v>
          </cell>
          <cell r="S424">
            <v>0</v>
          </cell>
        </row>
        <row r="425">
          <cell r="B425">
            <v>1</v>
          </cell>
          <cell r="C425" t="str">
            <v>Capital</v>
          </cell>
          <cell r="D425" t="str">
            <v>Base</v>
          </cell>
          <cell r="E425" t="str">
            <v>EDC Indirects</v>
          </cell>
          <cell r="G425" t="str">
            <v>Company Labor</v>
          </cell>
          <cell r="H425" t="str">
            <v>Engineering Support</v>
          </cell>
          <cell r="I425" t="str">
            <v>Indirects &amp; Incentives</v>
          </cell>
          <cell r="K425">
            <v>1626</v>
          </cell>
          <cell r="M425">
            <v>0</v>
          </cell>
          <cell r="N425">
            <v>1841</v>
          </cell>
          <cell r="O425">
            <v>-1841</v>
          </cell>
          <cell r="P425">
            <v>0</v>
          </cell>
          <cell r="Q425">
            <v>0</v>
          </cell>
          <cell r="R425">
            <v>0</v>
          </cell>
          <cell r="S425">
            <v>0</v>
          </cell>
        </row>
        <row r="426">
          <cell r="B426">
            <v>1</v>
          </cell>
          <cell r="C426" t="str">
            <v>Capital</v>
          </cell>
          <cell r="D426" t="str">
            <v>Base</v>
          </cell>
          <cell r="E426" t="str">
            <v>EDC Indirects</v>
          </cell>
          <cell r="G426" t="str">
            <v>Company Labor</v>
          </cell>
          <cell r="H426" t="str">
            <v>Lab &amp; Mat Burdens</v>
          </cell>
          <cell r="I426" t="str">
            <v>Indirects &amp; Incentives</v>
          </cell>
          <cell r="K426">
            <v>336691</v>
          </cell>
          <cell r="M426">
            <v>1525729</v>
          </cell>
          <cell r="N426">
            <v>1458171</v>
          </cell>
          <cell r="O426">
            <v>67558</v>
          </cell>
          <cell r="P426">
            <v>4381640</v>
          </cell>
          <cell r="Q426">
            <v>4381640</v>
          </cell>
          <cell r="R426">
            <v>4381641</v>
          </cell>
          <cell r="S426">
            <v>-1</v>
          </cell>
        </row>
        <row r="427">
          <cell r="B427">
            <v>1</v>
          </cell>
          <cell r="C427" t="str">
            <v>Capital</v>
          </cell>
          <cell r="D427" t="str">
            <v>Base</v>
          </cell>
          <cell r="E427" t="str">
            <v>EDC Indirects</v>
          </cell>
          <cell r="G427" t="str">
            <v>Company Labor</v>
          </cell>
          <cell r="H427" t="str">
            <v>Management &amp; Support</v>
          </cell>
          <cell r="I427" t="str">
            <v>Indirects &amp; Incentives</v>
          </cell>
          <cell r="K427">
            <v>53450</v>
          </cell>
          <cell r="M427">
            <v>369266</v>
          </cell>
          <cell r="N427">
            <v>220318</v>
          </cell>
          <cell r="O427">
            <v>148947</v>
          </cell>
          <cell r="P427">
            <v>1099582</v>
          </cell>
          <cell r="Q427">
            <v>1099582</v>
          </cell>
          <cell r="R427">
            <v>1099582</v>
          </cell>
          <cell r="S427">
            <v>0</v>
          </cell>
        </row>
        <row r="428">
          <cell r="B428">
            <v>1</v>
          </cell>
          <cell r="C428" t="str">
            <v>Capital</v>
          </cell>
          <cell r="D428" t="str">
            <v>Base</v>
          </cell>
          <cell r="E428" t="str">
            <v>EDC Indirects</v>
          </cell>
          <cell r="G428" t="str">
            <v>Company Labor</v>
          </cell>
          <cell r="H428" t="str">
            <v>Distribution Control Center</v>
          </cell>
          <cell r="I428" t="str">
            <v>Indirects &amp; Incentives</v>
          </cell>
          <cell r="K428">
            <v>3108</v>
          </cell>
          <cell r="M428">
            <v>14099</v>
          </cell>
          <cell r="N428">
            <v>11339</v>
          </cell>
          <cell r="O428">
            <v>2760</v>
          </cell>
          <cell r="P428">
            <v>41200</v>
          </cell>
          <cell r="Q428">
            <v>41200</v>
          </cell>
          <cell r="R428">
            <v>41200</v>
          </cell>
          <cell r="S428">
            <v>0</v>
          </cell>
        </row>
        <row r="429">
          <cell r="B429">
            <v>1</v>
          </cell>
          <cell r="C429" t="str">
            <v>Capital</v>
          </cell>
          <cell r="D429" t="str">
            <v>Base</v>
          </cell>
          <cell r="E429" t="str">
            <v>EDC Indirects</v>
          </cell>
          <cell r="G429" t="str">
            <v>Company Labor</v>
          </cell>
          <cell r="H429" t="str">
            <v>Engineering Support</v>
          </cell>
          <cell r="I429" t="str">
            <v>Indirects &amp; Incentives</v>
          </cell>
          <cell r="K429">
            <v>52</v>
          </cell>
          <cell r="M429">
            <v>0</v>
          </cell>
          <cell r="N429">
            <v>52</v>
          </cell>
          <cell r="O429">
            <v>-52</v>
          </cell>
          <cell r="P429">
            <v>0</v>
          </cell>
          <cell r="Q429">
            <v>0</v>
          </cell>
          <cell r="R429">
            <v>0</v>
          </cell>
          <cell r="S429">
            <v>0</v>
          </cell>
        </row>
        <row r="430">
          <cell r="B430">
            <v>1</v>
          </cell>
          <cell r="C430" t="str">
            <v>Capital</v>
          </cell>
          <cell r="D430" t="str">
            <v>Base</v>
          </cell>
          <cell r="E430" t="str">
            <v>EDC Indirects</v>
          </cell>
          <cell r="G430" t="str">
            <v>Company Labor</v>
          </cell>
          <cell r="H430" t="str">
            <v>Indirect Overheads</v>
          </cell>
          <cell r="I430" t="str">
            <v>Indirects &amp; Incentives</v>
          </cell>
          <cell r="K430">
            <v>19687</v>
          </cell>
          <cell r="M430">
            <v>20202</v>
          </cell>
          <cell r="N430">
            <v>84772</v>
          </cell>
          <cell r="O430">
            <v>-64570</v>
          </cell>
          <cell r="P430">
            <v>58727</v>
          </cell>
          <cell r="Q430">
            <v>58727</v>
          </cell>
          <cell r="R430">
            <v>58727</v>
          </cell>
          <cell r="S430">
            <v>0</v>
          </cell>
        </row>
        <row r="431">
          <cell r="B431">
            <v>1</v>
          </cell>
          <cell r="C431" t="str">
            <v>Capital</v>
          </cell>
          <cell r="D431" t="str">
            <v>Base</v>
          </cell>
          <cell r="E431" t="str">
            <v>EDC Indirects</v>
          </cell>
          <cell r="G431" t="str">
            <v>Company Labor</v>
          </cell>
          <cell r="H431" t="str">
            <v>Management &amp; Support</v>
          </cell>
          <cell r="I431" t="str">
            <v>Indirects &amp; Incentives</v>
          </cell>
          <cell r="K431">
            <v>8</v>
          </cell>
          <cell r="M431">
            <v>0</v>
          </cell>
          <cell r="N431">
            <v>165</v>
          </cell>
          <cell r="O431">
            <v>-165</v>
          </cell>
          <cell r="P431">
            <v>0</v>
          </cell>
          <cell r="Q431">
            <v>0</v>
          </cell>
          <cell r="R431">
            <v>0</v>
          </cell>
          <cell r="S431">
            <v>0</v>
          </cell>
        </row>
        <row r="432">
          <cell r="B432">
            <v>1</v>
          </cell>
          <cell r="C432" t="str">
            <v>Capital</v>
          </cell>
          <cell r="D432" t="str">
            <v>Base</v>
          </cell>
          <cell r="E432" t="str">
            <v>EDC Indirects</v>
          </cell>
          <cell r="G432" t="str">
            <v>Company Labor</v>
          </cell>
          <cell r="H432" t="str">
            <v>Other</v>
          </cell>
          <cell r="I432" t="str">
            <v>Indirects &amp; Incentives</v>
          </cell>
          <cell r="K432">
            <v>1160</v>
          </cell>
          <cell r="M432">
            <v>0</v>
          </cell>
          <cell r="N432">
            <v>5799</v>
          </cell>
          <cell r="O432">
            <v>-5799</v>
          </cell>
          <cell r="P432">
            <v>0</v>
          </cell>
          <cell r="Q432">
            <v>0</v>
          </cell>
          <cell r="R432">
            <v>0</v>
          </cell>
          <cell r="S432">
            <v>0</v>
          </cell>
        </row>
        <row r="433">
          <cell r="B433">
            <v>1</v>
          </cell>
          <cell r="C433" t="str">
            <v>Capital</v>
          </cell>
          <cell r="D433" t="str">
            <v>Base</v>
          </cell>
          <cell r="E433" t="str">
            <v>EDC Indirects</v>
          </cell>
          <cell r="G433" t="str">
            <v>Contract Labor</v>
          </cell>
          <cell r="H433" t="str">
            <v>Engineering Support</v>
          </cell>
          <cell r="I433" t="str">
            <v>Indirects &amp; Incentives</v>
          </cell>
          <cell r="K433">
            <v>5775</v>
          </cell>
          <cell r="M433">
            <v>0</v>
          </cell>
          <cell r="N433">
            <v>5775</v>
          </cell>
          <cell r="O433">
            <v>-5775</v>
          </cell>
          <cell r="P433">
            <v>0</v>
          </cell>
          <cell r="Q433">
            <v>0</v>
          </cell>
          <cell r="R433">
            <v>0</v>
          </cell>
          <cell r="S433">
            <v>0</v>
          </cell>
        </row>
        <row r="434">
          <cell r="B434">
            <v>1</v>
          </cell>
          <cell r="C434" t="str">
            <v>Capital</v>
          </cell>
          <cell r="D434" t="str">
            <v>Base</v>
          </cell>
          <cell r="E434" t="str">
            <v>EDC Indirects</v>
          </cell>
          <cell r="G434" t="str">
            <v>Contract Labor</v>
          </cell>
          <cell r="H434" t="str">
            <v>Indirect Overheads</v>
          </cell>
          <cell r="I434" t="str">
            <v>Indirects &amp; Incentives</v>
          </cell>
          <cell r="K434">
            <v>137086</v>
          </cell>
          <cell r="M434">
            <v>173877</v>
          </cell>
          <cell r="N434">
            <v>495324</v>
          </cell>
          <cell r="O434">
            <v>-321447</v>
          </cell>
          <cell r="P434">
            <v>869400</v>
          </cell>
          <cell r="Q434">
            <v>869394</v>
          </cell>
          <cell r="R434">
            <v>716882</v>
          </cell>
          <cell r="S434">
            <v>152512</v>
          </cell>
        </row>
        <row r="435">
          <cell r="B435">
            <v>1</v>
          </cell>
          <cell r="C435" t="str">
            <v>Capital</v>
          </cell>
          <cell r="D435" t="str">
            <v>Base</v>
          </cell>
          <cell r="E435" t="str">
            <v>EDC Indirects</v>
          </cell>
          <cell r="G435" t="str">
            <v>Contract Labor</v>
          </cell>
          <cell r="H435" t="str">
            <v>Management &amp; Support</v>
          </cell>
          <cell r="I435" t="str">
            <v>Indirects &amp; Incentives</v>
          </cell>
          <cell r="K435">
            <v>17078</v>
          </cell>
          <cell r="M435">
            <v>46667</v>
          </cell>
          <cell r="N435">
            <v>64420</v>
          </cell>
          <cell r="O435">
            <v>-17754</v>
          </cell>
          <cell r="P435">
            <v>140000</v>
          </cell>
          <cell r="Q435">
            <v>140000</v>
          </cell>
          <cell r="R435">
            <v>140000</v>
          </cell>
          <cell r="S435">
            <v>0</v>
          </cell>
        </row>
        <row r="436">
          <cell r="B436">
            <v>1</v>
          </cell>
          <cell r="C436" t="str">
            <v>Capital</v>
          </cell>
          <cell r="D436" t="str">
            <v>Base</v>
          </cell>
          <cell r="E436" t="str">
            <v>EDC Indirects</v>
          </cell>
          <cell r="G436" t="str">
            <v>Contract Labor</v>
          </cell>
          <cell r="H436" t="str">
            <v>Other</v>
          </cell>
          <cell r="I436" t="str">
            <v>Indirects &amp; Incentives</v>
          </cell>
          <cell r="K436">
            <v>21729</v>
          </cell>
          <cell r="M436">
            <v>0</v>
          </cell>
          <cell r="N436">
            <v>657028</v>
          </cell>
          <cell r="O436">
            <v>-657028</v>
          </cell>
          <cell r="P436">
            <v>0</v>
          </cell>
          <cell r="Q436">
            <v>0</v>
          </cell>
          <cell r="R436">
            <v>0</v>
          </cell>
          <cell r="S436">
            <v>0</v>
          </cell>
        </row>
        <row r="437">
          <cell r="B437">
            <v>1</v>
          </cell>
          <cell r="C437" t="str">
            <v>Capital</v>
          </cell>
          <cell r="D437" t="str">
            <v>Base</v>
          </cell>
          <cell r="E437" t="str">
            <v>EDC Indirects</v>
          </cell>
          <cell r="G437" t="str">
            <v>Fleet</v>
          </cell>
          <cell r="H437" t="str">
            <v>Engineering Support</v>
          </cell>
          <cell r="I437" t="str">
            <v>Indirects &amp; Incentives</v>
          </cell>
          <cell r="K437">
            <v>951</v>
          </cell>
          <cell r="M437">
            <v>0</v>
          </cell>
          <cell r="N437">
            <v>951</v>
          </cell>
          <cell r="O437">
            <v>-951</v>
          </cell>
          <cell r="P437">
            <v>0</v>
          </cell>
          <cell r="Q437">
            <v>0</v>
          </cell>
          <cell r="R437">
            <v>0</v>
          </cell>
          <cell r="S437">
            <v>0</v>
          </cell>
        </row>
        <row r="438">
          <cell r="B438">
            <v>1</v>
          </cell>
          <cell r="C438" t="str">
            <v>Capital</v>
          </cell>
          <cell r="D438" t="str">
            <v>Base</v>
          </cell>
          <cell r="E438" t="str">
            <v>EDC Indirects</v>
          </cell>
          <cell r="G438" t="str">
            <v>Fleet</v>
          </cell>
          <cell r="H438" t="str">
            <v>Indirect Overheads</v>
          </cell>
          <cell r="I438" t="str">
            <v>Indirects &amp; Incentives</v>
          </cell>
          <cell r="K438">
            <v>90057</v>
          </cell>
          <cell r="M438">
            <v>368966</v>
          </cell>
          <cell r="N438">
            <v>400921</v>
          </cell>
          <cell r="O438">
            <v>-31955</v>
          </cell>
          <cell r="P438">
            <v>1072253</v>
          </cell>
          <cell r="Q438">
            <v>1072253</v>
          </cell>
          <cell r="R438">
            <v>1072253</v>
          </cell>
          <cell r="S438">
            <v>0</v>
          </cell>
        </row>
        <row r="439">
          <cell r="B439">
            <v>1</v>
          </cell>
          <cell r="C439" t="str">
            <v>Capital</v>
          </cell>
          <cell r="D439" t="str">
            <v>Base</v>
          </cell>
          <cell r="E439" t="str">
            <v>EDC Indirects</v>
          </cell>
          <cell r="G439" t="str">
            <v>Fleet</v>
          </cell>
          <cell r="H439" t="str">
            <v>Management &amp; Support</v>
          </cell>
          <cell r="I439" t="str">
            <v>Indirects &amp; Incentives</v>
          </cell>
          <cell r="K439">
            <v>4049</v>
          </cell>
          <cell r="M439">
            <v>13390</v>
          </cell>
          <cell r="N439">
            <v>17490</v>
          </cell>
          <cell r="O439">
            <v>-4100</v>
          </cell>
          <cell r="P439">
            <v>38698</v>
          </cell>
          <cell r="Q439">
            <v>38698</v>
          </cell>
          <cell r="R439">
            <v>38698</v>
          </cell>
          <cell r="S439">
            <v>0</v>
          </cell>
        </row>
        <row r="440">
          <cell r="B440">
            <v>1</v>
          </cell>
          <cell r="C440" t="str">
            <v>Capital</v>
          </cell>
          <cell r="D440" t="str">
            <v>Base</v>
          </cell>
          <cell r="E440" t="str">
            <v>EDC Indirects</v>
          </cell>
          <cell r="G440" t="str">
            <v>Meals/Travel</v>
          </cell>
          <cell r="H440" t="str">
            <v>Distribution Control Center</v>
          </cell>
          <cell r="I440" t="str">
            <v>Indirects &amp; Incentives</v>
          </cell>
          <cell r="K440">
            <v>72</v>
          </cell>
          <cell r="M440">
            <v>0</v>
          </cell>
          <cell r="N440">
            <v>216</v>
          </cell>
          <cell r="O440">
            <v>-216</v>
          </cell>
          <cell r="P440">
            <v>0</v>
          </cell>
          <cell r="Q440">
            <v>0</v>
          </cell>
          <cell r="R440">
            <v>0</v>
          </cell>
          <cell r="S440">
            <v>0</v>
          </cell>
        </row>
        <row r="441">
          <cell r="B441">
            <v>1</v>
          </cell>
          <cell r="C441" t="str">
            <v>Capital</v>
          </cell>
          <cell r="D441" t="str">
            <v>Base</v>
          </cell>
          <cell r="E441" t="str">
            <v>EDC Indirects</v>
          </cell>
          <cell r="G441" t="str">
            <v>Meals/Travel</v>
          </cell>
          <cell r="H441" t="str">
            <v>Indirect Overheads</v>
          </cell>
          <cell r="I441" t="str">
            <v>Indirects &amp; Incentives</v>
          </cell>
          <cell r="K441">
            <v>321</v>
          </cell>
          <cell r="M441">
            <v>0</v>
          </cell>
          <cell r="N441">
            <v>993</v>
          </cell>
          <cell r="O441">
            <v>-993</v>
          </cell>
          <cell r="P441">
            <v>0</v>
          </cell>
          <cell r="Q441">
            <v>0</v>
          </cell>
          <cell r="R441">
            <v>0</v>
          </cell>
          <cell r="S441">
            <v>0</v>
          </cell>
        </row>
        <row r="442">
          <cell r="B442">
            <v>1</v>
          </cell>
          <cell r="C442" t="str">
            <v>Capital</v>
          </cell>
          <cell r="D442" t="str">
            <v>Base</v>
          </cell>
          <cell r="E442" t="str">
            <v>EDC Indirects</v>
          </cell>
          <cell r="G442" t="str">
            <v>Meals/Travel</v>
          </cell>
          <cell r="H442" t="str">
            <v>Management &amp; Support</v>
          </cell>
          <cell r="I442" t="str">
            <v>Indirects &amp; Incentives</v>
          </cell>
          <cell r="K442">
            <v>1014</v>
          </cell>
          <cell r="M442">
            <v>3333</v>
          </cell>
          <cell r="N442">
            <v>5749</v>
          </cell>
          <cell r="O442">
            <v>-2415</v>
          </cell>
          <cell r="P442">
            <v>10000</v>
          </cell>
          <cell r="Q442">
            <v>10000</v>
          </cell>
          <cell r="R442">
            <v>10000</v>
          </cell>
          <cell r="S442">
            <v>0</v>
          </cell>
        </row>
        <row r="443">
          <cell r="B443">
            <v>1</v>
          </cell>
          <cell r="C443" t="str">
            <v>Capital</v>
          </cell>
          <cell r="D443" t="str">
            <v>Base</v>
          </cell>
          <cell r="E443" t="str">
            <v>EDC Indirects</v>
          </cell>
          <cell r="G443" t="str">
            <v>Materials</v>
          </cell>
          <cell r="H443" t="str">
            <v>Engineering Support</v>
          </cell>
          <cell r="I443" t="str">
            <v>Indirects &amp; Incentives</v>
          </cell>
          <cell r="K443">
            <v>56</v>
          </cell>
          <cell r="M443">
            <v>0</v>
          </cell>
          <cell r="N443">
            <v>56</v>
          </cell>
          <cell r="O443">
            <v>-56</v>
          </cell>
          <cell r="P443">
            <v>0</v>
          </cell>
          <cell r="Q443">
            <v>0</v>
          </cell>
          <cell r="R443">
            <v>0</v>
          </cell>
          <cell r="S443">
            <v>0</v>
          </cell>
        </row>
        <row r="444">
          <cell r="B444">
            <v>1</v>
          </cell>
          <cell r="C444" t="str">
            <v>Capital</v>
          </cell>
          <cell r="D444" t="str">
            <v>Base</v>
          </cell>
          <cell r="E444" t="str">
            <v>EDC Indirects</v>
          </cell>
          <cell r="G444" t="str">
            <v>Materials</v>
          </cell>
          <cell r="H444" t="str">
            <v>Group Admin Other</v>
          </cell>
          <cell r="I444" t="str">
            <v>Indirects &amp; Incentives</v>
          </cell>
          <cell r="K444">
            <v>0</v>
          </cell>
          <cell r="M444">
            <v>0</v>
          </cell>
          <cell r="N444">
            <v>718</v>
          </cell>
          <cell r="O444">
            <v>-718</v>
          </cell>
          <cell r="P444">
            <v>0</v>
          </cell>
          <cell r="Q444">
            <v>0</v>
          </cell>
          <cell r="R444">
            <v>0</v>
          </cell>
          <cell r="S444">
            <v>0</v>
          </cell>
        </row>
        <row r="445">
          <cell r="B445">
            <v>1</v>
          </cell>
          <cell r="C445" t="str">
            <v>Capital</v>
          </cell>
          <cell r="D445" t="str">
            <v>Base</v>
          </cell>
          <cell r="E445" t="str">
            <v>EDC Indirects</v>
          </cell>
          <cell r="G445" t="str">
            <v>Materials</v>
          </cell>
          <cell r="H445" t="str">
            <v>Indirect Overheads</v>
          </cell>
          <cell r="I445" t="str">
            <v>Indirects &amp; Incentives</v>
          </cell>
          <cell r="K445">
            <v>21759</v>
          </cell>
          <cell r="M445">
            <v>0</v>
          </cell>
          <cell r="N445">
            <v>35670</v>
          </cell>
          <cell r="O445">
            <v>-35670</v>
          </cell>
          <cell r="P445">
            <v>0</v>
          </cell>
          <cell r="Q445">
            <v>0</v>
          </cell>
          <cell r="R445">
            <v>0</v>
          </cell>
          <cell r="S445">
            <v>0</v>
          </cell>
        </row>
        <row r="446">
          <cell r="B446">
            <v>1</v>
          </cell>
          <cell r="C446" t="str">
            <v>Capital</v>
          </cell>
          <cell r="D446" t="str">
            <v>Base</v>
          </cell>
          <cell r="E446" t="str">
            <v>EDC Indirects</v>
          </cell>
          <cell r="G446" t="str">
            <v>Materials</v>
          </cell>
          <cell r="H446" t="str">
            <v>Lab &amp; Mat Burdens</v>
          </cell>
          <cell r="I446" t="str">
            <v>Indirects &amp; Incentives</v>
          </cell>
          <cell r="K446">
            <v>34204</v>
          </cell>
          <cell r="M446">
            <v>96427</v>
          </cell>
          <cell r="N446">
            <v>143412</v>
          </cell>
          <cell r="O446">
            <v>-46985</v>
          </cell>
          <cell r="P446">
            <v>280311</v>
          </cell>
          <cell r="Q446">
            <v>280311</v>
          </cell>
          <cell r="R446">
            <v>314850</v>
          </cell>
          <cell r="S446">
            <v>-34538</v>
          </cell>
        </row>
        <row r="447">
          <cell r="B447">
            <v>1</v>
          </cell>
          <cell r="C447" t="str">
            <v>Capital</v>
          </cell>
          <cell r="D447" t="str">
            <v>Base</v>
          </cell>
          <cell r="E447" t="str">
            <v>EDC Indirects</v>
          </cell>
          <cell r="G447" t="str">
            <v>Materials</v>
          </cell>
          <cell r="H447" t="str">
            <v>Management &amp; Support</v>
          </cell>
          <cell r="I447" t="str">
            <v>Indirects &amp; Incentives</v>
          </cell>
          <cell r="K447">
            <v>5967</v>
          </cell>
          <cell r="M447">
            <v>10775</v>
          </cell>
          <cell r="N447">
            <v>8999</v>
          </cell>
          <cell r="O447">
            <v>1776</v>
          </cell>
          <cell r="P447">
            <v>10775</v>
          </cell>
          <cell r="Q447">
            <v>10775</v>
          </cell>
          <cell r="R447">
            <v>10775</v>
          </cell>
          <cell r="S447">
            <v>0</v>
          </cell>
        </row>
        <row r="448">
          <cell r="B448">
            <v>1</v>
          </cell>
          <cell r="C448" t="str">
            <v>Capital</v>
          </cell>
          <cell r="D448" t="str">
            <v>Base</v>
          </cell>
          <cell r="E448" t="str">
            <v>EDC Indirects</v>
          </cell>
          <cell r="G448" t="str">
            <v>Other</v>
          </cell>
          <cell r="H448" t="str">
            <v>Cap Indir Alloc</v>
          </cell>
          <cell r="I448" t="str">
            <v>Indirects &amp; Incentives</v>
          </cell>
          <cell r="K448">
            <v>-142795</v>
          </cell>
          <cell r="M448">
            <v>-625861</v>
          </cell>
          <cell r="N448">
            <v>-701579</v>
          </cell>
          <cell r="O448">
            <v>75718</v>
          </cell>
          <cell r="P448">
            <v>-1906069</v>
          </cell>
          <cell r="Q448">
            <v>-1886582</v>
          </cell>
          <cell r="R448">
            <v>-725878</v>
          </cell>
          <cell r="S448">
            <v>-1160705</v>
          </cell>
        </row>
        <row r="449">
          <cell r="B449">
            <v>1</v>
          </cell>
          <cell r="C449" t="str">
            <v>Capital</v>
          </cell>
          <cell r="D449" t="str">
            <v>Base</v>
          </cell>
          <cell r="E449" t="str">
            <v>EDC Indirects</v>
          </cell>
          <cell r="G449" t="str">
            <v>Other</v>
          </cell>
          <cell r="H449" t="str">
            <v>Indirect Overheads</v>
          </cell>
          <cell r="I449" t="str">
            <v>Indirects &amp; Incentives</v>
          </cell>
          <cell r="K449">
            <v>100</v>
          </cell>
          <cell r="M449">
            <v>0</v>
          </cell>
          <cell r="N449">
            <v>2314</v>
          </cell>
          <cell r="O449">
            <v>-2314</v>
          </cell>
          <cell r="P449">
            <v>0</v>
          </cell>
          <cell r="Q449">
            <v>0</v>
          </cell>
          <cell r="R449">
            <v>0</v>
          </cell>
          <cell r="S449">
            <v>0</v>
          </cell>
        </row>
        <row r="450">
          <cell r="B450">
            <v>1</v>
          </cell>
          <cell r="C450" t="str">
            <v>Capital</v>
          </cell>
          <cell r="D450" t="str">
            <v>Base</v>
          </cell>
          <cell r="E450" t="str">
            <v>EDC Indirects</v>
          </cell>
          <cell r="G450" t="str">
            <v>Other</v>
          </cell>
          <cell r="H450" t="str">
            <v>Management &amp; Support</v>
          </cell>
          <cell r="I450" t="str">
            <v>Indirects &amp; Incentives</v>
          </cell>
          <cell r="K450">
            <v>4531</v>
          </cell>
          <cell r="M450">
            <v>-472681</v>
          </cell>
          <cell r="N450">
            <v>17828</v>
          </cell>
          <cell r="O450">
            <v>-490509</v>
          </cell>
          <cell r="P450">
            <v>-1370000</v>
          </cell>
          <cell r="Q450">
            <v>-1370000</v>
          </cell>
          <cell r="R450">
            <v>-1370000</v>
          </cell>
          <cell r="S450">
            <v>0</v>
          </cell>
        </row>
        <row r="451">
          <cell r="B451">
            <v>1</v>
          </cell>
          <cell r="C451" t="str">
            <v>Capital</v>
          </cell>
          <cell r="D451" t="str">
            <v>Base</v>
          </cell>
          <cell r="E451" t="str">
            <v>EDC Indirects</v>
          </cell>
          <cell r="G451" t="str">
            <v>Other</v>
          </cell>
          <cell r="H451" t="str">
            <v>Mgmt &amp; Support</v>
          </cell>
          <cell r="I451" t="str">
            <v>Indirects &amp; Incentives</v>
          </cell>
          <cell r="K451">
            <v>0</v>
          </cell>
          <cell r="M451">
            <v>-1421</v>
          </cell>
          <cell r="N451">
            <v>0</v>
          </cell>
          <cell r="O451">
            <v>-1421</v>
          </cell>
          <cell r="P451">
            <v>-4860</v>
          </cell>
          <cell r="Q451">
            <v>-4860</v>
          </cell>
          <cell r="R451">
            <v>-4860</v>
          </cell>
          <cell r="S451">
            <v>0</v>
          </cell>
        </row>
        <row r="452">
          <cell r="B452">
            <v>1</v>
          </cell>
          <cell r="C452" t="str">
            <v>Capital</v>
          </cell>
          <cell r="D452" t="str">
            <v>Base</v>
          </cell>
          <cell r="E452" t="str">
            <v>EDC Major Storm</v>
          </cell>
          <cell r="G452" t="str">
            <v>Other</v>
          </cell>
          <cell r="H452" t="str">
            <v>EDC Major Storm</v>
          </cell>
          <cell r="I452" t="str">
            <v>EDC Major Storm</v>
          </cell>
          <cell r="K452">
            <v>0</v>
          </cell>
          <cell r="M452">
            <v>0</v>
          </cell>
          <cell r="N452">
            <v>-17842</v>
          </cell>
          <cell r="O452">
            <v>17842</v>
          </cell>
          <cell r="P452">
            <v>0</v>
          </cell>
          <cell r="Q452">
            <v>0</v>
          </cell>
          <cell r="R452">
            <v>0</v>
          </cell>
          <cell r="S452">
            <v>0</v>
          </cell>
        </row>
        <row r="453">
          <cell r="B453">
            <v>1</v>
          </cell>
          <cell r="C453" t="str">
            <v>Capital</v>
          </cell>
          <cell r="D453" t="str">
            <v>Base</v>
          </cell>
          <cell r="E453" t="str">
            <v>EDC Major Storm</v>
          </cell>
          <cell r="G453" t="str">
            <v>EDC Major Storm</v>
          </cell>
          <cell r="H453" t="str">
            <v>EDC Major Storm</v>
          </cell>
          <cell r="I453" t="str">
            <v>EDC Major Storm</v>
          </cell>
          <cell r="K453">
            <v>2150</v>
          </cell>
          <cell r="M453">
            <v>1556</v>
          </cell>
          <cell r="N453">
            <v>46446</v>
          </cell>
          <cell r="O453">
            <v>-44890</v>
          </cell>
          <cell r="P453">
            <v>1556</v>
          </cell>
          <cell r="Q453">
            <v>1556</v>
          </cell>
          <cell r="R453">
            <v>-53</v>
          </cell>
          <cell r="S453">
            <v>1609</v>
          </cell>
        </row>
        <row r="454">
          <cell r="B454">
            <v>1</v>
          </cell>
          <cell r="C454" t="str">
            <v>Capital</v>
          </cell>
          <cell r="D454" t="str">
            <v>Base</v>
          </cell>
          <cell r="E454" t="str">
            <v>Highway Conflicts</v>
          </cell>
          <cell r="G454" t="str">
            <v>Company Labor</v>
          </cell>
          <cell r="H454" t="str">
            <v>Distribution Application Support</v>
          </cell>
          <cell r="I454" t="str">
            <v>Highway Conflicts &amp; Streetscapes</v>
          </cell>
          <cell r="K454">
            <v>33026</v>
          </cell>
          <cell r="M454">
            <v>167780</v>
          </cell>
          <cell r="N454">
            <v>153461</v>
          </cell>
          <cell r="O454">
            <v>14319</v>
          </cell>
          <cell r="P454">
            <v>487733</v>
          </cell>
          <cell r="Q454">
            <v>487733</v>
          </cell>
          <cell r="R454">
            <v>487733</v>
          </cell>
          <cell r="S454">
            <v>0</v>
          </cell>
        </row>
        <row r="455">
          <cell r="B455">
            <v>1</v>
          </cell>
          <cell r="C455" t="str">
            <v>Capital</v>
          </cell>
          <cell r="D455" t="str">
            <v>Base</v>
          </cell>
          <cell r="E455" t="str">
            <v>Highway Conflicts</v>
          </cell>
          <cell r="G455" t="str">
            <v>Company Labor</v>
          </cell>
          <cell r="H455" t="str">
            <v>Distribution Application Support</v>
          </cell>
          <cell r="I455" t="str">
            <v>Highway Conflicts &amp; Streetscapes</v>
          </cell>
          <cell r="K455">
            <v>20957</v>
          </cell>
          <cell r="M455">
            <v>105198</v>
          </cell>
          <cell r="N455">
            <v>97011</v>
          </cell>
          <cell r="O455">
            <v>8187</v>
          </cell>
          <cell r="P455">
            <v>305809</v>
          </cell>
          <cell r="Q455">
            <v>305809</v>
          </cell>
          <cell r="R455">
            <v>305809</v>
          </cell>
          <cell r="S455">
            <v>0</v>
          </cell>
        </row>
        <row r="456">
          <cell r="B456">
            <v>1</v>
          </cell>
          <cell r="C456" t="str">
            <v>Capital</v>
          </cell>
          <cell r="D456" t="str">
            <v>Base</v>
          </cell>
          <cell r="E456" t="str">
            <v>Highway Conflicts</v>
          </cell>
          <cell r="G456" t="str">
            <v>Company Labor</v>
          </cell>
          <cell r="H456" t="str">
            <v>Distribution Application Support</v>
          </cell>
          <cell r="I456" t="str">
            <v>Highway Conflicts &amp; Streetscapes</v>
          </cell>
          <cell r="K456">
            <v>1366</v>
          </cell>
          <cell r="M456">
            <v>0</v>
          </cell>
          <cell r="N456">
            <v>4338</v>
          </cell>
          <cell r="O456">
            <v>-4338</v>
          </cell>
          <cell r="P456">
            <v>0</v>
          </cell>
          <cell r="Q456">
            <v>0</v>
          </cell>
          <cell r="R456">
            <v>0</v>
          </cell>
          <cell r="S456">
            <v>0</v>
          </cell>
        </row>
        <row r="457">
          <cell r="B457">
            <v>1</v>
          </cell>
          <cell r="C457" t="str">
            <v>Capital</v>
          </cell>
          <cell r="D457" t="str">
            <v>Base</v>
          </cell>
          <cell r="E457" t="str">
            <v>Highway Conflicts</v>
          </cell>
          <cell r="G457" t="str">
            <v>Contract Labor</v>
          </cell>
          <cell r="H457" t="str">
            <v>Distribution Application Support</v>
          </cell>
          <cell r="I457" t="str">
            <v>Highway Conflicts &amp; Streetscapes</v>
          </cell>
          <cell r="K457">
            <v>264807</v>
          </cell>
          <cell r="M457">
            <v>1170701</v>
          </cell>
          <cell r="N457">
            <v>995070</v>
          </cell>
          <cell r="O457">
            <v>175631</v>
          </cell>
          <cell r="P457">
            <v>3512102</v>
          </cell>
          <cell r="Q457">
            <v>3512102</v>
          </cell>
          <cell r="R457">
            <v>3512102</v>
          </cell>
          <cell r="S457">
            <v>0</v>
          </cell>
        </row>
        <row r="458">
          <cell r="B458">
            <v>1</v>
          </cell>
          <cell r="C458" t="str">
            <v>Capital</v>
          </cell>
          <cell r="D458" t="str">
            <v>Base</v>
          </cell>
          <cell r="E458" t="str">
            <v>Highway Conflicts</v>
          </cell>
          <cell r="G458" t="str">
            <v>Fleet</v>
          </cell>
          <cell r="H458" t="str">
            <v>Distribution Application Support</v>
          </cell>
          <cell r="I458" t="str">
            <v>Highway Conflicts &amp; Streetscapes</v>
          </cell>
          <cell r="K458">
            <v>2635</v>
          </cell>
          <cell r="M458">
            <v>21438</v>
          </cell>
          <cell r="N458">
            <v>13229</v>
          </cell>
          <cell r="O458">
            <v>8208</v>
          </cell>
          <cell r="P458">
            <v>62319</v>
          </cell>
          <cell r="Q458">
            <v>62319</v>
          </cell>
          <cell r="R458">
            <v>62319</v>
          </cell>
          <cell r="S458">
            <v>0</v>
          </cell>
        </row>
        <row r="459">
          <cell r="B459">
            <v>1</v>
          </cell>
          <cell r="C459" t="str">
            <v>Capital</v>
          </cell>
          <cell r="D459" t="str">
            <v>Base</v>
          </cell>
          <cell r="E459" t="str">
            <v>Highway Conflicts</v>
          </cell>
          <cell r="G459" t="str">
            <v>Meals/Travel</v>
          </cell>
          <cell r="H459" t="str">
            <v>Distribution Application Support</v>
          </cell>
          <cell r="I459" t="str">
            <v>Highway Conflicts &amp; Streetscapes</v>
          </cell>
          <cell r="K459">
            <v>996</v>
          </cell>
          <cell r="M459">
            <v>0</v>
          </cell>
          <cell r="N459">
            <v>1117</v>
          </cell>
          <cell r="O459">
            <v>-1117</v>
          </cell>
          <cell r="P459">
            <v>0</v>
          </cell>
          <cell r="Q459">
            <v>0</v>
          </cell>
          <cell r="R459">
            <v>0</v>
          </cell>
          <cell r="S459">
            <v>0</v>
          </cell>
        </row>
        <row r="460">
          <cell r="B460">
            <v>1</v>
          </cell>
          <cell r="C460" t="str">
            <v>Capital</v>
          </cell>
          <cell r="D460" t="str">
            <v>Base</v>
          </cell>
          <cell r="E460" t="str">
            <v>Highway Conflicts</v>
          </cell>
          <cell r="G460" t="str">
            <v>Materials</v>
          </cell>
          <cell r="H460" t="str">
            <v>Distribution Application Support</v>
          </cell>
          <cell r="I460" t="str">
            <v>Highway Conflicts &amp; Streetscapes</v>
          </cell>
          <cell r="K460">
            <v>48365</v>
          </cell>
          <cell r="M460">
            <v>249281</v>
          </cell>
          <cell r="N460">
            <v>174879</v>
          </cell>
          <cell r="O460">
            <v>74402</v>
          </cell>
          <cell r="P460">
            <v>747843</v>
          </cell>
          <cell r="Q460">
            <v>747843</v>
          </cell>
          <cell r="R460">
            <v>747843</v>
          </cell>
          <cell r="S460">
            <v>0</v>
          </cell>
        </row>
        <row r="461">
          <cell r="B461">
            <v>1</v>
          </cell>
          <cell r="C461" t="str">
            <v>Capital</v>
          </cell>
          <cell r="D461" t="str">
            <v>Base</v>
          </cell>
          <cell r="E461" t="str">
            <v>Highway Conflicts</v>
          </cell>
          <cell r="G461" t="str">
            <v>Other</v>
          </cell>
          <cell r="H461" t="str">
            <v>Distribution Application Support</v>
          </cell>
          <cell r="I461" t="str">
            <v>Highway Conflicts &amp; Streetscapes</v>
          </cell>
          <cell r="K461">
            <v>10828</v>
          </cell>
          <cell r="M461">
            <v>0</v>
          </cell>
          <cell r="N461">
            <v>22083</v>
          </cell>
          <cell r="O461">
            <v>-22083</v>
          </cell>
          <cell r="P461">
            <v>0</v>
          </cell>
          <cell r="Q461">
            <v>0</v>
          </cell>
          <cell r="R461">
            <v>0</v>
          </cell>
          <cell r="S461">
            <v>0</v>
          </cell>
        </row>
        <row r="462">
          <cell r="B462">
            <v>1</v>
          </cell>
          <cell r="C462" t="str">
            <v>Capital</v>
          </cell>
          <cell r="D462" t="str">
            <v>Base</v>
          </cell>
          <cell r="E462" t="str">
            <v>Highway Conflicts</v>
          </cell>
          <cell r="G462" t="str">
            <v>Other</v>
          </cell>
          <cell r="H462" t="str">
            <v>Highway Cap Indirects</v>
          </cell>
          <cell r="I462" t="str">
            <v>Highway Conflicts &amp; Streetscapes</v>
          </cell>
          <cell r="K462">
            <v>116984</v>
          </cell>
          <cell r="M462">
            <v>445147</v>
          </cell>
          <cell r="N462">
            <v>568943</v>
          </cell>
          <cell r="O462">
            <v>-123796</v>
          </cell>
          <cell r="P462">
            <v>1392941</v>
          </cell>
          <cell r="Q462">
            <v>1344168</v>
          </cell>
          <cell r="R462">
            <v>522998</v>
          </cell>
          <cell r="S462">
            <v>821170</v>
          </cell>
        </row>
        <row r="463">
          <cell r="B463">
            <v>1</v>
          </cell>
          <cell r="C463" t="str">
            <v>Capital</v>
          </cell>
          <cell r="D463" t="str">
            <v>Base</v>
          </cell>
          <cell r="E463" t="str">
            <v>Highway Reimbursements</v>
          </cell>
          <cell r="G463" t="str">
            <v>Ciac</v>
          </cell>
          <cell r="H463" t="str">
            <v>Distribution Application Support</v>
          </cell>
          <cell r="I463" t="str">
            <v>Highway Conflicts &amp; Streetscapes</v>
          </cell>
          <cell r="K463">
            <v>-437590</v>
          </cell>
          <cell r="M463">
            <v>-1814364</v>
          </cell>
          <cell r="N463">
            <v>-1373432</v>
          </cell>
          <cell r="O463">
            <v>-440932</v>
          </cell>
          <cell r="P463">
            <v>-5443092</v>
          </cell>
          <cell r="Q463">
            <v>-5443092</v>
          </cell>
          <cell r="R463">
            <v>-5443092</v>
          </cell>
          <cell r="S463">
            <v>0</v>
          </cell>
        </row>
        <row r="464">
          <cell r="B464">
            <v>1</v>
          </cell>
          <cell r="C464" t="str">
            <v>Capital</v>
          </cell>
          <cell r="D464" t="str">
            <v>Base</v>
          </cell>
          <cell r="E464" t="str">
            <v>Joint Use</v>
          </cell>
          <cell r="G464" t="str">
            <v>Company Labor</v>
          </cell>
          <cell r="H464" t="str">
            <v>Joint Use</v>
          </cell>
          <cell r="I464" t="str">
            <v>Other</v>
          </cell>
          <cell r="K464">
            <v>2582</v>
          </cell>
          <cell r="M464">
            <v>0</v>
          </cell>
          <cell r="N464">
            <v>3214</v>
          </cell>
          <cell r="O464">
            <v>-3214</v>
          </cell>
          <cell r="P464">
            <v>0</v>
          </cell>
          <cell r="Q464">
            <v>0</v>
          </cell>
          <cell r="R464">
            <v>0</v>
          </cell>
          <cell r="S464">
            <v>0</v>
          </cell>
        </row>
        <row r="465">
          <cell r="B465">
            <v>1</v>
          </cell>
          <cell r="C465" t="str">
            <v>Capital</v>
          </cell>
          <cell r="D465" t="str">
            <v>Base</v>
          </cell>
          <cell r="E465" t="str">
            <v>Joint Use</v>
          </cell>
          <cell r="G465" t="str">
            <v>Company Labor</v>
          </cell>
          <cell r="H465" t="str">
            <v>Joint Use/Locates</v>
          </cell>
          <cell r="I465" t="str">
            <v>Other</v>
          </cell>
          <cell r="K465">
            <v>7817</v>
          </cell>
          <cell r="M465">
            <v>0</v>
          </cell>
          <cell r="N465">
            <v>20793</v>
          </cell>
          <cell r="O465">
            <v>-20793</v>
          </cell>
          <cell r="P465">
            <v>0</v>
          </cell>
          <cell r="Q465">
            <v>0</v>
          </cell>
          <cell r="R465">
            <v>0</v>
          </cell>
          <cell r="S465">
            <v>0</v>
          </cell>
        </row>
        <row r="466">
          <cell r="B466">
            <v>1</v>
          </cell>
          <cell r="C466" t="str">
            <v>Capital</v>
          </cell>
          <cell r="D466" t="str">
            <v>Base</v>
          </cell>
          <cell r="E466" t="str">
            <v>Joint Use</v>
          </cell>
          <cell r="G466" t="str">
            <v>Company Labor</v>
          </cell>
          <cell r="H466" t="str">
            <v>Joint Use/Locates</v>
          </cell>
          <cell r="I466" t="str">
            <v>Other</v>
          </cell>
          <cell r="K466">
            <v>4935</v>
          </cell>
          <cell r="M466">
            <v>0</v>
          </cell>
          <cell r="N466">
            <v>13301</v>
          </cell>
          <cell r="O466">
            <v>-13301</v>
          </cell>
          <cell r="P466">
            <v>0</v>
          </cell>
          <cell r="Q466">
            <v>0</v>
          </cell>
          <cell r="R466">
            <v>0</v>
          </cell>
          <cell r="S466">
            <v>0</v>
          </cell>
        </row>
        <row r="467">
          <cell r="B467">
            <v>1</v>
          </cell>
          <cell r="C467" t="str">
            <v>Capital</v>
          </cell>
          <cell r="D467" t="str">
            <v>Base</v>
          </cell>
          <cell r="E467" t="str">
            <v>Joint Use</v>
          </cell>
          <cell r="G467" t="str">
            <v>Company Labor</v>
          </cell>
          <cell r="H467" t="str">
            <v>Joint Use/Locates</v>
          </cell>
          <cell r="I467" t="str">
            <v>Other</v>
          </cell>
          <cell r="K467">
            <v>186</v>
          </cell>
          <cell r="M467">
            <v>0</v>
          </cell>
          <cell r="N467">
            <v>1459</v>
          </cell>
          <cell r="O467">
            <v>-1459</v>
          </cell>
          <cell r="P467">
            <v>0</v>
          </cell>
          <cell r="Q467">
            <v>0</v>
          </cell>
          <cell r="R467">
            <v>0</v>
          </cell>
          <cell r="S467">
            <v>0</v>
          </cell>
        </row>
        <row r="468">
          <cell r="B468">
            <v>1</v>
          </cell>
          <cell r="C468" t="str">
            <v>Capital</v>
          </cell>
          <cell r="D468" t="str">
            <v>Base</v>
          </cell>
          <cell r="E468" t="str">
            <v>Joint Use</v>
          </cell>
          <cell r="G468" t="str">
            <v>Contract Labor</v>
          </cell>
          <cell r="H468" t="str">
            <v>Joint Use</v>
          </cell>
          <cell r="I468" t="str">
            <v>Other</v>
          </cell>
          <cell r="K468">
            <v>8710</v>
          </cell>
          <cell r="M468">
            <v>0</v>
          </cell>
          <cell r="N468">
            <v>8710</v>
          </cell>
          <cell r="O468">
            <v>-8710</v>
          </cell>
          <cell r="P468">
            <v>0</v>
          </cell>
          <cell r="Q468">
            <v>0</v>
          </cell>
          <cell r="R468">
            <v>0</v>
          </cell>
          <cell r="S468">
            <v>0</v>
          </cell>
        </row>
        <row r="469">
          <cell r="B469">
            <v>1</v>
          </cell>
          <cell r="C469" t="str">
            <v>Capital</v>
          </cell>
          <cell r="D469" t="str">
            <v>Base</v>
          </cell>
          <cell r="E469" t="str">
            <v>Joint Use</v>
          </cell>
          <cell r="G469" t="str">
            <v>Contract Labor</v>
          </cell>
          <cell r="H469" t="str">
            <v>Joint Use/Locates</v>
          </cell>
          <cell r="I469" t="str">
            <v>Other</v>
          </cell>
          <cell r="K469">
            <v>19590</v>
          </cell>
          <cell r="M469">
            <v>224667</v>
          </cell>
          <cell r="N469">
            <v>122024</v>
          </cell>
          <cell r="O469">
            <v>102643</v>
          </cell>
          <cell r="P469">
            <v>674000</v>
          </cell>
          <cell r="Q469">
            <v>674000</v>
          </cell>
          <cell r="R469">
            <v>674000</v>
          </cell>
          <cell r="S469">
            <v>0</v>
          </cell>
        </row>
        <row r="470">
          <cell r="B470">
            <v>1</v>
          </cell>
          <cell r="C470" t="str">
            <v>Capital</v>
          </cell>
          <cell r="D470" t="str">
            <v>Base</v>
          </cell>
          <cell r="E470" t="str">
            <v>Joint Use</v>
          </cell>
          <cell r="G470" t="str">
            <v>Fleet</v>
          </cell>
          <cell r="H470" t="str">
            <v>Joint Use</v>
          </cell>
          <cell r="I470" t="str">
            <v>Other</v>
          </cell>
          <cell r="K470">
            <v>233</v>
          </cell>
          <cell r="M470">
            <v>0</v>
          </cell>
          <cell r="N470">
            <v>273</v>
          </cell>
          <cell r="O470">
            <v>-273</v>
          </cell>
          <cell r="P470">
            <v>0</v>
          </cell>
          <cell r="Q470">
            <v>0</v>
          </cell>
          <cell r="R470">
            <v>0</v>
          </cell>
          <cell r="S470">
            <v>0</v>
          </cell>
        </row>
        <row r="471">
          <cell r="B471">
            <v>1</v>
          </cell>
          <cell r="C471" t="str">
            <v>Capital</v>
          </cell>
          <cell r="D471" t="str">
            <v>Base</v>
          </cell>
          <cell r="E471" t="str">
            <v>Joint Use</v>
          </cell>
          <cell r="G471" t="str">
            <v>Fleet</v>
          </cell>
          <cell r="H471" t="str">
            <v>Joint Use/Locates</v>
          </cell>
          <cell r="I471" t="str">
            <v>Other</v>
          </cell>
          <cell r="K471">
            <v>2382</v>
          </cell>
          <cell r="M471">
            <v>0</v>
          </cell>
          <cell r="N471">
            <v>7458</v>
          </cell>
          <cell r="O471">
            <v>-7458</v>
          </cell>
          <cell r="P471">
            <v>0</v>
          </cell>
          <cell r="Q471">
            <v>0</v>
          </cell>
          <cell r="R471">
            <v>0</v>
          </cell>
          <cell r="S471">
            <v>0</v>
          </cell>
        </row>
        <row r="472">
          <cell r="B472">
            <v>1</v>
          </cell>
          <cell r="C472" t="str">
            <v>Capital</v>
          </cell>
          <cell r="D472" t="str">
            <v>Base</v>
          </cell>
          <cell r="E472" t="str">
            <v>Joint Use</v>
          </cell>
          <cell r="G472" t="str">
            <v>Meals/Travel</v>
          </cell>
          <cell r="H472" t="str">
            <v>Joint Use/Locates</v>
          </cell>
          <cell r="I472" t="str">
            <v>Other</v>
          </cell>
          <cell r="K472">
            <v>0</v>
          </cell>
          <cell r="M472">
            <v>0</v>
          </cell>
          <cell r="N472">
            <v>37</v>
          </cell>
          <cell r="O472">
            <v>-37</v>
          </cell>
          <cell r="P472">
            <v>0</v>
          </cell>
          <cell r="Q472">
            <v>0</v>
          </cell>
          <cell r="R472">
            <v>0</v>
          </cell>
          <cell r="S472">
            <v>0</v>
          </cell>
        </row>
        <row r="473">
          <cell r="B473">
            <v>1</v>
          </cell>
          <cell r="C473" t="str">
            <v>Capital</v>
          </cell>
          <cell r="D473" t="str">
            <v>Base</v>
          </cell>
          <cell r="E473" t="str">
            <v>Joint Use</v>
          </cell>
          <cell r="G473" t="str">
            <v>Materials</v>
          </cell>
          <cell r="H473" t="str">
            <v>Joint Use</v>
          </cell>
          <cell r="I473" t="str">
            <v>Other</v>
          </cell>
          <cell r="K473">
            <v>1846</v>
          </cell>
          <cell r="M473">
            <v>0</v>
          </cell>
          <cell r="N473">
            <v>3236</v>
          </cell>
          <cell r="O473">
            <v>-3236</v>
          </cell>
          <cell r="P473">
            <v>0</v>
          </cell>
          <cell r="Q473">
            <v>0</v>
          </cell>
          <cell r="R473">
            <v>0</v>
          </cell>
          <cell r="S473">
            <v>0</v>
          </cell>
        </row>
        <row r="474">
          <cell r="B474">
            <v>1</v>
          </cell>
          <cell r="C474" t="str">
            <v>Capital</v>
          </cell>
          <cell r="D474" t="str">
            <v>Base</v>
          </cell>
          <cell r="E474" t="str">
            <v>Joint Use</v>
          </cell>
          <cell r="G474" t="str">
            <v>Materials</v>
          </cell>
          <cell r="H474" t="str">
            <v>Joint Use/Locates</v>
          </cell>
          <cell r="I474" t="str">
            <v>Other</v>
          </cell>
          <cell r="K474">
            <v>6106</v>
          </cell>
          <cell r="M474">
            <v>0</v>
          </cell>
          <cell r="N474">
            <v>32218</v>
          </cell>
          <cell r="O474">
            <v>-32218</v>
          </cell>
          <cell r="P474">
            <v>0</v>
          </cell>
          <cell r="Q474">
            <v>0</v>
          </cell>
          <cell r="R474">
            <v>0</v>
          </cell>
          <cell r="S474">
            <v>0</v>
          </cell>
        </row>
        <row r="475">
          <cell r="B475">
            <v>1</v>
          </cell>
          <cell r="C475" t="str">
            <v>Capital</v>
          </cell>
          <cell r="D475" t="str">
            <v>Base</v>
          </cell>
          <cell r="E475" t="str">
            <v>Joint Use</v>
          </cell>
          <cell r="G475" t="str">
            <v>Ciac</v>
          </cell>
          <cell r="H475" t="str">
            <v>Joint Use/Locates</v>
          </cell>
          <cell r="I475" t="str">
            <v>Other</v>
          </cell>
          <cell r="K475">
            <v>-11637</v>
          </cell>
          <cell r="M475">
            <v>-224667</v>
          </cell>
          <cell r="N475">
            <v>-175884</v>
          </cell>
          <cell r="O475">
            <v>-48783</v>
          </cell>
          <cell r="P475">
            <v>-674000</v>
          </cell>
          <cell r="Q475">
            <v>-674000</v>
          </cell>
          <cell r="R475">
            <v>-674000</v>
          </cell>
          <cell r="S475">
            <v>0</v>
          </cell>
        </row>
        <row r="476">
          <cell r="B476">
            <v>1</v>
          </cell>
          <cell r="C476" t="str">
            <v>Capital</v>
          </cell>
          <cell r="D476" t="str">
            <v>Base</v>
          </cell>
          <cell r="E476" t="str">
            <v>Joint Use</v>
          </cell>
          <cell r="G476" t="str">
            <v>Other</v>
          </cell>
          <cell r="H476" t="str">
            <v>Joint Use</v>
          </cell>
          <cell r="I476" t="str">
            <v>Other</v>
          </cell>
          <cell r="K476">
            <v>0</v>
          </cell>
          <cell r="M476">
            <v>0</v>
          </cell>
          <cell r="N476">
            <v>240</v>
          </cell>
          <cell r="O476">
            <v>-240</v>
          </cell>
          <cell r="P476">
            <v>0</v>
          </cell>
          <cell r="Q476">
            <v>0</v>
          </cell>
          <cell r="R476">
            <v>0</v>
          </cell>
          <cell r="S476">
            <v>0</v>
          </cell>
        </row>
        <row r="477">
          <cell r="B477">
            <v>1</v>
          </cell>
          <cell r="C477" t="str">
            <v>Capital</v>
          </cell>
          <cell r="D477" t="str">
            <v>Base</v>
          </cell>
          <cell r="E477" t="str">
            <v>Joint Use</v>
          </cell>
          <cell r="G477" t="str">
            <v>Other</v>
          </cell>
          <cell r="H477" t="str">
            <v>Joint Use/Locates</v>
          </cell>
          <cell r="I477" t="str">
            <v>Other</v>
          </cell>
          <cell r="K477">
            <v>0</v>
          </cell>
          <cell r="M477">
            <v>0</v>
          </cell>
          <cell r="N477">
            <v>125</v>
          </cell>
          <cell r="O477">
            <v>-125</v>
          </cell>
          <cell r="P477">
            <v>0</v>
          </cell>
          <cell r="Q477">
            <v>0</v>
          </cell>
          <cell r="R477">
            <v>0</v>
          </cell>
          <cell r="S477">
            <v>0</v>
          </cell>
        </row>
        <row r="478">
          <cell r="B478">
            <v>1</v>
          </cell>
          <cell r="C478" t="str">
            <v>Capital</v>
          </cell>
          <cell r="D478" t="str">
            <v>Base</v>
          </cell>
          <cell r="E478" t="str">
            <v>Lighting Maintenance</v>
          </cell>
          <cell r="G478" t="str">
            <v>Company Labor</v>
          </cell>
          <cell r="H478" t="str">
            <v>Maintenance</v>
          </cell>
          <cell r="I478" t="str">
            <v>Region Maintenance</v>
          </cell>
          <cell r="K478">
            <v>26435</v>
          </cell>
          <cell r="M478">
            <v>0</v>
          </cell>
          <cell r="N478">
            <v>123344</v>
          </cell>
          <cell r="O478">
            <v>-123344</v>
          </cell>
          <cell r="P478">
            <v>0</v>
          </cell>
          <cell r="Q478">
            <v>0</v>
          </cell>
          <cell r="R478">
            <v>0</v>
          </cell>
          <cell r="S478">
            <v>0</v>
          </cell>
        </row>
        <row r="479">
          <cell r="B479">
            <v>1</v>
          </cell>
          <cell r="C479" t="str">
            <v>Capital</v>
          </cell>
          <cell r="D479" t="str">
            <v>Base</v>
          </cell>
          <cell r="E479" t="str">
            <v>Lighting Maintenance</v>
          </cell>
          <cell r="G479" t="str">
            <v>Company Labor</v>
          </cell>
          <cell r="H479" t="str">
            <v>Maintenance</v>
          </cell>
          <cell r="I479" t="str">
            <v>Region Maintenance</v>
          </cell>
          <cell r="K479">
            <v>16703</v>
          </cell>
          <cell r="M479">
            <v>857</v>
          </cell>
          <cell r="N479">
            <v>78318</v>
          </cell>
          <cell r="O479">
            <v>-77461</v>
          </cell>
          <cell r="P479">
            <v>3184</v>
          </cell>
          <cell r="Q479">
            <v>3184</v>
          </cell>
          <cell r="R479">
            <v>3184</v>
          </cell>
          <cell r="S479">
            <v>0</v>
          </cell>
        </row>
        <row r="480">
          <cell r="B480">
            <v>1</v>
          </cell>
          <cell r="C480" t="str">
            <v>Capital</v>
          </cell>
          <cell r="D480" t="str">
            <v>Base</v>
          </cell>
          <cell r="E480" t="str">
            <v>Lighting Maintenance</v>
          </cell>
          <cell r="G480" t="str">
            <v>Company Labor</v>
          </cell>
          <cell r="H480" t="str">
            <v>Maintenance</v>
          </cell>
          <cell r="I480" t="str">
            <v>Region Maintenance</v>
          </cell>
          <cell r="K480">
            <v>657</v>
          </cell>
          <cell r="M480">
            <v>4707</v>
          </cell>
          <cell r="N480">
            <v>5215</v>
          </cell>
          <cell r="O480">
            <v>-508</v>
          </cell>
          <cell r="P480">
            <v>17496</v>
          </cell>
          <cell r="Q480">
            <v>17496</v>
          </cell>
          <cell r="R480">
            <v>17496</v>
          </cell>
          <cell r="S480">
            <v>0</v>
          </cell>
        </row>
        <row r="481">
          <cell r="B481">
            <v>1</v>
          </cell>
          <cell r="C481" t="str">
            <v>Capital</v>
          </cell>
          <cell r="D481" t="str">
            <v>Base</v>
          </cell>
          <cell r="E481" t="str">
            <v>Lighting Maintenance</v>
          </cell>
          <cell r="G481" t="str">
            <v>Contract Labor</v>
          </cell>
          <cell r="H481" t="str">
            <v>Maintenance</v>
          </cell>
          <cell r="I481" t="str">
            <v>Region Maintenance</v>
          </cell>
          <cell r="K481">
            <v>50860</v>
          </cell>
          <cell r="M481">
            <v>268650</v>
          </cell>
          <cell r="N481">
            <v>339782</v>
          </cell>
          <cell r="O481">
            <v>-71132</v>
          </cell>
          <cell r="P481">
            <v>850211</v>
          </cell>
          <cell r="Q481">
            <v>850211</v>
          </cell>
          <cell r="R481">
            <v>850211</v>
          </cell>
          <cell r="S481">
            <v>0</v>
          </cell>
        </row>
        <row r="482">
          <cell r="B482">
            <v>1</v>
          </cell>
          <cell r="C482" t="str">
            <v>Capital</v>
          </cell>
          <cell r="D482" t="str">
            <v>Base</v>
          </cell>
          <cell r="E482" t="str">
            <v>Lighting Maintenance</v>
          </cell>
          <cell r="G482" t="str">
            <v>Fleet</v>
          </cell>
          <cell r="H482" t="str">
            <v>Maintenance</v>
          </cell>
          <cell r="I482" t="str">
            <v>Region Maintenance</v>
          </cell>
          <cell r="K482">
            <v>13011</v>
          </cell>
          <cell r="M482">
            <v>37845</v>
          </cell>
          <cell r="N482">
            <v>58155</v>
          </cell>
          <cell r="O482">
            <v>-20310</v>
          </cell>
          <cell r="P482">
            <v>116305</v>
          </cell>
          <cell r="Q482">
            <v>116305</v>
          </cell>
          <cell r="R482">
            <v>116305</v>
          </cell>
          <cell r="S482">
            <v>0</v>
          </cell>
        </row>
        <row r="483">
          <cell r="B483">
            <v>1</v>
          </cell>
          <cell r="C483" t="str">
            <v>Capital</v>
          </cell>
          <cell r="D483" t="str">
            <v>Base</v>
          </cell>
          <cell r="E483" t="str">
            <v>Lighting Maintenance</v>
          </cell>
          <cell r="G483" t="str">
            <v>Meals/Travel</v>
          </cell>
          <cell r="H483" t="str">
            <v>Maintenance</v>
          </cell>
          <cell r="I483" t="str">
            <v>Region Maintenance</v>
          </cell>
          <cell r="K483">
            <v>0</v>
          </cell>
          <cell r="M483">
            <v>0</v>
          </cell>
          <cell r="N483">
            <v>14</v>
          </cell>
          <cell r="O483">
            <v>-14</v>
          </cell>
          <cell r="P483">
            <v>0</v>
          </cell>
          <cell r="Q483">
            <v>0</v>
          </cell>
          <cell r="R483">
            <v>0</v>
          </cell>
          <cell r="S483">
            <v>0</v>
          </cell>
        </row>
        <row r="484">
          <cell r="B484">
            <v>1</v>
          </cell>
          <cell r="C484" t="str">
            <v>Capital</v>
          </cell>
          <cell r="D484" t="str">
            <v>Base</v>
          </cell>
          <cell r="E484" t="str">
            <v>Lighting Maintenance</v>
          </cell>
          <cell r="G484" t="str">
            <v>Materials</v>
          </cell>
          <cell r="H484" t="str">
            <v>Maintenance</v>
          </cell>
          <cell r="I484" t="str">
            <v>Region Maintenance</v>
          </cell>
          <cell r="K484">
            <v>81153</v>
          </cell>
          <cell r="M484">
            <v>256064</v>
          </cell>
          <cell r="N484">
            <v>388574</v>
          </cell>
          <cell r="O484">
            <v>-132510</v>
          </cell>
          <cell r="P484">
            <v>789416</v>
          </cell>
          <cell r="Q484">
            <v>789416</v>
          </cell>
          <cell r="R484">
            <v>789416</v>
          </cell>
          <cell r="S484">
            <v>0</v>
          </cell>
        </row>
        <row r="485">
          <cell r="B485">
            <v>1</v>
          </cell>
          <cell r="C485" t="str">
            <v>Capital</v>
          </cell>
          <cell r="D485" t="str">
            <v>Base</v>
          </cell>
          <cell r="E485" t="str">
            <v>Lighting Maintenance</v>
          </cell>
          <cell r="G485" t="str">
            <v>Ciac</v>
          </cell>
          <cell r="H485" t="str">
            <v>Maintenance</v>
          </cell>
          <cell r="I485" t="str">
            <v>Region Maintenance</v>
          </cell>
          <cell r="K485">
            <v>-15046</v>
          </cell>
          <cell r="M485">
            <v>-21907</v>
          </cell>
          <cell r="N485">
            <v>-60063</v>
          </cell>
          <cell r="O485">
            <v>38155</v>
          </cell>
          <cell r="P485">
            <v>-114175</v>
          </cell>
          <cell r="Q485">
            <v>-114175</v>
          </cell>
          <cell r="R485">
            <v>-114175</v>
          </cell>
          <cell r="S485">
            <v>0</v>
          </cell>
        </row>
        <row r="486">
          <cell r="B486">
            <v>1</v>
          </cell>
          <cell r="C486" t="str">
            <v>Capital</v>
          </cell>
          <cell r="D486" t="str">
            <v>Base</v>
          </cell>
          <cell r="E486" t="str">
            <v>Maintenance - Restore</v>
          </cell>
          <cell r="G486" t="str">
            <v>Company Labor</v>
          </cell>
          <cell r="H486" t="str">
            <v>Maintenance</v>
          </cell>
          <cell r="I486" t="str">
            <v>Restore</v>
          </cell>
          <cell r="K486">
            <v>458</v>
          </cell>
          <cell r="M486">
            <v>22607</v>
          </cell>
          <cell r="N486">
            <v>9585</v>
          </cell>
          <cell r="O486">
            <v>13022</v>
          </cell>
          <cell r="P486">
            <v>65711</v>
          </cell>
          <cell r="Q486">
            <v>65711</v>
          </cell>
          <cell r="R486">
            <v>65711</v>
          </cell>
          <cell r="S486">
            <v>0</v>
          </cell>
        </row>
        <row r="487">
          <cell r="B487">
            <v>1</v>
          </cell>
          <cell r="C487" t="str">
            <v>Capital</v>
          </cell>
          <cell r="D487" t="str">
            <v>Base</v>
          </cell>
          <cell r="E487" t="str">
            <v>Maintenance - Restore</v>
          </cell>
          <cell r="G487" t="str">
            <v>Company Labor</v>
          </cell>
          <cell r="H487" t="str">
            <v>Maintenance</v>
          </cell>
          <cell r="I487" t="str">
            <v>Restore</v>
          </cell>
          <cell r="K487">
            <v>366</v>
          </cell>
          <cell r="M487">
            <v>16432</v>
          </cell>
          <cell r="N487">
            <v>6318</v>
          </cell>
          <cell r="O487">
            <v>10114</v>
          </cell>
          <cell r="P487">
            <v>47764</v>
          </cell>
          <cell r="Q487">
            <v>47764</v>
          </cell>
          <cell r="R487">
            <v>47764</v>
          </cell>
          <cell r="S487">
            <v>0</v>
          </cell>
        </row>
        <row r="488">
          <cell r="B488">
            <v>1</v>
          </cell>
          <cell r="C488" t="str">
            <v>Capital</v>
          </cell>
          <cell r="D488" t="str">
            <v>Base</v>
          </cell>
          <cell r="E488" t="str">
            <v>Maintenance - Restore</v>
          </cell>
          <cell r="G488" t="str">
            <v>Company Labor</v>
          </cell>
          <cell r="H488" t="str">
            <v>Maintenance</v>
          </cell>
          <cell r="I488" t="str">
            <v>Restore</v>
          </cell>
          <cell r="K488">
            <v>433</v>
          </cell>
          <cell r="M488">
            <v>12401</v>
          </cell>
          <cell r="N488">
            <v>1691</v>
          </cell>
          <cell r="O488">
            <v>10710</v>
          </cell>
          <cell r="P488">
            <v>36054</v>
          </cell>
          <cell r="Q488">
            <v>36054</v>
          </cell>
          <cell r="R488">
            <v>36054</v>
          </cell>
          <cell r="S488">
            <v>0</v>
          </cell>
        </row>
        <row r="489">
          <cell r="B489">
            <v>1</v>
          </cell>
          <cell r="C489" t="str">
            <v>Capital</v>
          </cell>
          <cell r="D489" t="str">
            <v>Base</v>
          </cell>
          <cell r="E489" t="str">
            <v>Maintenance - Restore</v>
          </cell>
          <cell r="G489" t="str">
            <v>Contract Labor</v>
          </cell>
          <cell r="H489" t="str">
            <v>Maintenance</v>
          </cell>
          <cell r="I489" t="str">
            <v>Restore</v>
          </cell>
          <cell r="K489">
            <v>36929</v>
          </cell>
          <cell r="M489">
            <v>52989</v>
          </cell>
          <cell r="N489">
            <v>138307</v>
          </cell>
          <cell r="O489">
            <v>-85318</v>
          </cell>
          <cell r="P489">
            <v>154037</v>
          </cell>
          <cell r="Q489">
            <v>154037</v>
          </cell>
          <cell r="R489">
            <v>154037</v>
          </cell>
          <cell r="S489">
            <v>0</v>
          </cell>
        </row>
        <row r="490">
          <cell r="B490">
            <v>1</v>
          </cell>
          <cell r="C490" t="str">
            <v>Capital</v>
          </cell>
          <cell r="D490" t="str">
            <v>Base</v>
          </cell>
          <cell r="E490" t="str">
            <v>Maintenance - Restore</v>
          </cell>
          <cell r="G490" t="str">
            <v>Fleet</v>
          </cell>
          <cell r="H490" t="str">
            <v>Maintenance</v>
          </cell>
          <cell r="I490" t="str">
            <v>Restore</v>
          </cell>
          <cell r="K490">
            <v>209</v>
          </cell>
          <cell r="M490">
            <v>12243</v>
          </cell>
          <cell r="N490">
            <v>4894</v>
          </cell>
          <cell r="O490">
            <v>7349</v>
          </cell>
          <cell r="P490">
            <v>35586</v>
          </cell>
          <cell r="Q490">
            <v>35586</v>
          </cell>
          <cell r="R490">
            <v>35586</v>
          </cell>
          <cell r="S490">
            <v>0</v>
          </cell>
        </row>
        <row r="491">
          <cell r="B491">
            <v>1</v>
          </cell>
          <cell r="C491" t="str">
            <v>Capital</v>
          </cell>
          <cell r="D491" t="str">
            <v>Base</v>
          </cell>
          <cell r="E491" t="str">
            <v>Maintenance - Restore</v>
          </cell>
          <cell r="G491" t="str">
            <v>Materials</v>
          </cell>
          <cell r="H491" t="str">
            <v>Maintenance</v>
          </cell>
          <cell r="I491" t="str">
            <v>Restore</v>
          </cell>
          <cell r="K491">
            <v>5957</v>
          </cell>
          <cell r="M491">
            <v>27859</v>
          </cell>
          <cell r="N491">
            <v>9369</v>
          </cell>
          <cell r="O491">
            <v>18490</v>
          </cell>
          <cell r="P491">
            <v>80981</v>
          </cell>
          <cell r="Q491">
            <v>80981</v>
          </cell>
          <cell r="R491">
            <v>80981</v>
          </cell>
          <cell r="S491">
            <v>0</v>
          </cell>
        </row>
        <row r="492">
          <cell r="B492">
            <v>1</v>
          </cell>
          <cell r="C492" t="str">
            <v>Capital</v>
          </cell>
          <cell r="D492" t="str">
            <v>Base</v>
          </cell>
          <cell r="E492" t="str">
            <v>Maintenance - Restore</v>
          </cell>
          <cell r="G492" t="str">
            <v>Ciac</v>
          </cell>
          <cell r="H492" t="str">
            <v>Maintenance</v>
          </cell>
          <cell r="I492" t="str">
            <v>Restore</v>
          </cell>
          <cell r="K492">
            <v>-3154</v>
          </cell>
          <cell r="M492">
            <v>-18752</v>
          </cell>
          <cell r="N492">
            <v>-9497</v>
          </cell>
          <cell r="O492">
            <v>-9255</v>
          </cell>
          <cell r="P492">
            <v>-54510</v>
          </cell>
          <cell r="Q492">
            <v>-54510</v>
          </cell>
          <cell r="R492">
            <v>-54510</v>
          </cell>
          <cell r="S492">
            <v>0</v>
          </cell>
        </row>
        <row r="493">
          <cell r="B493">
            <v>1</v>
          </cell>
          <cell r="C493" t="str">
            <v>Capital</v>
          </cell>
          <cell r="D493" t="str">
            <v>Base</v>
          </cell>
          <cell r="E493" t="str">
            <v>Maintenance - Routine</v>
          </cell>
          <cell r="G493" t="str">
            <v>Company Labor</v>
          </cell>
          <cell r="H493" t="str">
            <v>Maintenance</v>
          </cell>
          <cell r="I493" t="str">
            <v>Region Maintenance</v>
          </cell>
          <cell r="K493">
            <v>127204</v>
          </cell>
          <cell r="M493">
            <v>323218</v>
          </cell>
          <cell r="N493">
            <v>572985</v>
          </cell>
          <cell r="O493">
            <v>-249767</v>
          </cell>
          <cell r="P493">
            <v>939584</v>
          </cell>
          <cell r="Q493">
            <v>939584</v>
          </cell>
          <cell r="R493">
            <v>939584</v>
          </cell>
          <cell r="S493">
            <v>0</v>
          </cell>
        </row>
        <row r="494">
          <cell r="B494">
            <v>1</v>
          </cell>
          <cell r="C494" t="str">
            <v>Capital</v>
          </cell>
          <cell r="D494" t="str">
            <v>Base</v>
          </cell>
          <cell r="E494" t="str">
            <v>Maintenance - Routine</v>
          </cell>
          <cell r="G494" t="str">
            <v>Company Labor</v>
          </cell>
          <cell r="H494" t="str">
            <v>Maintenance</v>
          </cell>
          <cell r="I494" t="str">
            <v>Region Maintenance</v>
          </cell>
          <cell r="K494">
            <v>83438</v>
          </cell>
          <cell r="M494">
            <v>222221</v>
          </cell>
          <cell r="N494">
            <v>372151</v>
          </cell>
          <cell r="O494">
            <v>-149929</v>
          </cell>
          <cell r="P494">
            <v>645989</v>
          </cell>
          <cell r="Q494">
            <v>645989</v>
          </cell>
          <cell r="R494">
            <v>645989</v>
          </cell>
          <cell r="S494">
            <v>0</v>
          </cell>
        </row>
        <row r="495">
          <cell r="B495">
            <v>1</v>
          </cell>
          <cell r="C495" t="str">
            <v>Capital</v>
          </cell>
          <cell r="D495" t="str">
            <v>Base</v>
          </cell>
          <cell r="E495" t="str">
            <v>Maintenance - Routine</v>
          </cell>
          <cell r="G495" t="str">
            <v>Company Labor</v>
          </cell>
          <cell r="H495" t="str">
            <v>Maintenance</v>
          </cell>
          <cell r="I495" t="str">
            <v>Region Maintenance</v>
          </cell>
          <cell r="K495">
            <v>20151</v>
          </cell>
          <cell r="M495">
            <v>107490</v>
          </cell>
          <cell r="N495">
            <v>70607</v>
          </cell>
          <cell r="O495">
            <v>36883</v>
          </cell>
          <cell r="P495">
            <v>312463</v>
          </cell>
          <cell r="Q495">
            <v>312463</v>
          </cell>
          <cell r="R495">
            <v>312463</v>
          </cell>
          <cell r="S495">
            <v>0</v>
          </cell>
        </row>
        <row r="496">
          <cell r="B496">
            <v>1</v>
          </cell>
          <cell r="C496" t="str">
            <v>Capital</v>
          </cell>
          <cell r="D496" t="str">
            <v>Base</v>
          </cell>
          <cell r="E496" t="str">
            <v>Maintenance - Routine</v>
          </cell>
          <cell r="G496" t="str">
            <v>Contract Labor</v>
          </cell>
          <cell r="H496" t="str">
            <v>Maintenance</v>
          </cell>
          <cell r="I496" t="str">
            <v>Region Maintenance</v>
          </cell>
          <cell r="K496">
            <v>283019</v>
          </cell>
          <cell r="M496">
            <v>855378</v>
          </cell>
          <cell r="N496">
            <v>1753237</v>
          </cell>
          <cell r="O496">
            <v>-897859</v>
          </cell>
          <cell r="P496">
            <v>2486559</v>
          </cell>
          <cell r="Q496">
            <v>2486559</v>
          </cell>
          <cell r="R496">
            <v>2486559</v>
          </cell>
          <cell r="S496">
            <v>0</v>
          </cell>
        </row>
        <row r="497">
          <cell r="B497">
            <v>1</v>
          </cell>
          <cell r="C497" t="str">
            <v>Capital</v>
          </cell>
          <cell r="D497" t="str">
            <v>Base</v>
          </cell>
          <cell r="E497" t="str">
            <v>Maintenance - Routine</v>
          </cell>
          <cell r="G497" t="str">
            <v>Fleet</v>
          </cell>
          <cell r="H497" t="str">
            <v>Maintenance</v>
          </cell>
          <cell r="I497" t="str">
            <v>Region Maintenance</v>
          </cell>
          <cell r="K497">
            <v>58761</v>
          </cell>
          <cell r="M497">
            <v>135440</v>
          </cell>
          <cell r="N497">
            <v>239201</v>
          </cell>
          <cell r="O497">
            <v>-103761</v>
          </cell>
          <cell r="P497">
            <v>393730</v>
          </cell>
          <cell r="Q497">
            <v>393730</v>
          </cell>
          <cell r="R497">
            <v>393730</v>
          </cell>
          <cell r="S497">
            <v>0</v>
          </cell>
        </row>
        <row r="498">
          <cell r="B498">
            <v>1</v>
          </cell>
          <cell r="C498" t="str">
            <v>Capital</v>
          </cell>
          <cell r="D498" t="str">
            <v>Base</v>
          </cell>
          <cell r="E498" t="str">
            <v>Maintenance - Routine</v>
          </cell>
          <cell r="G498" t="str">
            <v>Meals/Travel</v>
          </cell>
          <cell r="H498" t="str">
            <v>Maintenance</v>
          </cell>
          <cell r="I498" t="str">
            <v>Region Maintenance</v>
          </cell>
          <cell r="K498">
            <v>62</v>
          </cell>
          <cell r="M498">
            <v>0</v>
          </cell>
          <cell r="N498">
            <v>-3385</v>
          </cell>
          <cell r="O498">
            <v>3385</v>
          </cell>
          <cell r="P498">
            <v>0</v>
          </cell>
          <cell r="Q498">
            <v>0</v>
          </cell>
          <cell r="R498">
            <v>0</v>
          </cell>
          <cell r="S498">
            <v>0</v>
          </cell>
        </row>
        <row r="499">
          <cell r="B499">
            <v>1</v>
          </cell>
          <cell r="C499" t="str">
            <v>Capital</v>
          </cell>
          <cell r="D499" t="str">
            <v>Base</v>
          </cell>
          <cell r="E499" t="str">
            <v>Maintenance - Routine</v>
          </cell>
          <cell r="G499" t="str">
            <v>Materials</v>
          </cell>
          <cell r="H499" t="str">
            <v>Maintenance</v>
          </cell>
          <cell r="I499" t="str">
            <v>Region Maintenance</v>
          </cell>
          <cell r="K499">
            <v>163500</v>
          </cell>
          <cell r="M499">
            <v>637290</v>
          </cell>
          <cell r="N499">
            <v>649859</v>
          </cell>
          <cell r="O499">
            <v>-12569</v>
          </cell>
          <cell r="P499">
            <v>1852588</v>
          </cell>
          <cell r="Q499">
            <v>1852588</v>
          </cell>
          <cell r="R499">
            <v>1852588</v>
          </cell>
          <cell r="S499">
            <v>0</v>
          </cell>
        </row>
        <row r="500">
          <cell r="B500">
            <v>1</v>
          </cell>
          <cell r="C500" t="str">
            <v>Capital</v>
          </cell>
          <cell r="D500" t="str">
            <v>Base</v>
          </cell>
          <cell r="E500" t="str">
            <v>Maintenance - Routine</v>
          </cell>
          <cell r="G500" t="str">
            <v>Ciac</v>
          </cell>
          <cell r="H500" t="str">
            <v>Maintenance</v>
          </cell>
          <cell r="I500" t="str">
            <v>Region Maintenance</v>
          </cell>
          <cell r="K500">
            <v>-92802</v>
          </cell>
          <cell r="M500">
            <v>-228493</v>
          </cell>
          <cell r="N500">
            <v>-337858</v>
          </cell>
          <cell r="O500">
            <v>109365</v>
          </cell>
          <cell r="P500">
            <v>-664223</v>
          </cell>
          <cell r="Q500">
            <v>-664223</v>
          </cell>
          <cell r="R500">
            <v>-664223</v>
          </cell>
          <cell r="S500">
            <v>0</v>
          </cell>
        </row>
        <row r="501">
          <cell r="B501">
            <v>1</v>
          </cell>
          <cell r="C501" t="str">
            <v>Capital</v>
          </cell>
          <cell r="D501" t="str">
            <v>Base</v>
          </cell>
          <cell r="E501" t="str">
            <v>Maintenance - Routine</v>
          </cell>
          <cell r="G501" t="str">
            <v>Other</v>
          </cell>
          <cell r="H501" t="str">
            <v>Maintenance</v>
          </cell>
          <cell r="I501" t="str">
            <v>Region Maintenance</v>
          </cell>
          <cell r="K501">
            <v>0</v>
          </cell>
          <cell r="M501">
            <v>-8072</v>
          </cell>
          <cell r="N501">
            <v>150</v>
          </cell>
          <cell r="O501">
            <v>-8222</v>
          </cell>
          <cell r="P501">
            <v>-23467</v>
          </cell>
          <cell r="Q501">
            <v>-23467</v>
          </cell>
          <cell r="R501">
            <v>-23467</v>
          </cell>
          <cell r="S501">
            <v>0</v>
          </cell>
        </row>
        <row r="502">
          <cell r="B502">
            <v>1</v>
          </cell>
          <cell r="C502" t="str">
            <v>Capital</v>
          </cell>
          <cell r="D502" t="str">
            <v>Base</v>
          </cell>
          <cell r="E502" t="str">
            <v>Other</v>
          </cell>
          <cell r="G502" t="str">
            <v>Company Labor</v>
          </cell>
          <cell r="H502" t="str">
            <v>Company Labor</v>
          </cell>
          <cell r="I502" t="str">
            <v>Other</v>
          </cell>
          <cell r="K502">
            <v>0</v>
          </cell>
          <cell r="M502">
            <v>0</v>
          </cell>
          <cell r="N502">
            <v>76</v>
          </cell>
          <cell r="O502">
            <v>-76</v>
          </cell>
          <cell r="P502">
            <v>0</v>
          </cell>
          <cell r="Q502">
            <v>0</v>
          </cell>
          <cell r="R502">
            <v>0</v>
          </cell>
          <cell r="S502">
            <v>0</v>
          </cell>
        </row>
        <row r="503">
          <cell r="B503">
            <v>1</v>
          </cell>
          <cell r="C503" t="str">
            <v>Capital</v>
          </cell>
          <cell r="D503" t="str">
            <v>Base</v>
          </cell>
          <cell r="E503" t="str">
            <v>Other</v>
          </cell>
          <cell r="G503" t="str">
            <v>Company Labor</v>
          </cell>
          <cell r="H503" t="str">
            <v>Joint Use/Locates</v>
          </cell>
          <cell r="I503" t="str">
            <v>Other</v>
          </cell>
          <cell r="K503">
            <v>1771</v>
          </cell>
          <cell r="M503">
            <v>0</v>
          </cell>
          <cell r="N503">
            <v>4912</v>
          </cell>
          <cell r="O503">
            <v>-4912</v>
          </cell>
          <cell r="P503">
            <v>0</v>
          </cell>
          <cell r="Q503">
            <v>0</v>
          </cell>
          <cell r="R503">
            <v>0</v>
          </cell>
          <cell r="S503">
            <v>0</v>
          </cell>
        </row>
        <row r="504">
          <cell r="B504">
            <v>1</v>
          </cell>
          <cell r="C504" t="str">
            <v>Capital</v>
          </cell>
          <cell r="D504" t="str">
            <v>Base</v>
          </cell>
          <cell r="E504" t="str">
            <v>Other</v>
          </cell>
          <cell r="G504" t="str">
            <v>Company Labor</v>
          </cell>
          <cell r="H504" t="str">
            <v>Mgmt &amp; Support</v>
          </cell>
          <cell r="I504" t="str">
            <v>Other</v>
          </cell>
          <cell r="K504">
            <v>2235</v>
          </cell>
          <cell r="M504">
            <v>0</v>
          </cell>
          <cell r="N504">
            <v>3590</v>
          </cell>
          <cell r="O504">
            <v>-3590</v>
          </cell>
          <cell r="P504">
            <v>0</v>
          </cell>
          <cell r="Q504">
            <v>0</v>
          </cell>
          <cell r="R504">
            <v>0</v>
          </cell>
          <cell r="S504">
            <v>0</v>
          </cell>
        </row>
        <row r="505">
          <cell r="B505">
            <v>1</v>
          </cell>
          <cell r="C505" t="str">
            <v>Capital</v>
          </cell>
          <cell r="D505" t="str">
            <v>Base</v>
          </cell>
          <cell r="E505" t="str">
            <v>Other</v>
          </cell>
          <cell r="G505" t="str">
            <v>Company Labor</v>
          </cell>
          <cell r="H505" t="str">
            <v>Rev Construction - C&amp;I</v>
          </cell>
          <cell r="I505" t="str">
            <v>Other</v>
          </cell>
          <cell r="K505">
            <v>0</v>
          </cell>
          <cell r="M505">
            <v>0</v>
          </cell>
          <cell r="N505">
            <v>128</v>
          </cell>
          <cell r="O505">
            <v>-128</v>
          </cell>
          <cell r="P505">
            <v>0</v>
          </cell>
          <cell r="Q505">
            <v>0</v>
          </cell>
          <cell r="R505">
            <v>0</v>
          </cell>
          <cell r="S505">
            <v>0</v>
          </cell>
        </row>
        <row r="506">
          <cell r="B506">
            <v>1</v>
          </cell>
          <cell r="C506" t="str">
            <v>Capital</v>
          </cell>
          <cell r="D506" t="str">
            <v>Base</v>
          </cell>
          <cell r="E506" t="str">
            <v>Other</v>
          </cell>
          <cell r="G506" t="str">
            <v>Company Labor</v>
          </cell>
          <cell r="H506" t="str">
            <v>Company Labor</v>
          </cell>
          <cell r="I506" t="str">
            <v>Other</v>
          </cell>
          <cell r="K506">
            <v>0</v>
          </cell>
          <cell r="M506">
            <v>0</v>
          </cell>
          <cell r="N506">
            <v>48</v>
          </cell>
          <cell r="O506">
            <v>-48</v>
          </cell>
          <cell r="P506">
            <v>0</v>
          </cell>
          <cell r="Q506">
            <v>0</v>
          </cell>
          <cell r="R506">
            <v>0</v>
          </cell>
          <cell r="S506">
            <v>0</v>
          </cell>
        </row>
        <row r="507">
          <cell r="B507">
            <v>1</v>
          </cell>
          <cell r="C507" t="str">
            <v>Capital</v>
          </cell>
          <cell r="D507" t="str">
            <v>Base</v>
          </cell>
          <cell r="E507" t="str">
            <v>Other</v>
          </cell>
          <cell r="G507" t="str">
            <v>Company Labor</v>
          </cell>
          <cell r="H507" t="str">
            <v>Joint Use/Locates</v>
          </cell>
          <cell r="I507" t="str">
            <v>Other</v>
          </cell>
          <cell r="K507">
            <v>1115</v>
          </cell>
          <cell r="M507">
            <v>0</v>
          </cell>
          <cell r="N507">
            <v>3084</v>
          </cell>
          <cell r="O507">
            <v>-3084</v>
          </cell>
          <cell r="P507">
            <v>0</v>
          </cell>
          <cell r="Q507">
            <v>0</v>
          </cell>
          <cell r="R507">
            <v>0</v>
          </cell>
          <cell r="S507">
            <v>0</v>
          </cell>
        </row>
        <row r="508">
          <cell r="B508">
            <v>1</v>
          </cell>
          <cell r="C508" t="str">
            <v>Capital</v>
          </cell>
          <cell r="D508" t="str">
            <v>Base</v>
          </cell>
          <cell r="E508" t="str">
            <v>Other</v>
          </cell>
          <cell r="G508" t="str">
            <v>Company Labor</v>
          </cell>
          <cell r="H508" t="str">
            <v>Lab &amp; Mat Burdens</v>
          </cell>
          <cell r="I508" t="str">
            <v>Other</v>
          </cell>
          <cell r="K508">
            <v>0</v>
          </cell>
          <cell r="M508">
            <v>0</v>
          </cell>
          <cell r="N508">
            <v>89</v>
          </cell>
          <cell r="O508">
            <v>-89</v>
          </cell>
          <cell r="P508">
            <v>0</v>
          </cell>
          <cell r="Q508">
            <v>0</v>
          </cell>
          <cell r="R508">
            <v>0</v>
          </cell>
          <cell r="S508">
            <v>0</v>
          </cell>
        </row>
        <row r="509">
          <cell r="B509">
            <v>1</v>
          </cell>
          <cell r="C509" t="str">
            <v>Capital</v>
          </cell>
          <cell r="D509" t="str">
            <v>Base</v>
          </cell>
          <cell r="E509" t="str">
            <v>Other</v>
          </cell>
          <cell r="G509" t="str">
            <v>Company Labor</v>
          </cell>
          <cell r="H509" t="str">
            <v>Mgmt &amp; Support</v>
          </cell>
          <cell r="I509" t="str">
            <v>Other</v>
          </cell>
          <cell r="K509">
            <v>1417</v>
          </cell>
          <cell r="M509">
            <v>0</v>
          </cell>
          <cell r="N509">
            <v>2267</v>
          </cell>
          <cell r="O509">
            <v>-2267</v>
          </cell>
          <cell r="P509">
            <v>0</v>
          </cell>
          <cell r="Q509">
            <v>0</v>
          </cell>
          <cell r="R509">
            <v>0</v>
          </cell>
          <cell r="S509">
            <v>0</v>
          </cell>
        </row>
        <row r="510">
          <cell r="B510">
            <v>1</v>
          </cell>
          <cell r="C510" t="str">
            <v>Capital</v>
          </cell>
          <cell r="D510" t="str">
            <v>Base</v>
          </cell>
          <cell r="E510" t="str">
            <v>Other</v>
          </cell>
          <cell r="G510" t="str">
            <v>Company Labor</v>
          </cell>
          <cell r="H510" t="str">
            <v>Joint Use/Locates</v>
          </cell>
          <cell r="I510" t="str">
            <v>Other</v>
          </cell>
          <cell r="K510">
            <v>26</v>
          </cell>
          <cell r="M510">
            <v>0</v>
          </cell>
          <cell r="N510">
            <v>26</v>
          </cell>
          <cell r="O510">
            <v>-26</v>
          </cell>
          <cell r="P510">
            <v>0</v>
          </cell>
          <cell r="Q510">
            <v>0</v>
          </cell>
          <cell r="R510">
            <v>0</v>
          </cell>
          <cell r="S510">
            <v>0</v>
          </cell>
        </row>
        <row r="511">
          <cell r="B511">
            <v>1</v>
          </cell>
          <cell r="C511" t="str">
            <v>Capital</v>
          </cell>
          <cell r="D511" t="str">
            <v>Base</v>
          </cell>
          <cell r="E511" t="str">
            <v>Other</v>
          </cell>
          <cell r="G511" t="str">
            <v>Company Labor</v>
          </cell>
          <cell r="H511" t="str">
            <v>Mgmt &amp; Support</v>
          </cell>
          <cell r="I511" t="str">
            <v>Other</v>
          </cell>
          <cell r="K511">
            <v>89</v>
          </cell>
          <cell r="M511">
            <v>0</v>
          </cell>
          <cell r="N511">
            <v>89</v>
          </cell>
          <cell r="O511">
            <v>-89</v>
          </cell>
          <cell r="P511">
            <v>0</v>
          </cell>
          <cell r="Q511">
            <v>0</v>
          </cell>
          <cell r="R511">
            <v>0</v>
          </cell>
          <cell r="S511">
            <v>0</v>
          </cell>
        </row>
        <row r="512">
          <cell r="B512">
            <v>1</v>
          </cell>
          <cell r="C512" t="str">
            <v>Capital</v>
          </cell>
          <cell r="D512" t="str">
            <v>Base</v>
          </cell>
          <cell r="E512" t="str">
            <v>Other</v>
          </cell>
          <cell r="G512" t="str">
            <v>Company Labor</v>
          </cell>
          <cell r="H512" t="str">
            <v>Rev Construction - C&amp;I</v>
          </cell>
          <cell r="I512" t="str">
            <v>Other</v>
          </cell>
          <cell r="K512">
            <v>0</v>
          </cell>
          <cell r="M512">
            <v>0</v>
          </cell>
          <cell r="N512">
            <v>48</v>
          </cell>
          <cell r="O512">
            <v>-48</v>
          </cell>
          <cell r="P512">
            <v>0</v>
          </cell>
          <cell r="Q512">
            <v>0</v>
          </cell>
          <cell r="R512">
            <v>0</v>
          </cell>
          <cell r="S512">
            <v>0</v>
          </cell>
        </row>
        <row r="513">
          <cell r="B513">
            <v>1</v>
          </cell>
          <cell r="C513" t="str">
            <v>Capital</v>
          </cell>
          <cell r="D513" t="str">
            <v>Base</v>
          </cell>
          <cell r="E513" t="str">
            <v>Other</v>
          </cell>
          <cell r="G513" t="str">
            <v>Contract Labor</v>
          </cell>
          <cell r="H513" t="str">
            <v>Contract Labor</v>
          </cell>
          <cell r="I513" t="str">
            <v>Other</v>
          </cell>
          <cell r="K513">
            <v>0</v>
          </cell>
          <cell r="M513">
            <v>0</v>
          </cell>
          <cell r="N513">
            <v>7812</v>
          </cell>
          <cell r="O513">
            <v>-7812</v>
          </cell>
          <cell r="P513">
            <v>0</v>
          </cell>
          <cell r="Q513">
            <v>0</v>
          </cell>
          <cell r="R513">
            <v>0</v>
          </cell>
          <cell r="S513">
            <v>0</v>
          </cell>
        </row>
        <row r="514">
          <cell r="B514">
            <v>1</v>
          </cell>
          <cell r="C514" t="str">
            <v>Capital</v>
          </cell>
          <cell r="D514" t="str">
            <v>Base</v>
          </cell>
          <cell r="E514" t="str">
            <v>Other</v>
          </cell>
          <cell r="G514" t="str">
            <v>Contract Labor</v>
          </cell>
          <cell r="H514" t="str">
            <v>Joint Use/Locates</v>
          </cell>
          <cell r="I514" t="str">
            <v>Other</v>
          </cell>
          <cell r="K514">
            <v>6510</v>
          </cell>
          <cell r="M514">
            <v>0</v>
          </cell>
          <cell r="N514">
            <v>19981</v>
          </cell>
          <cell r="O514">
            <v>-19981</v>
          </cell>
          <cell r="P514">
            <v>0</v>
          </cell>
          <cell r="Q514">
            <v>0</v>
          </cell>
          <cell r="R514">
            <v>0</v>
          </cell>
          <cell r="S514">
            <v>0</v>
          </cell>
        </row>
        <row r="515">
          <cell r="B515">
            <v>1</v>
          </cell>
          <cell r="C515" t="str">
            <v>Capital</v>
          </cell>
          <cell r="D515" t="str">
            <v>Base</v>
          </cell>
          <cell r="E515" t="str">
            <v>Other</v>
          </cell>
          <cell r="G515" t="str">
            <v>Contract Labor</v>
          </cell>
          <cell r="H515" t="str">
            <v>Management &amp; Support</v>
          </cell>
          <cell r="I515" t="str">
            <v>Other</v>
          </cell>
          <cell r="K515">
            <v>46155</v>
          </cell>
          <cell r="M515">
            <v>226667</v>
          </cell>
          <cell r="N515">
            <v>151347</v>
          </cell>
          <cell r="O515">
            <v>75320</v>
          </cell>
          <cell r="P515">
            <v>680000</v>
          </cell>
          <cell r="Q515">
            <v>680000</v>
          </cell>
          <cell r="R515">
            <v>319000</v>
          </cell>
          <cell r="S515">
            <v>361000</v>
          </cell>
        </row>
        <row r="516">
          <cell r="B516">
            <v>1</v>
          </cell>
          <cell r="C516" t="str">
            <v>Capital</v>
          </cell>
          <cell r="D516" t="str">
            <v>Base</v>
          </cell>
          <cell r="E516" t="str">
            <v>Other</v>
          </cell>
          <cell r="G516" t="str">
            <v>Fleet</v>
          </cell>
          <cell r="H516" t="str">
            <v>Group Admin Other</v>
          </cell>
          <cell r="I516" t="str">
            <v>Other</v>
          </cell>
          <cell r="K516">
            <v>0</v>
          </cell>
          <cell r="M516">
            <v>0</v>
          </cell>
          <cell r="N516">
            <v>39</v>
          </cell>
          <cell r="O516">
            <v>-39</v>
          </cell>
          <cell r="P516">
            <v>0</v>
          </cell>
          <cell r="Q516">
            <v>0</v>
          </cell>
          <cell r="R516">
            <v>0</v>
          </cell>
          <cell r="S516">
            <v>0</v>
          </cell>
        </row>
        <row r="517">
          <cell r="B517">
            <v>1</v>
          </cell>
          <cell r="C517" t="str">
            <v>Capital</v>
          </cell>
          <cell r="D517" t="str">
            <v>Base</v>
          </cell>
          <cell r="E517" t="str">
            <v>Other</v>
          </cell>
          <cell r="G517" t="str">
            <v>Fleet</v>
          </cell>
          <cell r="H517" t="str">
            <v>Joint Use/Locates</v>
          </cell>
          <cell r="I517" t="str">
            <v>Other</v>
          </cell>
          <cell r="K517">
            <v>696</v>
          </cell>
          <cell r="M517">
            <v>0</v>
          </cell>
          <cell r="N517">
            <v>1970</v>
          </cell>
          <cell r="O517">
            <v>-1970</v>
          </cell>
          <cell r="P517">
            <v>0</v>
          </cell>
          <cell r="Q517">
            <v>0</v>
          </cell>
          <cell r="R517">
            <v>0</v>
          </cell>
          <cell r="S517">
            <v>0</v>
          </cell>
        </row>
        <row r="518">
          <cell r="B518">
            <v>1</v>
          </cell>
          <cell r="C518" t="str">
            <v>Capital</v>
          </cell>
          <cell r="D518" t="str">
            <v>Base</v>
          </cell>
          <cell r="E518" t="str">
            <v>Other</v>
          </cell>
          <cell r="G518" t="str">
            <v>Fleet</v>
          </cell>
          <cell r="H518" t="str">
            <v>Mgmt &amp; Support</v>
          </cell>
          <cell r="I518" t="str">
            <v>Other</v>
          </cell>
          <cell r="K518">
            <v>777</v>
          </cell>
          <cell r="M518">
            <v>0</v>
          </cell>
          <cell r="N518">
            <v>1300</v>
          </cell>
          <cell r="O518">
            <v>-1300</v>
          </cell>
          <cell r="P518">
            <v>0</v>
          </cell>
          <cell r="Q518">
            <v>0</v>
          </cell>
          <cell r="R518">
            <v>0</v>
          </cell>
          <cell r="S518">
            <v>0</v>
          </cell>
        </row>
        <row r="519">
          <cell r="B519">
            <v>1</v>
          </cell>
          <cell r="C519" t="str">
            <v>Capital</v>
          </cell>
          <cell r="D519" t="str">
            <v>Base</v>
          </cell>
          <cell r="E519" t="str">
            <v>Other</v>
          </cell>
          <cell r="G519" t="str">
            <v>Meals/Travel</v>
          </cell>
          <cell r="H519" t="str">
            <v>Management &amp; Support</v>
          </cell>
          <cell r="I519" t="str">
            <v>Other</v>
          </cell>
          <cell r="K519">
            <v>105</v>
          </cell>
          <cell r="M519">
            <v>0</v>
          </cell>
          <cell r="N519">
            <v>105</v>
          </cell>
          <cell r="O519">
            <v>-105</v>
          </cell>
          <cell r="P519">
            <v>0</v>
          </cell>
          <cell r="Q519">
            <v>0</v>
          </cell>
          <cell r="R519">
            <v>0</v>
          </cell>
          <cell r="S519">
            <v>0</v>
          </cell>
        </row>
        <row r="520">
          <cell r="B520">
            <v>1</v>
          </cell>
          <cell r="C520" t="str">
            <v>Capital</v>
          </cell>
          <cell r="D520" t="str">
            <v>Base</v>
          </cell>
          <cell r="E520" t="str">
            <v>Other</v>
          </cell>
          <cell r="G520" t="str">
            <v>Materials</v>
          </cell>
          <cell r="H520" t="str">
            <v>Joint Use/Locates</v>
          </cell>
          <cell r="I520" t="str">
            <v>Other</v>
          </cell>
          <cell r="K520">
            <v>2985</v>
          </cell>
          <cell r="M520">
            <v>0</v>
          </cell>
          <cell r="N520">
            <v>5849</v>
          </cell>
          <cell r="O520">
            <v>-5849</v>
          </cell>
          <cell r="P520">
            <v>0</v>
          </cell>
          <cell r="Q520">
            <v>0</v>
          </cell>
          <cell r="R520">
            <v>0</v>
          </cell>
          <cell r="S520">
            <v>0</v>
          </cell>
        </row>
        <row r="521">
          <cell r="B521">
            <v>1</v>
          </cell>
          <cell r="C521" t="str">
            <v>Capital</v>
          </cell>
          <cell r="D521" t="str">
            <v>Base</v>
          </cell>
          <cell r="E521" t="str">
            <v>Other</v>
          </cell>
          <cell r="G521" t="str">
            <v>Materials</v>
          </cell>
          <cell r="H521" t="str">
            <v>Management &amp; Support</v>
          </cell>
          <cell r="I521" t="str">
            <v>Other</v>
          </cell>
          <cell r="K521">
            <v>-7736</v>
          </cell>
          <cell r="M521">
            <v>0</v>
          </cell>
          <cell r="N521">
            <v>23685</v>
          </cell>
          <cell r="O521">
            <v>-23685</v>
          </cell>
          <cell r="P521">
            <v>0</v>
          </cell>
          <cell r="Q521">
            <v>0</v>
          </cell>
          <cell r="R521">
            <v>0</v>
          </cell>
          <cell r="S521">
            <v>0</v>
          </cell>
        </row>
        <row r="522">
          <cell r="B522">
            <v>1</v>
          </cell>
          <cell r="C522" t="str">
            <v>Capital</v>
          </cell>
          <cell r="D522" t="str">
            <v>Base</v>
          </cell>
          <cell r="E522" t="str">
            <v>Other</v>
          </cell>
          <cell r="G522" t="str">
            <v>Materials</v>
          </cell>
          <cell r="H522" t="str">
            <v>Mgmt &amp; Support</v>
          </cell>
          <cell r="I522" t="str">
            <v>Other</v>
          </cell>
          <cell r="K522">
            <v>0</v>
          </cell>
          <cell r="M522">
            <v>1421</v>
          </cell>
          <cell r="N522">
            <v>1341</v>
          </cell>
          <cell r="O522">
            <v>79</v>
          </cell>
          <cell r="P522">
            <v>4860</v>
          </cell>
          <cell r="Q522">
            <v>4860</v>
          </cell>
          <cell r="R522">
            <v>4860</v>
          </cell>
          <cell r="S522">
            <v>0</v>
          </cell>
        </row>
        <row r="523">
          <cell r="B523">
            <v>1</v>
          </cell>
          <cell r="C523" t="str">
            <v>Capital</v>
          </cell>
          <cell r="D523" t="str">
            <v>Base</v>
          </cell>
          <cell r="E523" t="str">
            <v>Other</v>
          </cell>
          <cell r="G523" t="str">
            <v>Ciac</v>
          </cell>
          <cell r="H523" t="str">
            <v>Joint Use/Locates</v>
          </cell>
          <cell r="I523" t="str">
            <v>Other</v>
          </cell>
          <cell r="K523">
            <v>-5724</v>
          </cell>
          <cell r="M523">
            <v>0</v>
          </cell>
          <cell r="N523">
            <v>-12396</v>
          </cell>
          <cell r="O523">
            <v>12396</v>
          </cell>
          <cell r="P523">
            <v>0</v>
          </cell>
          <cell r="Q523">
            <v>0</v>
          </cell>
          <cell r="R523">
            <v>0</v>
          </cell>
          <cell r="S523">
            <v>0</v>
          </cell>
        </row>
        <row r="524">
          <cell r="B524">
            <v>1</v>
          </cell>
          <cell r="C524" t="str">
            <v>Capital</v>
          </cell>
          <cell r="D524" t="str">
            <v>Base</v>
          </cell>
          <cell r="E524" t="str">
            <v>Other</v>
          </cell>
          <cell r="G524" t="str">
            <v>Other</v>
          </cell>
          <cell r="H524" t="str">
            <v>Group Admin Other</v>
          </cell>
          <cell r="I524" t="str">
            <v>Other</v>
          </cell>
          <cell r="K524">
            <v>0</v>
          </cell>
          <cell r="M524">
            <v>0</v>
          </cell>
          <cell r="N524">
            <v>484</v>
          </cell>
          <cell r="O524">
            <v>-484</v>
          </cell>
          <cell r="P524">
            <v>0</v>
          </cell>
          <cell r="Q524">
            <v>0</v>
          </cell>
          <cell r="R524">
            <v>0</v>
          </cell>
          <cell r="S524">
            <v>0</v>
          </cell>
        </row>
        <row r="525">
          <cell r="B525">
            <v>1</v>
          </cell>
          <cell r="C525" t="str">
            <v>Capital</v>
          </cell>
          <cell r="D525" t="str">
            <v>Base</v>
          </cell>
          <cell r="E525" t="str">
            <v>Other</v>
          </cell>
          <cell r="G525" t="str">
            <v>Other</v>
          </cell>
          <cell r="H525" t="str">
            <v>Rev Construction - C&amp;I</v>
          </cell>
          <cell r="I525" t="str">
            <v>Other</v>
          </cell>
          <cell r="K525">
            <v>0</v>
          </cell>
          <cell r="M525">
            <v>0</v>
          </cell>
          <cell r="N525">
            <v>9</v>
          </cell>
          <cell r="O525">
            <v>-9</v>
          </cell>
          <cell r="P525">
            <v>0</v>
          </cell>
          <cell r="Q525">
            <v>0</v>
          </cell>
          <cell r="R525">
            <v>0</v>
          </cell>
          <cell r="S525">
            <v>0</v>
          </cell>
        </row>
        <row r="526">
          <cell r="B526">
            <v>1</v>
          </cell>
          <cell r="C526" t="str">
            <v>Capital</v>
          </cell>
          <cell r="D526" t="str">
            <v>Base</v>
          </cell>
          <cell r="E526" t="str">
            <v>Other Technology Initiatives</v>
          </cell>
          <cell r="G526" t="str">
            <v>Company Labor</v>
          </cell>
          <cell r="H526" t="str">
            <v>Distribution Application Support</v>
          </cell>
          <cell r="I526" t="str">
            <v>Other</v>
          </cell>
          <cell r="K526">
            <v>3806</v>
          </cell>
          <cell r="M526">
            <v>0</v>
          </cell>
          <cell r="N526">
            <v>6384</v>
          </cell>
          <cell r="O526">
            <v>-6384</v>
          </cell>
          <cell r="P526">
            <v>0</v>
          </cell>
          <cell r="Q526">
            <v>0</v>
          </cell>
          <cell r="R526">
            <v>0</v>
          </cell>
          <cell r="S526">
            <v>0</v>
          </cell>
        </row>
        <row r="527">
          <cell r="B527">
            <v>1</v>
          </cell>
          <cell r="C527" t="str">
            <v>Capital</v>
          </cell>
          <cell r="D527" t="str">
            <v>Base</v>
          </cell>
          <cell r="E527" t="str">
            <v>Other Technology Initiatives</v>
          </cell>
          <cell r="G527" t="str">
            <v>Company Labor</v>
          </cell>
          <cell r="H527" t="str">
            <v>Distribution Application Support</v>
          </cell>
          <cell r="I527" t="str">
            <v>Other</v>
          </cell>
          <cell r="K527">
            <v>2387</v>
          </cell>
          <cell r="M527">
            <v>0</v>
          </cell>
          <cell r="N527">
            <v>4003</v>
          </cell>
          <cell r="O527">
            <v>-4003</v>
          </cell>
          <cell r="P527">
            <v>0</v>
          </cell>
          <cell r="Q527">
            <v>0</v>
          </cell>
          <cell r="R527">
            <v>0</v>
          </cell>
          <cell r="S527">
            <v>0</v>
          </cell>
        </row>
        <row r="528">
          <cell r="B528">
            <v>1</v>
          </cell>
          <cell r="C528" t="str">
            <v>Capital</v>
          </cell>
          <cell r="D528" t="str">
            <v>Base</v>
          </cell>
          <cell r="E528" t="str">
            <v>Other Technology Initiatives</v>
          </cell>
          <cell r="G528" t="str">
            <v>Contract Labor</v>
          </cell>
          <cell r="H528" t="str">
            <v>Distribution Application Support</v>
          </cell>
          <cell r="I528" t="str">
            <v>Other</v>
          </cell>
          <cell r="K528">
            <v>0</v>
          </cell>
          <cell r="M528">
            <v>450379</v>
          </cell>
          <cell r="N528">
            <v>10176</v>
          </cell>
          <cell r="O528">
            <v>440203</v>
          </cell>
          <cell r="P528">
            <v>1351136</v>
          </cell>
          <cell r="Q528">
            <v>1351136</v>
          </cell>
          <cell r="R528">
            <v>1351136</v>
          </cell>
          <cell r="S528">
            <v>0</v>
          </cell>
        </row>
        <row r="529">
          <cell r="B529">
            <v>1</v>
          </cell>
          <cell r="C529" t="str">
            <v>Capital</v>
          </cell>
          <cell r="D529" t="str">
            <v>Base</v>
          </cell>
          <cell r="E529" t="str">
            <v>Other Technology Initiatives</v>
          </cell>
          <cell r="G529" t="str">
            <v>Materials</v>
          </cell>
          <cell r="H529" t="str">
            <v>Distribution Application Support</v>
          </cell>
          <cell r="I529" t="str">
            <v>Other</v>
          </cell>
          <cell r="K529">
            <v>0</v>
          </cell>
          <cell r="M529">
            <v>0</v>
          </cell>
          <cell r="N529">
            <v>2998</v>
          </cell>
          <cell r="O529">
            <v>-2998</v>
          </cell>
          <cell r="P529">
            <v>0</v>
          </cell>
          <cell r="Q529">
            <v>0</v>
          </cell>
          <cell r="R529">
            <v>0</v>
          </cell>
          <cell r="S529">
            <v>0</v>
          </cell>
        </row>
        <row r="530">
          <cell r="B530">
            <v>1</v>
          </cell>
          <cell r="C530" t="str">
            <v>Capital</v>
          </cell>
          <cell r="D530" t="str">
            <v>Base</v>
          </cell>
          <cell r="E530" t="str">
            <v>Other Technology Initiatives</v>
          </cell>
          <cell r="G530" t="str">
            <v>Hardware/Software</v>
          </cell>
          <cell r="H530" t="str">
            <v>Distribution Application Support</v>
          </cell>
          <cell r="I530" t="str">
            <v>Other</v>
          </cell>
          <cell r="K530">
            <v>0</v>
          </cell>
          <cell r="M530">
            <v>0</v>
          </cell>
          <cell r="N530">
            <v>50393</v>
          </cell>
          <cell r="O530">
            <v>-50393</v>
          </cell>
          <cell r="P530">
            <v>0</v>
          </cell>
          <cell r="Q530">
            <v>0</v>
          </cell>
          <cell r="R530">
            <v>0</v>
          </cell>
          <cell r="S530">
            <v>0</v>
          </cell>
        </row>
        <row r="531">
          <cell r="B531">
            <v>1</v>
          </cell>
          <cell r="C531" t="str">
            <v>Capital</v>
          </cell>
          <cell r="D531" t="str">
            <v>Base</v>
          </cell>
          <cell r="E531" t="str">
            <v>Pre-charge Material</v>
          </cell>
          <cell r="G531" t="str">
            <v>Materials</v>
          </cell>
          <cell r="H531" t="str">
            <v>Lab &amp; Mat Burdens</v>
          </cell>
          <cell r="I531" t="str">
            <v>Region Maintenance</v>
          </cell>
          <cell r="K531">
            <v>589167</v>
          </cell>
          <cell r="M531">
            <v>1746221</v>
          </cell>
          <cell r="N531">
            <v>2528307</v>
          </cell>
          <cell r="O531">
            <v>-782086</v>
          </cell>
          <cell r="P531">
            <v>5076224</v>
          </cell>
          <cell r="Q531">
            <v>5076224</v>
          </cell>
          <cell r="R531">
            <v>5701686</v>
          </cell>
          <cell r="S531">
            <v>-625462</v>
          </cell>
        </row>
        <row r="532">
          <cell r="B532">
            <v>1</v>
          </cell>
          <cell r="C532" t="str">
            <v>Capital</v>
          </cell>
          <cell r="D532" t="str">
            <v>Base</v>
          </cell>
          <cell r="E532" t="str">
            <v>Pre-charge Material</v>
          </cell>
          <cell r="G532" t="str">
            <v>Materials</v>
          </cell>
          <cell r="H532" t="str">
            <v>Pre-charge Material</v>
          </cell>
          <cell r="I532" t="str">
            <v>Region Maintenance</v>
          </cell>
          <cell r="K532">
            <v>-3160</v>
          </cell>
          <cell r="M532">
            <v>0</v>
          </cell>
          <cell r="N532">
            <v>56182</v>
          </cell>
          <cell r="O532">
            <v>-56182</v>
          </cell>
          <cell r="P532">
            <v>0</v>
          </cell>
          <cell r="Q532">
            <v>0</v>
          </cell>
          <cell r="R532">
            <v>0</v>
          </cell>
          <cell r="S532">
            <v>0</v>
          </cell>
        </row>
        <row r="533">
          <cell r="B533">
            <v>1</v>
          </cell>
          <cell r="C533" t="str">
            <v>Capital</v>
          </cell>
          <cell r="D533" t="str">
            <v>Base</v>
          </cell>
          <cell r="E533" t="str">
            <v>Pre-charge Material</v>
          </cell>
          <cell r="G533" t="str">
            <v>Other</v>
          </cell>
          <cell r="H533" t="str">
            <v>Lab &amp; Mat Burdens</v>
          </cell>
          <cell r="I533" t="str">
            <v>Region Maintenance</v>
          </cell>
          <cell r="K533">
            <v>0</v>
          </cell>
          <cell r="M533">
            <v>0</v>
          </cell>
          <cell r="N533">
            <v>310</v>
          </cell>
          <cell r="O533">
            <v>-310</v>
          </cell>
          <cell r="P533">
            <v>0</v>
          </cell>
          <cell r="Q533">
            <v>0</v>
          </cell>
          <cell r="R533">
            <v>0</v>
          </cell>
          <cell r="S533">
            <v>0</v>
          </cell>
        </row>
        <row r="534">
          <cell r="B534">
            <v>1</v>
          </cell>
          <cell r="C534" t="str">
            <v>Capital</v>
          </cell>
          <cell r="D534" t="str">
            <v>Base</v>
          </cell>
          <cell r="E534" t="str">
            <v>Pre-charge Material</v>
          </cell>
          <cell r="G534" t="str">
            <v>Other</v>
          </cell>
          <cell r="H534" t="str">
            <v>Pre-charge Material</v>
          </cell>
          <cell r="I534" t="str">
            <v>Region Maintenance</v>
          </cell>
          <cell r="K534">
            <v>0</v>
          </cell>
          <cell r="M534">
            <v>0</v>
          </cell>
          <cell r="N534">
            <v>-20</v>
          </cell>
          <cell r="O534">
            <v>20</v>
          </cell>
          <cell r="P534">
            <v>0</v>
          </cell>
          <cell r="Q534">
            <v>0</v>
          </cell>
          <cell r="R534">
            <v>0</v>
          </cell>
          <cell r="S534">
            <v>0</v>
          </cell>
        </row>
        <row r="535">
          <cell r="B535">
            <v>1</v>
          </cell>
          <cell r="C535" t="str">
            <v>Capital</v>
          </cell>
          <cell r="D535" t="str">
            <v>Base</v>
          </cell>
          <cell r="E535" t="str">
            <v>Restore</v>
          </cell>
          <cell r="G535" t="str">
            <v>Company Labor</v>
          </cell>
          <cell r="H535" t="str">
            <v>Restore</v>
          </cell>
          <cell r="I535" t="str">
            <v>Restore</v>
          </cell>
          <cell r="K535">
            <v>10368</v>
          </cell>
          <cell r="M535">
            <v>102074</v>
          </cell>
          <cell r="N535">
            <v>67354</v>
          </cell>
          <cell r="O535">
            <v>34720</v>
          </cell>
          <cell r="P535">
            <v>303998</v>
          </cell>
          <cell r="Q535">
            <v>303998</v>
          </cell>
          <cell r="R535">
            <v>288214</v>
          </cell>
          <cell r="S535">
            <v>15784</v>
          </cell>
        </row>
        <row r="536">
          <cell r="B536">
            <v>1</v>
          </cell>
          <cell r="C536" t="str">
            <v>Capital</v>
          </cell>
          <cell r="D536" t="str">
            <v>Base</v>
          </cell>
          <cell r="E536" t="str">
            <v>Restore</v>
          </cell>
          <cell r="G536" t="str">
            <v>Company Labor</v>
          </cell>
          <cell r="H536" t="str">
            <v>Restore</v>
          </cell>
          <cell r="I536" t="str">
            <v>Restore</v>
          </cell>
          <cell r="K536">
            <v>13362</v>
          </cell>
          <cell r="M536">
            <v>122549</v>
          </cell>
          <cell r="N536">
            <v>74282</v>
          </cell>
          <cell r="O536">
            <v>48267</v>
          </cell>
          <cell r="P536">
            <v>364966</v>
          </cell>
          <cell r="Q536">
            <v>364966</v>
          </cell>
          <cell r="R536">
            <v>339733</v>
          </cell>
          <cell r="S536">
            <v>25233</v>
          </cell>
        </row>
        <row r="537">
          <cell r="B537">
            <v>1</v>
          </cell>
          <cell r="C537" t="str">
            <v>Capital</v>
          </cell>
          <cell r="D537" t="str">
            <v>Base</v>
          </cell>
          <cell r="E537" t="str">
            <v>Restore</v>
          </cell>
          <cell r="G537" t="str">
            <v>Company Labor</v>
          </cell>
          <cell r="H537" t="str">
            <v>Restore</v>
          </cell>
          <cell r="I537" t="str">
            <v>Restore</v>
          </cell>
          <cell r="K537">
            <v>37698</v>
          </cell>
          <cell r="M537">
            <v>321694</v>
          </cell>
          <cell r="N537">
            <v>176087</v>
          </cell>
          <cell r="O537">
            <v>145607</v>
          </cell>
          <cell r="P537">
            <v>958009</v>
          </cell>
          <cell r="Q537">
            <v>958009</v>
          </cell>
          <cell r="R537">
            <v>873745</v>
          </cell>
          <cell r="S537">
            <v>84264</v>
          </cell>
        </row>
        <row r="538">
          <cell r="B538">
            <v>1</v>
          </cell>
          <cell r="C538" t="str">
            <v>Capital</v>
          </cell>
          <cell r="D538" t="str">
            <v>Base</v>
          </cell>
          <cell r="E538" t="str">
            <v>Restore</v>
          </cell>
          <cell r="G538" t="str">
            <v>Contract Labor</v>
          </cell>
          <cell r="H538" t="str">
            <v>Restore</v>
          </cell>
          <cell r="I538" t="str">
            <v>Restore</v>
          </cell>
          <cell r="K538">
            <v>47899</v>
          </cell>
          <cell r="M538">
            <v>324118</v>
          </cell>
          <cell r="N538">
            <v>311678</v>
          </cell>
          <cell r="O538">
            <v>12440</v>
          </cell>
          <cell r="P538">
            <v>989061</v>
          </cell>
          <cell r="Q538">
            <v>989061</v>
          </cell>
          <cell r="R538">
            <v>1062785</v>
          </cell>
          <cell r="S538">
            <v>-73724</v>
          </cell>
        </row>
        <row r="539">
          <cell r="B539">
            <v>1</v>
          </cell>
          <cell r="C539" t="str">
            <v>Capital</v>
          </cell>
          <cell r="D539" t="str">
            <v>Base</v>
          </cell>
          <cell r="E539" t="str">
            <v>Restore</v>
          </cell>
          <cell r="G539" t="str">
            <v>Fleet</v>
          </cell>
          <cell r="H539" t="str">
            <v>Restore</v>
          </cell>
          <cell r="I539" t="str">
            <v>Restore</v>
          </cell>
          <cell r="K539">
            <v>14108</v>
          </cell>
          <cell r="M539">
            <v>110820</v>
          </cell>
          <cell r="N539">
            <v>82316</v>
          </cell>
          <cell r="O539">
            <v>28504</v>
          </cell>
          <cell r="P539">
            <v>330706</v>
          </cell>
          <cell r="Q539">
            <v>330706</v>
          </cell>
          <cell r="R539">
            <v>317053</v>
          </cell>
          <cell r="S539">
            <v>13653</v>
          </cell>
        </row>
        <row r="540">
          <cell r="B540">
            <v>1</v>
          </cell>
          <cell r="C540" t="str">
            <v>Capital</v>
          </cell>
          <cell r="D540" t="str">
            <v>Base</v>
          </cell>
          <cell r="E540" t="str">
            <v>Restore</v>
          </cell>
          <cell r="G540" t="str">
            <v>Meals/Travel</v>
          </cell>
          <cell r="H540" t="str">
            <v>Restore</v>
          </cell>
          <cell r="I540" t="str">
            <v>Restore</v>
          </cell>
          <cell r="K540">
            <v>68</v>
          </cell>
          <cell r="M540">
            <v>1114</v>
          </cell>
          <cell r="N540">
            <v>247</v>
          </cell>
          <cell r="O540">
            <v>867</v>
          </cell>
          <cell r="P540">
            <v>3274</v>
          </cell>
          <cell r="Q540">
            <v>3274</v>
          </cell>
          <cell r="R540">
            <v>2862</v>
          </cell>
          <cell r="S540">
            <v>412</v>
          </cell>
        </row>
        <row r="541">
          <cell r="B541">
            <v>1</v>
          </cell>
          <cell r="C541" t="str">
            <v>Capital</v>
          </cell>
          <cell r="D541" t="str">
            <v>Base</v>
          </cell>
          <cell r="E541" t="str">
            <v>Restore</v>
          </cell>
          <cell r="G541" t="str">
            <v>Materials</v>
          </cell>
          <cell r="H541" t="str">
            <v>Restore</v>
          </cell>
          <cell r="I541" t="str">
            <v>Restore</v>
          </cell>
          <cell r="K541">
            <v>29285</v>
          </cell>
          <cell r="M541">
            <v>174773</v>
          </cell>
          <cell r="N541">
            <v>98655</v>
          </cell>
          <cell r="O541">
            <v>76119</v>
          </cell>
          <cell r="P541">
            <v>522369</v>
          </cell>
          <cell r="Q541">
            <v>522369</v>
          </cell>
          <cell r="R541">
            <v>490132</v>
          </cell>
          <cell r="S541">
            <v>32236</v>
          </cell>
        </row>
        <row r="542">
          <cell r="B542">
            <v>1</v>
          </cell>
          <cell r="C542" t="str">
            <v>Capital</v>
          </cell>
          <cell r="D542" t="str">
            <v>Base</v>
          </cell>
          <cell r="E542" t="str">
            <v>Restore</v>
          </cell>
          <cell r="G542" t="str">
            <v>Ciac</v>
          </cell>
          <cell r="H542" t="str">
            <v>Restore</v>
          </cell>
          <cell r="I542" t="str">
            <v>Restore</v>
          </cell>
          <cell r="K542">
            <v>-34410</v>
          </cell>
          <cell r="M542">
            <v>-282748</v>
          </cell>
          <cell r="N542">
            <v>-153310</v>
          </cell>
          <cell r="O542">
            <v>-129438</v>
          </cell>
          <cell r="P542">
            <v>-844812</v>
          </cell>
          <cell r="Q542">
            <v>-844812</v>
          </cell>
          <cell r="R542">
            <v>-775550</v>
          </cell>
          <cell r="S542">
            <v>-69262</v>
          </cell>
        </row>
        <row r="543">
          <cell r="B543">
            <v>1</v>
          </cell>
          <cell r="C543" t="str">
            <v>Capital</v>
          </cell>
          <cell r="D543" t="str">
            <v>Base</v>
          </cell>
          <cell r="E543" t="str">
            <v>Restore</v>
          </cell>
          <cell r="G543" t="str">
            <v>Other</v>
          </cell>
          <cell r="H543" t="str">
            <v>Restore</v>
          </cell>
          <cell r="I543" t="str">
            <v>Restore</v>
          </cell>
          <cell r="K543">
            <v>0</v>
          </cell>
          <cell r="M543">
            <v>5776</v>
          </cell>
          <cell r="N543">
            <v>0</v>
          </cell>
          <cell r="O543">
            <v>5776</v>
          </cell>
          <cell r="P543">
            <v>16600</v>
          </cell>
          <cell r="Q543">
            <v>16600</v>
          </cell>
          <cell r="R543">
            <v>14035</v>
          </cell>
          <cell r="S543">
            <v>2565</v>
          </cell>
        </row>
        <row r="544">
          <cell r="B544">
            <v>1</v>
          </cell>
          <cell r="C544" t="str">
            <v>Capital</v>
          </cell>
          <cell r="D544" t="str">
            <v>Base</v>
          </cell>
          <cell r="E544" t="str">
            <v>Streetscape Reimbursements</v>
          </cell>
          <cell r="G544" t="str">
            <v>Ciac</v>
          </cell>
          <cell r="H544" t="str">
            <v>Distribution Application Support</v>
          </cell>
          <cell r="I544" t="str">
            <v>Highway Conflicts &amp; Streetscapes</v>
          </cell>
          <cell r="K544">
            <v>0</v>
          </cell>
          <cell r="M544">
            <v>0</v>
          </cell>
          <cell r="N544">
            <v>-30000</v>
          </cell>
          <cell r="O544">
            <v>30000</v>
          </cell>
          <cell r="P544">
            <v>0</v>
          </cell>
          <cell r="Q544">
            <v>0</v>
          </cell>
          <cell r="R544">
            <v>0</v>
          </cell>
          <cell r="S544">
            <v>0</v>
          </cell>
        </row>
        <row r="545">
          <cell r="B545">
            <v>1</v>
          </cell>
          <cell r="C545" t="str">
            <v>Capital</v>
          </cell>
          <cell r="D545" t="str">
            <v>Base</v>
          </cell>
          <cell r="E545" t="str">
            <v>Streetscape Reimbursements</v>
          </cell>
          <cell r="G545" t="str">
            <v>Ciac</v>
          </cell>
          <cell r="H545" t="str">
            <v>Other</v>
          </cell>
          <cell r="I545" t="str">
            <v>Highway Conflicts &amp; Streetscapes</v>
          </cell>
          <cell r="K545">
            <v>-2630</v>
          </cell>
          <cell r="M545">
            <v>-732770</v>
          </cell>
          <cell r="N545">
            <v>-386958</v>
          </cell>
          <cell r="O545">
            <v>-345812</v>
          </cell>
          <cell r="P545">
            <v>-2198311</v>
          </cell>
          <cell r="Q545">
            <v>-2198311</v>
          </cell>
          <cell r="R545">
            <v>-2198311</v>
          </cell>
          <cell r="S545">
            <v>0</v>
          </cell>
        </row>
        <row r="546">
          <cell r="B546">
            <v>1</v>
          </cell>
          <cell r="C546" t="str">
            <v>Capital</v>
          </cell>
          <cell r="D546" t="str">
            <v>Base</v>
          </cell>
          <cell r="E546" t="str">
            <v>Streetscapes/Revitalizations</v>
          </cell>
          <cell r="G546" t="str">
            <v>Company Labor</v>
          </cell>
          <cell r="H546" t="str">
            <v>Other</v>
          </cell>
          <cell r="I546" t="str">
            <v>Highway Conflicts &amp; Streetscapes</v>
          </cell>
          <cell r="K546">
            <v>5458</v>
          </cell>
          <cell r="M546">
            <v>59630</v>
          </cell>
          <cell r="N546">
            <v>18393</v>
          </cell>
          <cell r="O546">
            <v>41237</v>
          </cell>
          <cell r="P546">
            <v>173343</v>
          </cell>
          <cell r="Q546">
            <v>173343</v>
          </cell>
          <cell r="R546">
            <v>173343</v>
          </cell>
          <cell r="S546">
            <v>0</v>
          </cell>
        </row>
        <row r="547">
          <cell r="B547">
            <v>1</v>
          </cell>
          <cell r="C547" t="str">
            <v>Capital</v>
          </cell>
          <cell r="D547" t="str">
            <v>Base</v>
          </cell>
          <cell r="E547" t="str">
            <v>Streetscapes/Revitalizations</v>
          </cell>
          <cell r="G547" t="str">
            <v>Company Labor</v>
          </cell>
          <cell r="H547" t="str">
            <v>Streetscapes/Revitalizations</v>
          </cell>
          <cell r="I547" t="str">
            <v>Highway Conflicts &amp; Streetscapes</v>
          </cell>
          <cell r="K547">
            <v>918</v>
          </cell>
          <cell r="M547">
            <v>0</v>
          </cell>
          <cell r="N547">
            <v>3988</v>
          </cell>
          <cell r="O547">
            <v>-3988</v>
          </cell>
          <cell r="P547">
            <v>0</v>
          </cell>
          <cell r="Q547">
            <v>0</v>
          </cell>
          <cell r="R547">
            <v>0</v>
          </cell>
          <cell r="S547">
            <v>0</v>
          </cell>
        </row>
        <row r="548">
          <cell r="B548">
            <v>1</v>
          </cell>
          <cell r="C548" t="str">
            <v>Capital</v>
          </cell>
          <cell r="D548" t="str">
            <v>Base</v>
          </cell>
          <cell r="E548" t="str">
            <v>Streetscapes/Revitalizations</v>
          </cell>
          <cell r="G548" t="str">
            <v>Company Labor</v>
          </cell>
          <cell r="H548" t="str">
            <v>Other</v>
          </cell>
          <cell r="I548" t="str">
            <v>Highway Conflicts &amp; Streetscapes</v>
          </cell>
          <cell r="K548">
            <v>3612</v>
          </cell>
          <cell r="M548">
            <v>37388</v>
          </cell>
          <cell r="N548">
            <v>11771</v>
          </cell>
          <cell r="O548">
            <v>25617</v>
          </cell>
          <cell r="P548">
            <v>108686</v>
          </cell>
          <cell r="Q548">
            <v>108686</v>
          </cell>
          <cell r="R548">
            <v>108686</v>
          </cell>
          <cell r="S548">
            <v>0</v>
          </cell>
        </row>
        <row r="549">
          <cell r="B549">
            <v>1</v>
          </cell>
          <cell r="C549" t="str">
            <v>Capital</v>
          </cell>
          <cell r="D549" t="str">
            <v>Base</v>
          </cell>
          <cell r="E549" t="str">
            <v>Streetscapes/Revitalizations</v>
          </cell>
          <cell r="G549" t="str">
            <v>Company Labor</v>
          </cell>
          <cell r="H549" t="str">
            <v>Streetscapes/Revitalizations</v>
          </cell>
          <cell r="I549" t="str">
            <v>Highway Conflicts &amp; Streetscapes</v>
          </cell>
          <cell r="K549">
            <v>575</v>
          </cell>
          <cell r="M549">
            <v>0</v>
          </cell>
          <cell r="N549">
            <v>2500</v>
          </cell>
          <cell r="O549">
            <v>-2500</v>
          </cell>
          <cell r="P549">
            <v>0</v>
          </cell>
          <cell r="Q549">
            <v>0</v>
          </cell>
          <cell r="R549">
            <v>0</v>
          </cell>
          <cell r="S549">
            <v>0</v>
          </cell>
        </row>
        <row r="550">
          <cell r="B550">
            <v>1</v>
          </cell>
          <cell r="C550" t="str">
            <v>Capital</v>
          </cell>
          <cell r="D550" t="str">
            <v>Base</v>
          </cell>
          <cell r="E550" t="str">
            <v>Streetscapes/Revitalizations</v>
          </cell>
          <cell r="G550" t="str">
            <v>Company Labor</v>
          </cell>
          <cell r="H550" t="str">
            <v>Other</v>
          </cell>
          <cell r="I550" t="str">
            <v>Highway Conflicts &amp; Streetscapes</v>
          </cell>
          <cell r="K550">
            <v>1045</v>
          </cell>
          <cell r="M550">
            <v>0</v>
          </cell>
          <cell r="N550">
            <v>1313</v>
          </cell>
          <cell r="O550">
            <v>-1313</v>
          </cell>
          <cell r="P550">
            <v>0</v>
          </cell>
          <cell r="Q550">
            <v>0</v>
          </cell>
          <cell r="R550">
            <v>0</v>
          </cell>
          <cell r="S550">
            <v>0</v>
          </cell>
        </row>
        <row r="551">
          <cell r="B551">
            <v>1</v>
          </cell>
          <cell r="C551" t="str">
            <v>Capital</v>
          </cell>
          <cell r="D551" t="str">
            <v>Base</v>
          </cell>
          <cell r="E551" t="str">
            <v>Streetscapes/Revitalizations</v>
          </cell>
          <cell r="G551" t="str">
            <v>Contract Labor</v>
          </cell>
          <cell r="H551" t="str">
            <v>Other</v>
          </cell>
          <cell r="I551" t="str">
            <v>Highway Conflicts &amp; Streetscapes</v>
          </cell>
          <cell r="K551">
            <v>-19803</v>
          </cell>
          <cell r="M551">
            <v>438870</v>
          </cell>
          <cell r="N551">
            <v>244602</v>
          </cell>
          <cell r="O551">
            <v>194268</v>
          </cell>
          <cell r="P551">
            <v>1316610</v>
          </cell>
          <cell r="Q551">
            <v>1316610</v>
          </cell>
          <cell r="R551">
            <v>1316610</v>
          </cell>
          <cell r="S551">
            <v>0</v>
          </cell>
        </row>
        <row r="552">
          <cell r="B552">
            <v>1</v>
          </cell>
          <cell r="C552" t="str">
            <v>Capital</v>
          </cell>
          <cell r="D552" t="str">
            <v>Base</v>
          </cell>
          <cell r="E552" t="str">
            <v>Streetscapes/Revitalizations</v>
          </cell>
          <cell r="G552" t="str">
            <v>Fleet</v>
          </cell>
          <cell r="H552" t="str">
            <v>Other</v>
          </cell>
          <cell r="I552" t="str">
            <v>Highway Conflicts &amp; Streetscapes</v>
          </cell>
          <cell r="K552">
            <v>808</v>
          </cell>
          <cell r="M552">
            <v>8357</v>
          </cell>
          <cell r="N552">
            <v>2740</v>
          </cell>
          <cell r="O552">
            <v>5617</v>
          </cell>
          <cell r="P552">
            <v>24293</v>
          </cell>
          <cell r="Q552">
            <v>24293</v>
          </cell>
          <cell r="R552">
            <v>24293</v>
          </cell>
          <cell r="S552">
            <v>0</v>
          </cell>
        </row>
        <row r="553">
          <cell r="B553">
            <v>1</v>
          </cell>
          <cell r="C553" t="str">
            <v>Capital</v>
          </cell>
          <cell r="D553" t="str">
            <v>Base</v>
          </cell>
          <cell r="E553" t="str">
            <v>Streetscapes/Revitalizations</v>
          </cell>
          <cell r="G553" t="str">
            <v>Fleet</v>
          </cell>
          <cell r="H553" t="str">
            <v>Streetscapes/Revitalizations</v>
          </cell>
          <cell r="I553" t="str">
            <v>Highway Conflicts &amp; Streetscapes</v>
          </cell>
          <cell r="K553">
            <v>26</v>
          </cell>
          <cell r="M553">
            <v>0</v>
          </cell>
          <cell r="N553">
            <v>155</v>
          </cell>
          <cell r="O553">
            <v>-155</v>
          </cell>
          <cell r="P553">
            <v>0</v>
          </cell>
          <cell r="Q553">
            <v>0</v>
          </cell>
          <cell r="R553">
            <v>0</v>
          </cell>
          <cell r="S553">
            <v>0</v>
          </cell>
        </row>
        <row r="554">
          <cell r="B554">
            <v>1</v>
          </cell>
          <cell r="C554" t="str">
            <v>Capital</v>
          </cell>
          <cell r="D554" t="str">
            <v>Base</v>
          </cell>
          <cell r="E554" t="str">
            <v>Streetscapes/Revitalizations</v>
          </cell>
          <cell r="G554" t="str">
            <v>Meals/Travel</v>
          </cell>
          <cell r="H554" t="str">
            <v>Other</v>
          </cell>
          <cell r="I554" t="str">
            <v>Highway Conflicts &amp; Streetscapes</v>
          </cell>
          <cell r="K554">
            <v>0</v>
          </cell>
          <cell r="M554">
            <v>0</v>
          </cell>
          <cell r="N554">
            <v>-55</v>
          </cell>
          <cell r="O554">
            <v>55</v>
          </cell>
          <cell r="P554">
            <v>0</v>
          </cell>
          <cell r="Q554">
            <v>0</v>
          </cell>
          <cell r="R554">
            <v>0</v>
          </cell>
          <cell r="S554">
            <v>0</v>
          </cell>
        </row>
        <row r="555">
          <cell r="B555">
            <v>1</v>
          </cell>
          <cell r="C555" t="str">
            <v>Capital</v>
          </cell>
          <cell r="D555" t="str">
            <v>Base</v>
          </cell>
          <cell r="E555" t="str">
            <v>Streetscapes/Revitalizations</v>
          </cell>
          <cell r="G555" t="str">
            <v>Meals/Travel</v>
          </cell>
          <cell r="H555" t="str">
            <v>Streetscapes/Revitalizations</v>
          </cell>
          <cell r="I555" t="str">
            <v>Highway Conflicts &amp; Streetscapes</v>
          </cell>
          <cell r="K555">
            <v>0</v>
          </cell>
          <cell r="M555">
            <v>0</v>
          </cell>
          <cell r="N555">
            <v>40</v>
          </cell>
          <cell r="O555">
            <v>-40</v>
          </cell>
          <cell r="P555">
            <v>0</v>
          </cell>
          <cell r="Q555">
            <v>0</v>
          </cell>
          <cell r="R555">
            <v>0</v>
          </cell>
          <cell r="S555">
            <v>0</v>
          </cell>
        </row>
        <row r="556">
          <cell r="B556">
            <v>1</v>
          </cell>
          <cell r="C556" t="str">
            <v>Capital</v>
          </cell>
          <cell r="D556" t="str">
            <v>Base</v>
          </cell>
          <cell r="E556" t="str">
            <v>Streetscapes/Revitalizations</v>
          </cell>
          <cell r="G556" t="str">
            <v>Materials</v>
          </cell>
          <cell r="H556" t="str">
            <v>Other</v>
          </cell>
          <cell r="I556" t="str">
            <v>Highway Conflicts &amp; Streetscapes</v>
          </cell>
          <cell r="K556">
            <v>13277</v>
          </cell>
          <cell r="M556">
            <v>139915</v>
          </cell>
          <cell r="N556">
            <v>51148</v>
          </cell>
          <cell r="O556">
            <v>88767</v>
          </cell>
          <cell r="P556">
            <v>419745</v>
          </cell>
          <cell r="Q556">
            <v>419745</v>
          </cell>
          <cell r="R556">
            <v>419745</v>
          </cell>
          <cell r="S556">
            <v>0</v>
          </cell>
        </row>
        <row r="557">
          <cell r="B557">
            <v>1</v>
          </cell>
          <cell r="C557" t="str">
            <v>Capital</v>
          </cell>
          <cell r="D557" t="str">
            <v>Base</v>
          </cell>
          <cell r="E557" t="str">
            <v>Streetscapes/Revitalizations</v>
          </cell>
          <cell r="G557" t="str">
            <v>Other</v>
          </cell>
          <cell r="H557" t="str">
            <v>Streetscape Capital Indirects</v>
          </cell>
          <cell r="I557" t="str">
            <v>Highway Conflicts &amp; Streetscapes</v>
          </cell>
          <cell r="K557">
            <v>24827</v>
          </cell>
          <cell r="M557">
            <v>166413</v>
          </cell>
          <cell r="N557">
            <v>128862</v>
          </cell>
          <cell r="O557">
            <v>37551</v>
          </cell>
          <cell r="P557">
            <v>517989</v>
          </cell>
          <cell r="Q557">
            <v>500552</v>
          </cell>
          <cell r="R557">
            <v>189790</v>
          </cell>
          <cell r="S557">
            <v>310762</v>
          </cell>
        </row>
        <row r="558">
          <cell r="B558">
            <v>1</v>
          </cell>
          <cell r="C558" t="str">
            <v>Capital</v>
          </cell>
          <cell r="D558" t="str">
            <v>Base</v>
          </cell>
          <cell r="E558" t="str">
            <v>Tools &amp; Test Equipment</v>
          </cell>
          <cell r="G558" t="str">
            <v>Contract Labor</v>
          </cell>
          <cell r="H558" t="str">
            <v>Engineering Support</v>
          </cell>
          <cell r="I558" t="str">
            <v>Other</v>
          </cell>
          <cell r="K558">
            <v>745</v>
          </cell>
          <cell r="M558">
            <v>95350</v>
          </cell>
          <cell r="N558">
            <v>745</v>
          </cell>
          <cell r="O558">
            <v>94605</v>
          </cell>
          <cell r="P558">
            <v>856050</v>
          </cell>
          <cell r="Q558">
            <v>286050</v>
          </cell>
          <cell r="R558">
            <v>286050</v>
          </cell>
          <cell r="S558">
            <v>0</v>
          </cell>
        </row>
        <row r="559">
          <cell r="B559">
            <v>1</v>
          </cell>
          <cell r="C559" t="str">
            <v>Capital</v>
          </cell>
          <cell r="D559" t="str">
            <v>Base</v>
          </cell>
          <cell r="E559" t="str">
            <v>Tools &amp; Test Equipment</v>
          </cell>
          <cell r="G559" t="str">
            <v>Materials</v>
          </cell>
          <cell r="H559" t="str">
            <v>Engineering Support</v>
          </cell>
          <cell r="I559" t="str">
            <v>Other</v>
          </cell>
          <cell r="K559">
            <v>7334</v>
          </cell>
          <cell r="M559">
            <v>68000</v>
          </cell>
          <cell r="N559">
            <v>133887</v>
          </cell>
          <cell r="O559">
            <v>-65887</v>
          </cell>
          <cell r="P559">
            <v>390000</v>
          </cell>
          <cell r="Q559">
            <v>290000</v>
          </cell>
          <cell r="R559">
            <v>289998</v>
          </cell>
          <cell r="S559">
            <v>2</v>
          </cell>
        </row>
        <row r="560">
          <cell r="B560">
            <v>1</v>
          </cell>
          <cell r="C560" t="str">
            <v>Capital</v>
          </cell>
          <cell r="D560" t="str">
            <v>Base</v>
          </cell>
          <cell r="E560" t="str">
            <v>Wayne County</v>
          </cell>
          <cell r="G560" t="str">
            <v>Company Labor</v>
          </cell>
          <cell r="H560" t="str">
            <v>Wayne County</v>
          </cell>
          <cell r="I560" t="str">
            <v>Wayne County</v>
          </cell>
          <cell r="K560">
            <v>7797</v>
          </cell>
          <cell r="M560">
            <v>82581</v>
          </cell>
          <cell r="N560">
            <v>89701</v>
          </cell>
          <cell r="O560">
            <v>-7120</v>
          </cell>
          <cell r="P560">
            <v>93413</v>
          </cell>
          <cell r="Q560">
            <v>93413</v>
          </cell>
          <cell r="R560">
            <v>102353</v>
          </cell>
          <cell r="S560">
            <v>-8940</v>
          </cell>
        </row>
        <row r="561">
          <cell r="B561">
            <v>1</v>
          </cell>
          <cell r="C561" t="str">
            <v>Capital</v>
          </cell>
          <cell r="D561" t="str">
            <v>Base</v>
          </cell>
          <cell r="E561" t="str">
            <v>Wayne County</v>
          </cell>
          <cell r="G561" t="str">
            <v>Company Labor</v>
          </cell>
          <cell r="H561" t="str">
            <v>Wayne County</v>
          </cell>
          <cell r="I561" t="str">
            <v>Wayne County</v>
          </cell>
          <cell r="K561">
            <v>5067</v>
          </cell>
          <cell r="M561">
            <v>51778</v>
          </cell>
          <cell r="N561">
            <v>58575</v>
          </cell>
          <cell r="O561">
            <v>-6797</v>
          </cell>
          <cell r="P561">
            <v>58570</v>
          </cell>
          <cell r="Q561">
            <v>58570</v>
          </cell>
          <cell r="R561">
            <v>66330</v>
          </cell>
          <cell r="S561">
            <v>-7760</v>
          </cell>
        </row>
        <row r="562">
          <cell r="B562">
            <v>1</v>
          </cell>
          <cell r="C562" t="str">
            <v>Capital</v>
          </cell>
          <cell r="D562" t="str">
            <v>Base</v>
          </cell>
          <cell r="E562" t="str">
            <v>Wayne County</v>
          </cell>
          <cell r="G562" t="str">
            <v>Company Labor</v>
          </cell>
          <cell r="H562" t="str">
            <v>Wayne County</v>
          </cell>
          <cell r="I562" t="str">
            <v>Wayne County</v>
          </cell>
          <cell r="K562">
            <v>979</v>
          </cell>
          <cell r="M562">
            <v>0</v>
          </cell>
          <cell r="N562">
            <v>12818</v>
          </cell>
          <cell r="O562">
            <v>-12818</v>
          </cell>
          <cell r="P562">
            <v>0</v>
          </cell>
          <cell r="Q562">
            <v>0</v>
          </cell>
          <cell r="R562">
            <v>11839</v>
          </cell>
          <cell r="S562">
            <v>-11839</v>
          </cell>
        </row>
        <row r="563">
          <cell r="B563">
            <v>1</v>
          </cell>
          <cell r="C563" t="str">
            <v>Capital</v>
          </cell>
          <cell r="D563" t="str">
            <v>Base</v>
          </cell>
          <cell r="E563" t="str">
            <v>Wayne County</v>
          </cell>
          <cell r="G563" t="str">
            <v>Contract Labor</v>
          </cell>
          <cell r="H563" t="str">
            <v>Wayne County</v>
          </cell>
          <cell r="I563" t="str">
            <v>Wayne County</v>
          </cell>
          <cell r="K563">
            <v>15087</v>
          </cell>
          <cell r="M563">
            <v>219665</v>
          </cell>
          <cell r="N563">
            <v>186573</v>
          </cell>
          <cell r="O563">
            <v>33092</v>
          </cell>
          <cell r="P563">
            <v>284707</v>
          </cell>
          <cell r="Q563">
            <v>284707</v>
          </cell>
          <cell r="R563">
            <v>256099</v>
          </cell>
          <cell r="S563">
            <v>28608</v>
          </cell>
        </row>
        <row r="564">
          <cell r="B564">
            <v>1</v>
          </cell>
          <cell r="C564" t="str">
            <v>Capital</v>
          </cell>
          <cell r="D564" t="str">
            <v>Base</v>
          </cell>
          <cell r="E564" t="str">
            <v>Wayne County</v>
          </cell>
          <cell r="G564" t="str">
            <v>Fleet</v>
          </cell>
          <cell r="H564" t="str">
            <v>Wayne County</v>
          </cell>
          <cell r="I564" t="str">
            <v>Wayne County</v>
          </cell>
          <cell r="K564">
            <v>1970</v>
          </cell>
          <cell r="M564">
            <v>11265</v>
          </cell>
          <cell r="N564">
            <v>27154</v>
          </cell>
          <cell r="O564">
            <v>-15889</v>
          </cell>
          <cell r="P564">
            <v>26813</v>
          </cell>
          <cell r="Q564">
            <v>26813</v>
          </cell>
          <cell r="R564">
            <v>30523</v>
          </cell>
          <cell r="S564">
            <v>-3710</v>
          </cell>
        </row>
        <row r="565">
          <cell r="B565">
            <v>1</v>
          </cell>
          <cell r="C565" t="str">
            <v>Capital</v>
          </cell>
          <cell r="D565" t="str">
            <v>Base</v>
          </cell>
          <cell r="E565" t="str">
            <v>Wayne County</v>
          </cell>
          <cell r="G565" t="str">
            <v>Meals/Travel</v>
          </cell>
          <cell r="H565" t="str">
            <v>Wayne County</v>
          </cell>
          <cell r="I565" t="str">
            <v>Wayne County</v>
          </cell>
          <cell r="K565">
            <v>183</v>
          </cell>
          <cell r="M565">
            <v>0</v>
          </cell>
          <cell r="N565">
            <v>500</v>
          </cell>
          <cell r="O565">
            <v>-500</v>
          </cell>
          <cell r="P565">
            <v>0</v>
          </cell>
          <cell r="Q565">
            <v>0</v>
          </cell>
          <cell r="R565">
            <v>0</v>
          </cell>
          <cell r="S565">
            <v>0</v>
          </cell>
        </row>
        <row r="566">
          <cell r="B566">
            <v>1</v>
          </cell>
          <cell r="C566" t="str">
            <v>Capital</v>
          </cell>
          <cell r="D566" t="str">
            <v>Base</v>
          </cell>
          <cell r="E566" t="str">
            <v>Wayne County</v>
          </cell>
          <cell r="G566" t="str">
            <v>Materials</v>
          </cell>
          <cell r="H566" t="str">
            <v>Wayne County</v>
          </cell>
          <cell r="I566" t="str">
            <v>Wayne County</v>
          </cell>
          <cell r="K566">
            <v>2040</v>
          </cell>
          <cell r="M566">
            <v>0</v>
          </cell>
          <cell r="N566">
            <v>132437</v>
          </cell>
          <cell r="O566">
            <v>-132437</v>
          </cell>
          <cell r="P566">
            <v>0</v>
          </cell>
          <cell r="Q566">
            <v>0</v>
          </cell>
          <cell r="R566">
            <v>138629</v>
          </cell>
          <cell r="S566">
            <v>-138629</v>
          </cell>
        </row>
        <row r="567">
          <cell r="B567">
            <v>1</v>
          </cell>
          <cell r="C567" t="str">
            <v>Capital</v>
          </cell>
          <cell r="D567" t="str">
            <v>Base</v>
          </cell>
          <cell r="E567" t="str">
            <v>Wayne County</v>
          </cell>
          <cell r="G567" t="str">
            <v>Rent/utilities</v>
          </cell>
          <cell r="H567" t="str">
            <v>Wayne County</v>
          </cell>
          <cell r="I567" t="str">
            <v>Wayne County</v>
          </cell>
          <cell r="K567">
            <v>43182</v>
          </cell>
          <cell r="M567">
            <v>0</v>
          </cell>
          <cell r="N567">
            <v>51156</v>
          </cell>
          <cell r="O567">
            <v>-51156</v>
          </cell>
          <cell r="P567">
            <v>0</v>
          </cell>
          <cell r="Q567">
            <v>0</v>
          </cell>
          <cell r="R567">
            <v>7974</v>
          </cell>
          <cell r="S567">
            <v>-7974</v>
          </cell>
        </row>
        <row r="568">
          <cell r="B568">
            <v>1</v>
          </cell>
          <cell r="C568" t="str">
            <v>Capital</v>
          </cell>
          <cell r="D568" t="str">
            <v>Base</v>
          </cell>
          <cell r="E568" t="str">
            <v>Wayne County</v>
          </cell>
          <cell r="G568" t="str">
            <v>Other</v>
          </cell>
          <cell r="H568" t="str">
            <v>Wayne County</v>
          </cell>
          <cell r="I568" t="str">
            <v>Wayne County</v>
          </cell>
          <cell r="K568">
            <v>8266</v>
          </cell>
          <cell r="M568">
            <v>38264</v>
          </cell>
          <cell r="N568">
            <v>40107</v>
          </cell>
          <cell r="O568">
            <v>-1843</v>
          </cell>
          <cell r="P568">
            <v>50055</v>
          </cell>
          <cell r="Q568">
            <v>49462</v>
          </cell>
          <cell r="R568">
            <v>36757</v>
          </cell>
          <cell r="S568">
            <v>12705</v>
          </cell>
        </row>
        <row r="569">
          <cell r="B569">
            <v>60</v>
          </cell>
          <cell r="C569" t="str">
            <v>Capital</v>
          </cell>
          <cell r="D569" t="str">
            <v>Base</v>
          </cell>
          <cell r="E569" t="str">
            <v>Florida C&amp;MS</v>
          </cell>
          <cell r="G569" t="str">
            <v>Other</v>
          </cell>
          <cell r="H569" t="str">
            <v>CMS Other Miscellaneous</v>
          </cell>
          <cell r="I569" t="str">
            <v>Florida C&amp;MS</v>
          </cell>
          <cell r="K569">
            <v>0</v>
          </cell>
          <cell r="M569">
            <v>0</v>
          </cell>
          <cell r="N569">
            <v>0</v>
          </cell>
          <cell r="O569">
            <v>0</v>
          </cell>
          <cell r="P569">
            <v>270000</v>
          </cell>
          <cell r="Q569">
            <v>270000</v>
          </cell>
          <cell r="R569">
            <v>270000</v>
          </cell>
          <cell r="S569">
            <v>0</v>
          </cell>
        </row>
        <row r="570">
          <cell r="B570">
            <v>1</v>
          </cell>
          <cell r="C570" t="str">
            <v>O&amp;M</v>
          </cell>
          <cell r="D570" t="str">
            <v>Workers Comp - Off System</v>
          </cell>
          <cell r="E570" t="str">
            <v>Workers Comp - Off System</v>
          </cell>
          <cell r="G570" t="str">
            <v>Workers Comp - Off System</v>
          </cell>
          <cell r="H570" t="str">
            <v>Workers Comp - Off System</v>
          </cell>
          <cell r="I570">
            <v>0</v>
          </cell>
          <cell r="K570">
            <v>0</v>
          </cell>
          <cell r="M570">
            <v>0</v>
          </cell>
          <cell r="N570">
            <v>1220588</v>
          </cell>
          <cell r="O570">
            <v>-1220588</v>
          </cell>
          <cell r="P570">
            <v>0</v>
          </cell>
          <cell r="Q570">
            <v>0</v>
          </cell>
          <cell r="R570">
            <v>1221000</v>
          </cell>
          <cell r="S570">
            <v>-1221000</v>
          </cell>
        </row>
        <row r="571">
          <cell r="B571">
            <v>1</v>
          </cell>
          <cell r="C571" t="str">
            <v>Capital</v>
          </cell>
          <cell r="D571" t="str">
            <v>Program</v>
          </cell>
          <cell r="E571" t="str">
            <v>Corrective Maintenance - Distribution</v>
          </cell>
          <cell r="G571" t="str">
            <v>Company Labor</v>
          </cell>
          <cell r="H571" t="str">
            <v>Components and Process Engineering</v>
          </cell>
          <cell r="I571" t="str">
            <v>Asset Programs</v>
          </cell>
          <cell r="K571">
            <v>22408</v>
          </cell>
          <cell r="M571">
            <v>203929</v>
          </cell>
          <cell r="N571">
            <v>87443</v>
          </cell>
          <cell r="O571">
            <v>116487</v>
          </cell>
          <cell r="P571">
            <v>570276</v>
          </cell>
          <cell r="Q571">
            <v>570276</v>
          </cell>
          <cell r="R571">
            <v>570276</v>
          </cell>
          <cell r="S571">
            <v>0</v>
          </cell>
        </row>
        <row r="572">
          <cell r="B572">
            <v>1</v>
          </cell>
          <cell r="C572" t="str">
            <v>Capital</v>
          </cell>
          <cell r="D572" t="str">
            <v>Program</v>
          </cell>
          <cell r="E572" t="str">
            <v>Corrective Maintenance - Distribution</v>
          </cell>
          <cell r="G572" t="str">
            <v>Company Labor</v>
          </cell>
          <cell r="H572" t="str">
            <v>Components and Process Engineering</v>
          </cell>
          <cell r="I572" t="str">
            <v>Asset Programs</v>
          </cell>
          <cell r="K572">
            <v>14295</v>
          </cell>
          <cell r="M572">
            <v>127864</v>
          </cell>
          <cell r="N572">
            <v>55453</v>
          </cell>
          <cell r="O572">
            <v>72411</v>
          </cell>
          <cell r="P572">
            <v>357564</v>
          </cell>
          <cell r="Q572">
            <v>357564</v>
          </cell>
          <cell r="R572">
            <v>357564</v>
          </cell>
          <cell r="S572">
            <v>0</v>
          </cell>
        </row>
        <row r="573">
          <cell r="B573">
            <v>1</v>
          </cell>
          <cell r="C573" t="str">
            <v>Capital</v>
          </cell>
          <cell r="D573" t="str">
            <v>Program</v>
          </cell>
          <cell r="E573" t="str">
            <v>Corrective Maintenance - Distribution</v>
          </cell>
          <cell r="G573" t="str">
            <v>Company Labor</v>
          </cell>
          <cell r="H573" t="str">
            <v>Components and Process Engineering</v>
          </cell>
          <cell r="I573" t="str">
            <v>Asset Programs</v>
          </cell>
          <cell r="K573">
            <v>1321</v>
          </cell>
          <cell r="M573">
            <v>0</v>
          </cell>
          <cell r="N573">
            <v>3415</v>
          </cell>
          <cell r="O573">
            <v>-3415</v>
          </cell>
          <cell r="P573">
            <v>0</v>
          </cell>
          <cell r="Q573">
            <v>0</v>
          </cell>
          <cell r="R573">
            <v>0</v>
          </cell>
          <cell r="S573">
            <v>0</v>
          </cell>
        </row>
        <row r="574">
          <cell r="B574">
            <v>1</v>
          </cell>
          <cell r="C574" t="str">
            <v>Capital</v>
          </cell>
          <cell r="D574" t="str">
            <v>Program</v>
          </cell>
          <cell r="E574" t="str">
            <v>Corrective Maintenance - Distribution</v>
          </cell>
          <cell r="G574" t="str">
            <v>Contract Labor</v>
          </cell>
          <cell r="H574" t="str">
            <v>Components and Process Engineering</v>
          </cell>
          <cell r="I574" t="str">
            <v>Asset Programs</v>
          </cell>
          <cell r="K574">
            <v>82885</v>
          </cell>
          <cell r="M574">
            <v>468631</v>
          </cell>
          <cell r="N574">
            <v>459429</v>
          </cell>
          <cell r="O574">
            <v>9202</v>
          </cell>
          <cell r="P574">
            <v>1405893</v>
          </cell>
          <cell r="Q574">
            <v>1405893</v>
          </cell>
          <cell r="R574">
            <v>1405893</v>
          </cell>
          <cell r="S574">
            <v>0</v>
          </cell>
        </row>
        <row r="575">
          <cell r="B575">
            <v>1</v>
          </cell>
          <cell r="C575" t="str">
            <v>Capital</v>
          </cell>
          <cell r="D575" t="str">
            <v>Program</v>
          </cell>
          <cell r="E575" t="str">
            <v>Corrective Maintenance - Distribution</v>
          </cell>
          <cell r="G575" t="str">
            <v>Fleet</v>
          </cell>
          <cell r="H575" t="str">
            <v>Components and Process Engineering</v>
          </cell>
          <cell r="I575" t="str">
            <v>Asset Programs</v>
          </cell>
          <cell r="K575">
            <v>8523</v>
          </cell>
          <cell r="M575">
            <v>112000</v>
          </cell>
          <cell r="N575">
            <v>32518</v>
          </cell>
          <cell r="O575">
            <v>79482</v>
          </cell>
          <cell r="P575">
            <v>336000</v>
          </cell>
          <cell r="Q575">
            <v>336000</v>
          </cell>
          <cell r="R575">
            <v>336000</v>
          </cell>
          <cell r="S575">
            <v>0</v>
          </cell>
        </row>
        <row r="576">
          <cell r="B576">
            <v>1</v>
          </cell>
          <cell r="C576" t="str">
            <v>Capital</v>
          </cell>
          <cell r="D576" t="str">
            <v>Program</v>
          </cell>
          <cell r="E576" t="str">
            <v>Corrective Maintenance - Distribution</v>
          </cell>
          <cell r="G576" t="str">
            <v>Meals/Travel</v>
          </cell>
          <cell r="H576" t="str">
            <v>Components and Process Engineering</v>
          </cell>
          <cell r="I576" t="str">
            <v>Asset Programs</v>
          </cell>
          <cell r="K576">
            <v>-336</v>
          </cell>
          <cell r="M576">
            <v>0</v>
          </cell>
          <cell r="N576">
            <v>640</v>
          </cell>
          <cell r="O576">
            <v>-640</v>
          </cell>
          <cell r="P576">
            <v>0</v>
          </cell>
          <cell r="Q576">
            <v>0</v>
          </cell>
          <cell r="R576">
            <v>0</v>
          </cell>
          <cell r="S576">
            <v>0</v>
          </cell>
        </row>
        <row r="577">
          <cell r="B577">
            <v>1</v>
          </cell>
          <cell r="C577" t="str">
            <v>Capital</v>
          </cell>
          <cell r="D577" t="str">
            <v>Program</v>
          </cell>
          <cell r="E577" t="str">
            <v>Corrective Maintenance - Distribution</v>
          </cell>
          <cell r="G577" t="str">
            <v>Materials</v>
          </cell>
          <cell r="H577" t="str">
            <v>Components and Process Engineering</v>
          </cell>
          <cell r="I577" t="str">
            <v>Asset Programs</v>
          </cell>
          <cell r="K577">
            <v>20274</v>
          </cell>
          <cell r="M577">
            <v>249672</v>
          </cell>
          <cell r="N577">
            <v>111604</v>
          </cell>
          <cell r="O577">
            <v>138068</v>
          </cell>
          <cell r="P577">
            <v>749015</v>
          </cell>
          <cell r="Q577">
            <v>749015</v>
          </cell>
          <cell r="R577">
            <v>749015</v>
          </cell>
          <cell r="S577">
            <v>0</v>
          </cell>
        </row>
        <row r="578">
          <cell r="B578">
            <v>1</v>
          </cell>
          <cell r="C578" t="str">
            <v>Capital</v>
          </cell>
          <cell r="D578" t="str">
            <v>Program</v>
          </cell>
          <cell r="E578" t="str">
            <v>Corrective Maintenance - Distribution</v>
          </cell>
          <cell r="G578" t="str">
            <v>Rent/utilities</v>
          </cell>
          <cell r="H578" t="str">
            <v>Components and Process Engineering</v>
          </cell>
          <cell r="I578" t="str">
            <v>Asset Programs</v>
          </cell>
          <cell r="K578">
            <v>0</v>
          </cell>
          <cell r="M578">
            <v>0</v>
          </cell>
          <cell r="N578">
            <v>1963</v>
          </cell>
          <cell r="O578">
            <v>-1963</v>
          </cell>
          <cell r="P578">
            <v>0</v>
          </cell>
          <cell r="Q578">
            <v>0</v>
          </cell>
          <cell r="R578">
            <v>0</v>
          </cell>
          <cell r="S578">
            <v>0</v>
          </cell>
        </row>
        <row r="579">
          <cell r="B579">
            <v>1</v>
          </cell>
          <cell r="C579" t="str">
            <v>Capital</v>
          </cell>
          <cell r="D579" t="str">
            <v>Program</v>
          </cell>
          <cell r="E579" t="str">
            <v>Load Growth</v>
          </cell>
          <cell r="G579" t="str">
            <v>Company Labor</v>
          </cell>
          <cell r="H579" t="str">
            <v>Engineering Support</v>
          </cell>
          <cell r="I579" t="str">
            <v>Load Growth</v>
          </cell>
          <cell r="K579">
            <v>23330</v>
          </cell>
          <cell r="M579">
            <v>62521</v>
          </cell>
          <cell r="N579">
            <v>91955</v>
          </cell>
          <cell r="O579">
            <v>-29434</v>
          </cell>
          <cell r="P579">
            <v>225387</v>
          </cell>
          <cell r="Q579">
            <v>225387</v>
          </cell>
          <cell r="R579">
            <v>305620</v>
          </cell>
          <cell r="S579">
            <v>-80233</v>
          </cell>
        </row>
        <row r="580">
          <cell r="B580">
            <v>1</v>
          </cell>
          <cell r="C580" t="str">
            <v>Capital</v>
          </cell>
          <cell r="D580" t="str">
            <v>Program</v>
          </cell>
          <cell r="E580" t="str">
            <v>Load Growth</v>
          </cell>
          <cell r="G580" t="str">
            <v>Company Labor</v>
          </cell>
          <cell r="H580" t="str">
            <v>Engineering Support</v>
          </cell>
          <cell r="I580" t="str">
            <v>Load Growth</v>
          </cell>
          <cell r="K580">
            <v>14943</v>
          </cell>
          <cell r="M580">
            <v>39201</v>
          </cell>
          <cell r="N580">
            <v>58418</v>
          </cell>
          <cell r="O580">
            <v>-19217</v>
          </cell>
          <cell r="P580">
            <v>141318</v>
          </cell>
          <cell r="Q580">
            <v>141318</v>
          </cell>
          <cell r="R580">
            <v>191631</v>
          </cell>
          <cell r="S580">
            <v>-50313</v>
          </cell>
        </row>
        <row r="581">
          <cell r="B581">
            <v>1</v>
          </cell>
          <cell r="C581" t="str">
            <v>Capital</v>
          </cell>
          <cell r="D581" t="str">
            <v>Program</v>
          </cell>
          <cell r="E581" t="str">
            <v>Load Growth</v>
          </cell>
          <cell r="G581" t="str">
            <v>Company Labor</v>
          </cell>
          <cell r="H581" t="str">
            <v>Engineering Support</v>
          </cell>
          <cell r="I581" t="str">
            <v>Load Growth</v>
          </cell>
          <cell r="K581">
            <v>1733</v>
          </cell>
          <cell r="M581">
            <v>-1</v>
          </cell>
          <cell r="N581">
            <v>4187</v>
          </cell>
          <cell r="O581">
            <v>-4188</v>
          </cell>
          <cell r="P581">
            <v>-1</v>
          </cell>
          <cell r="Q581">
            <v>-1</v>
          </cell>
          <cell r="R581">
            <v>35</v>
          </cell>
          <cell r="S581">
            <v>-36</v>
          </cell>
        </row>
        <row r="582">
          <cell r="B582">
            <v>1</v>
          </cell>
          <cell r="C582" t="str">
            <v>Capital</v>
          </cell>
          <cell r="D582" t="str">
            <v>Program</v>
          </cell>
          <cell r="E582" t="str">
            <v>Load Growth</v>
          </cell>
          <cell r="G582" t="str">
            <v>Contract Labor</v>
          </cell>
          <cell r="H582" t="str">
            <v>Engineering Support</v>
          </cell>
          <cell r="I582" t="str">
            <v>Load Growth</v>
          </cell>
          <cell r="K582">
            <v>157302</v>
          </cell>
          <cell r="M582">
            <v>568766</v>
          </cell>
          <cell r="N582">
            <v>941194</v>
          </cell>
          <cell r="O582">
            <v>-372428</v>
          </cell>
          <cell r="P582">
            <v>1760527</v>
          </cell>
          <cell r="Q582">
            <v>1760527</v>
          </cell>
          <cell r="R582">
            <v>1938035</v>
          </cell>
          <cell r="S582">
            <v>-177508</v>
          </cell>
        </row>
        <row r="583">
          <cell r="B583">
            <v>1</v>
          </cell>
          <cell r="C583" t="str">
            <v>Capital</v>
          </cell>
          <cell r="D583" t="str">
            <v>Program</v>
          </cell>
          <cell r="E583" t="str">
            <v>Load Growth</v>
          </cell>
          <cell r="G583" t="str">
            <v>Fleet</v>
          </cell>
          <cell r="H583" t="str">
            <v>Engineering Support</v>
          </cell>
          <cell r="I583" t="str">
            <v>Load Growth</v>
          </cell>
          <cell r="K583">
            <v>4088</v>
          </cell>
          <cell r="M583">
            <v>28698</v>
          </cell>
          <cell r="N583">
            <v>15485</v>
          </cell>
          <cell r="O583">
            <v>13212</v>
          </cell>
          <cell r="P583">
            <v>99958</v>
          </cell>
          <cell r="Q583">
            <v>99958</v>
          </cell>
          <cell r="R583">
            <v>104978</v>
          </cell>
          <cell r="S583">
            <v>-5020</v>
          </cell>
        </row>
        <row r="584">
          <cell r="B584">
            <v>1</v>
          </cell>
          <cell r="C584" t="str">
            <v>Capital</v>
          </cell>
          <cell r="D584" t="str">
            <v>Program</v>
          </cell>
          <cell r="E584" t="str">
            <v>Load Growth</v>
          </cell>
          <cell r="G584" t="str">
            <v>Meals/Travel</v>
          </cell>
          <cell r="H584" t="str">
            <v>Engineering Support</v>
          </cell>
          <cell r="I584" t="str">
            <v>Load Growth</v>
          </cell>
          <cell r="K584">
            <v>2763</v>
          </cell>
          <cell r="M584">
            <v>0</v>
          </cell>
          <cell r="N584">
            <v>4557</v>
          </cell>
          <cell r="O584">
            <v>-4557</v>
          </cell>
          <cell r="P584">
            <v>0</v>
          </cell>
          <cell r="Q584">
            <v>0</v>
          </cell>
          <cell r="R584">
            <v>0</v>
          </cell>
          <cell r="S584">
            <v>0</v>
          </cell>
        </row>
        <row r="585">
          <cell r="B585">
            <v>1</v>
          </cell>
          <cell r="C585" t="str">
            <v>Capital</v>
          </cell>
          <cell r="D585" t="str">
            <v>Program</v>
          </cell>
          <cell r="E585" t="str">
            <v>Load Growth</v>
          </cell>
          <cell r="G585" t="str">
            <v>Materials</v>
          </cell>
          <cell r="H585" t="str">
            <v>Engineering Support</v>
          </cell>
          <cell r="I585" t="str">
            <v>Load Growth</v>
          </cell>
          <cell r="K585">
            <v>120681</v>
          </cell>
          <cell r="M585">
            <v>399407</v>
          </cell>
          <cell r="N585">
            <v>656678</v>
          </cell>
          <cell r="O585">
            <v>-257271</v>
          </cell>
          <cell r="P585">
            <v>1679400</v>
          </cell>
          <cell r="Q585">
            <v>1679400</v>
          </cell>
          <cell r="R585">
            <v>1809745</v>
          </cell>
          <cell r="S585">
            <v>-130345</v>
          </cell>
        </row>
        <row r="586">
          <cell r="B586">
            <v>1</v>
          </cell>
          <cell r="C586" t="str">
            <v>Capital</v>
          </cell>
          <cell r="D586" t="str">
            <v>Program</v>
          </cell>
          <cell r="E586" t="str">
            <v>Load Growth</v>
          </cell>
          <cell r="G586" t="str">
            <v>Rent/utilities</v>
          </cell>
          <cell r="H586" t="str">
            <v>Engineering Support</v>
          </cell>
          <cell r="I586" t="str">
            <v>Load Growth</v>
          </cell>
          <cell r="K586">
            <v>0</v>
          </cell>
          <cell r="M586">
            <v>0</v>
          </cell>
          <cell r="N586">
            <v>766</v>
          </cell>
          <cell r="O586">
            <v>-766</v>
          </cell>
          <cell r="P586">
            <v>0</v>
          </cell>
          <cell r="Q586">
            <v>0</v>
          </cell>
          <cell r="R586">
            <v>0</v>
          </cell>
          <cell r="S586">
            <v>0</v>
          </cell>
        </row>
        <row r="587">
          <cell r="B587">
            <v>1</v>
          </cell>
          <cell r="C587" t="str">
            <v>Capital</v>
          </cell>
          <cell r="D587" t="str">
            <v>Program</v>
          </cell>
          <cell r="E587" t="str">
            <v>Load Growth</v>
          </cell>
          <cell r="G587" t="str">
            <v>Other</v>
          </cell>
          <cell r="H587" t="str">
            <v>Engineering Support</v>
          </cell>
          <cell r="I587" t="str">
            <v>Load Growth</v>
          </cell>
          <cell r="K587">
            <v>2569</v>
          </cell>
          <cell r="M587">
            <v>9610</v>
          </cell>
          <cell r="N587">
            <v>7586</v>
          </cell>
          <cell r="O587">
            <v>2024</v>
          </cell>
          <cell r="P587">
            <v>64857</v>
          </cell>
          <cell r="Q587">
            <v>64464</v>
          </cell>
          <cell r="R587">
            <v>50299</v>
          </cell>
          <cell r="S587">
            <v>14165</v>
          </cell>
        </row>
        <row r="588">
          <cell r="B588">
            <v>1</v>
          </cell>
          <cell r="C588" t="str">
            <v>Capital</v>
          </cell>
          <cell r="D588" t="str">
            <v>Program</v>
          </cell>
          <cell r="E588" t="str">
            <v>Other Asset Programs</v>
          </cell>
          <cell r="G588" t="str">
            <v>Company Labor</v>
          </cell>
          <cell r="H588" t="str">
            <v>Components and Process Engineering</v>
          </cell>
          <cell r="I588" t="str">
            <v>Asset Programs</v>
          </cell>
          <cell r="K588">
            <v>73899</v>
          </cell>
          <cell r="M588">
            <v>342410</v>
          </cell>
          <cell r="N588">
            <v>417923</v>
          </cell>
          <cell r="O588">
            <v>-75513</v>
          </cell>
          <cell r="P588">
            <v>933384</v>
          </cell>
          <cell r="Q588">
            <v>933384</v>
          </cell>
          <cell r="R588">
            <v>946999</v>
          </cell>
          <cell r="S588">
            <v>-13615</v>
          </cell>
        </row>
        <row r="589">
          <cell r="B589">
            <v>1</v>
          </cell>
          <cell r="C589" t="str">
            <v>Capital</v>
          </cell>
          <cell r="D589" t="str">
            <v>Program</v>
          </cell>
          <cell r="E589" t="str">
            <v>Other Asset Programs</v>
          </cell>
          <cell r="G589" t="str">
            <v>Company Labor</v>
          </cell>
          <cell r="H589" t="str">
            <v>Components and Process Engineering</v>
          </cell>
          <cell r="I589" t="str">
            <v>Asset Programs</v>
          </cell>
          <cell r="K589">
            <v>48846</v>
          </cell>
          <cell r="M589">
            <v>214692</v>
          </cell>
          <cell r="N589">
            <v>270734</v>
          </cell>
          <cell r="O589">
            <v>-56042</v>
          </cell>
          <cell r="P589">
            <v>585234</v>
          </cell>
          <cell r="Q589">
            <v>585234</v>
          </cell>
          <cell r="R589">
            <v>593771</v>
          </cell>
          <cell r="S589">
            <v>-8537</v>
          </cell>
        </row>
        <row r="590">
          <cell r="B590">
            <v>1</v>
          </cell>
          <cell r="C590" t="str">
            <v>Capital</v>
          </cell>
          <cell r="D590" t="str">
            <v>Program</v>
          </cell>
          <cell r="E590" t="str">
            <v>Other Asset Programs</v>
          </cell>
          <cell r="G590" t="str">
            <v>Company Labor</v>
          </cell>
          <cell r="H590" t="str">
            <v>Components and Process Engineering</v>
          </cell>
          <cell r="I590" t="str">
            <v>Asset Programs</v>
          </cell>
          <cell r="K590">
            <v>13795</v>
          </cell>
          <cell r="M590">
            <v>0</v>
          </cell>
          <cell r="N590">
            <v>47386</v>
          </cell>
          <cell r="O590">
            <v>-47386</v>
          </cell>
          <cell r="P590">
            <v>0</v>
          </cell>
          <cell r="Q590">
            <v>0</v>
          </cell>
          <cell r="R590">
            <v>0</v>
          </cell>
          <cell r="S590">
            <v>0</v>
          </cell>
        </row>
        <row r="591">
          <cell r="B591">
            <v>1</v>
          </cell>
          <cell r="C591" t="str">
            <v>Capital</v>
          </cell>
          <cell r="D591" t="str">
            <v>Program</v>
          </cell>
          <cell r="E591" t="str">
            <v>Other Asset Programs</v>
          </cell>
          <cell r="G591" t="str">
            <v>Contract Labor</v>
          </cell>
          <cell r="H591" t="str">
            <v>Components and Process Engineering</v>
          </cell>
          <cell r="I591" t="str">
            <v>Asset Programs</v>
          </cell>
          <cell r="K591">
            <v>215248</v>
          </cell>
          <cell r="M591">
            <v>717360</v>
          </cell>
          <cell r="N591">
            <v>1445716</v>
          </cell>
          <cell r="O591">
            <v>-728356</v>
          </cell>
          <cell r="P591">
            <v>2373244</v>
          </cell>
          <cell r="Q591">
            <v>2373244</v>
          </cell>
          <cell r="R591">
            <v>2410821</v>
          </cell>
          <cell r="S591">
            <v>-37577</v>
          </cell>
        </row>
        <row r="592">
          <cell r="B592">
            <v>1</v>
          </cell>
          <cell r="C592" t="str">
            <v>Capital</v>
          </cell>
          <cell r="D592" t="str">
            <v>Program</v>
          </cell>
          <cell r="E592" t="str">
            <v>Other Asset Programs</v>
          </cell>
          <cell r="G592" t="str">
            <v>Fleet</v>
          </cell>
          <cell r="H592" t="str">
            <v>Components and Process Engineering</v>
          </cell>
          <cell r="I592" t="str">
            <v>Asset Programs</v>
          </cell>
          <cell r="K592">
            <v>27639</v>
          </cell>
          <cell r="M592">
            <v>113822</v>
          </cell>
          <cell r="N592">
            <v>143864</v>
          </cell>
          <cell r="O592">
            <v>-30042</v>
          </cell>
          <cell r="P592">
            <v>307004</v>
          </cell>
          <cell r="Q592">
            <v>307004</v>
          </cell>
          <cell r="R592">
            <v>313004</v>
          </cell>
          <cell r="S592">
            <v>-6000</v>
          </cell>
        </row>
        <row r="593">
          <cell r="B593">
            <v>1</v>
          </cell>
          <cell r="C593" t="str">
            <v>Capital</v>
          </cell>
          <cell r="D593" t="str">
            <v>Program</v>
          </cell>
          <cell r="E593" t="str">
            <v>Other Asset Programs</v>
          </cell>
          <cell r="G593" t="str">
            <v>Meals/Travel</v>
          </cell>
          <cell r="H593" t="str">
            <v>Components and Process Engineering</v>
          </cell>
          <cell r="I593" t="str">
            <v>Asset Programs</v>
          </cell>
          <cell r="K593">
            <v>997</v>
          </cell>
          <cell r="M593">
            <v>0</v>
          </cell>
          <cell r="N593">
            <v>5373</v>
          </cell>
          <cell r="O593">
            <v>-5373</v>
          </cell>
          <cell r="P593">
            <v>0</v>
          </cell>
          <cell r="Q593">
            <v>0</v>
          </cell>
          <cell r="R593">
            <v>0</v>
          </cell>
          <cell r="S593">
            <v>0</v>
          </cell>
        </row>
        <row r="594">
          <cell r="B594">
            <v>1</v>
          </cell>
          <cell r="C594" t="str">
            <v>Capital</v>
          </cell>
          <cell r="D594" t="str">
            <v>Program</v>
          </cell>
          <cell r="E594" t="str">
            <v>Other Asset Programs</v>
          </cell>
          <cell r="G594" t="str">
            <v>Materials</v>
          </cell>
          <cell r="H594" t="str">
            <v>Components and Process Engineering</v>
          </cell>
          <cell r="I594" t="str">
            <v>Asset Programs</v>
          </cell>
          <cell r="K594">
            <v>166353</v>
          </cell>
          <cell r="M594">
            <v>446068</v>
          </cell>
          <cell r="N594">
            <v>981616</v>
          </cell>
          <cell r="O594">
            <v>-535548</v>
          </cell>
          <cell r="P594">
            <v>1390469</v>
          </cell>
          <cell r="Q594">
            <v>1390469</v>
          </cell>
          <cell r="R594">
            <v>1392105</v>
          </cell>
          <cell r="S594">
            <v>-1636</v>
          </cell>
        </row>
        <row r="595">
          <cell r="B595">
            <v>1</v>
          </cell>
          <cell r="C595" t="str">
            <v>Capital</v>
          </cell>
          <cell r="D595" t="str">
            <v>Program</v>
          </cell>
          <cell r="E595" t="str">
            <v>Other Asset Programs</v>
          </cell>
          <cell r="G595" t="str">
            <v>Rent/utilities</v>
          </cell>
          <cell r="H595" t="str">
            <v>Components and Process Engineering</v>
          </cell>
          <cell r="I595" t="str">
            <v>Asset Programs</v>
          </cell>
          <cell r="K595">
            <v>0</v>
          </cell>
          <cell r="M595">
            <v>0</v>
          </cell>
          <cell r="N595">
            <v>3046</v>
          </cell>
          <cell r="O595">
            <v>-3046</v>
          </cell>
          <cell r="P595">
            <v>0</v>
          </cell>
          <cell r="Q595">
            <v>0</v>
          </cell>
          <cell r="R595">
            <v>0</v>
          </cell>
          <cell r="S595">
            <v>0</v>
          </cell>
        </row>
        <row r="596">
          <cell r="B596">
            <v>1</v>
          </cell>
          <cell r="C596" t="str">
            <v>Capital</v>
          </cell>
          <cell r="D596" t="str">
            <v>Program</v>
          </cell>
          <cell r="E596" t="str">
            <v>Other Asset Programs</v>
          </cell>
          <cell r="G596" t="str">
            <v>Other</v>
          </cell>
          <cell r="H596" t="str">
            <v>Components and Process Engineering</v>
          </cell>
          <cell r="I596" t="str">
            <v>Asset Programs</v>
          </cell>
          <cell r="K596">
            <v>2136</v>
          </cell>
          <cell r="M596">
            <v>59</v>
          </cell>
          <cell r="N596">
            <v>2329</v>
          </cell>
          <cell r="O596">
            <v>-2270</v>
          </cell>
          <cell r="P596">
            <v>59</v>
          </cell>
          <cell r="Q596">
            <v>59</v>
          </cell>
          <cell r="R596">
            <v>5050</v>
          </cell>
          <cell r="S596">
            <v>-4992</v>
          </cell>
        </row>
        <row r="597">
          <cell r="B597">
            <v>1</v>
          </cell>
          <cell r="C597" t="str">
            <v>Capital</v>
          </cell>
          <cell r="D597" t="str">
            <v>Program</v>
          </cell>
          <cell r="E597" t="str">
            <v>Pole Reinforcement/Inspections</v>
          </cell>
          <cell r="G597" t="str">
            <v>Company Labor</v>
          </cell>
          <cell r="H597" t="str">
            <v>Components and Process Engineering</v>
          </cell>
          <cell r="I597" t="str">
            <v>Pole Program</v>
          </cell>
          <cell r="K597">
            <v>0</v>
          </cell>
          <cell r="M597">
            <v>15116</v>
          </cell>
          <cell r="N597">
            <v>3855</v>
          </cell>
          <cell r="O597">
            <v>11261</v>
          </cell>
          <cell r="P597">
            <v>41989</v>
          </cell>
          <cell r="Q597">
            <v>41989</v>
          </cell>
          <cell r="R597">
            <v>41989</v>
          </cell>
          <cell r="S597">
            <v>0</v>
          </cell>
        </row>
        <row r="598">
          <cell r="B598">
            <v>1</v>
          </cell>
          <cell r="C598" t="str">
            <v>Capital</v>
          </cell>
          <cell r="D598" t="str">
            <v>Program</v>
          </cell>
          <cell r="E598" t="str">
            <v>Pole Reinforcement/Inspections</v>
          </cell>
          <cell r="G598" t="str">
            <v>Company Labor</v>
          </cell>
          <cell r="H598" t="str">
            <v>Components and Process Engineering</v>
          </cell>
          <cell r="I598" t="str">
            <v>Pole Program</v>
          </cell>
          <cell r="K598">
            <v>0</v>
          </cell>
          <cell r="M598">
            <v>9478</v>
          </cell>
          <cell r="N598">
            <v>2417</v>
          </cell>
          <cell r="O598">
            <v>7060</v>
          </cell>
          <cell r="P598">
            <v>26327</v>
          </cell>
          <cell r="Q598">
            <v>26327</v>
          </cell>
          <cell r="R598">
            <v>26327</v>
          </cell>
          <cell r="S598">
            <v>0</v>
          </cell>
        </row>
        <row r="599">
          <cell r="B599">
            <v>1</v>
          </cell>
          <cell r="C599" t="str">
            <v>Capital</v>
          </cell>
          <cell r="D599" t="str">
            <v>Program</v>
          </cell>
          <cell r="E599" t="str">
            <v>Pole Reinforcement/Inspections</v>
          </cell>
          <cell r="G599" t="str">
            <v>Contract Labor</v>
          </cell>
          <cell r="H599" t="str">
            <v>Components and Process Engineering</v>
          </cell>
          <cell r="I599" t="str">
            <v>Pole Program</v>
          </cell>
          <cell r="K599">
            <v>124120</v>
          </cell>
          <cell r="M599">
            <v>1128960</v>
          </cell>
          <cell r="N599">
            <v>619278</v>
          </cell>
          <cell r="O599">
            <v>509682</v>
          </cell>
          <cell r="P599">
            <v>3136000</v>
          </cell>
          <cell r="Q599">
            <v>3136000</v>
          </cell>
          <cell r="R599">
            <v>3136000</v>
          </cell>
          <cell r="S599">
            <v>0</v>
          </cell>
        </row>
        <row r="600">
          <cell r="B600">
            <v>1</v>
          </cell>
          <cell r="C600" t="str">
            <v>Capital</v>
          </cell>
          <cell r="D600" t="str">
            <v>Program</v>
          </cell>
          <cell r="E600" t="str">
            <v>Pole Reinforcement/Inspections</v>
          </cell>
          <cell r="G600" t="str">
            <v>Materials</v>
          </cell>
          <cell r="H600" t="str">
            <v>Components and Process Engineering</v>
          </cell>
          <cell r="I600" t="str">
            <v>Pole Program</v>
          </cell>
          <cell r="K600">
            <v>0</v>
          </cell>
          <cell r="M600">
            <v>0</v>
          </cell>
          <cell r="N600">
            <v>9050</v>
          </cell>
          <cell r="O600">
            <v>-9050</v>
          </cell>
          <cell r="P600">
            <v>0</v>
          </cell>
          <cell r="Q600">
            <v>0</v>
          </cell>
          <cell r="R600">
            <v>0</v>
          </cell>
          <cell r="S600">
            <v>0</v>
          </cell>
        </row>
        <row r="601">
          <cell r="B601">
            <v>1</v>
          </cell>
          <cell r="C601" t="str">
            <v>Capital</v>
          </cell>
          <cell r="D601" t="str">
            <v>Program</v>
          </cell>
          <cell r="E601" t="str">
            <v>Pole Replacement</v>
          </cell>
          <cell r="G601" t="str">
            <v>Company Labor</v>
          </cell>
          <cell r="H601" t="str">
            <v>Components and Process Engineering</v>
          </cell>
          <cell r="I601" t="str">
            <v>Pole Program</v>
          </cell>
          <cell r="K601">
            <v>80676</v>
          </cell>
          <cell r="M601">
            <v>869040</v>
          </cell>
          <cell r="N601">
            <v>360153</v>
          </cell>
          <cell r="O601">
            <v>508887</v>
          </cell>
          <cell r="P601">
            <v>2594991</v>
          </cell>
          <cell r="Q601">
            <v>2594991</v>
          </cell>
          <cell r="R601">
            <v>2594991</v>
          </cell>
          <cell r="S601">
            <v>0</v>
          </cell>
        </row>
        <row r="602">
          <cell r="B602">
            <v>1</v>
          </cell>
          <cell r="C602" t="str">
            <v>Capital</v>
          </cell>
          <cell r="D602" t="str">
            <v>Program</v>
          </cell>
          <cell r="E602" t="str">
            <v>Pole Replacement</v>
          </cell>
          <cell r="G602" t="str">
            <v>Company Labor</v>
          </cell>
          <cell r="H602" t="str">
            <v>Components and Process Engineering</v>
          </cell>
          <cell r="I602" t="str">
            <v>Pole Program</v>
          </cell>
          <cell r="K602">
            <v>51886</v>
          </cell>
          <cell r="M602">
            <v>544888</v>
          </cell>
          <cell r="N602">
            <v>229383</v>
          </cell>
          <cell r="O602">
            <v>315505</v>
          </cell>
          <cell r="P602">
            <v>1627061</v>
          </cell>
          <cell r="Q602">
            <v>1627061</v>
          </cell>
          <cell r="R602">
            <v>1627061</v>
          </cell>
          <cell r="S602">
            <v>0</v>
          </cell>
        </row>
        <row r="603">
          <cell r="B603">
            <v>1</v>
          </cell>
          <cell r="C603" t="str">
            <v>Capital</v>
          </cell>
          <cell r="D603" t="str">
            <v>Program</v>
          </cell>
          <cell r="E603" t="str">
            <v>Pole Replacement</v>
          </cell>
          <cell r="G603" t="str">
            <v>Company Labor</v>
          </cell>
          <cell r="H603" t="str">
            <v>Components and Process Engineering</v>
          </cell>
          <cell r="I603" t="str">
            <v>Pole Program</v>
          </cell>
          <cell r="K603">
            <v>7159</v>
          </cell>
          <cell r="M603">
            <v>0</v>
          </cell>
          <cell r="N603">
            <v>19521</v>
          </cell>
          <cell r="O603">
            <v>-19521</v>
          </cell>
          <cell r="P603">
            <v>0</v>
          </cell>
          <cell r="Q603">
            <v>0</v>
          </cell>
          <cell r="R603">
            <v>0</v>
          </cell>
          <cell r="S603">
            <v>0</v>
          </cell>
        </row>
        <row r="604">
          <cell r="B604">
            <v>1</v>
          </cell>
          <cell r="C604" t="str">
            <v>Capital</v>
          </cell>
          <cell r="D604" t="str">
            <v>Program</v>
          </cell>
          <cell r="E604" t="str">
            <v>Pole Replacement</v>
          </cell>
          <cell r="G604" t="str">
            <v>Contract Labor</v>
          </cell>
          <cell r="H604" t="str">
            <v>Components and Process Engineering</v>
          </cell>
          <cell r="I604" t="str">
            <v>Pole Program</v>
          </cell>
          <cell r="K604">
            <v>797398</v>
          </cell>
          <cell r="M604">
            <v>1343874</v>
          </cell>
          <cell r="N604">
            <v>4269510</v>
          </cell>
          <cell r="O604">
            <v>-2925636</v>
          </cell>
          <cell r="P604">
            <v>3734207</v>
          </cell>
          <cell r="Q604">
            <v>3734207</v>
          </cell>
          <cell r="R604">
            <v>3734207</v>
          </cell>
          <cell r="S604">
            <v>0</v>
          </cell>
        </row>
        <row r="605">
          <cell r="B605">
            <v>1</v>
          </cell>
          <cell r="C605" t="str">
            <v>Capital</v>
          </cell>
          <cell r="D605" t="str">
            <v>Program</v>
          </cell>
          <cell r="E605" t="str">
            <v>Pole Replacement</v>
          </cell>
          <cell r="G605" t="str">
            <v>Fleet</v>
          </cell>
          <cell r="H605" t="str">
            <v>Components and Process Engineering</v>
          </cell>
          <cell r="I605" t="str">
            <v>Pole Program</v>
          </cell>
          <cell r="K605">
            <v>30691</v>
          </cell>
          <cell r="M605">
            <v>277536</v>
          </cell>
          <cell r="N605">
            <v>135304</v>
          </cell>
          <cell r="O605">
            <v>142232</v>
          </cell>
          <cell r="P605">
            <v>768900</v>
          </cell>
          <cell r="Q605">
            <v>768900</v>
          </cell>
          <cell r="R605">
            <v>768900</v>
          </cell>
          <cell r="S605">
            <v>0</v>
          </cell>
        </row>
        <row r="606">
          <cell r="B606">
            <v>1</v>
          </cell>
          <cell r="C606" t="str">
            <v>Capital</v>
          </cell>
          <cell r="D606" t="str">
            <v>Program</v>
          </cell>
          <cell r="E606" t="str">
            <v>Pole Replacement</v>
          </cell>
          <cell r="G606" t="str">
            <v>Meals/Travel</v>
          </cell>
          <cell r="H606" t="str">
            <v>Components and Process Engineering</v>
          </cell>
          <cell r="I606" t="str">
            <v>Pole Program</v>
          </cell>
          <cell r="K606">
            <v>-1291</v>
          </cell>
          <cell r="M606">
            <v>0</v>
          </cell>
          <cell r="N606">
            <v>-1365</v>
          </cell>
          <cell r="O606">
            <v>1365</v>
          </cell>
          <cell r="P606">
            <v>0</v>
          </cell>
          <cell r="Q606">
            <v>0</v>
          </cell>
          <cell r="R606">
            <v>0</v>
          </cell>
          <cell r="S606">
            <v>0</v>
          </cell>
        </row>
        <row r="607">
          <cell r="B607">
            <v>1</v>
          </cell>
          <cell r="C607" t="str">
            <v>Capital</v>
          </cell>
          <cell r="D607" t="str">
            <v>Program</v>
          </cell>
          <cell r="E607" t="str">
            <v>Pole Replacement</v>
          </cell>
          <cell r="G607" t="str">
            <v>Materials</v>
          </cell>
          <cell r="H607" t="str">
            <v>Components and Process Engineering</v>
          </cell>
          <cell r="I607" t="str">
            <v>Pole Program</v>
          </cell>
          <cell r="K607">
            <v>201583</v>
          </cell>
          <cell r="M607">
            <v>1572694</v>
          </cell>
          <cell r="N607">
            <v>837143</v>
          </cell>
          <cell r="O607">
            <v>735551</v>
          </cell>
          <cell r="P607">
            <v>4357070</v>
          </cell>
          <cell r="Q607">
            <v>4357070</v>
          </cell>
          <cell r="R607">
            <v>4357070</v>
          </cell>
          <cell r="S607">
            <v>0</v>
          </cell>
        </row>
        <row r="608">
          <cell r="B608">
            <v>1</v>
          </cell>
          <cell r="C608" t="str">
            <v>Capital</v>
          </cell>
          <cell r="D608" t="str">
            <v>Program</v>
          </cell>
          <cell r="E608" t="str">
            <v>SI-Maintain Sys Reliability</v>
          </cell>
          <cell r="G608" t="str">
            <v>Company Labor</v>
          </cell>
          <cell r="H608" t="str">
            <v>Engineering Support</v>
          </cell>
          <cell r="I608" t="str">
            <v>Asset Programs</v>
          </cell>
          <cell r="K608">
            <v>78595</v>
          </cell>
          <cell r="M608">
            <v>239352</v>
          </cell>
          <cell r="N608">
            <v>229771</v>
          </cell>
          <cell r="O608">
            <v>9581</v>
          </cell>
          <cell r="P608">
            <v>725792</v>
          </cell>
          <cell r="Q608">
            <v>725792</v>
          </cell>
          <cell r="R608">
            <v>725792</v>
          </cell>
          <cell r="S608">
            <v>0</v>
          </cell>
        </row>
        <row r="609">
          <cell r="B609">
            <v>1</v>
          </cell>
          <cell r="C609" t="str">
            <v>Capital</v>
          </cell>
          <cell r="D609" t="str">
            <v>Program</v>
          </cell>
          <cell r="E609" t="str">
            <v>SI-Maintain Sys Reliability</v>
          </cell>
          <cell r="G609" t="str">
            <v>Company Labor</v>
          </cell>
          <cell r="H609" t="str">
            <v>Engineering Support</v>
          </cell>
          <cell r="I609" t="str">
            <v>Asset Programs</v>
          </cell>
          <cell r="K609">
            <v>50052</v>
          </cell>
          <cell r="M609">
            <v>150074</v>
          </cell>
          <cell r="N609">
            <v>146043</v>
          </cell>
          <cell r="O609">
            <v>4031</v>
          </cell>
          <cell r="P609">
            <v>455072</v>
          </cell>
          <cell r="Q609">
            <v>455072</v>
          </cell>
          <cell r="R609">
            <v>455072</v>
          </cell>
          <cell r="S609">
            <v>0</v>
          </cell>
        </row>
        <row r="610">
          <cell r="B610">
            <v>1</v>
          </cell>
          <cell r="C610" t="str">
            <v>Capital</v>
          </cell>
          <cell r="D610" t="str">
            <v>Program</v>
          </cell>
          <cell r="E610" t="str">
            <v>SI-Maintain Sys Reliability</v>
          </cell>
          <cell r="G610" t="str">
            <v>Company Labor</v>
          </cell>
          <cell r="H610" t="str">
            <v>Engineering Support</v>
          </cell>
          <cell r="I610" t="str">
            <v>Asset Programs</v>
          </cell>
          <cell r="K610">
            <v>4248</v>
          </cell>
          <cell r="M610">
            <v>0</v>
          </cell>
          <cell r="N610">
            <v>10860</v>
          </cell>
          <cell r="O610">
            <v>-10860</v>
          </cell>
          <cell r="P610">
            <v>0</v>
          </cell>
          <cell r="Q610">
            <v>0</v>
          </cell>
          <cell r="R610">
            <v>0</v>
          </cell>
          <cell r="S610">
            <v>0</v>
          </cell>
        </row>
        <row r="611">
          <cell r="B611">
            <v>1</v>
          </cell>
          <cell r="C611" t="str">
            <v>Capital</v>
          </cell>
          <cell r="D611" t="str">
            <v>Program</v>
          </cell>
          <cell r="E611" t="str">
            <v>SI-Maintain Sys Reliability</v>
          </cell>
          <cell r="G611" t="str">
            <v>Contract Labor</v>
          </cell>
          <cell r="H611" t="str">
            <v>Engineering Support</v>
          </cell>
          <cell r="I611" t="str">
            <v>Asset Programs</v>
          </cell>
          <cell r="K611">
            <v>544637</v>
          </cell>
          <cell r="M611">
            <v>708906</v>
          </cell>
          <cell r="N611">
            <v>1079828</v>
          </cell>
          <cell r="O611">
            <v>-370923</v>
          </cell>
          <cell r="P611">
            <v>2213969</v>
          </cell>
          <cell r="Q611">
            <v>2213969</v>
          </cell>
          <cell r="R611">
            <v>2213969</v>
          </cell>
          <cell r="S611">
            <v>0</v>
          </cell>
        </row>
        <row r="612">
          <cell r="B612">
            <v>1</v>
          </cell>
          <cell r="C612" t="str">
            <v>Capital</v>
          </cell>
          <cell r="D612" t="str">
            <v>Program</v>
          </cell>
          <cell r="E612" t="str">
            <v>SI-Maintain Sys Reliability</v>
          </cell>
          <cell r="G612" t="str">
            <v>Fleet</v>
          </cell>
          <cell r="H612" t="str">
            <v>Engineering Support</v>
          </cell>
          <cell r="I612" t="str">
            <v>Asset Programs</v>
          </cell>
          <cell r="K612">
            <v>22482</v>
          </cell>
          <cell r="M612">
            <v>78266</v>
          </cell>
          <cell r="N612">
            <v>63322</v>
          </cell>
          <cell r="O612">
            <v>14944</v>
          </cell>
          <cell r="P612">
            <v>243982</v>
          </cell>
          <cell r="Q612">
            <v>243982</v>
          </cell>
          <cell r="R612">
            <v>243982</v>
          </cell>
          <cell r="S612">
            <v>0</v>
          </cell>
        </row>
        <row r="613">
          <cell r="B613">
            <v>1</v>
          </cell>
          <cell r="C613" t="str">
            <v>Capital</v>
          </cell>
          <cell r="D613" t="str">
            <v>Program</v>
          </cell>
          <cell r="E613" t="str">
            <v>SI-Maintain Sys Reliability</v>
          </cell>
          <cell r="G613" t="str">
            <v>Meals/Travel</v>
          </cell>
          <cell r="H613" t="str">
            <v>Engineering Support</v>
          </cell>
          <cell r="I613" t="str">
            <v>Asset Programs</v>
          </cell>
          <cell r="K613">
            <v>646</v>
          </cell>
          <cell r="M613">
            <v>0</v>
          </cell>
          <cell r="N613">
            <v>4211</v>
          </cell>
          <cell r="O613">
            <v>-4211</v>
          </cell>
          <cell r="P613">
            <v>0</v>
          </cell>
          <cell r="Q613">
            <v>0</v>
          </cell>
          <cell r="R613">
            <v>0</v>
          </cell>
          <cell r="S613">
            <v>0</v>
          </cell>
        </row>
        <row r="614">
          <cell r="B614">
            <v>1</v>
          </cell>
          <cell r="C614" t="str">
            <v>Capital</v>
          </cell>
          <cell r="D614" t="str">
            <v>Program</v>
          </cell>
          <cell r="E614" t="str">
            <v>SI-Maintain Sys Reliability</v>
          </cell>
          <cell r="G614" t="str">
            <v>Materials</v>
          </cell>
          <cell r="H614" t="str">
            <v>Engineering Support</v>
          </cell>
          <cell r="I614" t="str">
            <v>Asset Programs</v>
          </cell>
          <cell r="K614">
            <v>206988</v>
          </cell>
          <cell r="M614">
            <v>298197</v>
          </cell>
          <cell r="N614">
            <v>684861</v>
          </cell>
          <cell r="O614">
            <v>-386665</v>
          </cell>
          <cell r="P614">
            <v>935924</v>
          </cell>
          <cell r="Q614">
            <v>935924</v>
          </cell>
          <cell r="R614">
            <v>935924</v>
          </cell>
          <cell r="S614">
            <v>0</v>
          </cell>
        </row>
        <row r="615">
          <cell r="B615">
            <v>1</v>
          </cell>
          <cell r="C615" t="str">
            <v>Capital</v>
          </cell>
          <cell r="D615" t="str">
            <v>Program</v>
          </cell>
          <cell r="E615" t="str">
            <v>SI-Maintain Sys Reliability</v>
          </cell>
          <cell r="G615" t="str">
            <v>Ciac</v>
          </cell>
          <cell r="H615" t="str">
            <v>Engineering Support</v>
          </cell>
          <cell r="I615" t="str">
            <v>Asset Programs</v>
          </cell>
          <cell r="K615">
            <v>-14</v>
          </cell>
          <cell r="M615">
            <v>0</v>
          </cell>
          <cell r="N615">
            <v>0</v>
          </cell>
          <cell r="O615">
            <v>0</v>
          </cell>
          <cell r="P615">
            <v>0</v>
          </cell>
          <cell r="Q615">
            <v>0</v>
          </cell>
          <cell r="R615">
            <v>0</v>
          </cell>
          <cell r="S615">
            <v>0</v>
          </cell>
        </row>
        <row r="616">
          <cell r="B616">
            <v>1</v>
          </cell>
          <cell r="C616" t="str">
            <v>Capital</v>
          </cell>
          <cell r="D616" t="str">
            <v>Program</v>
          </cell>
          <cell r="E616" t="str">
            <v>SI-Maintain Sys Reliability</v>
          </cell>
          <cell r="G616" t="str">
            <v>Other</v>
          </cell>
          <cell r="H616" t="str">
            <v>Engineering Support</v>
          </cell>
          <cell r="I616" t="str">
            <v>Asset Programs</v>
          </cell>
          <cell r="K616">
            <v>0</v>
          </cell>
          <cell r="M616">
            <v>0</v>
          </cell>
          <cell r="N616">
            <v>345</v>
          </cell>
          <cell r="O616">
            <v>-345</v>
          </cell>
          <cell r="P616">
            <v>0</v>
          </cell>
          <cell r="Q616">
            <v>0</v>
          </cell>
          <cell r="R616">
            <v>0</v>
          </cell>
          <cell r="S616">
            <v>0</v>
          </cell>
        </row>
        <row r="617">
          <cell r="B617">
            <v>1</v>
          </cell>
          <cell r="C617" t="str">
            <v>Capital</v>
          </cell>
          <cell r="D617" t="str">
            <v>Program</v>
          </cell>
          <cell r="E617" t="str">
            <v>Stub Pole Removal</v>
          </cell>
          <cell r="G617" t="str">
            <v>Company Labor</v>
          </cell>
          <cell r="H617" t="str">
            <v>Components and Process Engineering</v>
          </cell>
          <cell r="I617" t="str">
            <v>Pole Program</v>
          </cell>
          <cell r="K617">
            <v>514</v>
          </cell>
          <cell r="M617">
            <v>32252</v>
          </cell>
          <cell r="N617">
            <v>4540</v>
          </cell>
          <cell r="O617">
            <v>27712</v>
          </cell>
          <cell r="P617">
            <v>89590</v>
          </cell>
          <cell r="Q617">
            <v>89590</v>
          </cell>
          <cell r="R617">
            <v>89590</v>
          </cell>
          <cell r="S617">
            <v>0</v>
          </cell>
        </row>
        <row r="618">
          <cell r="B618">
            <v>1</v>
          </cell>
          <cell r="C618" t="str">
            <v>Capital</v>
          </cell>
          <cell r="D618" t="str">
            <v>Program</v>
          </cell>
          <cell r="E618" t="str">
            <v>Stub Pole Removal</v>
          </cell>
          <cell r="G618" t="str">
            <v>Company Labor</v>
          </cell>
          <cell r="H618" t="str">
            <v>Components and Process Engineering</v>
          </cell>
          <cell r="I618" t="str">
            <v>Pole Program</v>
          </cell>
          <cell r="K618">
            <v>326</v>
          </cell>
          <cell r="M618">
            <v>20222</v>
          </cell>
          <cell r="N618">
            <v>2911</v>
          </cell>
          <cell r="O618">
            <v>17310</v>
          </cell>
          <cell r="P618">
            <v>56173</v>
          </cell>
          <cell r="Q618">
            <v>56173</v>
          </cell>
          <cell r="R618">
            <v>56173</v>
          </cell>
          <cell r="S618">
            <v>0</v>
          </cell>
        </row>
        <row r="619">
          <cell r="B619">
            <v>1</v>
          </cell>
          <cell r="C619" t="str">
            <v>Capital</v>
          </cell>
          <cell r="D619" t="str">
            <v>Program</v>
          </cell>
          <cell r="E619" t="str">
            <v>Stub Pole Removal</v>
          </cell>
          <cell r="G619" t="str">
            <v>Company Labor</v>
          </cell>
          <cell r="H619" t="str">
            <v>Components and Process Engineering</v>
          </cell>
          <cell r="I619" t="str">
            <v>Pole Program</v>
          </cell>
          <cell r="K619">
            <v>24</v>
          </cell>
          <cell r="M619">
            <v>0</v>
          </cell>
          <cell r="N619">
            <v>355</v>
          </cell>
          <cell r="O619">
            <v>-355</v>
          </cell>
          <cell r="P619">
            <v>0</v>
          </cell>
          <cell r="Q619">
            <v>0</v>
          </cell>
          <cell r="R619">
            <v>0</v>
          </cell>
          <cell r="S619">
            <v>0</v>
          </cell>
        </row>
        <row r="620">
          <cell r="B620">
            <v>1</v>
          </cell>
          <cell r="C620" t="str">
            <v>Capital</v>
          </cell>
          <cell r="D620" t="str">
            <v>Program</v>
          </cell>
          <cell r="E620" t="str">
            <v>Stub Pole Removal</v>
          </cell>
          <cell r="G620" t="str">
            <v>Contract Labor</v>
          </cell>
          <cell r="H620" t="str">
            <v>Components and Process Engineering</v>
          </cell>
          <cell r="I620" t="str">
            <v>Pole Program</v>
          </cell>
          <cell r="K620">
            <v>89926</v>
          </cell>
          <cell r="M620">
            <v>442260</v>
          </cell>
          <cell r="N620">
            <v>383870</v>
          </cell>
          <cell r="O620">
            <v>58390</v>
          </cell>
          <cell r="P620">
            <v>1228500</v>
          </cell>
          <cell r="Q620">
            <v>1228500</v>
          </cell>
          <cell r="R620">
            <v>1228500</v>
          </cell>
          <cell r="S620">
            <v>0</v>
          </cell>
        </row>
        <row r="621">
          <cell r="B621">
            <v>1</v>
          </cell>
          <cell r="C621" t="str">
            <v>Capital</v>
          </cell>
          <cell r="D621" t="str">
            <v>Program</v>
          </cell>
          <cell r="E621" t="str">
            <v>Stub Pole Removal</v>
          </cell>
          <cell r="G621" t="str">
            <v>Fleet</v>
          </cell>
          <cell r="H621" t="str">
            <v>Components and Process Engineering</v>
          </cell>
          <cell r="I621" t="str">
            <v>Pole Program</v>
          </cell>
          <cell r="K621">
            <v>54</v>
          </cell>
          <cell r="M621">
            <v>0</v>
          </cell>
          <cell r="N621">
            <v>814</v>
          </cell>
          <cell r="O621">
            <v>-814</v>
          </cell>
          <cell r="P621">
            <v>0</v>
          </cell>
          <cell r="Q621">
            <v>0</v>
          </cell>
          <cell r="R621">
            <v>0</v>
          </cell>
          <cell r="S621">
            <v>0</v>
          </cell>
        </row>
        <row r="622">
          <cell r="B622">
            <v>1</v>
          </cell>
          <cell r="C622" t="str">
            <v>Capital</v>
          </cell>
          <cell r="D622" t="str">
            <v>Program</v>
          </cell>
          <cell r="E622" t="str">
            <v>Stub Pole Removal</v>
          </cell>
          <cell r="G622" t="str">
            <v>Meals/Travel</v>
          </cell>
          <cell r="H622" t="str">
            <v>Components and Process Engineering</v>
          </cell>
          <cell r="I622" t="str">
            <v>Pole Program</v>
          </cell>
          <cell r="K622">
            <v>0</v>
          </cell>
          <cell r="M622">
            <v>0</v>
          </cell>
          <cell r="N622">
            <v>14</v>
          </cell>
          <cell r="O622">
            <v>-14</v>
          </cell>
          <cell r="P622">
            <v>0</v>
          </cell>
          <cell r="Q622">
            <v>0</v>
          </cell>
          <cell r="R622">
            <v>0</v>
          </cell>
          <cell r="S622">
            <v>0</v>
          </cell>
        </row>
        <row r="623">
          <cell r="B623">
            <v>1</v>
          </cell>
          <cell r="C623" t="str">
            <v>Capital</v>
          </cell>
          <cell r="D623" t="str">
            <v>Program</v>
          </cell>
          <cell r="E623" t="str">
            <v>Stub Pole Removal</v>
          </cell>
          <cell r="G623" t="str">
            <v>Materials</v>
          </cell>
          <cell r="H623" t="str">
            <v>Components and Process Engineering</v>
          </cell>
          <cell r="I623" t="str">
            <v>Pole Program</v>
          </cell>
          <cell r="K623">
            <v>0</v>
          </cell>
          <cell r="M623">
            <v>0</v>
          </cell>
          <cell r="N623">
            <v>187</v>
          </cell>
          <cell r="O623">
            <v>-187</v>
          </cell>
          <cell r="P623">
            <v>0</v>
          </cell>
          <cell r="Q623">
            <v>0</v>
          </cell>
          <cell r="R623">
            <v>0</v>
          </cell>
          <cell r="S623">
            <v>0</v>
          </cell>
        </row>
        <row r="624">
          <cell r="B624">
            <v>1</v>
          </cell>
          <cell r="C624" t="str">
            <v>Capital</v>
          </cell>
          <cell r="D624" t="str">
            <v>Program</v>
          </cell>
          <cell r="E624" t="str">
            <v>UG Cable Replacement</v>
          </cell>
          <cell r="G624" t="str">
            <v>Company Labor</v>
          </cell>
          <cell r="H624" t="str">
            <v>Components and Process Engineering</v>
          </cell>
          <cell r="I624" t="str">
            <v>UG Cable Replacement</v>
          </cell>
          <cell r="K624">
            <v>52652</v>
          </cell>
          <cell r="M624">
            <v>632207</v>
          </cell>
          <cell r="N624">
            <v>242643</v>
          </cell>
          <cell r="O624">
            <v>389564</v>
          </cell>
          <cell r="P624">
            <v>1448433</v>
          </cell>
          <cell r="Q624">
            <v>1448433</v>
          </cell>
          <cell r="R624">
            <v>1448433</v>
          </cell>
          <cell r="S624">
            <v>0</v>
          </cell>
        </row>
        <row r="625">
          <cell r="B625">
            <v>1</v>
          </cell>
          <cell r="C625" t="str">
            <v>Capital</v>
          </cell>
          <cell r="D625" t="str">
            <v>Program</v>
          </cell>
          <cell r="E625" t="str">
            <v>UG Cable Replacement</v>
          </cell>
          <cell r="G625" t="str">
            <v>Company Labor</v>
          </cell>
          <cell r="H625" t="str">
            <v>Components and Process Engineering</v>
          </cell>
          <cell r="I625" t="str">
            <v>UG Cable Replacement</v>
          </cell>
          <cell r="K625">
            <v>34907</v>
          </cell>
          <cell r="M625">
            <v>396394</v>
          </cell>
          <cell r="N625">
            <v>159045</v>
          </cell>
          <cell r="O625">
            <v>237349</v>
          </cell>
          <cell r="P625">
            <v>908168</v>
          </cell>
          <cell r="Q625">
            <v>908168</v>
          </cell>
          <cell r="R625">
            <v>908168</v>
          </cell>
          <cell r="S625">
            <v>0</v>
          </cell>
        </row>
        <row r="626">
          <cell r="B626">
            <v>1</v>
          </cell>
          <cell r="C626" t="str">
            <v>Capital</v>
          </cell>
          <cell r="D626" t="str">
            <v>Program</v>
          </cell>
          <cell r="E626" t="str">
            <v>UG Cable Replacement</v>
          </cell>
          <cell r="G626" t="str">
            <v>Company Labor</v>
          </cell>
          <cell r="H626" t="str">
            <v>Components and Process Engineering</v>
          </cell>
          <cell r="I626" t="str">
            <v>UG Cable Replacement</v>
          </cell>
          <cell r="K626">
            <v>10405</v>
          </cell>
          <cell r="M626">
            <v>0</v>
          </cell>
          <cell r="N626">
            <v>37926</v>
          </cell>
          <cell r="O626">
            <v>-37926</v>
          </cell>
          <cell r="P626">
            <v>0</v>
          </cell>
          <cell r="Q626">
            <v>0</v>
          </cell>
          <cell r="R626">
            <v>0</v>
          </cell>
          <cell r="S626">
            <v>0</v>
          </cell>
        </row>
        <row r="627">
          <cell r="B627">
            <v>1</v>
          </cell>
          <cell r="C627" t="str">
            <v>Capital</v>
          </cell>
          <cell r="D627" t="str">
            <v>Program</v>
          </cell>
          <cell r="E627" t="str">
            <v>UG Cable Replacement</v>
          </cell>
          <cell r="G627" t="str">
            <v>Contract Labor</v>
          </cell>
          <cell r="H627" t="str">
            <v>Components and Process Engineering</v>
          </cell>
          <cell r="I627" t="str">
            <v>UG Cable Replacement</v>
          </cell>
          <cell r="K627">
            <v>1245874</v>
          </cell>
          <cell r="M627">
            <v>3585265</v>
          </cell>
          <cell r="N627">
            <v>4043092</v>
          </cell>
          <cell r="O627">
            <v>-457827</v>
          </cell>
          <cell r="P627">
            <v>9402950</v>
          </cell>
          <cell r="Q627">
            <v>8652950</v>
          </cell>
          <cell r="R627">
            <v>8652950</v>
          </cell>
          <cell r="S627">
            <v>0</v>
          </cell>
        </row>
        <row r="628">
          <cell r="B628">
            <v>1</v>
          </cell>
          <cell r="C628" t="str">
            <v>Capital</v>
          </cell>
          <cell r="D628" t="str">
            <v>Program</v>
          </cell>
          <cell r="E628" t="str">
            <v>UG Cable Replacement</v>
          </cell>
          <cell r="G628" t="str">
            <v>Fleet</v>
          </cell>
          <cell r="H628" t="str">
            <v>Components and Process Engineering</v>
          </cell>
          <cell r="I628" t="str">
            <v>UG Cable Replacement</v>
          </cell>
          <cell r="K628">
            <v>18006</v>
          </cell>
          <cell r="M628">
            <v>308270</v>
          </cell>
          <cell r="N628">
            <v>98359</v>
          </cell>
          <cell r="O628">
            <v>209911</v>
          </cell>
          <cell r="P628">
            <v>639372</v>
          </cell>
          <cell r="Q628">
            <v>639372</v>
          </cell>
          <cell r="R628">
            <v>639372</v>
          </cell>
          <cell r="S628">
            <v>0</v>
          </cell>
        </row>
        <row r="629">
          <cell r="B629">
            <v>1</v>
          </cell>
          <cell r="C629" t="str">
            <v>Capital</v>
          </cell>
          <cell r="D629" t="str">
            <v>Program</v>
          </cell>
          <cell r="E629" t="str">
            <v>UG Cable Replacement</v>
          </cell>
          <cell r="G629" t="str">
            <v>Meals/Travel</v>
          </cell>
          <cell r="H629" t="str">
            <v>Components and Process Engineering</v>
          </cell>
          <cell r="I629" t="str">
            <v>UG Cable Replacement</v>
          </cell>
          <cell r="K629">
            <v>201</v>
          </cell>
          <cell r="M629">
            <v>0</v>
          </cell>
          <cell r="N629">
            <v>768</v>
          </cell>
          <cell r="O629">
            <v>-768</v>
          </cell>
          <cell r="P629">
            <v>0</v>
          </cell>
          <cell r="Q629">
            <v>0</v>
          </cell>
          <cell r="R629">
            <v>0</v>
          </cell>
          <cell r="S629">
            <v>0</v>
          </cell>
        </row>
        <row r="630">
          <cell r="B630">
            <v>1</v>
          </cell>
          <cell r="C630" t="str">
            <v>Capital</v>
          </cell>
          <cell r="D630" t="str">
            <v>Program</v>
          </cell>
          <cell r="E630" t="str">
            <v>UG Cable Replacement</v>
          </cell>
          <cell r="G630" t="str">
            <v>Materials</v>
          </cell>
          <cell r="H630" t="str">
            <v>Components and Process Engineering</v>
          </cell>
          <cell r="I630" t="str">
            <v>UG Cable Replacement</v>
          </cell>
          <cell r="K630">
            <v>92107</v>
          </cell>
          <cell r="M630">
            <v>1028772</v>
          </cell>
          <cell r="N630">
            <v>535954</v>
          </cell>
          <cell r="O630">
            <v>492818</v>
          </cell>
          <cell r="P630">
            <v>2470203</v>
          </cell>
          <cell r="Q630">
            <v>2470203</v>
          </cell>
          <cell r="R630">
            <v>2470203</v>
          </cell>
          <cell r="S630">
            <v>0</v>
          </cell>
        </row>
        <row r="631">
          <cell r="B631">
            <v>1</v>
          </cell>
          <cell r="C631" t="str">
            <v>Capital</v>
          </cell>
          <cell r="D631" t="str">
            <v>Program</v>
          </cell>
          <cell r="E631" t="str">
            <v>UG Cable Replacement</v>
          </cell>
          <cell r="G631" t="str">
            <v>Ciac</v>
          </cell>
          <cell r="H631" t="str">
            <v>Components and Process Engineering</v>
          </cell>
          <cell r="I631" t="str">
            <v>UG Cable Replacement</v>
          </cell>
          <cell r="K631">
            <v>0</v>
          </cell>
          <cell r="M631">
            <v>0</v>
          </cell>
          <cell r="N631">
            <v>-2300</v>
          </cell>
          <cell r="O631">
            <v>2300</v>
          </cell>
          <cell r="P631">
            <v>0</v>
          </cell>
          <cell r="Q631">
            <v>0</v>
          </cell>
          <cell r="R631">
            <v>0</v>
          </cell>
          <cell r="S631">
            <v>0</v>
          </cell>
        </row>
        <row r="632">
          <cell r="B632">
            <v>1</v>
          </cell>
          <cell r="C632" t="str">
            <v>Capital</v>
          </cell>
          <cell r="D632" t="str">
            <v>Program</v>
          </cell>
          <cell r="E632" t="str">
            <v>UG Cable Replacement</v>
          </cell>
          <cell r="G632" t="str">
            <v>Other</v>
          </cell>
          <cell r="H632" t="str">
            <v>Components and Process Engineering</v>
          </cell>
          <cell r="I632" t="str">
            <v>UG Cable Replacement</v>
          </cell>
          <cell r="K632">
            <v>0</v>
          </cell>
          <cell r="M632">
            <v>0</v>
          </cell>
          <cell r="N632">
            <v>866</v>
          </cell>
          <cell r="O632">
            <v>-866</v>
          </cell>
          <cell r="P632">
            <v>0</v>
          </cell>
          <cell r="Q632">
            <v>0</v>
          </cell>
          <cell r="R632">
            <v>0</v>
          </cell>
          <cell r="S632">
            <v>0</v>
          </cell>
        </row>
        <row r="633">
          <cell r="E633">
            <v>0</v>
          </cell>
          <cell r="H633">
            <v>0</v>
          </cell>
          <cell r="I633">
            <v>0</v>
          </cell>
          <cell r="M633">
            <v>0</v>
          </cell>
          <cell r="Q633">
            <v>0</v>
          </cell>
        </row>
        <row r="634">
          <cell r="E634">
            <v>0</v>
          </cell>
          <cell r="H634">
            <v>0</v>
          </cell>
          <cell r="I634">
            <v>0</v>
          </cell>
          <cell r="M634">
            <v>0</v>
          </cell>
          <cell r="Q634">
            <v>0</v>
          </cell>
        </row>
        <row r="635">
          <cell r="E635">
            <v>0</v>
          </cell>
          <cell r="H635">
            <v>0</v>
          </cell>
          <cell r="I635">
            <v>0</v>
          </cell>
          <cell r="M635">
            <v>0</v>
          </cell>
          <cell r="Q635">
            <v>0</v>
          </cell>
        </row>
        <row r="636">
          <cell r="E636">
            <v>0</v>
          </cell>
          <cell r="H636">
            <v>0</v>
          </cell>
          <cell r="I636">
            <v>0</v>
          </cell>
          <cell r="M636">
            <v>0</v>
          </cell>
          <cell r="Q636">
            <v>0</v>
          </cell>
        </row>
        <row r="637">
          <cell r="E637">
            <v>0</v>
          </cell>
          <cell r="H637">
            <v>0</v>
          </cell>
          <cell r="I637">
            <v>0</v>
          </cell>
          <cell r="M637">
            <v>0</v>
          </cell>
          <cell r="Q637">
            <v>0</v>
          </cell>
        </row>
        <row r="638">
          <cell r="E638">
            <v>0</v>
          </cell>
          <cell r="H638">
            <v>0</v>
          </cell>
          <cell r="I638">
            <v>0</v>
          </cell>
          <cell r="M638">
            <v>0</v>
          </cell>
          <cell r="Q638">
            <v>0</v>
          </cell>
        </row>
        <row r="639">
          <cell r="E639">
            <v>0</v>
          </cell>
          <cell r="H639">
            <v>0</v>
          </cell>
          <cell r="I639">
            <v>0</v>
          </cell>
          <cell r="M639">
            <v>0</v>
          </cell>
          <cell r="Q639">
            <v>0</v>
          </cell>
        </row>
        <row r="640">
          <cell r="E640">
            <v>0</v>
          </cell>
          <cell r="H640">
            <v>0</v>
          </cell>
          <cell r="I640">
            <v>0</v>
          </cell>
          <cell r="M640">
            <v>0</v>
          </cell>
          <cell r="Q640">
            <v>0</v>
          </cell>
        </row>
        <row r="641">
          <cell r="E641">
            <v>0</v>
          </cell>
          <cell r="H641">
            <v>0</v>
          </cell>
          <cell r="I641">
            <v>0</v>
          </cell>
          <cell r="M641">
            <v>0</v>
          </cell>
          <cell r="Q641">
            <v>0</v>
          </cell>
        </row>
        <row r="642">
          <cell r="E642">
            <v>0</v>
          </cell>
          <cell r="H642">
            <v>0</v>
          </cell>
          <cell r="I642">
            <v>0</v>
          </cell>
          <cell r="M642">
            <v>0</v>
          </cell>
          <cell r="Q642">
            <v>0</v>
          </cell>
        </row>
        <row r="643">
          <cell r="E643">
            <v>0</v>
          </cell>
          <cell r="H643">
            <v>0</v>
          </cell>
          <cell r="I643">
            <v>0</v>
          </cell>
          <cell r="M643">
            <v>0</v>
          </cell>
          <cell r="Q643">
            <v>0</v>
          </cell>
        </row>
        <row r="644">
          <cell r="E644">
            <v>0</v>
          </cell>
          <cell r="H644">
            <v>0</v>
          </cell>
          <cell r="I644">
            <v>0</v>
          </cell>
          <cell r="M644">
            <v>0</v>
          </cell>
          <cell r="Q644">
            <v>0</v>
          </cell>
        </row>
        <row r="645">
          <cell r="E645">
            <v>0</v>
          </cell>
          <cell r="H645">
            <v>0</v>
          </cell>
          <cell r="I645">
            <v>0</v>
          </cell>
          <cell r="M645">
            <v>0</v>
          </cell>
          <cell r="Q645">
            <v>0</v>
          </cell>
        </row>
        <row r="646">
          <cell r="E646">
            <v>0</v>
          </cell>
          <cell r="H646">
            <v>0</v>
          </cell>
          <cell r="I646">
            <v>0</v>
          </cell>
          <cell r="M646">
            <v>0</v>
          </cell>
          <cell r="Q646">
            <v>0</v>
          </cell>
        </row>
        <row r="647">
          <cell r="E647">
            <v>0</v>
          </cell>
          <cell r="H647">
            <v>0</v>
          </cell>
          <cell r="I647">
            <v>0</v>
          </cell>
          <cell r="M647">
            <v>0</v>
          </cell>
          <cell r="Q647">
            <v>0</v>
          </cell>
        </row>
        <row r="648">
          <cell r="E648">
            <v>0</v>
          </cell>
          <cell r="H648">
            <v>0</v>
          </cell>
          <cell r="I648">
            <v>0</v>
          </cell>
          <cell r="M648">
            <v>0</v>
          </cell>
          <cell r="Q648">
            <v>0</v>
          </cell>
        </row>
        <row r="649">
          <cell r="E649">
            <v>0</v>
          </cell>
          <cell r="H649">
            <v>0</v>
          </cell>
          <cell r="I649">
            <v>0</v>
          </cell>
          <cell r="M649">
            <v>0</v>
          </cell>
          <cell r="Q649">
            <v>0</v>
          </cell>
        </row>
        <row r="650">
          <cell r="E650">
            <v>0</v>
          </cell>
          <cell r="H650">
            <v>0</v>
          </cell>
          <cell r="I650">
            <v>0</v>
          </cell>
          <cell r="M650">
            <v>0</v>
          </cell>
          <cell r="Q650">
            <v>0</v>
          </cell>
        </row>
        <row r="651">
          <cell r="E651">
            <v>0</v>
          </cell>
          <cell r="H651">
            <v>0</v>
          </cell>
          <cell r="I651">
            <v>0</v>
          </cell>
          <cell r="M651">
            <v>0</v>
          </cell>
          <cell r="Q651">
            <v>0</v>
          </cell>
        </row>
        <row r="652">
          <cell r="E652">
            <v>0</v>
          </cell>
          <cell r="H652">
            <v>0</v>
          </cell>
          <cell r="I652">
            <v>0</v>
          </cell>
          <cell r="M652">
            <v>0</v>
          </cell>
          <cell r="Q652">
            <v>0</v>
          </cell>
        </row>
        <row r="653">
          <cell r="E653">
            <v>0</v>
          </cell>
          <cell r="H653">
            <v>0</v>
          </cell>
          <cell r="I653">
            <v>0</v>
          </cell>
          <cell r="M653">
            <v>0</v>
          </cell>
          <cell r="Q653">
            <v>0</v>
          </cell>
        </row>
        <row r="654">
          <cell r="E654">
            <v>0</v>
          </cell>
          <cell r="H654">
            <v>0</v>
          </cell>
          <cell r="I654">
            <v>0</v>
          </cell>
          <cell r="M654">
            <v>0</v>
          </cell>
          <cell r="Q654">
            <v>0</v>
          </cell>
        </row>
        <row r="655">
          <cell r="E655">
            <v>0</v>
          </cell>
          <cell r="H655">
            <v>0</v>
          </cell>
          <cell r="I655">
            <v>0</v>
          </cell>
          <cell r="M655">
            <v>0</v>
          </cell>
          <cell r="Q655">
            <v>0</v>
          </cell>
        </row>
        <row r="656">
          <cell r="E656">
            <v>0</v>
          </cell>
          <cell r="H656">
            <v>0</v>
          </cell>
          <cell r="I656">
            <v>0</v>
          </cell>
          <cell r="M656">
            <v>0</v>
          </cell>
          <cell r="Q656">
            <v>0</v>
          </cell>
        </row>
        <row r="657">
          <cell r="E657">
            <v>0</v>
          </cell>
          <cell r="H657">
            <v>0</v>
          </cell>
          <cell r="I657">
            <v>0</v>
          </cell>
          <cell r="M657">
            <v>0</v>
          </cell>
          <cell r="Q657">
            <v>0</v>
          </cell>
        </row>
        <row r="658">
          <cell r="E658">
            <v>0</v>
          </cell>
          <cell r="H658">
            <v>0</v>
          </cell>
          <cell r="I658">
            <v>0</v>
          </cell>
          <cell r="M658">
            <v>0</v>
          </cell>
          <cell r="Q658">
            <v>0</v>
          </cell>
        </row>
        <row r="659">
          <cell r="E659">
            <v>0</v>
          </cell>
          <cell r="H659">
            <v>0</v>
          </cell>
          <cell r="I659">
            <v>0</v>
          </cell>
          <cell r="M659">
            <v>0</v>
          </cell>
          <cell r="Q659">
            <v>0</v>
          </cell>
        </row>
        <row r="660">
          <cell r="E660">
            <v>0</v>
          </cell>
          <cell r="H660">
            <v>0</v>
          </cell>
          <cell r="I660">
            <v>0</v>
          </cell>
          <cell r="M660">
            <v>0</v>
          </cell>
          <cell r="Q660">
            <v>0</v>
          </cell>
        </row>
        <row r="661">
          <cell r="E661">
            <v>0</v>
          </cell>
          <cell r="H661">
            <v>0</v>
          </cell>
          <cell r="I661">
            <v>0</v>
          </cell>
          <cell r="M661">
            <v>0</v>
          </cell>
          <cell r="Q661">
            <v>0</v>
          </cell>
        </row>
        <row r="662">
          <cell r="E662">
            <v>0</v>
          </cell>
          <cell r="H662">
            <v>0</v>
          </cell>
          <cell r="I662">
            <v>0</v>
          </cell>
          <cell r="M662">
            <v>0</v>
          </cell>
          <cell r="Q662">
            <v>0</v>
          </cell>
        </row>
        <row r="663">
          <cell r="E663">
            <v>0</v>
          </cell>
          <cell r="H663">
            <v>0</v>
          </cell>
          <cell r="I663">
            <v>0</v>
          </cell>
          <cell r="M663">
            <v>0</v>
          </cell>
          <cell r="Q663">
            <v>0</v>
          </cell>
        </row>
        <row r="664">
          <cell r="E664">
            <v>0</v>
          </cell>
          <cell r="H664">
            <v>0</v>
          </cell>
          <cell r="I664">
            <v>0</v>
          </cell>
          <cell r="M664">
            <v>0</v>
          </cell>
          <cell r="Q664">
            <v>0</v>
          </cell>
        </row>
        <row r="665">
          <cell r="E665">
            <v>0</v>
          </cell>
          <cell r="H665">
            <v>0</v>
          </cell>
          <cell r="I665">
            <v>0</v>
          </cell>
          <cell r="M665">
            <v>0</v>
          </cell>
          <cell r="Q665">
            <v>0</v>
          </cell>
        </row>
        <row r="666">
          <cell r="E666">
            <v>0</v>
          </cell>
          <cell r="H666">
            <v>0</v>
          </cell>
          <cell r="I666">
            <v>0</v>
          </cell>
          <cell r="M666">
            <v>0</v>
          </cell>
          <cell r="Q666">
            <v>0</v>
          </cell>
        </row>
        <row r="667">
          <cell r="E667">
            <v>0</v>
          </cell>
          <cell r="H667">
            <v>0</v>
          </cell>
          <cell r="I667">
            <v>0</v>
          </cell>
          <cell r="M667">
            <v>0</v>
          </cell>
          <cell r="Q667">
            <v>0</v>
          </cell>
        </row>
        <row r="668">
          <cell r="E668">
            <v>0</v>
          </cell>
          <cell r="H668">
            <v>0</v>
          </cell>
          <cell r="I668">
            <v>0</v>
          </cell>
          <cell r="M668">
            <v>0</v>
          </cell>
          <cell r="Q668">
            <v>0</v>
          </cell>
        </row>
        <row r="669">
          <cell r="E669">
            <v>0</v>
          </cell>
          <cell r="H669">
            <v>0</v>
          </cell>
          <cell r="I669">
            <v>0</v>
          </cell>
          <cell r="M669">
            <v>0</v>
          </cell>
          <cell r="Q669">
            <v>0</v>
          </cell>
        </row>
        <row r="670">
          <cell r="E670">
            <v>0</v>
          </cell>
          <cell r="H670">
            <v>0</v>
          </cell>
          <cell r="I670">
            <v>0</v>
          </cell>
          <cell r="M670">
            <v>0</v>
          </cell>
          <cell r="Q670">
            <v>0</v>
          </cell>
        </row>
        <row r="671">
          <cell r="E671">
            <v>0</v>
          </cell>
          <cell r="H671">
            <v>0</v>
          </cell>
          <cell r="I671">
            <v>0</v>
          </cell>
          <cell r="M671">
            <v>0</v>
          </cell>
          <cell r="Q671">
            <v>0</v>
          </cell>
        </row>
        <row r="672">
          <cell r="E672">
            <v>0</v>
          </cell>
          <cell r="H672">
            <v>0</v>
          </cell>
          <cell r="I672">
            <v>0</v>
          </cell>
          <cell r="M672">
            <v>0</v>
          </cell>
          <cell r="Q672">
            <v>0</v>
          </cell>
        </row>
        <row r="673">
          <cell r="E673">
            <v>0</v>
          </cell>
          <cell r="H673">
            <v>0</v>
          </cell>
          <cell r="I673">
            <v>0</v>
          </cell>
          <cell r="M673">
            <v>0</v>
          </cell>
          <cell r="Q673">
            <v>0</v>
          </cell>
        </row>
        <row r="674">
          <cell r="E674">
            <v>0</v>
          </cell>
          <cell r="H674">
            <v>0</v>
          </cell>
          <cell r="I674">
            <v>0</v>
          </cell>
          <cell r="M674">
            <v>0</v>
          </cell>
          <cell r="Q674">
            <v>0</v>
          </cell>
        </row>
        <row r="675">
          <cell r="E675">
            <v>0</v>
          </cell>
          <cell r="H675">
            <v>0</v>
          </cell>
          <cell r="I675">
            <v>0</v>
          </cell>
          <cell r="M675">
            <v>0</v>
          </cell>
          <cell r="Q675">
            <v>0</v>
          </cell>
        </row>
        <row r="676">
          <cell r="E676">
            <v>0</v>
          </cell>
          <cell r="H676">
            <v>0</v>
          </cell>
          <cell r="I676">
            <v>0</v>
          </cell>
          <cell r="M676">
            <v>0</v>
          </cell>
          <cell r="Q676">
            <v>0</v>
          </cell>
        </row>
        <row r="677">
          <cell r="E677">
            <v>0</v>
          </cell>
          <cell r="H677">
            <v>0</v>
          </cell>
          <cell r="I677">
            <v>0</v>
          </cell>
          <cell r="M677">
            <v>0</v>
          </cell>
          <cell r="Q677">
            <v>0</v>
          </cell>
        </row>
        <row r="678">
          <cell r="E678">
            <v>0</v>
          </cell>
          <cell r="H678">
            <v>0</v>
          </cell>
          <cell r="I678">
            <v>0</v>
          </cell>
          <cell r="M678">
            <v>0</v>
          </cell>
          <cell r="Q678">
            <v>0</v>
          </cell>
        </row>
        <row r="679">
          <cell r="E679">
            <v>0</v>
          </cell>
          <cell r="H679">
            <v>0</v>
          </cell>
          <cell r="I679">
            <v>0</v>
          </cell>
          <cell r="M679">
            <v>0</v>
          </cell>
          <cell r="Q679">
            <v>0</v>
          </cell>
        </row>
        <row r="680">
          <cell r="E680">
            <v>0</v>
          </cell>
          <cell r="H680">
            <v>0</v>
          </cell>
          <cell r="I680">
            <v>0</v>
          </cell>
          <cell r="M680">
            <v>0</v>
          </cell>
          <cell r="Q680">
            <v>0</v>
          </cell>
        </row>
        <row r="681">
          <cell r="E681">
            <v>0</v>
          </cell>
          <cell r="H681">
            <v>0</v>
          </cell>
          <cell r="I681">
            <v>0</v>
          </cell>
          <cell r="M681">
            <v>0</v>
          </cell>
          <cell r="Q681">
            <v>0</v>
          </cell>
        </row>
        <row r="682">
          <cell r="E682">
            <v>0</v>
          </cell>
          <cell r="H682">
            <v>0</v>
          </cell>
          <cell r="I682">
            <v>0</v>
          </cell>
          <cell r="M682">
            <v>0</v>
          </cell>
          <cell r="Q682">
            <v>0</v>
          </cell>
        </row>
        <row r="683">
          <cell r="E683">
            <v>0</v>
          </cell>
          <cell r="H683">
            <v>0</v>
          </cell>
          <cell r="I683">
            <v>0</v>
          </cell>
          <cell r="M683">
            <v>0</v>
          </cell>
          <cell r="Q683">
            <v>0</v>
          </cell>
        </row>
        <row r="684">
          <cell r="E684">
            <v>0</v>
          </cell>
          <cell r="H684">
            <v>0</v>
          </cell>
          <cell r="I684">
            <v>0</v>
          </cell>
          <cell r="M684">
            <v>0</v>
          </cell>
          <cell r="Q684">
            <v>0</v>
          </cell>
        </row>
        <row r="685">
          <cell r="E685">
            <v>0</v>
          </cell>
          <cell r="H685">
            <v>0</v>
          </cell>
          <cell r="I685">
            <v>0</v>
          </cell>
          <cell r="M685">
            <v>0</v>
          </cell>
          <cell r="Q685">
            <v>0</v>
          </cell>
        </row>
        <row r="686">
          <cell r="E686">
            <v>0</v>
          </cell>
          <cell r="H686">
            <v>0</v>
          </cell>
          <cell r="I686">
            <v>0</v>
          </cell>
          <cell r="M686">
            <v>0</v>
          </cell>
          <cell r="Q686">
            <v>0</v>
          </cell>
        </row>
        <row r="687">
          <cell r="E687">
            <v>0</v>
          </cell>
          <cell r="H687">
            <v>0</v>
          </cell>
          <cell r="I687">
            <v>0</v>
          </cell>
          <cell r="M687">
            <v>0</v>
          </cell>
          <cell r="Q687">
            <v>0</v>
          </cell>
        </row>
        <row r="688">
          <cell r="E688">
            <v>0</v>
          </cell>
          <cell r="H688">
            <v>0</v>
          </cell>
          <cell r="I688">
            <v>0</v>
          </cell>
          <cell r="M688">
            <v>0</v>
          </cell>
          <cell r="Q688">
            <v>0</v>
          </cell>
        </row>
        <row r="689">
          <cell r="E689">
            <v>0</v>
          </cell>
          <cell r="H689">
            <v>0</v>
          </cell>
          <cell r="I689">
            <v>0</v>
          </cell>
          <cell r="M689">
            <v>0</v>
          </cell>
          <cell r="Q689">
            <v>0</v>
          </cell>
        </row>
        <row r="690">
          <cell r="E690">
            <v>0</v>
          </cell>
          <cell r="H690">
            <v>0</v>
          </cell>
          <cell r="I690">
            <v>0</v>
          </cell>
          <cell r="M690">
            <v>0</v>
          </cell>
          <cell r="Q690">
            <v>0</v>
          </cell>
        </row>
        <row r="691">
          <cell r="E691">
            <v>0</v>
          </cell>
          <cell r="H691">
            <v>0</v>
          </cell>
          <cell r="I691">
            <v>0</v>
          </cell>
          <cell r="M691">
            <v>0</v>
          </cell>
          <cell r="Q691">
            <v>0</v>
          </cell>
        </row>
        <row r="692">
          <cell r="E692">
            <v>0</v>
          </cell>
          <cell r="H692">
            <v>0</v>
          </cell>
          <cell r="I692">
            <v>0</v>
          </cell>
          <cell r="M692">
            <v>0</v>
          </cell>
          <cell r="Q692">
            <v>0</v>
          </cell>
        </row>
        <row r="693">
          <cell r="E693">
            <v>0</v>
          </cell>
          <cell r="H693">
            <v>0</v>
          </cell>
          <cell r="I693">
            <v>0</v>
          </cell>
          <cell r="M693">
            <v>0</v>
          </cell>
          <cell r="Q693">
            <v>0</v>
          </cell>
        </row>
        <row r="694">
          <cell r="E694">
            <v>0</v>
          </cell>
          <cell r="H694">
            <v>0</v>
          </cell>
          <cell r="I694">
            <v>0</v>
          </cell>
          <cell r="M694">
            <v>0</v>
          </cell>
          <cell r="Q694">
            <v>0</v>
          </cell>
        </row>
        <row r="695">
          <cell r="E695">
            <v>0</v>
          </cell>
          <cell r="H695">
            <v>0</v>
          </cell>
          <cell r="I695">
            <v>0</v>
          </cell>
          <cell r="M695">
            <v>0</v>
          </cell>
          <cell r="Q695">
            <v>0</v>
          </cell>
        </row>
        <row r="696">
          <cell r="E696">
            <v>0</v>
          </cell>
          <cell r="H696">
            <v>0</v>
          </cell>
          <cell r="I696">
            <v>0</v>
          </cell>
          <cell r="M696">
            <v>0</v>
          </cell>
          <cell r="Q696">
            <v>0</v>
          </cell>
        </row>
        <row r="697">
          <cell r="E697">
            <v>0</v>
          </cell>
          <cell r="H697">
            <v>0</v>
          </cell>
          <cell r="I697">
            <v>0</v>
          </cell>
          <cell r="M697">
            <v>0</v>
          </cell>
          <cell r="Q697">
            <v>0</v>
          </cell>
        </row>
        <row r="698">
          <cell r="E698">
            <v>0</v>
          </cell>
          <cell r="H698">
            <v>0</v>
          </cell>
          <cell r="I698">
            <v>0</v>
          </cell>
          <cell r="M698">
            <v>0</v>
          </cell>
          <cell r="Q698">
            <v>0</v>
          </cell>
        </row>
        <row r="699">
          <cell r="E699">
            <v>0</v>
          </cell>
          <cell r="H699">
            <v>0</v>
          </cell>
          <cell r="I699">
            <v>0</v>
          </cell>
          <cell r="M699">
            <v>0</v>
          </cell>
          <cell r="Q699">
            <v>0</v>
          </cell>
        </row>
        <row r="700">
          <cell r="E700">
            <v>0</v>
          </cell>
          <cell r="H700">
            <v>0</v>
          </cell>
          <cell r="I700">
            <v>0</v>
          </cell>
          <cell r="M700">
            <v>0</v>
          </cell>
          <cell r="Q700">
            <v>0</v>
          </cell>
        </row>
        <row r="701">
          <cell r="E701">
            <v>0</v>
          </cell>
          <cell r="H701">
            <v>0</v>
          </cell>
          <cell r="I701">
            <v>0</v>
          </cell>
          <cell r="M701">
            <v>0</v>
          </cell>
          <cell r="Q701">
            <v>0</v>
          </cell>
        </row>
        <row r="702">
          <cell r="E702">
            <v>0</v>
          </cell>
          <cell r="H702">
            <v>0</v>
          </cell>
          <cell r="I702">
            <v>0</v>
          </cell>
          <cell r="M702">
            <v>0</v>
          </cell>
          <cell r="Q702">
            <v>0</v>
          </cell>
        </row>
        <row r="703">
          <cell r="E703">
            <v>0</v>
          </cell>
          <cell r="H703">
            <v>0</v>
          </cell>
          <cell r="I703">
            <v>0</v>
          </cell>
          <cell r="M703">
            <v>0</v>
          </cell>
          <cell r="Q703">
            <v>0</v>
          </cell>
        </row>
        <row r="704">
          <cell r="E704">
            <v>0</v>
          </cell>
          <cell r="H704">
            <v>0</v>
          </cell>
          <cell r="I704">
            <v>0</v>
          </cell>
          <cell r="M704">
            <v>0</v>
          </cell>
          <cell r="Q704">
            <v>0</v>
          </cell>
        </row>
        <row r="705">
          <cell r="E705">
            <v>0</v>
          </cell>
          <cell r="H705">
            <v>0</v>
          </cell>
          <cell r="I705">
            <v>0</v>
          </cell>
          <cell r="M705">
            <v>0</v>
          </cell>
          <cell r="Q705">
            <v>0</v>
          </cell>
        </row>
        <row r="706">
          <cell r="E706">
            <v>0</v>
          </cell>
          <cell r="H706">
            <v>0</v>
          </cell>
          <cell r="I706">
            <v>0</v>
          </cell>
          <cell r="M706">
            <v>0</v>
          </cell>
          <cell r="Q706">
            <v>0</v>
          </cell>
        </row>
        <row r="707">
          <cell r="E707">
            <v>0</v>
          </cell>
          <cell r="H707">
            <v>0</v>
          </cell>
          <cell r="I707">
            <v>0</v>
          </cell>
          <cell r="M707">
            <v>0</v>
          </cell>
          <cell r="Q707">
            <v>0</v>
          </cell>
        </row>
        <row r="708">
          <cell r="E708">
            <v>0</v>
          </cell>
          <cell r="H708">
            <v>0</v>
          </cell>
          <cell r="I708">
            <v>0</v>
          </cell>
          <cell r="M708">
            <v>0</v>
          </cell>
          <cell r="Q708">
            <v>0</v>
          </cell>
        </row>
        <row r="709">
          <cell r="E709">
            <v>0</v>
          </cell>
          <cell r="H709">
            <v>0</v>
          </cell>
          <cell r="I709">
            <v>0</v>
          </cell>
          <cell r="M709">
            <v>0</v>
          </cell>
          <cell r="Q709">
            <v>0</v>
          </cell>
        </row>
        <row r="710">
          <cell r="E710">
            <v>0</v>
          </cell>
          <cell r="H710">
            <v>0</v>
          </cell>
          <cell r="I710">
            <v>0</v>
          </cell>
          <cell r="M710">
            <v>0</v>
          </cell>
          <cell r="Q710">
            <v>0</v>
          </cell>
        </row>
        <row r="711">
          <cell r="E711">
            <v>0</v>
          </cell>
          <cell r="H711">
            <v>0</v>
          </cell>
          <cell r="I711">
            <v>0</v>
          </cell>
          <cell r="M711">
            <v>0</v>
          </cell>
          <cell r="Q711">
            <v>0</v>
          </cell>
        </row>
        <row r="712">
          <cell r="E712">
            <v>0</v>
          </cell>
          <cell r="H712">
            <v>0</v>
          </cell>
          <cell r="I712">
            <v>0</v>
          </cell>
          <cell r="M712">
            <v>0</v>
          </cell>
          <cell r="Q712">
            <v>0</v>
          </cell>
        </row>
        <row r="713">
          <cell r="E713">
            <v>0</v>
          </cell>
          <cell r="H713">
            <v>0</v>
          </cell>
          <cell r="I713">
            <v>0</v>
          </cell>
          <cell r="M713">
            <v>0</v>
          </cell>
          <cell r="Q713">
            <v>0</v>
          </cell>
        </row>
        <row r="714">
          <cell r="E714">
            <v>0</v>
          </cell>
          <cell r="H714">
            <v>0</v>
          </cell>
          <cell r="I714">
            <v>0</v>
          </cell>
          <cell r="M714">
            <v>0</v>
          </cell>
          <cell r="Q714">
            <v>0</v>
          </cell>
        </row>
        <row r="715">
          <cell r="E715">
            <v>0</v>
          </cell>
          <cell r="H715">
            <v>0</v>
          </cell>
          <cell r="I715">
            <v>0</v>
          </cell>
          <cell r="M715">
            <v>0</v>
          </cell>
          <cell r="Q715">
            <v>0</v>
          </cell>
        </row>
        <row r="716">
          <cell r="E716">
            <v>0</v>
          </cell>
          <cell r="H716">
            <v>0</v>
          </cell>
          <cell r="I716">
            <v>0</v>
          </cell>
          <cell r="M716">
            <v>0</v>
          </cell>
          <cell r="Q716">
            <v>0</v>
          </cell>
        </row>
        <row r="717">
          <cell r="E717">
            <v>0</v>
          </cell>
          <cell r="H717">
            <v>0</v>
          </cell>
          <cell r="I717">
            <v>0</v>
          </cell>
          <cell r="M717">
            <v>0</v>
          </cell>
          <cell r="Q717">
            <v>0</v>
          </cell>
        </row>
        <row r="718">
          <cell r="E718">
            <v>0</v>
          </cell>
          <cell r="H718">
            <v>0</v>
          </cell>
          <cell r="I718">
            <v>0</v>
          </cell>
          <cell r="M718">
            <v>0</v>
          </cell>
          <cell r="Q718">
            <v>0</v>
          </cell>
        </row>
        <row r="719">
          <cell r="E719">
            <v>0</v>
          </cell>
          <cell r="H719">
            <v>0</v>
          </cell>
          <cell r="I719">
            <v>0</v>
          </cell>
          <cell r="M719">
            <v>0</v>
          </cell>
          <cell r="Q719">
            <v>0</v>
          </cell>
        </row>
        <row r="720">
          <cell r="E720">
            <v>0</v>
          </cell>
          <cell r="H720">
            <v>0</v>
          </cell>
          <cell r="I720">
            <v>0</v>
          </cell>
          <cell r="M720">
            <v>0</v>
          </cell>
          <cell r="Q720">
            <v>0</v>
          </cell>
        </row>
        <row r="721">
          <cell r="E721">
            <v>0</v>
          </cell>
          <cell r="H721">
            <v>0</v>
          </cell>
          <cell r="I721">
            <v>0</v>
          </cell>
          <cell r="M721">
            <v>0</v>
          </cell>
          <cell r="Q721">
            <v>0</v>
          </cell>
        </row>
        <row r="722">
          <cell r="E722">
            <v>0</v>
          </cell>
          <cell r="H722">
            <v>0</v>
          </cell>
          <cell r="I722">
            <v>0</v>
          </cell>
          <cell r="M722">
            <v>0</v>
          </cell>
          <cell r="Q722">
            <v>0</v>
          </cell>
        </row>
        <row r="723">
          <cell r="E723">
            <v>0</v>
          </cell>
          <cell r="H723">
            <v>0</v>
          </cell>
          <cell r="I723">
            <v>0</v>
          </cell>
          <cell r="M723">
            <v>0</v>
          </cell>
          <cell r="Q723">
            <v>0</v>
          </cell>
        </row>
        <row r="724">
          <cell r="E724">
            <v>0</v>
          </cell>
          <cell r="H724">
            <v>0</v>
          </cell>
          <cell r="I724">
            <v>0</v>
          </cell>
          <cell r="M724">
            <v>0</v>
          </cell>
          <cell r="Q724">
            <v>0</v>
          </cell>
        </row>
        <row r="725">
          <cell r="E725">
            <v>0</v>
          </cell>
          <cell r="H725">
            <v>0</v>
          </cell>
          <cell r="I725">
            <v>0</v>
          </cell>
          <cell r="M725">
            <v>0</v>
          </cell>
          <cell r="Q725">
            <v>0</v>
          </cell>
        </row>
        <row r="726">
          <cell r="E726">
            <v>0</v>
          </cell>
          <cell r="H726">
            <v>0</v>
          </cell>
          <cell r="I726">
            <v>0</v>
          </cell>
          <cell r="M726">
            <v>0</v>
          </cell>
          <cell r="Q726">
            <v>0</v>
          </cell>
        </row>
        <row r="727">
          <cell r="E727">
            <v>0</v>
          </cell>
          <cell r="H727">
            <v>0</v>
          </cell>
          <cell r="I727">
            <v>0</v>
          </cell>
          <cell r="M727">
            <v>0</v>
          </cell>
          <cell r="Q727">
            <v>0</v>
          </cell>
        </row>
        <row r="728">
          <cell r="E728">
            <v>0</v>
          </cell>
          <cell r="H728">
            <v>0</v>
          </cell>
          <cell r="I728">
            <v>0</v>
          </cell>
          <cell r="M728">
            <v>0</v>
          </cell>
          <cell r="Q728">
            <v>0</v>
          </cell>
        </row>
        <row r="729">
          <cell r="E729">
            <v>0</v>
          </cell>
          <cell r="H729">
            <v>0</v>
          </cell>
          <cell r="I729">
            <v>0</v>
          </cell>
          <cell r="M729">
            <v>0</v>
          </cell>
          <cell r="Q729">
            <v>0</v>
          </cell>
        </row>
        <row r="730">
          <cell r="E730">
            <v>0</v>
          </cell>
          <cell r="H730">
            <v>0</v>
          </cell>
          <cell r="I730">
            <v>0</v>
          </cell>
          <cell r="M730">
            <v>0</v>
          </cell>
          <cell r="Q730">
            <v>0</v>
          </cell>
        </row>
        <row r="731">
          <cell r="E731">
            <v>0</v>
          </cell>
          <cell r="H731">
            <v>0</v>
          </cell>
          <cell r="I731">
            <v>0</v>
          </cell>
          <cell r="M731">
            <v>0</v>
          </cell>
          <cell r="Q731">
            <v>0</v>
          </cell>
        </row>
        <row r="732">
          <cell r="E732">
            <v>0</v>
          </cell>
          <cell r="H732">
            <v>0</v>
          </cell>
          <cell r="I732">
            <v>0</v>
          </cell>
          <cell r="M732">
            <v>0</v>
          </cell>
          <cell r="Q732">
            <v>0</v>
          </cell>
        </row>
        <row r="733">
          <cell r="E733">
            <v>0</v>
          </cell>
          <cell r="H733">
            <v>0</v>
          </cell>
          <cell r="I733">
            <v>0</v>
          </cell>
          <cell r="M733">
            <v>0</v>
          </cell>
          <cell r="Q733">
            <v>0</v>
          </cell>
        </row>
        <row r="734">
          <cell r="E734">
            <v>0</v>
          </cell>
          <cell r="H734">
            <v>0</v>
          </cell>
          <cell r="I734">
            <v>0</v>
          </cell>
          <cell r="M734">
            <v>0</v>
          </cell>
          <cell r="Q734">
            <v>0</v>
          </cell>
        </row>
        <row r="735">
          <cell r="E735">
            <v>0</v>
          </cell>
          <cell r="H735">
            <v>0</v>
          </cell>
          <cell r="I735">
            <v>0</v>
          </cell>
          <cell r="M735">
            <v>0</v>
          </cell>
          <cell r="Q735">
            <v>0</v>
          </cell>
        </row>
        <row r="736">
          <cell r="E736">
            <v>0</v>
          </cell>
          <cell r="H736">
            <v>0</v>
          </cell>
          <cell r="I736">
            <v>0</v>
          </cell>
          <cell r="M736">
            <v>0</v>
          </cell>
          <cell r="Q736">
            <v>0</v>
          </cell>
        </row>
        <row r="737">
          <cell r="E737">
            <v>0</v>
          </cell>
          <cell r="H737">
            <v>0</v>
          </cell>
          <cell r="I737">
            <v>0</v>
          </cell>
          <cell r="M737">
            <v>0</v>
          </cell>
          <cell r="Q737">
            <v>0</v>
          </cell>
        </row>
        <row r="738">
          <cell r="E738">
            <v>0</v>
          </cell>
          <cell r="H738">
            <v>0</v>
          </cell>
          <cell r="I738">
            <v>0</v>
          </cell>
          <cell r="M738">
            <v>0</v>
          </cell>
          <cell r="Q738">
            <v>0</v>
          </cell>
        </row>
        <row r="739">
          <cell r="E739">
            <v>0</v>
          </cell>
          <cell r="H739">
            <v>0</v>
          </cell>
          <cell r="I739">
            <v>0</v>
          </cell>
          <cell r="M739">
            <v>0</v>
          </cell>
          <cell r="Q739">
            <v>0</v>
          </cell>
        </row>
        <row r="740">
          <cell r="E740">
            <v>0</v>
          </cell>
          <cell r="H740">
            <v>0</v>
          </cell>
          <cell r="I740">
            <v>0</v>
          </cell>
          <cell r="M740">
            <v>0</v>
          </cell>
          <cell r="Q740">
            <v>0</v>
          </cell>
        </row>
        <row r="741">
          <cell r="E741">
            <v>0</v>
          </cell>
          <cell r="H741">
            <v>0</v>
          </cell>
          <cell r="I741">
            <v>0</v>
          </cell>
          <cell r="M741">
            <v>0</v>
          </cell>
          <cell r="Q741">
            <v>0</v>
          </cell>
        </row>
        <row r="742">
          <cell r="E742">
            <v>0</v>
          </cell>
          <cell r="H742">
            <v>0</v>
          </cell>
          <cell r="I742">
            <v>0</v>
          </cell>
          <cell r="M742">
            <v>0</v>
          </cell>
          <cell r="Q742">
            <v>0</v>
          </cell>
        </row>
        <row r="743">
          <cell r="E743">
            <v>0</v>
          </cell>
          <cell r="H743">
            <v>0</v>
          </cell>
          <cell r="I743">
            <v>0</v>
          </cell>
          <cell r="M743">
            <v>0</v>
          </cell>
          <cell r="Q743">
            <v>0</v>
          </cell>
        </row>
        <row r="744">
          <cell r="E744">
            <v>0</v>
          </cell>
          <cell r="H744">
            <v>0</v>
          </cell>
          <cell r="I744">
            <v>0</v>
          </cell>
          <cell r="M744">
            <v>0</v>
          </cell>
          <cell r="Q744">
            <v>0</v>
          </cell>
        </row>
        <row r="745">
          <cell r="E745">
            <v>0</v>
          </cell>
          <cell r="H745">
            <v>0</v>
          </cell>
          <cell r="I745">
            <v>0</v>
          </cell>
          <cell r="M745">
            <v>0</v>
          </cell>
          <cell r="Q745">
            <v>0</v>
          </cell>
        </row>
        <row r="746">
          <cell r="E746">
            <v>0</v>
          </cell>
          <cell r="H746">
            <v>0</v>
          </cell>
          <cell r="I746">
            <v>0</v>
          </cell>
          <cell r="M746">
            <v>0</v>
          </cell>
          <cell r="Q746">
            <v>0</v>
          </cell>
        </row>
        <row r="747">
          <cell r="E747">
            <v>0</v>
          </cell>
          <cell r="H747">
            <v>0</v>
          </cell>
          <cell r="I747">
            <v>0</v>
          </cell>
          <cell r="M747">
            <v>0</v>
          </cell>
          <cell r="Q747">
            <v>0</v>
          </cell>
        </row>
        <row r="748">
          <cell r="E748">
            <v>0</v>
          </cell>
          <cell r="H748">
            <v>0</v>
          </cell>
          <cell r="I748">
            <v>0</v>
          </cell>
          <cell r="M748">
            <v>0</v>
          </cell>
          <cell r="Q748">
            <v>0</v>
          </cell>
        </row>
        <row r="749">
          <cell r="E749">
            <v>0</v>
          </cell>
          <cell r="H749">
            <v>0</v>
          </cell>
          <cell r="I749">
            <v>0</v>
          </cell>
          <cell r="M749">
            <v>0</v>
          </cell>
          <cell r="Q749">
            <v>0</v>
          </cell>
        </row>
        <row r="750">
          <cell r="E750">
            <v>0</v>
          </cell>
          <cell r="H750">
            <v>0</v>
          </cell>
          <cell r="I750">
            <v>0</v>
          </cell>
          <cell r="M750">
            <v>0</v>
          </cell>
          <cell r="Q750">
            <v>0</v>
          </cell>
        </row>
        <row r="751">
          <cell r="E751">
            <v>0</v>
          </cell>
          <cell r="H751">
            <v>0</v>
          </cell>
          <cell r="I751">
            <v>0</v>
          </cell>
          <cell r="M751">
            <v>0</v>
          </cell>
          <cell r="Q751">
            <v>0</v>
          </cell>
        </row>
        <row r="752">
          <cell r="E752">
            <v>0</v>
          </cell>
          <cell r="H752">
            <v>0</v>
          </cell>
          <cell r="I752">
            <v>0</v>
          </cell>
          <cell r="M752">
            <v>0</v>
          </cell>
          <cell r="Q752">
            <v>0</v>
          </cell>
        </row>
        <row r="753">
          <cell r="E753">
            <v>0</v>
          </cell>
          <cell r="H753">
            <v>0</v>
          </cell>
          <cell r="I753">
            <v>0</v>
          </cell>
          <cell r="M753">
            <v>0</v>
          </cell>
          <cell r="Q753">
            <v>0</v>
          </cell>
        </row>
        <row r="754">
          <cell r="E754">
            <v>0</v>
          </cell>
          <cell r="H754">
            <v>0</v>
          </cell>
          <cell r="I754">
            <v>0</v>
          </cell>
          <cell r="M754">
            <v>0</v>
          </cell>
          <cell r="Q754">
            <v>0</v>
          </cell>
        </row>
        <row r="755">
          <cell r="E755">
            <v>0</v>
          </cell>
          <cell r="H755">
            <v>0</v>
          </cell>
          <cell r="I755">
            <v>0</v>
          </cell>
          <cell r="M755">
            <v>0</v>
          </cell>
          <cell r="Q755">
            <v>0</v>
          </cell>
        </row>
        <row r="756">
          <cell r="E756">
            <v>0</v>
          </cell>
          <cell r="H756">
            <v>0</v>
          </cell>
          <cell r="I756">
            <v>0</v>
          </cell>
          <cell r="M756">
            <v>0</v>
          </cell>
          <cell r="Q756">
            <v>0</v>
          </cell>
        </row>
        <row r="757">
          <cell r="E757">
            <v>0</v>
          </cell>
          <cell r="H757">
            <v>0</v>
          </cell>
          <cell r="I757">
            <v>0</v>
          </cell>
          <cell r="M757">
            <v>0</v>
          </cell>
          <cell r="Q757">
            <v>0</v>
          </cell>
        </row>
        <row r="758">
          <cell r="E758">
            <v>0</v>
          </cell>
          <cell r="H758">
            <v>0</v>
          </cell>
          <cell r="I758">
            <v>0</v>
          </cell>
          <cell r="M758">
            <v>0</v>
          </cell>
          <cell r="Q758">
            <v>0</v>
          </cell>
        </row>
        <row r="759">
          <cell r="E759">
            <v>0</v>
          </cell>
          <cell r="H759">
            <v>0</v>
          </cell>
          <cell r="I759">
            <v>0</v>
          </cell>
          <cell r="M759">
            <v>0</v>
          </cell>
          <cell r="Q759">
            <v>0</v>
          </cell>
        </row>
        <row r="760">
          <cell r="E760">
            <v>0</v>
          </cell>
          <cell r="H760">
            <v>0</v>
          </cell>
          <cell r="I760">
            <v>0</v>
          </cell>
          <cell r="M760">
            <v>0</v>
          </cell>
          <cell r="Q760">
            <v>0</v>
          </cell>
        </row>
        <row r="761">
          <cell r="E761">
            <v>0</v>
          </cell>
          <cell r="H761">
            <v>0</v>
          </cell>
          <cell r="I761">
            <v>0</v>
          </cell>
          <cell r="M761">
            <v>0</v>
          </cell>
          <cell r="Q761">
            <v>0</v>
          </cell>
        </row>
        <row r="762">
          <cell r="E762">
            <v>0</v>
          </cell>
          <cell r="H762">
            <v>0</v>
          </cell>
          <cell r="I762">
            <v>0</v>
          </cell>
          <cell r="M762">
            <v>0</v>
          </cell>
          <cell r="Q762">
            <v>0</v>
          </cell>
        </row>
        <row r="763">
          <cell r="E763">
            <v>0</v>
          </cell>
          <cell r="H763">
            <v>0</v>
          </cell>
          <cell r="I763">
            <v>0</v>
          </cell>
          <cell r="M763">
            <v>0</v>
          </cell>
          <cell r="Q763">
            <v>0</v>
          </cell>
        </row>
        <row r="764">
          <cell r="E764">
            <v>0</v>
          </cell>
          <cell r="H764">
            <v>0</v>
          </cell>
          <cell r="I764">
            <v>0</v>
          </cell>
          <cell r="M764">
            <v>0</v>
          </cell>
          <cell r="Q764">
            <v>0</v>
          </cell>
        </row>
        <row r="765">
          <cell r="E765">
            <v>0</v>
          </cell>
          <cell r="H765">
            <v>0</v>
          </cell>
          <cell r="I765">
            <v>0</v>
          </cell>
          <cell r="M765">
            <v>0</v>
          </cell>
          <cell r="Q765">
            <v>0</v>
          </cell>
        </row>
        <row r="766">
          <cell r="E766">
            <v>0</v>
          </cell>
          <cell r="H766">
            <v>0</v>
          </cell>
          <cell r="I766">
            <v>0</v>
          </cell>
          <cell r="M766">
            <v>0</v>
          </cell>
          <cell r="Q766">
            <v>0</v>
          </cell>
        </row>
        <row r="767">
          <cell r="E767">
            <v>0</v>
          </cell>
          <cell r="H767">
            <v>0</v>
          </cell>
          <cell r="I767">
            <v>0</v>
          </cell>
          <cell r="M767">
            <v>0</v>
          </cell>
          <cell r="Q767">
            <v>0</v>
          </cell>
        </row>
        <row r="768">
          <cell r="E768">
            <v>0</v>
          </cell>
          <cell r="H768">
            <v>0</v>
          </cell>
          <cell r="I768">
            <v>0</v>
          </cell>
          <cell r="M768">
            <v>0</v>
          </cell>
          <cell r="Q768">
            <v>0</v>
          </cell>
        </row>
        <row r="769">
          <cell r="E769">
            <v>0</v>
          </cell>
          <cell r="H769">
            <v>0</v>
          </cell>
          <cell r="I769">
            <v>0</v>
          </cell>
          <cell r="M769">
            <v>0</v>
          </cell>
          <cell r="Q769">
            <v>0</v>
          </cell>
        </row>
        <row r="770">
          <cell r="E770">
            <v>0</v>
          </cell>
          <cell r="H770">
            <v>0</v>
          </cell>
          <cell r="I770">
            <v>0</v>
          </cell>
          <cell r="M770">
            <v>0</v>
          </cell>
          <cell r="Q770">
            <v>0</v>
          </cell>
        </row>
        <row r="771">
          <cell r="E771">
            <v>0</v>
          </cell>
          <cell r="H771">
            <v>0</v>
          </cell>
          <cell r="I771">
            <v>0</v>
          </cell>
          <cell r="M771">
            <v>0</v>
          </cell>
          <cell r="Q771">
            <v>0</v>
          </cell>
        </row>
        <row r="772">
          <cell r="E772">
            <v>0</v>
          </cell>
          <cell r="H772">
            <v>0</v>
          </cell>
          <cell r="I772">
            <v>0</v>
          </cell>
          <cell r="M772">
            <v>0</v>
          </cell>
          <cell r="Q772">
            <v>0</v>
          </cell>
        </row>
        <row r="773">
          <cell r="E773">
            <v>0</v>
          </cell>
          <cell r="H773">
            <v>0</v>
          </cell>
          <cell r="I773">
            <v>0</v>
          </cell>
          <cell r="M773">
            <v>0</v>
          </cell>
          <cell r="Q773">
            <v>0</v>
          </cell>
        </row>
        <row r="774">
          <cell r="E774">
            <v>0</v>
          </cell>
          <cell r="H774">
            <v>0</v>
          </cell>
          <cell r="I774">
            <v>0</v>
          </cell>
          <cell r="M774">
            <v>0</v>
          </cell>
          <cell r="Q774">
            <v>0</v>
          </cell>
        </row>
        <row r="775">
          <cell r="E775">
            <v>0</v>
          </cell>
          <cell r="H775">
            <v>0</v>
          </cell>
          <cell r="I775">
            <v>0</v>
          </cell>
          <cell r="M775">
            <v>0</v>
          </cell>
          <cell r="Q775">
            <v>0</v>
          </cell>
        </row>
        <row r="776">
          <cell r="E776">
            <v>0</v>
          </cell>
          <cell r="H776">
            <v>0</v>
          </cell>
          <cell r="I776">
            <v>0</v>
          </cell>
          <cell r="M776">
            <v>0</v>
          </cell>
          <cell r="Q776">
            <v>0</v>
          </cell>
        </row>
        <row r="777">
          <cell r="E777">
            <v>0</v>
          </cell>
          <cell r="H777">
            <v>0</v>
          </cell>
          <cell r="I777">
            <v>0</v>
          </cell>
          <cell r="M777">
            <v>0</v>
          </cell>
          <cell r="Q777">
            <v>0</v>
          </cell>
        </row>
        <row r="778">
          <cell r="E778">
            <v>0</v>
          </cell>
          <cell r="H778">
            <v>0</v>
          </cell>
          <cell r="I778">
            <v>0</v>
          </cell>
          <cell r="M778">
            <v>0</v>
          </cell>
          <cell r="Q778">
            <v>0</v>
          </cell>
        </row>
        <row r="779">
          <cell r="E779">
            <v>0</v>
          </cell>
          <cell r="H779">
            <v>0</v>
          </cell>
          <cell r="I779">
            <v>0</v>
          </cell>
          <cell r="M779">
            <v>0</v>
          </cell>
          <cell r="Q779">
            <v>0</v>
          </cell>
        </row>
        <row r="780">
          <cell r="E780">
            <v>0</v>
          </cell>
          <cell r="H780">
            <v>0</v>
          </cell>
          <cell r="I780">
            <v>0</v>
          </cell>
          <cell r="M780">
            <v>0</v>
          </cell>
          <cell r="Q780">
            <v>0</v>
          </cell>
        </row>
        <row r="781">
          <cell r="E781">
            <v>0</v>
          </cell>
          <cell r="H781">
            <v>0</v>
          </cell>
          <cell r="I781">
            <v>0</v>
          </cell>
          <cell r="M781">
            <v>0</v>
          </cell>
          <cell r="Q781">
            <v>0</v>
          </cell>
        </row>
        <row r="782">
          <cell r="E782">
            <v>0</v>
          </cell>
          <cell r="H782">
            <v>0</v>
          </cell>
          <cell r="I782">
            <v>0</v>
          </cell>
          <cell r="M782">
            <v>0</v>
          </cell>
          <cell r="Q782">
            <v>0</v>
          </cell>
        </row>
        <row r="783">
          <cell r="E783">
            <v>0</v>
          </cell>
          <cell r="H783">
            <v>0</v>
          </cell>
          <cell r="I783">
            <v>0</v>
          </cell>
          <cell r="M783">
            <v>0</v>
          </cell>
          <cell r="Q783">
            <v>0</v>
          </cell>
        </row>
        <row r="784">
          <cell r="E784">
            <v>0</v>
          </cell>
          <cell r="H784">
            <v>0</v>
          </cell>
          <cell r="I784">
            <v>0</v>
          </cell>
          <cell r="M784">
            <v>0</v>
          </cell>
          <cell r="Q784">
            <v>0</v>
          </cell>
        </row>
        <row r="785">
          <cell r="E785">
            <v>0</v>
          </cell>
          <cell r="H785">
            <v>0</v>
          </cell>
          <cell r="I785">
            <v>0</v>
          </cell>
          <cell r="M785">
            <v>0</v>
          </cell>
          <cell r="Q785">
            <v>0</v>
          </cell>
        </row>
        <row r="786">
          <cell r="E786">
            <v>0</v>
          </cell>
          <cell r="H786">
            <v>0</v>
          </cell>
          <cell r="I786">
            <v>0</v>
          </cell>
          <cell r="M786">
            <v>0</v>
          </cell>
          <cell r="Q786">
            <v>0</v>
          </cell>
        </row>
        <row r="787">
          <cell r="E787">
            <v>0</v>
          </cell>
          <cell r="H787">
            <v>0</v>
          </cell>
          <cell r="I787">
            <v>0</v>
          </cell>
          <cell r="M787">
            <v>0</v>
          </cell>
          <cell r="Q787">
            <v>0</v>
          </cell>
        </row>
        <row r="788">
          <cell r="E788">
            <v>0</v>
          </cell>
          <cell r="H788">
            <v>0</v>
          </cell>
          <cell r="I788">
            <v>0</v>
          </cell>
          <cell r="M788">
            <v>0</v>
          </cell>
          <cell r="Q788">
            <v>0</v>
          </cell>
        </row>
        <row r="789">
          <cell r="B789">
            <v>0</v>
          </cell>
          <cell r="C789">
            <v>0</v>
          </cell>
          <cell r="E789">
            <v>0</v>
          </cell>
          <cell r="H789">
            <v>0</v>
          </cell>
          <cell r="I789">
            <v>0</v>
          </cell>
          <cell r="M789">
            <v>0</v>
          </cell>
          <cell r="Q789">
            <v>0</v>
          </cell>
        </row>
        <row r="790">
          <cell r="E790">
            <v>0</v>
          </cell>
          <cell r="H790">
            <v>0</v>
          </cell>
          <cell r="I790">
            <v>0</v>
          </cell>
          <cell r="M790">
            <v>0</v>
          </cell>
          <cell r="Q790">
            <v>0</v>
          </cell>
        </row>
        <row r="791">
          <cell r="E791">
            <v>0</v>
          </cell>
          <cell r="H791">
            <v>0</v>
          </cell>
          <cell r="I791">
            <v>0</v>
          </cell>
          <cell r="M791">
            <v>0</v>
          </cell>
          <cell r="Q791">
            <v>0</v>
          </cell>
        </row>
        <row r="792">
          <cell r="E792">
            <v>0</v>
          </cell>
          <cell r="H792">
            <v>0</v>
          </cell>
          <cell r="I792">
            <v>0</v>
          </cell>
          <cell r="M792">
            <v>0</v>
          </cell>
          <cell r="Q792">
            <v>0</v>
          </cell>
        </row>
        <row r="793">
          <cell r="E793">
            <v>0</v>
          </cell>
          <cell r="H793">
            <v>0</v>
          </cell>
          <cell r="I793">
            <v>0</v>
          </cell>
          <cell r="M793">
            <v>0</v>
          </cell>
          <cell r="Q793">
            <v>0</v>
          </cell>
        </row>
        <row r="794">
          <cell r="E794">
            <v>0</v>
          </cell>
          <cell r="H794">
            <v>0</v>
          </cell>
          <cell r="I794">
            <v>0</v>
          </cell>
          <cell r="M794">
            <v>0</v>
          </cell>
          <cell r="Q794">
            <v>0</v>
          </cell>
        </row>
        <row r="795">
          <cell r="E795">
            <v>0</v>
          </cell>
          <cell r="H795">
            <v>0</v>
          </cell>
          <cell r="I795">
            <v>0</v>
          </cell>
          <cell r="M795">
            <v>0</v>
          </cell>
          <cell r="Q795">
            <v>0</v>
          </cell>
        </row>
        <row r="796">
          <cell r="E796">
            <v>0</v>
          </cell>
          <cell r="H796">
            <v>0</v>
          </cell>
          <cell r="I796">
            <v>0</v>
          </cell>
          <cell r="M796">
            <v>0</v>
          </cell>
          <cell r="Q796">
            <v>0</v>
          </cell>
        </row>
        <row r="797">
          <cell r="E797">
            <v>0</v>
          </cell>
          <cell r="H797">
            <v>0</v>
          </cell>
          <cell r="I797">
            <v>0</v>
          </cell>
          <cell r="M797">
            <v>0</v>
          </cell>
          <cell r="Q797">
            <v>0</v>
          </cell>
        </row>
        <row r="798">
          <cell r="E798">
            <v>0</v>
          </cell>
          <cell r="H798">
            <v>0</v>
          </cell>
          <cell r="I798">
            <v>0</v>
          </cell>
          <cell r="M798">
            <v>0</v>
          </cell>
          <cell r="Q798">
            <v>0</v>
          </cell>
        </row>
        <row r="799">
          <cell r="E799">
            <v>0</v>
          </cell>
          <cell r="H799">
            <v>0</v>
          </cell>
          <cell r="I799">
            <v>0</v>
          </cell>
          <cell r="M799">
            <v>0</v>
          </cell>
          <cell r="Q799">
            <v>0</v>
          </cell>
        </row>
        <row r="800">
          <cell r="E800">
            <v>0</v>
          </cell>
          <cell r="H800">
            <v>0</v>
          </cell>
          <cell r="I800">
            <v>0</v>
          </cell>
          <cell r="M800">
            <v>0</v>
          </cell>
          <cell r="Q800">
            <v>0</v>
          </cell>
        </row>
        <row r="801">
          <cell r="E801">
            <v>0</v>
          </cell>
          <cell r="H801">
            <v>0</v>
          </cell>
          <cell r="I801">
            <v>0</v>
          </cell>
          <cell r="M801">
            <v>0</v>
          </cell>
          <cell r="Q801">
            <v>0</v>
          </cell>
        </row>
        <row r="802">
          <cell r="E802">
            <v>0</v>
          </cell>
          <cell r="H802">
            <v>0</v>
          </cell>
          <cell r="I802">
            <v>0</v>
          </cell>
          <cell r="M802">
            <v>0</v>
          </cell>
          <cell r="Q802">
            <v>0</v>
          </cell>
        </row>
        <row r="803">
          <cell r="E803">
            <v>0</v>
          </cell>
          <cell r="H803">
            <v>0</v>
          </cell>
          <cell r="I803">
            <v>0</v>
          </cell>
          <cell r="M803">
            <v>0</v>
          </cell>
          <cell r="Q803">
            <v>0</v>
          </cell>
        </row>
        <row r="804">
          <cell r="E804">
            <v>0</v>
          </cell>
          <cell r="H804">
            <v>0</v>
          </cell>
          <cell r="I804">
            <v>0</v>
          </cell>
          <cell r="M804">
            <v>0</v>
          </cell>
          <cell r="Q804">
            <v>0</v>
          </cell>
        </row>
        <row r="805">
          <cell r="E805">
            <v>0</v>
          </cell>
          <cell r="H805">
            <v>0</v>
          </cell>
          <cell r="I805">
            <v>0</v>
          </cell>
          <cell r="M805">
            <v>0</v>
          </cell>
          <cell r="Q805">
            <v>0</v>
          </cell>
        </row>
        <row r="806">
          <cell r="E806">
            <v>0</v>
          </cell>
          <cell r="H806">
            <v>0</v>
          </cell>
          <cell r="I806">
            <v>0</v>
          </cell>
          <cell r="M806">
            <v>0</v>
          </cell>
          <cell r="Q806">
            <v>0</v>
          </cell>
        </row>
        <row r="807">
          <cell r="E807">
            <v>0</v>
          </cell>
          <cell r="H807">
            <v>0</v>
          </cell>
          <cell r="I807">
            <v>0</v>
          </cell>
          <cell r="M807">
            <v>0</v>
          </cell>
          <cell r="Q807">
            <v>0</v>
          </cell>
        </row>
        <row r="808">
          <cell r="E808">
            <v>0</v>
          </cell>
          <cell r="H808">
            <v>0</v>
          </cell>
          <cell r="I808">
            <v>0</v>
          </cell>
          <cell r="M808">
            <v>0</v>
          </cell>
          <cell r="Q808">
            <v>0</v>
          </cell>
        </row>
        <row r="809">
          <cell r="E809">
            <v>0</v>
          </cell>
          <cell r="H809">
            <v>0</v>
          </cell>
          <cell r="I809">
            <v>0</v>
          </cell>
          <cell r="M809">
            <v>0</v>
          </cell>
          <cell r="Q809">
            <v>0</v>
          </cell>
        </row>
        <row r="810">
          <cell r="E810">
            <v>0</v>
          </cell>
          <cell r="H810">
            <v>0</v>
          </cell>
          <cell r="I810">
            <v>0</v>
          </cell>
          <cell r="M810">
            <v>0</v>
          </cell>
          <cell r="Q810">
            <v>0</v>
          </cell>
        </row>
        <row r="811">
          <cell r="E811">
            <v>0</v>
          </cell>
          <cell r="H811">
            <v>0</v>
          </cell>
          <cell r="I811">
            <v>0</v>
          </cell>
          <cell r="M811">
            <v>0</v>
          </cell>
          <cell r="Q811">
            <v>0</v>
          </cell>
        </row>
        <row r="812">
          <cell r="E812">
            <v>0</v>
          </cell>
          <cell r="H812">
            <v>0</v>
          </cell>
          <cell r="I812">
            <v>0</v>
          </cell>
          <cell r="M812">
            <v>0</v>
          </cell>
          <cell r="Q812">
            <v>0</v>
          </cell>
        </row>
        <row r="813">
          <cell r="E813">
            <v>0</v>
          </cell>
          <cell r="H813">
            <v>0</v>
          </cell>
          <cell r="I813">
            <v>0</v>
          </cell>
          <cell r="M813">
            <v>0</v>
          </cell>
          <cell r="Q813">
            <v>0</v>
          </cell>
        </row>
        <row r="814">
          <cell r="E814">
            <v>0</v>
          </cell>
          <cell r="H814">
            <v>0</v>
          </cell>
          <cell r="I814">
            <v>0</v>
          </cell>
          <cell r="M814">
            <v>0</v>
          </cell>
          <cell r="Q814">
            <v>0</v>
          </cell>
        </row>
        <row r="815">
          <cell r="E815">
            <v>0</v>
          </cell>
          <cell r="H815">
            <v>0</v>
          </cell>
          <cell r="I815">
            <v>0</v>
          </cell>
          <cell r="M815">
            <v>0</v>
          </cell>
          <cell r="Q815">
            <v>0</v>
          </cell>
        </row>
        <row r="816">
          <cell r="E816">
            <v>0</v>
          </cell>
          <cell r="H816">
            <v>0</v>
          </cell>
          <cell r="I816">
            <v>0</v>
          </cell>
          <cell r="M816">
            <v>0</v>
          </cell>
          <cell r="Q816">
            <v>0</v>
          </cell>
        </row>
        <row r="817">
          <cell r="E817">
            <v>0</v>
          </cell>
          <cell r="H817">
            <v>0</v>
          </cell>
          <cell r="I817">
            <v>0</v>
          </cell>
          <cell r="M817">
            <v>0</v>
          </cell>
          <cell r="Q817">
            <v>0</v>
          </cell>
        </row>
        <row r="818">
          <cell r="E818">
            <v>0</v>
          </cell>
          <cell r="H818">
            <v>0</v>
          </cell>
          <cell r="I818">
            <v>0</v>
          </cell>
          <cell r="M818">
            <v>0</v>
          </cell>
          <cell r="Q818">
            <v>0</v>
          </cell>
        </row>
        <row r="819">
          <cell r="E819">
            <v>0</v>
          </cell>
          <cell r="H819">
            <v>0</v>
          </cell>
          <cell r="I819">
            <v>0</v>
          </cell>
          <cell r="M819">
            <v>0</v>
          </cell>
          <cell r="Q819">
            <v>0</v>
          </cell>
        </row>
        <row r="820">
          <cell r="E820">
            <v>0</v>
          </cell>
          <cell r="H820">
            <v>0</v>
          </cell>
          <cell r="I820">
            <v>0</v>
          </cell>
          <cell r="M820">
            <v>0</v>
          </cell>
          <cell r="Q820">
            <v>0</v>
          </cell>
        </row>
        <row r="821">
          <cell r="E821">
            <v>0</v>
          </cell>
          <cell r="H821">
            <v>0</v>
          </cell>
          <cell r="I821">
            <v>0</v>
          </cell>
          <cell r="M821">
            <v>0</v>
          </cell>
          <cell r="Q821">
            <v>0</v>
          </cell>
        </row>
        <row r="822">
          <cell r="E822">
            <v>0</v>
          </cell>
          <cell r="H822">
            <v>0</v>
          </cell>
          <cell r="I822">
            <v>0</v>
          </cell>
          <cell r="M822">
            <v>0</v>
          </cell>
          <cell r="Q822">
            <v>0</v>
          </cell>
        </row>
        <row r="823">
          <cell r="E823">
            <v>0</v>
          </cell>
          <cell r="H823">
            <v>0</v>
          </cell>
          <cell r="I823">
            <v>0</v>
          </cell>
          <cell r="M823">
            <v>0</v>
          </cell>
          <cell r="Q823">
            <v>0</v>
          </cell>
        </row>
        <row r="824">
          <cell r="E824">
            <v>0</v>
          </cell>
          <cell r="H824">
            <v>0</v>
          </cell>
          <cell r="I824">
            <v>0</v>
          </cell>
          <cell r="M824">
            <v>0</v>
          </cell>
          <cell r="Q824">
            <v>0</v>
          </cell>
        </row>
        <row r="825">
          <cell r="E825">
            <v>0</v>
          </cell>
          <cell r="H825">
            <v>0</v>
          </cell>
          <cell r="I825">
            <v>0</v>
          </cell>
          <cell r="M825">
            <v>0</v>
          </cell>
          <cell r="Q825">
            <v>0</v>
          </cell>
        </row>
        <row r="826">
          <cell r="E826">
            <v>0</v>
          </cell>
          <cell r="H826">
            <v>0</v>
          </cell>
          <cell r="I826">
            <v>0</v>
          </cell>
          <cell r="M826">
            <v>0</v>
          </cell>
          <cell r="Q826">
            <v>0</v>
          </cell>
        </row>
        <row r="827">
          <cell r="E827">
            <v>0</v>
          </cell>
          <cell r="H827">
            <v>0</v>
          </cell>
          <cell r="I827">
            <v>0</v>
          </cell>
          <cell r="M827">
            <v>0</v>
          </cell>
          <cell r="Q827">
            <v>0</v>
          </cell>
        </row>
        <row r="828">
          <cell r="E828">
            <v>0</v>
          </cell>
          <cell r="H828">
            <v>0</v>
          </cell>
          <cell r="I828">
            <v>0</v>
          </cell>
          <cell r="M828">
            <v>0</v>
          </cell>
          <cell r="Q828">
            <v>0</v>
          </cell>
        </row>
        <row r="829">
          <cell r="E829">
            <v>0</v>
          </cell>
          <cell r="H829">
            <v>0</v>
          </cell>
          <cell r="I829">
            <v>0</v>
          </cell>
          <cell r="M829">
            <v>0</v>
          </cell>
          <cell r="Q829">
            <v>0</v>
          </cell>
        </row>
        <row r="830">
          <cell r="E830">
            <v>0</v>
          </cell>
          <cell r="H830">
            <v>0</v>
          </cell>
          <cell r="I830">
            <v>0</v>
          </cell>
          <cell r="M830">
            <v>0</v>
          </cell>
          <cell r="Q830">
            <v>0</v>
          </cell>
        </row>
        <row r="831">
          <cell r="E831">
            <v>0</v>
          </cell>
          <cell r="H831">
            <v>0</v>
          </cell>
          <cell r="I831">
            <v>0</v>
          </cell>
          <cell r="M831">
            <v>0</v>
          </cell>
          <cell r="Q831">
            <v>0</v>
          </cell>
        </row>
        <row r="832">
          <cell r="E832">
            <v>0</v>
          </cell>
          <cell r="H832">
            <v>0</v>
          </cell>
          <cell r="I832">
            <v>0</v>
          </cell>
          <cell r="M832">
            <v>0</v>
          </cell>
          <cell r="Q832">
            <v>0</v>
          </cell>
        </row>
        <row r="833">
          <cell r="E833">
            <v>0</v>
          </cell>
          <cell r="H833">
            <v>0</v>
          </cell>
          <cell r="I833">
            <v>0</v>
          </cell>
          <cell r="M833">
            <v>0</v>
          </cell>
          <cell r="Q833">
            <v>0</v>
          </cell>
        </row>
        <row r="834">
          <cell r="E834">
            <v>0</v>
          </cell>
          <cell r="H834">
            <v>0</v>
          </cell>
          <cell r="I834">
            <v>0</v>
          </cell>
          <cell r="M834">
            <v>0</v>
          </cell>
          <cell r="Q834">
            <v>0</v>
          </cell>
        </row>
        <row r="835">
          <cell r="E835">
            <v>0</v>
          </cell>
          <cell r="H835">
            <v>0</v>
          </cell>
          <cell r="I835">
            <v>0</v>
          </cell>
          <cell r="M835">
            <v>0</v>
          </cell>
          <cell r="Q835">
            <v>0</v>
          </cell>
        </row>
        <row r="836">
          <cell r="E836">
            <v>0</v>
          </cell>
          <cell r="H836">
            <v>0</v>
          </cell>
          <cell r="I836">
            <v>0</v>
          </cell>
          <cell r="M836">
            <v>0</v>
          </cell>
          <cell r="Q836">
            <v>0</v>
          </cell>
        </row>
        <row r="837">
          <cell r="E837">
            <v>0</v>
          </cell>
          <cell r="H837">
            <v>0</v>
          </cell>
          <cell r="I837">
            <v>0</v>
          </cell>
          <cell r="M837">
            <v>0</v>
          </cell>
          <cell r="Q837">
            <v>0</v>
          </cell>
        </row>
        <row r="838">
          <cell r="E838">
            <v>0</v>
          </cell>
          <cell r="H838">
            <v>0</v>
          </cell>
          <cell r="I838">
            <v>0</v>
          </cell>
          <cell r="M838">
            <v>0</v>
          </cell>
          <cell r="Q838">
            <v>0</v>
          </cell>
        </row>
        <row r="839">
          <cell r="E839">
            <v>0</v>
          </cell>
          <cell r="H839">
            <v>0</v>
          </cell>
          <cell r="I839">
            <v>0</v>
          </cell>
          <cell r="M839">
            <v>0</v>
          </cell>
          <cell r="Q839">
            <v>0</v>
          </cell>
        </row>
        <row r="840">
          <cell r="E840">
            <v>0</v>
          </cell>
          <cell r="H840">
            <v>0</v>
          </cell>
          <cell r="I840">
            <v>0</v>
          </cell>
          <cell r="M840">
            <v>0</v>
          </cell>
          <cell r="Q840">
            <v>0</v>
          </cell>
        </row>
        <row r="841">
          <cell r="E841">
            <v>0</v>
          </cell>
          <cell r="H841">
            <v>0</v>
          </cell>
          <cell r="I841">
            <v>0</v>
          </cell>
          <cell r="M841">
            <v>0</v>
          </cell>
          <cell r="Q841">
            <v>0</v>
          </cell>
        </row>
        <row r="842">
          <cell r="E842">
            <v>0</v>
          </cell>
          <cell r="H842">
            <v>0</v>
          </cell>
          <cell r="I842">
            <v>0</v>
          </cell>
          <cell r="M842">
            <v>0</v>
          </cell>
          <cell r="Q842">
            <v>0</v>
          </cell>
        </row>
        <row r="843">
          <cell r="E843">
            <v>0</v>
          </cell>
          <cell r="H843">
            <v>0</v>
          </cell>
          <cell r="I843">
            <v>0</v>
          </cell>
          <cell r="M843">
            <v>0</v>
          </cell>
          <cell r="Q843">
            <v>0</v>
          </cell>
        </row>
        <row r="844">
          <cell r="E844">
            <v>0</v>
          </cell>
          <cell r="H844">
            <v>0</v>
          </cell>
          <cell r="I844">
            <v>0</v>
          </cell>
          <cell r="M844">
            <v>0</v>
          </cell>
          <cell r="Q844">
            <v>0</v>
          </cell>
        </row>
        <row r="845">
          <cell r="E845">
            <v>0</v>
          </cell>
          <cell r="H845">
            <v>0</v>
          </cell>
          <cell r="I845">
            <v>0</v>
          </cell>
          <cell r="M845">
            <v>0</v>
          </cell>
          <cell r="Q845">
            <v>0</v>
          </cell>
        </row>
        <row r="846">
          <cell r="E846">
            <v>0</v>
          </cell>
          <cell r="H846">
            <v>0</v>
          </cell>
          <cell r="I846">
            <v>0</v>
          </cell>
          <cell r="M846">
            <v>0</v>
          </cell>
          <cell r="Q846">
            <v>0</v>
          </cell>
        </row>
        <row r="847">
          <cell r="E847">
            <v>0</v>
          </cell>
          <cell r="H847">
            <v>0</v>
          </cell>
          <cell r="I847">
            <v>0</v>
          </cell>
          <cell r="M847">
            <v>0</v>
          </cell>
          <cell r="Q847">
            <v>0</v>
          </cell>
        </row>
        <row r="848">
          <cell r="E848">
            <v>0</v>
          </cell>
          <cell r="H848">
            <v>0</v>
          </cell>
          <cell r="I848">
            <v>0</v>
          </cell>
          <cell r="M848">
            <v>0</v>
          </cell>
          <cell r="Q848">
            <v>0</v>
          </cell>
        </row>
        <row r="849">
          <cell r="E849">
            <v>0</v>
          </cell>
          <cell r="H849">
            <v>0</v>
          </cell>
          <cell r="I849">
            <v>0</v>
          </cell>
          <cell r="M849">
            <v>0</v>
          </cell>
          <cell r="Q849">
            <v>0</v>
          </cell>
        </row>
        <row r="850">
          <cell r="E850">
            <v>0</v>
          </cell>
          <cell r="H850">
            <v>0</v>
          </cell>
          <cell r="I850">
            <v>0</v>
          </cell>
          <cell r="M850">
            <v>0</v>
          </cell>
          <cell r="Q850">
            <v>0</v>
          </cell>
        </row>
        <row r="851">
          <cell r="E851">
            <v>0</v>
          </cell>
          <cell r="H851">
            <v>0</v>
          </cell>
          <cell r="I851">
            <v>0</v>
          </cell>
          <cell r="M851">
            <v>0</v>
          </cell>
          <cell r="Q851">
            <v>0</v>
          </cell>
        </row>
        <row r="852">
          <cell r="E852">
            <v>0</v>
          </cell>
          <cell r="H852">
            <v>0</v>
          </cell>
          <cell r="I852">
            <v>0</v>
          </cell>
          <cell r="M852">
            <v>0</v>
          </cell>
          <cell r="Q852">
            <v>0</v>
          </cell>
        </row>
        <row r="853">
          <cell r="E853">
            <v>0</v>
          </cell>
          <cell r="H853">
            <v>0</v>
          </cell>
          <cell r="I853">
            <v>0</v>
          </cell>
          <cell r="M853">
            <v>0</v>
          </cell>
          <cell r="Q853">
            <v>0</v>
          </cell>
        </row>
        <row r="854">
          <cell r="E854">
            <v>0</v>
          </cell>
          <cell r="H854">
            <v>0</v>
          </cell>
          <cell r="I854">
            <v>0</v>
          </cell>
          <cell r="M854">
            <v>0</v>
          </cell>
          <cell r="Q854">
            <v>0</v>
          </cell>
        </row>
        <row r="855">
          <cell r="E855">
            <v>0</v>
          </cell>
          <cell r="H855">
            <v>0</v>
          </cell>
          <cell r="I855">
            <v>0</v>
          </cell>
          <cell r="M855">
            <v>0</v>
          </cell>
          <cell r="Q855">
            <v>0</v>
          </cell>
        </row>
        <row r="856">
          <cell r="E856">
            <v>0</v>
          </cell>
          <cell r="H856">
            <v>0</v>
          </cell>
          <cell r="I856">
            <v>0</v>
          </cell>
          <cell r="M856">
            <v>0</v>
          </cell>
          <cell r="Q856">
            <v>0</v>
          </cell>
        </row>
        <row r="857">
          <cell r="E857">
            <v>0</v>
          </cell>
          <cell r="H857">
            <v>0</v>
          </cell>
          <cell r="I857">
            <v>0</v>
          </cell>
          <cell r="M857">
            <v>0</v>
          </cell>
          <cell r="Q857">
            <v>0</v>
          </cell>
        </row>
        <row r="858">
          <cell r="E858">
            <v>0</v>
          </cell>
          <cell r="H858">
            <v>0</v>
          </cell>
          <cell r="I858">
            <v>0</v>
          </cell>
          <cell r="M858">
            <v>0</v>
          </cell>
          <cell r="Q858">
            <v>0</v>
          </cell>
        </row>
        <row r="859">
          <cell r="E859">
            <v>0</v>
          </cell>
          <cell r="H859">
            <v>0</v>
          </cell>
          <cell r="I859">
            <v>0</v>
          </cell>
          <cell r="M859">
            <v>0</v>
          </cell>
          <cell r="Q859">
            <v>0</v>
          </cell>
        </row>
        <row r="860">
          <cell r="E860">
            <v>0</v>
          </cell>
          <cell r="H860">
            <v>0</v>
          </cell>
          <cell r="I860">
            <v>0</v>
          </cell>
          <cell r="M860">
            <v>0</v>
          </cell>
          <cell r="Q860">
            <v>0</v>
          </cell>
        </row>
        <row r="861">
          <cell r="E861">
            <v>0</v>
          </cell>
          <cell r="H861">
            <v>0</v>
          </cell>
          <cell r="I861">
            <v>0</v>
          </cell>
          <cell r="M861">
            <v>0</v>
          </cell>
          <cell r="Q861">
            <v>0</v>
          </cell>
        </row>
        <row r="862">
          <cell r="E862">
            <v>0</v>
          </cell>
          <cell r="H862">
            <v>0</v>
          </cell>
          <cell r="I862">
            <v>0</v>
          </cell>
          <cell r="M862">
            <v>0</v>
          </cell>
          <cell r="Q862">
            <v>0</v>
          </cell>
        </row>
        <row r="863">
          <cell r="E863">
            <v>0</v>
          </cell>
          <cell r="H863">
            <v>0</v>
          </cell>
          <cell r="I863">
            <v>0</v>
          </cell>
          <cell r="M863">
            <v>0</v>
          </cell>
          <cell r="Q863">
            <v>0</v>
          </cell>
        </row>
        <row r="864">
          <cell r="E864">
            <v>0</v>
          </cell>
          <cell r="H864">
            <v>0</v>
          </cell>
          <cell r="I864">
            <v>0</v>
          </cell>
          <cell r="M864">
            <v>0</v>
          </cell>
          <cell r="Q864">
            <v>0</v>
          </cell>
        </row>
        <row r="865">
          <cell r="E865">
            <v>0</v>
          </cell>
          <cell r="H865">
            <v>0</v>
          </cell>
          <cell r="I865">
            <v>0</v>
          </cell>
          <cell r="M865">
            <v>0</v>
          </cell>
          <cell r="Q865">
            <v>0</v>
          </cell>
        </row>
        <row r="866">
          <cell r="E866">
            <v>0</v>
          </cell>
          <cell r="H866">
            <v>0</v>
          </cell>
          <cell r="I866">
            <v>0</v>
          </cell>
          <cell r="M866">
            <v>0</v>
          </cell>
          <cell r="Q866">
            <v>0</v>
          </cell>
        </row>
        <row r="867">
          <cell r="E867">
            <v>0</v>
          </cell>
          <cell r="H867">
            <v>0</v>
          </cell>
          <cell r="I867">
            <v>0</v>
          </cell>
          <cell r="M867">
            <v>0</v>
          </cell>
          <cell r="Q867">
            <v>0</v>
          </cell>
        </row>
        <row r="868">
          <cell r="E868">
            <v>0</v>
          </cell>
          <cell r="H868">
            <v>0</v>
          </cell>
          <cell r="I868">
            <v>0</v>
          </cell>
          <cell r="M868">
            <v>0</v>
          </cell>
          <cell r="Q868">
            <v>0</v>
          </cell>
        </row>
        <row r="869">
          <cell r="E869">
            <v>0</v>
          </cell>
          <cell r="H869">
            <v>0</v>
          </cell>
          <cell r="I869">
            <v>0</v>
          </cell>
          <cell r="M869">
            <v>0</v>
          </cell>
          <cell r="Q869">
            <v>0</v>
          </cell>
        </row>
        <row r="870">
          <cell r="E870">
            <v>0</v>
          </cell>
          <cell r="H870">
            <v>0</v>
          </cell>
          <cell r="I870">
            <v>0</v>
          </cell>
          <cell r="M870">
            <v>0</v>
          </cell>
          <cell r="Q870">
            <v>0</v>
          </cell>
        </row>
        <row r="871">
          <cell r="E871">
            <v>0</v>
          </cell>
          <cell r="H871">
            <v>0</v>
          </cell>
          <cell r="I871">
            <v>0</v>
          </cell>
          <cell r="M871">
            <v>0</v>
          </cell>
          <cell r="Q871">
            <v>0</v>
          </cell>
        </row>
        <row r="872">
          <cell r="E872">
            <v>0</v>
          </cell>
          <cell r="H872">
            <v>0</v>
          </cell>
          <cell r="I872">
            <v>0</v>
          </cell>
          <cell r="M872">
            <v>0</v>
          </cell>
          <cell r="Q872">
            <v>0</v>
          </cell>
        </row>
        <row r="873">
          <cell r="E873">
            <v>0</v>
          </cell>
          <cell r="H873">
            <v>0</v>
          </cell>
          <cell r="I873">
            <v>0</v>
          </cell>
          <cell r="M873">
            <v>0</v>
          </cell>
          <cell r="Q873">
            <v>0</v>
          </cell>
        </row>
        <row r="874">
          <cell r="E874">
            <v>0</v>
          </cell>
          <cell r="H874">
            <v>0</v>
          </cell>
          <cell r="I874">
            <v>0</v>
          </cell>
          <cell r="M874">
            <v>0</v>
          </cell>
          <cell r="Q874">
            <v>0</v>
          </cell>
        </row>
        <row r="875">
          <cell r="E875">
            <v>0</v>
          </cell>
          <cell r="H875">
            <v>0</v>
          </cell>
          <cell r="I875">
            <v>0</v>
          </cell>
          <cell r="M875">
            <v>0</v>
          </cell>
          <cell r="Q875">
            <v>0</v>
          </cell>
        </row>
        <row r="876">
          <cell r="E876">
            <v>0</v>
          </cell>
          <cell r="H876">
            <v>0</v>
          </cell>
          <cell r="I876">
            <v>0</v>
          </cell>
          <cell r="M876">
            <v>0</v>
          </cell>
          <cell r="Q876">
            <v>0</v>
          </cell>
        </row>
        <row r="877">
          <cell r="E877">
            <v>0</v>
          </cell>
          <cell r="H877">
            <v>0</v>
          </cell>
          <cell r="I877">
            <v>0</v>
          </cell>
          <cell r="M877">
            <v>0</v>
          </cell>
          <cell r="Q877">
            <v>0</v>
          </cell>
        </row>
        <row r="878">
          <cell r="E878">
            <v>0</v>
          </cell>
          <cell r="H878">
            <v>0</v>
          </cell>
          <cell r="I878">
            <v>0</v>
          </cell>
          <cell r="M878">
            <v>0</v>
          </cell>
          <cell r="Q878">
            <v>0</v>
          </cell>
        </row>
        <row r="879">
          <cell r="E879">
            <v>0</v>
          </cell>
          <cell r="H879">
            <v>0</v>
          </cell>
          <cell r="I879">
            <v>0</v>
          </cell>
          <cell r="M879">
            <v>0</v>
          </cell>
          <cell r="Q879">
            <v>0</v>
          </cell>
        </row>
        <row r="880">
          <cell r="E880">
            <v>0</v>
          </cell>
          <cell r="H880">
            <v>0</v>
          </cell>
          <cell r="I880">
            <v>0</v>
          </cell>
          <cell r="M880">
            <v>0</v>
          </cell>
          <cell r="Q880">
            <v>0</v>
          </cell>
        </row>
        <row r="881">
          <cell r="E881">
            <v>0</v>
          </cell>
          <cell r="H881">
            <v>0</v>
          </cell>
          <cell r="I881">
            <v>0</v>
          </cell>
          <cell r="M881">
            <v>0</v>
          </cell>
          <cell r="Q881">
            <v>0</v>
          </cell>
        </row>
        <row r="882">
          <cell r="E882">
            <v>0</v>
          </cell>
          <cell r="H882">
            <v>0</v>
          </cell>
          <cell r="I882">
            <v>0</v>
          </cell>
          <cell r="M882">
            <v>0</v>
          </cell>
          <cell r="Q882">
            <v>0</v>
          </cell>
        </row>
        <row r="883">
          <cell r="E883">
            <v>0</v>
          </cell>
          <cell r="H883">
            <v>0</v>
          </cell>
          <cell r="I883">
            <v>0</v>
          </cell>
          <cell r="M883">
            <v>0</v>
          </cell>
          <cell r="Q883">
            <v>0</v>
          </cell>
        </row>
        <row r="884">
          <cell r="E884">
            <v>0</v>
          </cell>
          <cell r="H884">
            <v>0</v>
          </cell>
          <cell r="I884">
            <v>0</v>
          </cell>
          <cell r="M884">
            <v>0</v>
          </cell>
          <cell r="Q884">
            <v>0</v>
          </cell>
        </row>
        <row r="885">
          <cell r="E885">
            <v>0</v>
          </cell>
          <cell r="H885">
            <v>0</v>
          </cell>
          <cell r="I885">
            <v>0</v>
          </cell>
          <cell r="M885">
            <v>0</v>
          </cell>
          <cell r="Q885">
            <v>0</v>
          </cell>
        </row>
        <row r="886">
          <cell r="E886">
            <v>0</v>
          </cell>
          <cell r="H886">
            <v>0</v>
          </cell>
          <cell r="I886">
            <v>0</v>
          </cell>
          <cell r="M886">
            <v>0</v>
          </cell>
          <cell r="Q886">
            <v>0</v>
          </cell>
        </row>
        <row r="887">
          <cell r="E887">
            <v>0</v>
          </cell>
          <cell r="H887">
            <v>0</v>
          </cell>
          <cell r="I887">
            <v>0</v>
          </cell>
          <cell r="M887">
            <v>0</v>
          </cell>
          <cell r="Q887">
            <v>0</v>
          </cell>
        </row>
        <row r="888">
          <cell r="E888">
            <v>0</v>
          </cell>
          <cell r="H888">
            <v>0</v>
          </cell>
          <cell r="I888">
            <v>0</v>
          </cell>
          <cell r="M888">
            <v>0</v>
          </cell>
          <cell r="Q888">
            <v>0</v>
          </cell>
        </row>
        <row r="889">
          <cell r="E889">
            <v>0</v>
          </cell>
          <cell r="H889">
            <v>0</v>
          </cell>
          <cell r="I889">
            <v>0</v>
          </cell>
          <cell r="M889">
            <v>0</v>
          </cell>
          <cell r="Q889">
            <v>0</v>
          </cell>
        </row>
        <row r="890">
          <cell r="E890">
            <v>0</v>
          </cell>
          <cell r="H890">
            <v>0</v>
          </cell>
          <cell r="I890">
            <v>0</v>
          </cell>
          <cell r="M890">
            <v>0</v>
          </cell>
          <cell r="Q890">
            <v>0</v>
          </cell>
        </row>
        <row r="891">
          <cell r="E891">
            <v>0</v>
          </cell>
          <cell r="H891">
            <v>0</v>
          </cell>
          <cell r="I891">
            <v>0</v>
          </cell>
          <cell r="M891">
            <v>0</v>
          </cell>
          <cell r="Q891">
            <v>0</v>
          </cell>
        </row>
        <row r="892">
          <cell r="E892">
            <v>0</v>
          </cell>
          <cell r="H892">
            <v>0</v>
          </cell>
          <cell r="I892">
            <v>0</v>
          </cell>
          <cell r="M892">
            <v>0</v>
          </cell>
          <cell r="Q892">
            <v>0</v>
          </cell>
        </row>
        <row r="893">
          <cell r="E893">
            <v>0</v>
          </cell>
          <cell r="H893">
            <v>0</v>
          </cell>
          <cell r="I893">
            <v>0</v>
          </cell>
          <cell r="M893">
            <v>0</v>
          </cell>
          <cell r="Q893">
            <v>0</v>
          </cell>
        </row>
        <row r="894">
          <cell r="E894">
            <v>0</v>
          </cell>
          <cell r="H894">
            <v>0</v>
          </cell>
          <cell r="I894">
            <v>0</v>
          </cell>
          <cell r="M894">
            <v>0</v>
          </cell>
          <cell r="Q894">
            <v>0</v>
          </cell>
        </row>
        <row r="895">
          <cell r="E895">
            <v>0</v>
          </cell>
          <cell r="H895">
            <v>0</v>
          </cell>
          <cell r="I895">
            <v>0</v>
          </cell>
          <cell r="M895">
            <v>0</v>
          </cell>
          <cell r="Q895">
            <v>0</v>
          </cell>
        </row>
        <row r="896">
          <cell r="E896">
            <v>0</v>
          </cell>
          <cell r="H896">
            <v>0</v>
          </cell>
          <cell r="I896">
            <v>0</v>
          </cell>
          <cell r="M896">
            <v>0</v>
          </cell>
          <cell r="Q896">
            <v>0</v>
          </cell>
        </row>
        <row r="897">
          <cell r="E897">
            <v>0</v>
          </cell>
          <cell r="H897">
            <v>0</v>
          </cell>
          <cell r="I897">
            <v>0</v>
          </cell>
          <cell r="M897">
            <v>0</v>
          </cell>
          <cell r="Q897">
            <v>0</v>
          </cell>
        </row>
        <row r="898">
          <cell r="E898">
            <v>0</v>
          </cell>
          <cell r="H898">
            <v>0</v>
          </cell>
          <cell r="I898">
            <v>0</v>
          </cell>
          <cell r="M898">
            <v>0</v>
          </cell>
          <cell r="Q898">
            <v>0</v>
          </cell>
        </row>
        <row r="899">
          <cell r="E899">
            <v>0</v>
          </cell>
          <cell r="H899">
            <v>0</v>
          </cell>
          <cell r="I899">
            <v>0</v>
          </cell>
          <cell r="M899">
            <v>0</v>
          </cell>
          <cell r="Q899">
            <v>0</v>
          </cell>
        </row>
        <row r="900">
          <cell r="E900">
            <v>0</v>
          </cell>
          <cell r="H900">
            <v>0</v>
          </cell>
          <cell r="I900">
            <v>0</v>
          </cell>
          <cell r="M900">
            <v>0</v>
          </cell>
          <cell r="Q900">
            <v>0</v>
          </cell>
        </row>
        <row r="901">
          <cell r="E901">
            <v>0</v>
          </cell>
          <cell r="H901">
            <v>0</v>
          </cell>
          <cell r="I901">
            <v>0</v>
          </cell>
          <cell r="M901">
            <v>0</v>
          </cell>
          <cell r="Q901">
            <v>0</v>
          </cell>
        </row>
        <row r="902">
          <cell r="E902">
            <v>0</v>
          </cell>
          <cell r="H902">
            <v>0</v>
          </cell>
          <cell r="I902">
            <v>0</v>
          </cell>
          <cell r="M902">
            <v>0</v>
          </cell>
          <cell r="Q902">
            <v>0</v>
          </cell>
        </row>
        <row r="903">
          <cell r="E903">
            <v>0</v>
          </cell>
          <cell r="H903">
            <v>0</v>
          </cell>
          <cell r="I903">
            <v>0</v>
          </cell>
          <cell r="M903">
            <v>0</v>
          </cell>
          <cell r="Q903">
            <v>0</v>
          </cell>
        </row>
        <row r="904">
          <cell r="E904">
            <v>0</v>
          </cell>
          <cell r="H904">
            <v>0</v>
          </cell>
          <cell r="I904">
            <v>0</v>
          </cell>
          <cell r="M904">
            <v>0</v>
          </cell>
          <cell r="Q904">
            <v>0</v>
          </cell>
        </row>
        <row r="905">
          <cell r="E905">
            <v>0</v>
          </cell>
          <cell r="H905">
            <v>0</v>
          </cell>
          <cell r="I905">
            <v>0</v>
          </cell>
          <cell r="M905">
            <v>0</v>
          </cell>
          <cell r="Q905">
            <v>0</v>
          </cell>
        </row>
        <row r="906">
          <cell r="E906">
            <v>0</v>
          </cell>
          <cell r="H906">
            <v>0</v>
          </cell>
          <cell r="I906">
            <v>0</v>
          </cell>
          <cell r="M906">
            <v>0</v>
          </cell>
          <cell r="Q906">
            <v>0</v>
          </cell>
        </row>
        <row r="907">
          <cell r="E907">
            <v>0</v>
          </cell>
          <cell r="H907">
            <v>0</v>
          </cell>
          <cell r="I907">
            <v>0</v>
          </cell>
          <cell r="M907">
            <v>0</v>
          </cell>
          <cell r="Q907">
            <v>0</v>
          </cell>
        </row>
        <row r="908">
          <cell r="E908">
            <v>0</v>
          </cell>
          <cell r="H908">
            <v>0</v>
          </cell>
          <cell r="I908">
            <v>0</v>
          </cell>
          <cell r="M908">
            <v>0</v>
          </cell>
          <cell r="Q908">
            <v>0</v>
          </cell>
        </row>
        <row r="909">
          <cell r="E909">
            <v>0</v>
          </cell>
          <cell r="H909">
            <v>0</v>
          </cell>
          <cell r="I909">
            <v>0</v>
          </cell>
          <cell r="M909">
            <v>0</v>
          </cell>
          <cell r="Q909">
            <v>0</v>
          </cell>
        </row>
        <row r="910">
          <cell r="E910">
            <v>0</v>
          </cell>
          <cell r="H910">
            <v>0</v>
          </cell>
          <cell r="I910">
            <v>0</v>
          </cell>
          <cell r="M910">
            <v>0</v>
          </cell>
          <cell r="Q910">
            <v>0</v>
          </cell>
        </row>
        <row r="911">
          <cell r="E911">
            <v>0</v>
          </cell>
          <cell r="H911">
            <v>0</v>
          </cell>
          <cell r="I911">
            <v>0</v>
          </cell>
          <cell r="M911">
            <v>0</v>
          </cell>
          <cell r="Q911">
            <v>0</v>
          </cell>
        </row>
        <row r="912">
          <cell r="E912">
            <v>0</v>
          </cell>
          <cell r="H912">
            <v>0</v>
          </cell>
          <cell r="I912">
            <v>0</v>
          </cell>
          <cell r="M912">
            <v>0</v>
          </cell>
          <cell r="Q912">
            <v>0</v>
          </cell>
        </row>
        <row r="913">
          <cell r="E913">
            <v>0</v>
          </cell>
          <cell r="H913">
            <v>0</v>
          </cell>
          <cell r="I913">
            <v>0</v>
          </cell>
          <cell r="M913">
            <v>0</v>
          </cell>
          <cell r="Q913">
            <v>0</v>
          </cell>
        </row>
        <row r="914">
          <cell r="E914">
            <v>0</v>
          </cell>
          <cell r="H914">
            <v>0</v>
          </cell>
          <cell r="I914">
            <v>0</v>
          </cell>
          <cell r="M914">
            <v>0</v>
          </cell>
          <cell r="Q914">
            <v>0</v>
          </cell>
        </row>
        <row r="915">
          <cell r="E915">
            <v>0</v>
          </cell>
          <cell r="H915">
            <v>0</v>
          </cell>
          <cell r="I915">
            <v>0</v>
          </cell>
          <cell r="M915">
            <v>0</v>
          </cell>
          <cell r="Q915">
            <v>0</v>
          </cell>
        </row>
        <row r="916">
          <cell r="E916">
            <v>0</v>
          </cell>
          <cell r="H916">
            <v>0</v>
          </cell>
          <cell r="I916">
            <v>0</v>
          </cell>
          <cell r="M916">
            <v>0</v>
          </cell>
          <cell r="Q916">
            <v>0</v>
          </cell>
        </row>
        <row r="917">
          <cell r="E917">
            <v>0</v>
          </cell>
          <cell r="H917">
            <v>0</v>
          </cell>
          <cell r="I917">
            <v>0</v>
          </cell>
          <cell r="M917">
            <v>0</v>
          </cell>
          <cell r="Q917">
            <v>0</v>
          </cell>
        </row>
        <row r="918">
          <cell r="E918">
            <v>0</v>
          </cell>
          <cell r="H918">
            <v>0</v>
          </cell>
          <cell r="I918">
            <v>0</v>
          </cell>
          <cell r="M918">
            <v>0</v>
          </cell>
          <cell r="Q918">
            <v>0</v>
          </cell>
        </row>
        <row r="919">
          <cell r="E919">
            <v>0</v>
          </cell>
          <cell r="H919">
            <v>0</v>
          </cell>
          <cell r="I919">
            <v>0</v>
          </cell>
          <cell r="M919">
            <v>0</v>
          </cell>
          <cell r="Q919">
            <v>0</v>
          </cell>
        </row>
        <row r="920">
          <cell r="E920">
            <v>0</v>
          </cell>
          <cell r="H920">
            <v>0</v>
          </cell>
          <cell r="I920">
            <v>0</v>
          </cell>
          <cell r="M920">
            <v>0</v>
          </cell>
          <cell r="Q920">
            <v>0</v>
          </cell>
        </row>
        <row r="921">
          <cell r="E921">
            <v>0</v>
          </cell>
          <cell r="H921">
            <v>0</v>
          </cell>
          <cell r="I921">
            <v>0</v>
          </cell>
          <cell r="M921">
            <v>0</v>
          </cell>
          <cell r="Q921">
            <v>0</v>
          </cell>
        </row>
        <row r="922">
          <cell r="E922">
            <v>0</v>
          </cell>
          <cell r="H922">
            <v>0</v>
          </cell>
          <cell r="I922">
            <v>0</v>
          </cell>
          <cell r="M922">
            <v>0</v>
          </cell>
          <cell r="Q922">
            <v>0</v>
          </cell>
        </row>
        <row r="923">
          <cell r="E923">
            <v>0</v>
          </cell>
          <cell r="H923">
            <v>0</v>
          </cell>
          <cell r="I923">
            <v>0</v>
          </cell>
          <cell r="M923">
            <v>0</v>
          </cell>
          <cell r="Q923">
            <v>0</v>
          </cell>
        </row>
        <row r="924">
          <cell r="E924">
            <v>0</v>
          </cell>
          <cell r="H924">
            <v>0</v>
          </cell>
          <cell r="I924">
            <v>0</v>
          </cell>
          <cell r="M924">
            <v>0</v>
          </cell>
          <cell r="Q924">
            <v>0</v>
          </cell>
        </row>
        <row r="925">
          <cell r="E925">
            <v>0</v>
          </cell>
          <cell r="H925">
            <v>0</v>
          </cell>
          <cell r="I925">
            <v>0</v>
          </cell>
          <cell r="M925">
            <v>0</v>
          </cell>
          <cell r="Q925">
            <v>0</v>
          </cell>
        </row>
        <row r="926">
          <cell r="E926">
            <v>0</v>
          </cell>
          <cell r="H926">
            <v>0</v>
          </cell>
          <cell r="I926">
            <v>0</v>
          </cell>
          <cell r="M926">
            <v>0</v>
          </cell>
          <cell r="Q926">
            <v>0</v>
          </cell>
        </row>
        <row r="927">
          <cell r="E927">
            <v>0</v>
          </cell>
          <cell r="H927">
            <v>0</v>
          </cell>
          <cell r="I927">
            <v>0</v>
          </cell>
          <cell r="M927">
            <v>0</v>
          </cell>
          <cell r="Q927">
            <v>0</v>
          </cell>
        </row>
        <row r="928">
          <cell r="E928">
            <v>0</v>
          </cell>
          <cell r="H928">
            <v>0</v>
          </cell>
          <cell r="I928">
            <v>0</v>
          </cell>
          <cell r="M928">
            <v>0</v>
          </cell>
          <cell r="Q928">
            <v>0</v>
          </cell>
        </row>
        <row r="929">
          <cell r="E929">
            <v>0</v>
          </cell>
          <cell r="H929">
            <v>0</v>
          </cell>
          <cell r="I929">
            <v>0</v>
          </cell>
          <cell r="M929">
            <v>0</v>
          </cell>
          <cell r="Q929">
            <v>0</v>
          </cell>
        </row>
        <row r="930">
          <cell r="E930">
            <v>0</v>
          </cell>
          <cell r="H930">
            <v>0</v>
          </cell>
          <cell r="I930">
            <v>0</v>
          </cell>
          <cell r="M930">
            <v>0</v>
          </cell>
          <cell r="Q930">
            <v>0</v>
          </cell>
        </row>
        <row r="931">
          <cell r="E931">
            <v>0</v>
          </cell>
          <cell r="H931">
            <v>0</v>
          </cell>
          <cell r="I931">
            <v>0</v>
          </cell>
          <cell r="M931">
            <v>0</v>
          </cell>
          <cell r="Q931">
            <v>0</v>
          </cell>
        </row>
        <row r="932">
          <cell r="E932">
            <v>0</v>
          </cell>
          <cell r="H932">
            <v>0</v>
          </cell>
          <cell r="I932">
            <v>0</v>
          </cell>
          <cell r="M932">
            <v>0</v>
          </cell>
          <cell r="Q932">
            <v>0</v>
          </cell>
        </row>
        <row r="933">
          <cell r="E933">
            <v>0</v>
          </cell>
          <cell r="H933">
            <v>0</v>
          </cell>
          <cell r="I933">
            <v>0</v>
          </cell>
          <cell r="M933">
            <v>0</v>
          </cell>
          <cell r="Q933">
            <v>0</v>
          </cell>
        </row>
        <row r="934">
          <cell r="E934">
            <v>0</v>
          </cell>
          <cell r="H934">
            <v>0</v>
          </cell>
          <cell r="I934">
            <v>0</v>
          </cell>
          <cell r="M934">
            <v>0</v>
          </cell>
          <cell r="Q934">
            <v>0</v>
          </cell>
        </row>
        <row r="935">
          <cell r="E935">
            <v>0</v>
          </cell>
          <cell r="H935">
            <v>0</v>
          </cell>
          <cell r="I935">
            <v>0</v>
          </cell>
          <cell r="M935">
            <v>0</v>
          </cell>
          <cell r="Q935">
            <v>0</v>
          </cell>
        </row>
        <row r="936">
          <cell r="E936">
            <v>0</v>
          </cell>
          <cell r="H936">
            <v>0</v>
          </cell>
          <cell r="I936">
            <v>0</v>
          </cell>
          <cell r="M936">
            <v>0</v>
          </cell>
          <cell r="Q936">
            <v>0</v>
          </cell>
        </row>
        <row r="937">
          <cell r="E937">
            <v>0</v>
          </cell>
          <cell r="H937">
            <v>0</v>
          </cell>
          <cell r="I937">
            <v>0</v>
          </cell>
          <cell r="M937">
            <v>0</v>
          </cell>
          <cell r="Q937">
            <v>0</v>
          </cell>
        </row>
        <row r="938">
          <cell r="E938">
            <v>0</v>
          </cell>
          <cell r="H938">
            <v>0</v>
          </cell>
          <cell r="I938">
            <v>0</v>
          </cell>
          <cell r="M938">
            <v>0</v>
          </cell>
          <cell r="Q938">
            <v>0</v>
          </cell>
        </row>
        <row r="939">
          <cell r="E939">
            <v>0</v>
          </cell>
          <cell r="H939">
            <v>0</v>
          </cell>
          <cell r="I939">
            <v>0</v>
          </cell>
          <cell r="M939">
            <v>0</v>
          </cell>
          <cell r="Q939">
            <v>0</v>
          </cell>
        </row>
        <row r="940">
          <cell r="E940">
            <v>0</v>
          </cell>
          <cell r="H940">
            <v>0</v>
          </cell>
          <cell r="I940">
            <v>0</v>
          </cell>
          <cell r="M940">
            <v>0</v>
          </cell>
          <cell r="Q940">
            <v>0</v>
          </cell>
        </row>
        <row r="941">
          <cell r="E941">
            <v>0</v>
          </cell>
          <cell r="H941">
            <v>0</v>
          </cell>
          <cell r="I941">
            <v>0</v>
          </cell>
          <cell r="M941">
            <v>0</v>
          </cell>
          <cell r="Q941">
            <v>0</v>
          </cell>
        </row>
        <row r="942">
          <cell r="E942">
            <v>0</v>
          </cell>
          <cell r="H942">
            <v>0</v>
          </cell>
          <cell r="I942">
            <v>0</v>
          </cell>
          <cell r="M942">
            <v>0</v>
          </cell>
          <cell r="Q942">
            <v>0</v>
          </cell>
        </row>
        <row r="943">
          <cell r="E943">
            <v>0</v>
          </cell>
          <cell r="H943">
            <v>0</v>
          </cell>
          <cell r="I943">
            <v>0</v>
          </cell>
          <cell r="M943">
            <v>0</v>
          </cell>
          <cell r="Q943">
            <v>0</v>
          </cell>
        </row>
        <row r="944">
          <cell r="E944">
            <v>0</v>
          </cell>
          <cell r="H944">
            <v>0</v>
          </cell>
          <cell r="I944">
            <v>0</v>
          </cell>
          <cell r="M944">
            <v>0</v>
          </cell>
          <cell r="Q944">
            <v>0</v>
          </cell>
        </row>
        <row r="945">
          <cell r="E945">
            <v>0</v>
          </cell>
          <cell r="H945">
            <v>0</v>
          </cell>
          <cell r="I945">
            <v>0</v>
          </cell>
          <cell r="M945">
            <v>0</v>
          </cell>
          <cell r="Q945">
            <v>0</v>
          </cell>
        </row>
        <row r="946">
          <cell r="E946">
            <v>0</v>
          </cell>
          <cell r="H946">
            <v>0</v>
          </cell>
          <cell r="I946">
            <v>0</v>
          </cell>
          <cell r="M946">
            <v>0</v>
          </cell>
          <cell r="Q946">
            <v>0</v>
          </cell>
        </row>
        <row r="947">
          <cell r="E947">
            <v>0</v>
          </cell>
          <cell r="H947">
            <v>0</v>
          </cell>
          <cell r="I947">
            <v>0</v>
          </cell>
          <cell r="M947">
            <v>0</v>
          </cell>
          <cell r="Q947">
            <v>0</v>
          </cell>
        </row>
        <row r="948">
          <cell r="E948">
            <v>0</v>
          </cell>
          <cell r="H948">
            <v>0</v>
          </cell>
          <cell r="I948">
            <v>0</v>
          </cell>
          <cell r="M948">
            <v>0</v>
          </cell>
          <cell r="Q948">
            <v>0</v>
          </cell>
        </row>
        <row r="949">
          <cell r="E949">
            <v>0</v>
          </cell>
          <cell r="H949">
            <v>0</v>
          </cell>
          <cell r="I949">
            <v>0</v>
          </cell>
          <cell r="M949">
            <v>0</v>
          </cell>
          <cell r="Q949">
            <v>0</v>
          </cell>
        </row>
        <row r="950">
          <cell r="E950">
            <v>0</v>
          </cell>
          <cell r="H950">
            <v>0</v>
          </cell>
          <cell r="I950">
            <v>0</v>
          </cell>
          <cell r="M950">
            <v>0</v>
          </cell>
          <cell r="Q950">
            <v>0</v>
          </cell>
        </row>
        <row r="951">
          <cell r="E951">
            <v>0</v>
          </cell>
          <cell r="H951">
            <v>0</v>
          </cell>
          <cell r="I951">
            <v>0</v>
          </cell>
          <cell r="M951">
            <v>0</v>
          </cell>
          <cell r="Q951">
            <v>0</v>
          </cell>
        </row>
        <row r="952">
          <cell r="E952">
            <v>0</v>
          </cell>
          <cell r="H952">
            <v>0</v>
          </cell>
          <cell r="I952">
            <v>0</v>
          </cell>
          <cell r="M952">
            <v>0</v>
          </cell>
          <cell r="Q952">
            <v>0</v>
          </cell>
        </row>
        <row r="953">
          <cell r="E953">
            <v>0</v>
          </cell>
          <cell r="H953">
            <v>0</v>
          </cell>
          <cell r="I953">
            <v>0</v>
          </cell>
          <cell r="M953">
            <v>0</v>
          </cell>
          <cell r="Q953">
            <v>0</v>
          </cell>
        </row>
        <row r="954">
          <cell r="E954">
            <v>0</v>
          </cell>
          <cell r="H954">
            <v>0</v>
          </cell>
          <cell r="I954">
            <v>0</v>
          </cell>
          <cell r="M954">
            <v>0</v>
          </cell>
          <cell r="Q954">
            <v>0</v>
          </cell>
        </row>
        <row r="955">
          <cell r="E955">
            <v>0</v>
          </cell>
          <cell r="H955">
            <v>0</v>
          </cell>
          <cell r="I955">
            <v>0</v>
          </cell>
          <cell r="M955">
            <v>0</v>
          </cell>
          <cell r="Q955">
            <v>0</v>
          </cell>
        </row>
        <row r="956">
          <cell r="E956">
            <v>0</v>
          </cell>
          <cell r="H956">
            <v>0</v>
          </cell>
          <cell r="I956">
            <v>0</v>
          </cell>
          <cell r="M956">
            <v>0</v>
          </cell>
          <cell r="Q956">
            <v>0</v>
          </cell>
        </row>
        <row r="957">
          <cell r="E957">
            <v>0</v>
          </cell>
          <cell r="H957">
            <v>0</v>
          </cell>
          <cell r="I957">
            <v>0</v>
          </cell>
          <cell r="M957">
            <v>0</v>
          </cell>
          <cell r="Q957">
            <v>0</v>
          </cell>
        </row>
        <row r="958">
          <cell r="E958">
            <v>0</v>
          </cell>
          <cell r="H958">
            <v>0</v>
          </cell>
          <cell r="I958">
            <v>0</v>
          </cell>
          <cell r="M958">
            <v>0</v>
          </cell>
          <cell r="Q958">
            <v>0</v>
          </cell>
        </row>
        <row r="959">
          <cell r="E959">
            <v>0</v>
          </cell>
          <cell r="H959">
            <v>0</v>
          </cell>
          <cell r="I959">
            <v>0</v>
          </cell>
          <cell r="M959">
            <v>0</v>
          </cell>
          <cell r="Q959">
            <v>0</v>
          </cell>
        </row>
        <row r="960">
          <cell r="E960">
            <v>0</v>
          </cell>
          <cell r="H960">
            <v>0</v>
          </cell>
          <cell r="I960">
            <v>0</v>
          </cell>
          <cell r="M960">
            <v>0</v>
          </cell>
          <cell r="Q960">
            <v>0</v>
          </cell>
        </row>
        <row r="961">
          <cell r="E961">
            <v>0</v>
          </cell>
          <cell r="H961">
            <v>0</v>
          </cell>
          <cell r="I961">
            <v>0</v>
          </cell>
          <cell r="M961">
            <v>0</v>
          </cell>
          <cell r="Q961">
            <v>0</v>
          </cell>
        </row>
        <row r="962">
          <cell r="E962">
            <v>0</v>
          </cell>
          <cell r="H962">
            <v>0</v>
          </cell>
          <cell r="I962">
            <v>0</v>
          </cell>
          <cell r="M962">
            <v>0</v>
          </cell>
          <cell r="Q962">
            <v>0</v>
          </cell>
        </row>
        <row r="963">
          <cell r="E963">
            <v>0</v>
          </cell>
          <cell r="H963">
            <v>0</v>
          </cell>
          <cell r="I963">
            <v>0</v>
          </cell>
          <cell r="M963">
            <v>0</v>
          </cell>
          <cell r="Q963">
            <v>0</v>
          </cell>
        </row>
        <row r="964">
          <cell r="E964">
            <v>0</v>
          </cell>
          <cell r="H964">
            <v>0</v>
          </cell>
          <cell r="I964">
            <v>0</v>
          </cell>
          <cell r="M964">
            <v>0</v>
          </cell>
          <cell r="Q964">
            <v>0</v>
          </cell>
        </row>
        <row r="965">
          <cell r="E965">
            <v>0</v>
          </cell>
          <cell r="H965">
            <v>0</v>
          </cell>
          <cell r="I965">
            <v>0</v>
          </cell>
          <cell r="M965">
            <v>0</v>
          </cell>
          <cell r="Q965">
            <v>0</v>
          </cell>
        </row>
        <row r="966">
          <cell r="E966">
            <v>0</v>
          </cell>
          <cell r="H966">
            <v>0</v>
          </cell>
          <cell r="I966">
            <v>0</v>
          </cell>
          <cell r="M966">
            <v>0</v>
          </cell>
          <cell r="Q966">
            <v>0</v>
          </cell>
        </row>
        <row r="967">
          <cell r="E967">
            <v>0</v>
          </cell>
          <cell r="H967">
            <v>0</v>
          </cell>
          <cell r="I967">
            <v>0</v>
          </cell>
          <cell r="M967">
            <v>0</v>
          </cell>
          <cell r="Q967">
            <v>0</v>
          </cell>
        </row>
        <row r="968">
          <cell r="E968">
            <v>0</v>
          </cell>
          <cell r="H968">
            <v>0</v>
          </cell>
          <cell r="I968">
            <v>0</v>
          </cell>
          <cell r="M968">
            <v>0</v>
          </cell>
          <cell r="Q968">
            <v>0</v>
          </cell>
        </row>
        <row r="969">
          <cell r="E969">
            <v>0</v>
          </cell>
          <cell r="H969">
            <v>0</v>
          </cell>
          <cell r="I969">
            <v>0</v>
          </cell>
          <cell r="M969">
            <v>0</v>
          </cell>
          <cell r="Q969">
            <v>0</v>
          </cell>
        </row>
        <row r="970">
          <cell r="E970">
            <v>0</v>
          </cell>
          <cell r="H970">
            <v>0</v>
          </cell>
          <cell r="I970">
            <v>0</v>
          </cell>
          <cell r="M970">
            <v>0</v>
          </cell>
          <cell r="Q970">
            <v>0</v>
          </cell>
        </row>
        <row r="971">
          <cell r="E971">
            <v>0</v>
          </cell>
          <cell r="H971">
            <v>0</v>
          </cell>
          <cell r="I971">
            <v>0</v>
          </cell>
          <cell r="M971">
            <v>0</v>
          </cell>
          <cell r="Q971">
            <v>0</v>
          </cell>
        </row>
        <row r="972">
          <cell r="E972">
            <v>0</v>
          </cell>
          <cell r="H972">
            <v>0</v>
          </cell>
          <cell r="I972">
            <v>0</v>
          </cell>
          <cell r="M972">
            <v>0</v>
          </cell>
          <cell r="Q972">
            <v>0</v>
          </cell>
        </row>
        <row r="973">
          <cell r="E973">
            <v>0</v>
          </cell>
          <cell r="H973">
            <v>0</v>
          </cell>
          <cell r="I973">
            <v>0</v>
          </cell>
          <cell r="M973">
            <v>0</v>
          </cell>
          <cell r="Q973">
            <v>0</v>
          </cell>
        </row>
        <row r="974">
          <cell r="E974">
            <v>0</v>
          </cell>
          <cell r="H974">
            <v>0</v>
          </cell>
          <cell r="I974">
            <v>0</v>
          </cell>
          <cell r="M974">
            <v>0</v>
          </cell>
          <cell r="Q974">
            <v>0</v>
          </cell>
        </row>
        <row r="975">
          <cell r="E975">
            <v>0</v>
          </cell>
          <cell r="H975">
            <v>0</v>
          </cell>
          <cell r="I975">
            <v>0</v>
          </cell>
          <cell r="M975">
            <v>0</v>
          </cell>
          <cell r="Q975">
            <v>0</v>
          </cell>
        </row>
        <row r="976">
          <cell r="E976">
            <v>0</v>
          </cell>
          <cell r="H976">
            <v>0</v>
          </cell>
          <cell r="I976">
            <v>0</v>
          </cell>
          <cell r="M976">
            <v>0</v>
          </cell>
          <cell r="Q976">
            <v>0</v>
          </cell>
        </row>
        <row r="977">
          <cell r="E977">
            <v>0</v>
          </cell>
          <cell r="H977">
            <v>0</v>
          </cell>
          <cell r="I977">
            <v>0</v>
          </cell>
          <cell r="M977">
            <v>0</v>
          </cell>
          <cell r="Q977">
            <v>0</v>
          </cell>
        </row>
        <row r="978">
          <cell r="E978">
            <v>0</v>
          </cell>
          <cell r="H978">
            <v>0</v>
          </cell>
          <cell r="I978">
            <v>0</v>
          </cell>
          <cell r="M978">
            <v>0</v>
          </cell>
          <cell r="Q978">
            <v>0</v>
          </cell>
        </row>
        <row r="979">
          <cell r="E979">
            <v>0</v>
          </cell>
          <cell r="H979">
            <v>0</v>
          </cell>
          <cell r="I979">
            <v>0</v>
          </cell>
          <cell r="M979">
            <v>0</v>
          </cell>
          <cell r="Q979">
            <v>0</v>
          </cell>
        </row>
        <row r="980">
          <cell r="E980">
            <v>0</v>
          </cell>
          <cell r="H980">
            <v>0</v>
          </cell>
          <cell r="I980">
            <v>0</v>
          </cell>
          <cell r="M980">
            <v>0</v>
          </cell>
          <cell r="Q980">
            <v>0</v>
          </cell>
        </row>
        <row r="981">
          <cell r="E981">
            <v>0</v>
          </cell>
          <cell r="H981">
            <v>0</v>
          </cell>
          <cell r="I981">
            <v>0</v>
          </cell>
          <cell r="M981">
            <v>0</v>
          </cell>
          <cell r="Q981">
            <v>0</v>
          </cell>
        </row>
        <row r="982">
          <cell r="E982">
            <v>0</v>
          </cell>
          <cell r="H982">
            <v>0</v>
          </cell>
          <cell r="I982">
            <v>0</v>
          </cell>
          <cell r="M982">
            <v>0</v>
          </cell>
          <cell r="Q982">
            <v>0</v>
          </cell>
        </row>
        <row r="983">
          <cell r="E983">
            <v>0</v>
          </cell>
          <cell r="H983">
            <v>0</v>
          </cell>
          <cell r="I983">
            <v>0</v>
          </cell>
          <cell r="M983">
            <v>0</v>
          </cell>
          <cell r="Q983">
            <v>0</v>
          </cell>
        </row>
        <row r="984">
          <cell r="E984">
            <v>0</v>
          </cell>
          <cell r="H984">
            <v>0</v>
          </cell>
          <cell r="I984">
            <v>0</v>
          </cell>
          <cell r="M984">
            <v>0</v>
          </cell>
          <cell r="Q984">
            <v>0</v>
          </cell>
        </row>
        <row r="985">
          <cell r="E985">
            <v>0</v>
          </cell>
          <cell r="H985">
            <v>0</v>
          </cell>
          <cell r="I985">
            <v>0</v>
          </cell>
          <cell r="M985">
            <v>0</v>
          </cell>
          <cell r="Q985">
            <v>0</v>
          </cell>
        </row>
        <row r="986">
          <cell r="E986">
            <v>0</v>
          </cell>
          <cell r="H986">
            <v>0</v>
          </cell>
          <cell r="I986">
            <v>0</v>
          </cell>
          <cell r="M986">
            <v>0</v>
          </cell>
          <cell r="Q986">
            <v>0</v>
          </cell>
        </row>
        <row r="987">
          <cell r="E987">
            <v>0</v>
          </cell>
          <cell r="H987">
            <v>0</v>
          </cell>
          <cell r="I987">
            <v>0</v>
          </cell>
          <cell r="M987">
            <v>0</v>
          </cell>
          <cell r="Q987">
            <v>0</v>
          </cell>
        </row>
        <row r="988">
          <cell r="E988">
            <v>0</v>
          </cell>
          <cell r="H988">
            <v>0</v>
          </cell>
          <cell r="I988">
            <v>0</v>
          </cell>
          <cell r="M988">
            <v>0</v>
          </cell>
          <cell r="Q988">
            <v>0</v>
          </cell>
        </row>
        <row r="989">
          <cell r="E989">
            <v>0</v>
          </cell>
          <cell r="H989">
            <v>0</v>
          </cell>
          <cell r="I989">
            <v>0</v>
          </cell>
          <cell r="M989">
            <v>0</v>
          </cell>
          <cell r="Q989">
            <v>0</v>
          </cell>
        </row>
        <row r="990">
          <cell r="E990">
            <v>0</v>
          </cell>
          <cell r="H990">
            <v>0</v>
          </cell>
          <cell r="I990">
            <v>0</v>
          </cell>
          <cell r="M990">
            <v>0</v>
          </cell>
          <cell r="Q990">
            <v>0</v>
          </cell>
        </row>
        <row r="991">
          <cell r="E991">
            <v>0</v>
          </cell>
          <cell r="H991">
            <v>0</v>
          </cell>
          <cell r="I991">
            <v>0</v>
          </cell>
          <cell r="M991">
            <v>0</v>
          </cell>
          <cell r="Q991">
            <v>0</v>
          </cell>
        </row>
        <row r="992">
          <cell r="E992">
            <v>0</v>
          </cell>
          <cell r="H992">
            <v>0</v>
          </cell>
          <cell r="I992">
            <v>0</v>
          </cell>
          <cell r="M992">
            <v>0</v>
          </cell>
          <cell r="Q992">
            <v>0</v>
          </cell>
        </row>
        <row r="993">
          <cell r="E993">
            <v>0</v>
          </cell>
          <cell r="H993">
            <v>0</v>
          </cell>
          <cell r="I993">
            <v>0</v>
          </cell>
          <cell r="M993">
            <v>0</v>
          </cell>
          <cell r="Q993">
            <v>0</v>
          </cell>
        </row>
        <row r="994">
          <cell r="E994">
            <v>0</v>
          </cell>
          <cell r="H994">
            <v>0</v>
          </cell>
          <cell r="I994">
            <v>0</v>
          </cell>
          <cell r="M994">
            <v>0</v>
          </cell>
          <cell r="Q994">
            <v>0</v>
          </cell>
        </row>
        <row r="995">
          <cell r="E995">
            <v>0</v>
          </cell>
          <cell r="H995">
            <v>0</v>
          </cell>
          <cell r="I995">
            <v>0</v>
          </cell>
          <cell r="M995">
            <v>0</v>
          </cell>
          <cell r="Q995">
            <v>0</v>
          </cell>
        </row>
        <row r="996">
          <cell r="E996">
            <v>0</v>
          </cell>
          <cell r="H996">
            <v>0</v>
          </cell>
          <cell r="I996">
            <v>0</v>
          </cell>
          <cell r="M996">
            <v>0</v>
          </cell>
          <cell r="Q996">
            <v>0</v>
          </cell>
        </row>
        <row r="997">
          <cell r="E997">
            <v>0</v>
          </cell>
          <cell r="H997">
            <v>0</v>
          </cell>
          <cell r="I997">
            <v>0</v>
          </cell>
          <cell r="M997">
            <v>0</v>
          </cell>
          <cell r="Q997">
            <v>0</v>
          </cell>
        </row>
        <row r="998">
          <cell r="E998">
            <v>0</v>
          </cell>
          <cell r="H998">
            <v>0</v>
          </cell>
          <cell r="I998">
            <v>0</v>
          </cell>
          <cell r="M998">
            <v>0</v>
          </cell>
          <cell r="Q998">
            <v>0</v>
          </cell>
        </row>
        <row r="999">
          <cell r="E999">
            <v>0</v>
          </cell>
          <cell r="H999">
            <v>0</v>
          </cell>
          <cell r="I999">
            <v>0</v>
          </cell>
          <cell r="M999">
            <v>0</v>
          </cell>
          <cell r="Q999">
            <v>0</v>
          </cell>
        </row>
        <row r="1000">
          <cell r="E1000">
            <v>0</v>
          </cell>
          <cell r="H1000">
            <v>0</v>
          </cell>
          <cell r="I1000">
            <v>0</v>
          </cell>
          <cell r="M1000">
            <v>0</v>
          </cell>
          <cell r="Q1000">
            <v>0</v>
          </cell>
        </row>
        <row r="1001">
          <cell r="E1001">
            <v>0</v>
          </cell>
          <cell r="H1001">
            <v>0</v>
          </cell>
          <cell r="I1001">
            <v>0</v>
          </cell>
          <cell r="M1001">
            <v>0</v>
          </cell>
          <cell r="Q1001">
            <v>0</v>
          </cell>
        </row>
        <row r="1002">
          <cell r="E1002">
            <v>0</v>
          </cell>
          <cell r="H1002">
            <v>0</v>
          </cell>
          <cell r="I1002">
            <v>0</v>
          </cell>
          <cell r="M1002">
            <v>0</v>
          </cell>
          <cell r="Q1002">
            <v>0</v>
          </cell>
        </row>
        <row r="1003">
          <cell r="E1003">
            <v>0</v>
          </cell>
          <cell r="H1003">
            <v>0</v>
          </cell>
          <cell r="I1003">
            <v>0</v>
          </cell>
          <cell r="M1003">
            <v>0</v>
          </cell>
          <cell r="Q1003">
            <v>0</v>
          </cell>
        </row>
        <row r="1004">
          <cell r="E1004">
            <v>0</v>
          </cell>
          <cell r="H1004">
            <v>0</v>
          </cell>
          <cell r="I1004">
            <v>0</v>
          </cell>
          <cell r="M1004">
            <v>0</v>
          </cell>
          <cell r="Q1004">
            <v>0</v>
          </cell>
        </row>
        <row r="1005">
          <cell r="E1005">
            <v>0</v>
          </cell>
          <cell r="H1005">
            <v>0</v>
          </cell>
          <cell r="I1005">
            <v>0</v>
          </cell>
          <cell r="M1005">
            <v>0</v>
          </cell>
          <cell r="Q1005">
            <v>0</v>
          </cell>
        </row>
        <row r="1006">
          <cell r="E1006">
            <v>0</v>
          </cell>
          <cell r="H1006">
            <v>0</v>
          </cell>
          <cell r="I1006">
            <v>0</v>
          </cell>
          <cell r="M1006">
            <v>0</v>
          </cell>
          <cell r="Q1006">
            <v>0</v>
          </cell>
        </row>
        <row r="1007">
          <cell r="E1007">
            <v>0</v>
          </cell>
          <cell r="H1007">
            <v>0</v>
          </cell>
          <cell r="I1007">
            <v>0</v>
          </cell>
          <cell r="M1007">
            <v>0</v>
          </cell>
          <cell r="Q1007">
            <v>0</v>
          </cell>
        </row>
        <row r="1008">
          <cell r="E1008">
            <v>0</v>
          </cell>
          <cell r="H1008">
            <v>0</v>
          </cell>
          <cell r="I1008">
            <v>0</v>
          </cell>
          <cell r="M1008">
            <v>0</v>
          </cell>
          <cell r="Q1008">
            <v>0</v>
          </cell>
        </row>
        <row r="1009">
          <cell r="E1009">
            <v>0</v>
          </cell>
          <cell r="H1009">
            <v>0</v>
          </cell>
          <cell r="I1009">
            <v>0</v>
          </cell>
          <cell r="M1009">
            <v>0</v>
          </cell>
          <cell r="Q1009">
            <v>0</v>
          </cell>
        </row>
        <row r="1010">
          <cell r="E1010">
            <v>0</v>
          </cell>
          <cell r="H1010">
            <v>0</v>
          </cell>
          <cell r="I1010">
            <v>0</v>
          </cell>
          <cell r="M1010">
            <v>0</v>
          </cell>
          <cell r="Q1010">
            <v>0</v>
          </cell>
        </row>
        <row r="1011">
          <cell r="E1011">
            <v>0</v>
          </cell>
          <cell r="H1011">
            <v>0</v>
          </cell>
          <cell r="I1011">
            <v>0</v>
          </cell>
          <cell r="M1011">
            <v>0</v>
          </cell>
          <cell r="Q1011">
            <v>0</v>
          </cell>
        </row>
        <row r="1012">
          <cell r="E1012">
            <v>0</v>
          </cell>
          <cell r="H1012">
            <v>0</v>
          </cell>
          <cell r="I1012">
            <v>0</v>
          </cell>
          <cell r="M1012">
            <v>0</v>
          </cell>
          <cell r="Q1012">
            <v>0</v>
          </cell>
        </row>
        <row r="1013">
          <cell r="E1013">
            <v>0</v>
          </cell>
          <cell r="H1013">
            <v>0</v>
          </cell>
          <cell r="I1013">
            <v>0</v>
          </cell>
          <cell r="M1013">
            <v>0</v>
          </cell>
          <cell r="Q1013">
            <v>0</v>
          </cell>
        </row>
        <row r="1014">
          <cell r="E1014">
            <v>0</v>
          </cell>
          <cell r="H1014">
            <v>0</v>
          </cell>
          <cell r="I1014">
            <v>0</v>
          </cell>
          <cell r="M1014">
            <v>0</v>
          </cell>
          <cell r="Q1014">
            <v>0</v>
          </cell>
        </row>
        <row r="1015">
          <cell r="E1015">
            <v>0</v>
          </cell>
          <cell r="H1015">
            <v>0</v>
          </cell>
          <cell r="I1015">
            <v>0</v>
          </cell>
          <cell r="M1015">
            <v>0</v>
          </cell>
          <cell r="Q1015">
            <v>0</v>
          </cell>
        </row>
        <row r="1016">
          <cell r="E1016">
            <v>0</v>
          </cell>
          <cell r="H1016">
            <v>0</v>
          </cell>
          <cell r="I1016">
            <v>0</v>
          </cell>
          <cell r="M1016">
            <v>0</v>
          </cell>
          <cell r="Q1016">
            <v>0</v>
          </cell>
        </row>
        <row r="1017">
          <cell r="E1017">
            <v>0</v>
          </cell>
          <cell r="H1017">
            <v>0</v>
          </cell>
          <cell r="I1017">
            <v>0</v>
          </cell>
          <cell r="M1017">
            <v>0</v>
          </cell>
          <cell r="Q1017">
            <v>0</v>
          </cell>
        </row>
        <row r="1018">
          <cell r="E1018">
            <v>0</v>
          </cell>
          <cell r="H1018">
            <v>0</v>
          </cell>
          <cell r="I1018">
            <v>0</v>
          </cell>
          <cell r="M1018">
            <v>0</v>
          </cell>
          <cell r="Q1018">
            <v>0</v>
          </cell>
        </row>
        <row r="1019">
          <cell r="E1019">
            <v>0</v>
          </cell>
          <cell r="H1019">
            <v>0</v>
          </cell>
          <cell r="I1019">
            <v>0</v>
          </cell>
          <cell r="M1019">
            <v>0</v>
          </cell>
          <cell r="Q1019">
            <v>0</v>
          </cell>
        </row>
        <row r="1020">
          <cell r="E1020">
            <v>0</v>
          </cell>
          <cell r="H1020">
            <v>0</v>
          </cell>
          <cell r="I1020">
            <v>0</v>
          </cell>
          <cell r="M1020">
            <v>0</v>
          </cell>
          <cell r="Q1020">
            <v>0</v>
          </cell>
        </row>
        <row r="1021">
          <cell r="E1021">
            <v>0</v>
          </cell>
          <cell r="H1021">
            <v>0</v>
          </cell>
          <cell r="I1021">
            <v>0</v>
          </cell>
          <cell r="M1021">
            <v>0</v>
          </cell>
          <cell r="Q1021">
            <v>0</v>
          </cell>
        </row>
        <row r="1022">
          <cell r="E1022">
            <v>0</v>
          </cell>
          <cell r="H1022">
            <v>0</v>
          </cell>
          <cell r="I1022">
            <v>0</v>
          </cell>
          <cell r="M1022">
            <v>0</v>
          </cell>
          <cell r="Q1022">
            <v>0</v>
          </cell>
        </row>
        <row r="1023">
          <cell r="E1023">
            <v>0</v>
          </cell>
          <cell r="H1023">
            <v>0</v>
          </cell>
          <cell r="I1023">
            <v>0</v>
          </cell>
          <cell r="M1023">
            <v>0</v>
          </cell>
          <cell r="Q1023">
            <v>0</v>
          </cell>
        </row>
        <row r="1024">
          <cell r="E1024">
            <v>0</v>
          </cell>
          <cell r="H1024">
            <v>0</v>
          </cell>
          <cell r="I1024">
            <v>0</v>
          </cell>
          <cell r="M1024">
            <v>0</v>
          </cell>
          <cell r="Q1024">
            <v>0</v>
          </cell>
        </row>
        <row r="1025">
          <cell r="E1025">
            <v>0</v>
          </cell>
          <cell r="H1025">
            <v>0</v>
          </cell>
          <cell r="I1025">
            <v>0</v>
          </cell>
          <cell r="M1025">
            <v>0</v>
          </cell>
          <cell r="Q1025">
            <v>0</v>
          </cell>
        </row>
        <row r="1026">
          <cell r="E1026">
            <v>0</v>
          </cell>
          <cell r="H1026">
            <v>0</v>
          </cell>
          <cell r="I1026">
            <v>0</v>
          </cell>
          <cell r="M1026">
            <v>0</v>
          </cell>
          <cell r="Q1026">
            <v>0</v>
          </cell>
        </row>
        <row r="1027">
          <cell r="E1027">
            <v>0</v>
          </cell>
          <cell r="H1027">
            <v>0</v>
          </cell>
          <cell r="I1027">
            <v>0</v>
          </cell>
          <cell r="M1027">
            <v>0</v>
          </cell>
          <cell r="Q1027">
            <v>0</v>
          </cell>
        </row>
        <row r="1028">
          <cell r="E1028">
            <v>0</v>
          </cell>
          <cell r="H1028">
            <v>0</v>
          </cell>
          <cell r="I1028">
            <v>0</v>
          </cell>
          <cell r="M1028">
            <v>0</v>
          </cell>
          <cell r="Q1028">
            <v>0</v>
          </cell>
        </row>
        <row r="1029">
          <cell r="E1029">
            <v>0</v>
          </cell>
          <cell r="H1029">
            <v>0</v>
          </cell>
          <cell r="I1029">
            <v>0</v>
          </cell>
          <cell r="M1029">
            <v>0</v>
          </cell>
          <cell r="Q1029">
            <v>0</v>
          </cell>
        </row>
        <row r="1030">
          <cell r="E1030">
            <v>0</v>
          </cell>
          <cell r="H1030">
            <v>0</v>
          </cell>
          <cell r="I1030">
            <v>0</v>
          </cell>
          <cell r="M1030">
            <v>0</v>
          </cell>
          <cell r="Q1030">
            <v>0</v>
          </cell>
        </row>
        <row r="1031">
          <cell r="E1031">
            <v>0</v>
          </cell>
          <cell r="H1031">
            <v>0</v>
          </cell>
          <cell r="I1031">
            <v>0</v>
          </cell>
          <cell r="M1031">
            <v>0</v>
          </cell>
          <cell r="Q1031">
            <v>0</v>
          </cell>
        </row>
        <row r="1032">
          <cell r="E1032">
            <v>0</v>
          </cell>
          <cell r="H1032">
            <v>0</v>
          </cell>
          <cell r="I1032">
            <v>0</v>
          </cell>
          <cell r="M1032">
            <v>0</v>
          </cell>
          <cell r="Q1032">
            <v>0</v>
          </cell>
        </row>
        <row r="1033">
          <cell r="E1033">
            <v>0</v>
          </cell>
          <cell r="H1033">
            <v>0</v>
          </cell>
          <cell r="I1033">
            <v>0</v>
          </cell>
          <cell r="M1033">
            <v>0</v>
          </cell>
          <cell r="Q1033">
            <v>0</v>
          </cell>
        </row>
        <row r="1034">
          <cell r="E1034">
            <v>0</v>
          </cell>
          <cell r="H1034">
            <v>0</v>
          </cell>
          <cell r="I1034">
            <v>0</v>
          </cell>
          <cell r="M1034">
            <v>0</v>
          </cell>
          <cell r="Q1034">
            <v>0</v>
          </cell>
        </row>
        <row r="1035">
          <cell r="E1035">
            <v>0</v>
          </cell>
          <cell r="H1035">
            <v>0</v>
          </cell>
          <cell r="I1035">
            <v>0</v>
          </cell>
          <cell r="M1035">
            <v>0</v>
          </cell>
          <cell r="Q1035">
            <v>0</v>
          </cell>
        </row>
        <row r="1036">
          <cell r="E1036">
            <v>0</v>
          </cell>
          <cell r="H1036">
            <v>0</v>
          </cell>
          <cell r="I1036">
            <v>0</v>
          </cell>
          <cell r="M1036">
            <v>0</v>
          </cell>
          <cell r="Q1036">
            <v>0</v>
          </cell>
        </row>
        <row r="1037">
          <cell r="E1037">
            <v>0</v>
          </cell>
          <cell r="H1037">
            <v>0</v>
          </cell>
          <cell r="I1037">
            <v>0</v>
          </cell>
          <cell r="M1037">
            <v>0</v>
          </cell>
          <cell r="Q1037">
            <v>0</v>
          </cell>
        </row>
        <row r="1038">
          <cell r="E1038">
            <v>0</v>
          </cell>
          <cell r="H1038">
            <v>0</v>
          </cell>
          <cell r="I1038">
            <v>0</v>
          </cell>
          <cell r="M1038">
            <v>0</v>
          </cell>
          <cell r="Q1038">
            <v>0</v>
          </cell>
        </row>
        <row r="1039">
          <cell r="E1039">
            <v>0</v>
          </cell>
          <cell r="H1039">
            <v>0</v>
          </cell>
          <cell r="I1039">
            <v>0</v>
          </cell>
          <cell r="M1039">
            <v>0</v>
          </cell>
          <cell r="Q1039">
            <v>0</v>
          </cell>
        </row>
        <row r="1040">
          <cell r="E1040">
            <v>0</v>
          </cell>
          <cell r="H1040">
            <v>0</v>
          </cell>
          <cell r="I1040">
            <v>0</v>
          </cell>
          <cell r="M1040">
            <v>0</v>
          </cell>
          <cell r="Q1040">
            <v>0</v>
          </cell>
        </row>
        <row r="1041">
          <cell r="E1041">
            <v>0</v>
          </cell>
          <cell r="H1041">
            <v>0</v>
          </cell>
          <cell r="I1041">
            <v>0</v>
          </cell>
          <cell r="M1041">
            <v>0</v>
          </cell>
          <cell r="Q1041">
            <v>0</v>
          </cell>
        </row>
        <row r="1042">
          <cell r="E1042">
            <v>0</v>
          </cell>
          <cell r="H1042">
            <v>0</v>
          </cell>
          <cell r="I1042">
            <v>0</v>
          </cell>
          <cell r="M1042">
            <v>0</v>
          </cell>
          <cell r="Q1042">
            <v>0</v>
          </cell>
        </row>
        <row r="1043">
          <cell r="E1043">
            <v>0</v>
          </cell>
          <cell r="H1043">
            <v>0</v>
          </cell>
          <cell r="I1043">
            <v>0</v>
          </cell>
          <cell r="M1043">
            <v>0</v>
          </cell>
          <cell r="Q1043">
            <v>0</v>
          </cell>
        </row>
        <row r="1044">
          <cell r="E1044">
            <v>0</v>
          </cell>
          <cell r="H1044">
            <v>0</v>
          </cell>
          <cell r="I1044">
            <v>0</v>
          </cell>
          <cell r="M1044">
            <v>0</v>
          </cell>
          <cell r="Q1044">
            <v>0</v>
          </cell>
        </row>
        <row r="1045">
          <cell r="E1045">
            <v>0</v>
          </cell>
          <cell r="H1045">
            <v>0</v>
          </cell>
          <cell r="I1045">
            <v>0</v>
          </cell>
          <cell r="M1045">
            <v>0</v>
          </cell>
          <cell r="Q1045">
            <v>0</v>
          </cell>
        </row>
        <row r="1046">
          <cell r="E1046">
            <v>0</v>
          </cell>
          <cell r="H1046">
            <v>0</v>
          </cell>
          <cell r="I1046">
            <v>0</v>
          </cell>
          <cell r="M1046">
            <v>0</v>
          </cell>
          <cell r="Q1046">
            <v>0</v>
          </cell>
        </row>
        <row r="1047">
          <cell r="E1047">
            <v>0</v>
          </cell>
          <cell r="H1047">
            <v>0</v>
          </cell>
          <cell r="I1047">
            <v>0</v>
          </cell>
          <cell r="M1047">
            <v>0</v>
          </cell>
          <cell r="Q1047">
            <v>0</v>
          </cell>
        </row>
        <row r="1048">
          <cell r="E1048">
            <v>0</v>
          </cell>
          <cell r="H1048">
            <v>0</v>
          </cell>
          <cell r="I1048">
            <v>0</v>
          </cell>
          <cell r="M1048">
            <v>0</v>
          </cell>
          <cell r="Q1048">
            <v>0</v>
          </cell>
        </row>
        <row r="1049">
          <cell r="E1049">
            <v>0</v>
          </cell>
          <cell r="H1049">
            <v>0</v>
          </cell>
          <cell r="I1049">
            <v>0</v>
          </cell>
          <cell r="M1049">
            <v>0</v>
          </cell>
          <cell r="Q1049">
            <v>0</v>
          </cell>
        </row>
        <row r="1050">
          <cell r="E1050">
            <v>0</v>
          </cell>
          <cell r="H1050">
            <v>0</v>
          </cell>
          <cell r="I1050">
            <v>0</v>
          </cell>
          <cell r="M1050">
            <v>0</v>
          </cell>
          <cell r="Q1050">
            <v>0</v>
          </cell>
        </row>
        <row r="1051">
          <cell r="E1051">
            <v>0</v>
          </cell>
          <cell r="H1051">
            <v>0</v>
          </cell>
          <cell r="I1051">
            <v>0</v>
          </cell>
          <cell r="M1051">
            <v>0</v>
          </cell>
          <cell r="Q1051">
            <v>0</v>
          </cell>
        </row>
        <row r="1052">
          <cell r="E1052">
            <v>0</v>
          </cell>
          <cell r="H1052">
            <v>0</v>
          </cell>
          <cell r="I1052">
            <v>0</v>
          </cell>
          <cell r="M1052">
            <v>0</v>
          </cell>
          <cell r="Q1052">
            <v>0</v>
          </cell>
        </row>
        <row r="1053">
          <cell r="E1053">
            <v>0</v>
          </cell>
          <cell r="H1053">
            <v>0</v>
          </cell>
          <cell r="I1053">
            <v>0</v>
          </cell>
          <cell r="M1053">
            <v>0</v>
          </cell>
          <cell r="Q1053">
            <v>0</v>
          </cell>
        </row>
        <row r="1054">
          <cell r="E1054">
            <v>0</v>
          </cell>
          <cell r="H1054">
            <v>0</v>
          </cell>
          <cell r="I1054">
            <v>0</v>
          </cell>
          <cell r="M1054">
            <v>0</v>
          </cell>
          <cell r="Q1054">
            <v>0</v>
          </cell>
        </row>
        <row r="1055">
          <cell r="E1055">
            <v>0</v>
          </cell>
          <cell r="H1055">
            <v>0</v>
          </cell>
          <cell r="I1055">
            <v>0</v>
          </cell>
          <cell r="M1055">
            <v>0</v>
          </cell>
          <cell r="Q1055">
            <v>0</v>
          </cell>
        </row>
        <row r="1056">
          <cell r="E1056">
            <v>0</v>
          </cell>
          <cell r="H1056">
            <v>0</v>
          </cell>
          <cell r="I1056">
            <v>0</v>
          </cell>
          <cell r="M1056">
            <v>0</v>
          </cell>
          <cell r="Q1056">
            <v>0</v>
          </cell>
        </row>
        <row r="1057">
          <cell r="E1057">
            <v>0</v>
          </cell>
          <cell r="H1057">
            <v>0</v>
          </cell>
          <cell r="I1057">
            <v>0</v>
          </cell>
          <cell r="M1057">
            <v>0</v>
          </cell>
          <cell r="Q1057">
            <v>0</v>
          </cell>
        </row>
        <row r="1058">
          <cell r="E1058">
            <v>0</v>
          </cell>
          <cell r="H1058">
            <v>0</v>
          </cell>
          <cell r="I1058">
            <v>0</v>
          </cell>
          <cell r="M1058">
            <v>0</v>
          </cell>
          <cell r="Q1058">
            <v>0</v>
          </cell>
        </row>
        <row r="1059">
          <cell r="E1059">
            <v>0</v>
          </cell>
          <cell r="H1059">
            <v>0</v>
          </cell>
          <cell r="I1059">
            <v>0</v>
          </cell>
          <cell r="M1059">
            <v>0</v>
          </cell>
          <cell r="Q1059">
            <v>0</v>
          </cell>
        </row>
        <row r="1060">
          <cell r="E1060">
            <v>0</v>
          </cell>
          <cell r="H1060">
            <v>0</v>
          </cell>
          <cell r="I1060">
            <v>0</v>
          </cell>
          <cell r="M1060">
            <v>0</v>
          </cell>
          <cell r="Q1060">
            <v>0</v>
          </cell>
        </row>
        <row r="1061">
          <cell r="E1061">
            <v>0</v>
          </cell>
          <cell r="H1061">
            <v>0</v>
          </cell>
          <cell r="I1061">
            <v>0</v>
          </cell>
          <cell r="M1061">
            <v>0</v>
          </cell>
          <cell r="Q1061">
            <v>0</v>
          </cell>
        </row>
        <row r="1062">
          <cell r="E1062">
            <v>0</v>
          </cell>
          <cell r="H1062">
            <v>0</v>
          </cell>
          <cell r="I1062">
            <v>0</v>
          </cell>
          <cell r="M1062">
            <v>0</v>
          </cell>
          <cell r="Q1062">
            <v>0</v>
          </cell>
        </row>
        <row r="1063">
          <cell r="E1063">
            <v>0</v>
          </cell>
          <cell r="H1063">
            <v>0</v>
          </cell>
          <cell r="I1063">
            <v>0</v>
          </cell>
          <cell r="M1063">
            <v>0</v>
          </cell>
          <cell r="Q1063">
            <v>0</v>
          </cell>
        </row>
        <row r="1064">
          <cell r="E1064">
            <v>0</v>
          </cell>
          <cell r="H1064">
            <v>0</v>
          </cell>
          <cell r="I1064">
            <v>0</v>
          </cell>
          <cell r="M1064">
            <v>0</v>
          </cell>
          <cell r="Q1064">
            <v>0</v>
          </cell>
        </row>
        <row r="1065">
          <cell r="E1065">
            <v>0</v>
          </cell>
          <cell r="H1065">
            <v>0</v>
          </cell>
          <cell r="I1065">
            <v>0</v>
          </cell>
          <cell r="M1065">
            <v>0</v>
          </cell>
          <cell r="Q1065">
            <v>0</v>
          </cell>
        </row>
        <row r="1066">
          <cell r="E1066">
            <v>0</v>
          </cell>
          <cell r="H1066">
            <v>0</v>
          </cell>
          <cell r="I1066">
            <v>0</v>
          </cell>
          <cell r="M1066">
            <v>0</v>
          </cell>
          <cell r="Q1066">
            <v>0</v>
          </cell>
        </row>
        <row r="1067">
          <cell r="E1067">
            <v>0</v>
          </cell>
          <cell r="H1067">
            <v>0</v>
          </cell>
          <cell r="I1067">
            <v>0</v>
          </cell>
          <cell r="M1067">
            <v>0</v>
          </cell>
          <cell r="Q1067">
            <v>0</v>
          </cell>
        </row>
        <row r="1068">
          <cell r="E1068">
            <v>0</v>
          </cell>
          <cell r="H1068">
            <v>0</v>
          </cell>
          <cell r="I1068">
            <v>0</v>
          </cell>
          <cell r="M1068">
            <v>0</v>
          </cell>
          <cell r="Q1068">
            <v>0</v>
          </cell>
        </row>
        <row r="1069">
          <cell r="E1069">
            <v>0</v>
          </cell>
          <cell r="H1069">
            <v>0</v>
          </cell>
          <cell r="I1069">
            <v>0</v>
          </cell>
          <cell r="M1069">
            <v>0</v>
          </cell>
          <cell r="Q1069">
            <v>0</v>
          </cell>
        </row>
        <row r="1070">
          <cell r="E1070">
            <v>0</v>
          </cell>
          <cell r="H1070">
            <v>0</v>
          </cell>
          <cell r="I1070">
            <v>0</v>
          </cell>
          <cell r="M1070">
            <v>0</v>
          </cell>
          <cell r="Q1070">
            <v>0</v>
          </cell>
        </row>
        <row r="1071">
          <cell r="E1071">
            <v>0</v>
          </cell>
          <cell r="H1071">
            <v>0</v>
          </cell>
          <cell r="I1071">
            <v>0</v>
          </cell>
          <cell r="M1071">
            <v>0</v>
          </cell>
          <cell r="Q1071">
            <v>0</v>
          </cell>
        </row>
        <row r="1072">
          <cell r="E1072">
            <v>0</v>
          </cell>
          <cell r="H1072">
            <v>0</v>
          </cell>
          <cell r="I1072">
            <v>0</v>
          </cell>
          <cell r="M1072">
            <v>0</v>
          </cell>
          <cell r="Q1072">
            <v>0</v>
          </cell>
        </row>
        <row r="1073">
          <cell r="E1073">
            <v>0</v>
          </cell>
          <cell r="H1073">
            <v>0</v>
          </cell>
          <cell r="I1073">
            <v>0</v>
          </cell>
          <cell r="M1073">
            <v>0</v>
          </cell>
          <cell r="Q1073">
            <v>0</v>
          </cell>
        </row>
        <row r="1074">
          <cell r="E1074">
            <v>0</v>
          </cell>
          <cell r="H1074">
            <v>0</v>
          </cell>
          <cell r="I1074">
            <v>0</v>
          </cell>
          <cell r="M1074">
            <v>0</v>
          </cell>
          <cell r="Q1074">
            <v>0</v>
          </cell>
        </row>
        <row r="1075">
          <cell r="E1075">
            <v>0</v>
          </cell>
          <cell r="H1075">
            <v>0</v>
          </cell>
          <cell r="I1075">
            <v>0</v>
          </cell>
          <cell r="M1075">
            <v>0</v>
          </cell>
          <cell r="Q1075">
            <v>0</v>
          </cell>
        </row>
        <row r="1076">
          <cell r="E1076">
            <v>0</v>
          </cell>
          <cell r="H1076">
            <v>0</v>
          </cell>
          <cell r="I1076">
            <v>0</v>
          </cell>
          <cell r="M1076">
            <v>0</v>
          </cell>
          <cell r="Q1076">
            <v>0</v>
          </cell>
        </row>
        <row r="1077">
          <cell r="E1077">
            <v>0</v>
          </cell>
          <cell r="H1077">
            <v>0</v>
          </cell>
          <cell r="I1077">
            <v>0</v>
          </cell>
          <cell r="M1077">
            <v>0</v>
          </cell>
          <cell r="Q1077">
            <v>0</v>
          </cell>
        </row>
        <row r="1078">
          <cell r="E1078">
            <v>0</v>
          </cell>
          <cell r="H1078">
            <v>0</v>
          </cell>
          <cell r="I1078">
            <v>0</v>
          </cell>
          <cell r="M1078">
            <v>0</v>
          </cell>
          <cell r="Q1078">
            <v>0</v>
          </cell>
        </row>
        <row r="1079">
          <cell r="E1079">
            <v>0</v>
          </cell>
          <cell r="H1079">
            <v>0</v>
          </cell>
          <cell r="I1079">
            <v>0</v>
          </cell>
          <cell r="M1079">
            <v>0</v>
          </cell>
          <cell r="Q1079">
            <v>0</v>
          </cell>
        </row>
        <row r="1080">
          <cell r="E1080">
            <v>0</v>
          </cell>
          <cell r="H1080">
            <v>0</v>
          </cell>
          <cell r="I1080">
            <v>0</v>
          </cell>
          <cell r="M1080">
            <v>0</v>
          </cell>
          <cell r="Q1080">
            <v>0</v>
          </cell>
        </row>
        <row r="1081">
          <cell r="E1081">
            <v>0</v>
          </cell>
          <cell r="H1081">
            <v>0</v>
          </cell>
          <cell r="I1081">
            <v>0</v>
          </cell>
          <cell r="M1081">
            <v>0</v>
          </cell>
          <cell r="Q1081">
            <v>0</v>
          </cell>
        </row>
        <row r="1082">
          <cell r="E1082">
            <v>0</v>
          </cell>
          <cell r="H1082">
            <v>0</v>
          </cell>
          <cell r="I1082">
            <v>0</v>
          </cell>
          <cell r="M1082">
            <v>0</v>
          </cell>
          <cell r="Q1082">
            <v>0</v>
          </cell>
        </row>
        <row r="1083">
          <cell r="E1083">
            <v>0</v>
          </cell>
          <cell r="H1083">
            <v>0</v>
          </cell>
          <cell r="I1083">
            <v>0</v>
          </cell>
          <cell r="M1083">
            <v>0</v>
          </cell>
          <cell r="Q1083">
            <v>0</v>
          </cell>
        </row>
        <row r="1084">
          <cell r="E1084">
            <v>0</v>
          </cell>
          <cell r="H1084">
            <v>0</v>
          </cell>
          <cell r="I1084">
            <v>0</v>
          </cell>
          <cell r="M1084">
            <v>0</v>
          </cell>
          <cell r="Q1084">
            <v>0</v>
          </cell>
        </row>
        <row r="1085">
          <cell r="E1085">
            <v>0</v>
          </cell>
          <cell r="H1085">
            <v>0</v>
          </cell>
          <cell r="I1085">
            <v>0</v>
          </cell>
          <cell r="M1085">
            <v>0</v>
          </cell>
          <cell r="Q1085">
            <v>0</v>
          </cell>
        </row>
        <row r="1086">
          <cell r="E1086">
            <v>0</v>
          </cell>
          <cell r="H1086">
            <v>0</v>
          </cell>
          <cell r="I1086">
            <v>0</v>
          </cell>
          <cell r="M1086">
            <v>0</v>
          </cell>
          <cell r="Q1086">
            <v>0</v>
          </cell>
        </row>
        <row r="1087">
          <cell r="E1087">
            <v>0</v>
          </cell>
          <cell r="H1087">
            <v>0</v>
          </cell>
          <cell r="I1087">
            <v>0</v>
          </cell>
          <cell r="M1087">
            <v>0</v>
          </cell>
          <cell r="Q1087">
            <v>0</v>
          </cell>
        </row>
        <row r="1088">
          <cell r="E1088">
            <v>0</v>
          </cell>
          <cell r="H1088">
            <v>0</v>
          </cell>
          <cell r="I1088">
            <v>0</v>
          </cell>
          <cell r="M1088">
            <v>0</v>
          </cell>
          <cell r="Q1088">
            <v>0</v>
          </cell>
        </row>
        <row r="1089">
          <cell r="E1089">
            <v>0</v>
          </cell>
          <cell r="H1089">
            <v>0</v>
          </cell>
          <cell r="I1089">
            <v>0</v>
          </cell>
          <cell r="M1089">
            <v>0</v>
          </cell>
          <cell r="Q1089">
            <v>0</v>
          </cell>
        </row>
        <row r="1090">
          <cell r="E1090">
            <v>0</v>
          </cell>
          <cell r="H1090">
            <v>0</v>
          </cell>
          <cell r="I1090">
            <v>0</v>
          </cell>
          <cell r="M1090">
            <v>0</v>
          </cell>
          <cell r="Q1090">
            <v>0</v>
          </cell>
        </row>
        <row r="1091">
          <cell r="E1091">
            <v>0</v>
          </cell>
          <cell r="H1091">
            <v>0</v>
          </cell>
          <cell r="I1091">
            <v>0</v>
          </cell>
          <cell r="M1091">
            <v>0</v>
          </cell>
          <cell r="Q1091">
            <v>0</v>
          </cell>
        </row>
        <row r="1092">
          <cell r="E1092">
            <v>0</v>
          </cell>
          <cell r="H1092">
            <v>0</v>
          </cell>
          <cell r="I1092">
            <v>0</v>
          </cell>
          <cell r="M1092">
            <v>0</v>
          </cell>
          <cell r="Q1092">
            <v>0</v>
          </cell>
        </row>
        <row r="1093">
          <cell r="E1093">
            <v>0</v>
          </cell>
          <cell r="H1093">
            <v>0</v>
          </cell>
          <cell r="I1093">
            <v>0</v>
          </cell>
          <cell r="M1093">
            <v>0</v>
          </cell>
          <cell r="Q1093">
            <v>0</v>
          </cell>
        </row>
        <row r="1094">
          <cell r="E1094">
            <v>0</v>
          </cell>
          <cell r="H1094">
            <v>0</v>
          </cell>
          <cell r="I1094">
            <v>0</v>
          </cell>
          <cell r="M1094">
            <v>0</v>
          </cell>
          <cell r="Q1094">
            <v>0</v>
          </cell>
        </row>
        <row r="1095">
          <cell r="E1095">
            <v>0</v>
          </cell>
          <cell r="H1095">
            <v>0</v>
          </cell>
          <cell r="I1095">
            <v>0</v>
          </cell>
          <cell r="M1095">
            <v>0</v>
          </cell>
          <cell r="Q1095">
            <v>0</v>
          </cell>
        </row>
        <row r="1096">
          <cell r="E1096">
            <v>0</v>
          </cell>
          <cell r="H1096">
            <v>0</v>
          </cell>
          <cell r="I1096">
            <v>0</v>
          </cell>
          <cell r="M1096">
            <v>0</v>
          </cell>
          <cell r="Q1096">
            <v>0</v>
          </cell>
        </row>
        <row r="1097">
          <cell r="E1097">
            <v>0</v>
          </cell>
          <cell r="H1097">
            <v>0</v>
          </cell>
          <cell r="I1097">
            <v>0</v>
          </cell>
          <cell r="M1097">
            <v>0</v>
          </cell>
          <cell r="Q1097">
            <v>0</v>
          </cell>
        </row>
        <row r="1098">
          <cell r="E1098">
            <v>0</v>
          </cell>
          <cell r="H1098">
            <v>0</v>
          </cell>
          <cell r="I1098">
            <v>0</v>
          </cell>
          <cell r="M1098">
            <v>0</v>
          </cell>
          <cell r="Q1098">
            <v>0</v>
          </cell>
        </row>
        <row r="1099">
          <cell r="E1099">
            <v>0</v>
          </cell>
          <cell r="H1099">
            <v>0</v>
          </cell>
          <cell r="I1099">
            <v>0</v>
          </cell>
          <cell r="M1099">
            <v>0</v>
          </cell>
          <cell r="Q1099">
            <v>0</v>
          </cell>
        </row>
        <row r="1100">
          <cell r="E1100">
            <v>0</v>
          </cell>
          <cell r="H1100">
            <v>0</v>
          </cell>
          <cell r="I1100">
            <v>0</v>
          </cell>
          <cell r="M1100">
            <v>0</v>
          </cell>
          <cell r="Q1100">
            <v>0</v>
          </cell>
        </row>
        <row r="1101">
          <cell r="E1101">
            <v>0</v>
          </cell>
          <cell r="H1101">
            <v>0</v>
          </cell>
          <cell r="I1101">
            <v>0</v>
          </cell>
          <cell r="M1101">
            <v>0</v>
          </cell>
          <cell r="Q1101">
            <v>0</v>
          </cell>
        </row>
        <row r="1102">
          <cell r="E1102">
            <v>0</v>
          </cell>
          <cell r="H1102">
            <v>0</v>
          </cell>
          <cell r="I1102">
            <v>0</v>
          </cell>
          <cell r="M1102">
            <v>0</v>
          </cell>
          <cell r="Q1102">
            <v>0</v>
          </cell>
        </row>
        <row r="1103">
          <cell r="E1103">
            <v>0</v>
          </cell>
          <cell r="H1103">
            <v>0</v>
          </cell>
          <cell r="I1103">
            <v>0</v>
          </cell>
          <cell r="M1103">
            <v>0</v>
          </cell>
          <cell r="Q1103">
            <v>0</v>
          </cell>
        </row>
        <row r="1104">
          <cell r="E1104">
            <v>0</v>
          </cell>
          <cell r="H1104">
            <v>0</v>
          </cell>
          <cell r="I1104">
            <v>0</v>
          </cell>
          <cell r="M1104">
            <v>0</v>
          </cell>
          <cell r="Q1104">
            <v>0</v>
          </cell>
        </row>
        <row r="1105">
          <cell r="E1105">
            <v>0</v>
          </cell>
          <cell r="H1105">
            <v>0</v>
          </cell>
          <cell r="I1105">
            <v>0</v>
          </cell>
          <cell r="M1105">
            <v>0</v>
          </cell>
          <cell r="Q1105">
            <v>0</v>
          </cell>
        </row>
        <row r="1106">
          <cell r="E1106">
            <v>0</v>
          </cell>
          <cell r="H1106">
            <v>0</v>
          </cell>
          <cell r="I1106">
            <v>0</v>
          </cell>
          <cell r="M1106">
            <v>0</v>
          </cell>
          <cell r="Q1106">
            <v>0</v>
          </cell>
        </row>
        <row r="1107">
          <cell r="E1107">
            <v>0</v>
          </cell>
          <cell r="H1107">
            <v>0</v>
          </cell>
          <cell r="I1107">
            <v>0</v>
          </cell>
          <cell r="M1107">
            <v>0</v>
          </cell>
          <cell r="Q1107">
            <v>0</v>
          </cell>
        </row>
        <row r="1108">
          <cell r="E1108">
            <v>0</v>
          </cell>
          <cell r="H1108">
            <v>0</v>
          </cell>
          <cell r="I1108">
            <v>0</v>
          </cell>
          <cell r="M1108">
            <v>0</v>
          </cell>
          <cell r="Q1108">
            <v>0</v>
          </cell>
        </row>
        <row r="1109">
          <cell r="E1109">
            <v>0</v>
          </cell>
          <cell r="H1109">
            <v>0</v>
          </cell>
          <cell r="I1109">
            <v>0</v>
          </cell>
          <cell r="M1109">
            <v>0</v>
          </cell>
          <cell r="Q1109">
            <v>0</v>
          </cell>
        </row>
        <row r="1110">
          <cell r="E1110">
            <v>0</v>
          </cell>
          <cell r="H1110">
            <v>0</v>
          </cell>
          <cell r="I1110">
            <v>0</v>
          </cell>
          <cell r="M1110">
            <v>0</v>
          </cell>
          <cell r="Q1110">
            <v>0</v>
          </cell>
        </row>
        <row r="1111">
          <cell r="E1111">
            <v>0</v>
          </cell>
          <cell r="H1111">
            <v>0</v>
          </cell>
          <cell r="I1111">
            <v>0</v>
          </cell>
          <cell r="M1111">
            <v>0</v>
          </cell>
          <cell r="Q1111">
            <v>0</v>
          </cell>
        </row>
        <row r="1112">
          <cell r="E1112">
            <v>0</v>
          </cell>
          <cell r="H1112">
            <v>0</v>
          </cell>
          <cell r="I1112">
            <v>0</v>
          </cell>
          <cell r="M1112">
            <v>0</v>
          </cell>
          <cell r="Q1112">
            <v>0</v>
          </cell>
        </row>
        <row r="1113">
          <cell r="E1113">
            <v>0</v>
          </cell>
          <cell r="H1113">
            <v>0</v>
          </cell>
          <cell r="I1113">
            <v>0</v>
          </cell>
          <cell r="M1113">
            <v>0</v>
          </cell>
          <cell r="Q1113">
            <v>0</v>
          </cell>
        </row>
        <row r="1114">
          <cell r="E1114">
            <v>0</v>
          </cell>
          <cell r="H1114">
            <v>0</v>
          </cell>
          <cell r="I1114">
            <v>0</v>
          </cell>
          <cell r="M1114">
            <v>0</v>
          </cell>
          <cell r="Q1114">
            <v>0</v>
          </cell>
        </row>
        <row r="1115">
          <cell r="E1115">
            <v>0</v>
          </cell>
          <cell r="H1115">
            <v>0</v>
          </cell>
          <cell r="I1115">
            <v>0</v>
          </cell>
          <cell r="M1115">
            <v>0</v>
          </cell>
          <cell r="Q1115">
            <v>0</v>
          </cell>
        </row>
        <row r="1116">
          <cell r="E1116">
            <v>0</v>
          </cell>
          <cell r="H1116">
            <v>0</v>
          </cell>
          <cell r="I1116">
            <v>0</v>
          </cell>
          <cell r="M1116">
            <v>0</v>
          </cell>
          <cell r="Q1116">
            <v>0</v>
          </cell>
        </row>
        <row r="1117">
          <cell r="E1117">
            <v>0</v>
          </cell>
          <cell r="H1117">
            <v>0</v>
          </cell>
          <cell r="I1117">
            <v>0</v>
          </cell>
          <cell r="M1117">
            <v>0</v>
          </cell>
          <cell r="Q1117">
            <v>0</v>
          </cell>
        </row>
        <row r="1118">
          <cell r="E1118">
            <v>0</v>
          </cell>
          <cell r="H1118">
            <v>0</v>
          </cell>
          <cell r="I1118">
            <v>0</v>
          </cell>
          <cell r="M1118">
            <v>0</v>
          </cell>
          <cell r="Q1118">
            <v>0</v>
          </cell>
        </row>
        <row r="1119">
          <cell r="E1119">
            <v>0</v>
          </cell>
          <cell r="H1119">
            <v>0</v>
          </cell>
          <cell r="I1119">
            <v>0</v>
          </cell>
          <cell r="M1119">
            <v>0</v>
          </cell>
          <cell r="Q1119">
            <v>0</v>
          </cell>
        </row>
        <row r="1120">
          <cell r="E1120">
            <v>0</v>
          </cell>
          <cell r="H1120">
            <v>0</v>
          </cell>
          <cell r="I1120">
            <v>0</v>
          </cell>
          <cell r="M1120">
            <v>0</v>
          </cell>
          <cell r="Q1120">
            <v>0</v>
          </cell>
        </row>
        <row r="1121">
          <cell r="E1121">
            <v>0</v>
          </cell>
          <cell r="H1121">
            <v>0</v>
          </cell>
          <cell r="I1121">
            <v>0</v>
          </cell>
          <cell r="M1121">
            <v>0</v>
          </cell>
          <cell r="Q1121">
            <v>0</v>
          </cell>
        </row>
        <row r="1122">
          <cell r="E1122">
            <v>0</v>
          </cell>
          <cell r="H1122">
            <v>0</v>
          </cell>
          <cell r="I1122">
            <v>0</v>
          </cell>
          <cell r="M1122">
            <v>0</v>
          </cell>
          <cell r="Q1122">
            <v>0</v>
          </cell>
        </row>
        <row r="1123">
          <cell r="E1123">
            <v>0</v>
          </cell>
          <cell r="H1123">
            <v>0</v>
          </cell>
          <cell r="I1123">
            <v>0</v>
          </cell>
          <cell r="M1123">
            <v>0</v>
          </cell>
          <cell r="Q1123">
            <v>0</v>
          </cell>
        </row>
        <row r="1124">
          <cell r="E1124">
            <v>0</v>
          </cell>
          <cell r="H1124">
            <v>0</v>
          </cell>
          <cell r="I1124">
            <v>0</v>
          </cell>
          <cell r="M1124">
            <v>0</v>
          </cell>
          <cell r="Q1124">
            <v>0</v>
          </cell>
        </row>
        <row r="1125">
          <cell r="E1125">
            <v>0</v>
          </cell>
          <cell r="H1125">
            <v>0</v>
          </cell>
          <cell r="I1125">
            <v>0</v>
          </cell>
          <cell r="M1125">
            <v>0</v>
          </cell>
          <cell r="Q1125">
            <v>0</v>
          </cell>
        </row>
        <row r="1126">
          <cell r="M1126">
            <v>0</v>
          </cell>
          <cell r="Q1126">
            <v>0</v>
          </cell>
        </row>
        <row r="1127">
          <cell r="M1127">
            <v>0</v>
          </cell>
          <cell r="Q1127">
            <v>0</v>
          </cell>
        </row>
        <row r="1128">
          <cell r="M1128">
            <v>0</v>
          </cell>
          <cell r="Q1128">
            <v>0</v>
          </cell>
        </row>
        <row r="1129">
          <cell r="M1129">
            <v>0</v>
          </cell>
          <cell r="Q1129">
            <v>0</v>
          </cell>
        </row>
        <row r="1130">
          <cell r="M1130">
            <v>0</v>
          </cell>
          <cell r="Q1130">
            <v>0</v>
          </cell>
        </row>
        <row r="1131">
          <cell r="M1131">
            <v>0</v>
          </cell>
          <cell r="Q1131">
            <v>0</v>
          </cell>
        </row>
        <row r="1132">
          <cell r="M1132">
            <v>0</v>
          </cell>
          <cell r="Q1132">
            <v>0</v>
          </cell>
        </row>
        <row r="1133">
          <cell r="M1133">
            <v>0</v>
          </cell>
          <cell r="Q1133">
            <v>0</v>
          </cell>
        </row>
        <row r="1134">
          <cell r="M1134">
            <v>0</v>
          </cell>
          <cell r="Q1134">
            <v>0</v>
          </cell>
        </row>
        <row r="1135">
          <cell r="M1135">
            <v>0</v>
          </cell>
          <cell r="Q1135">
            <v>0</v>
          </cell>
        </row>
        <row r="1136">
          <cell r="M1136">
            <v>0</v>
          </cell>
          <cell r="Q1136">
            <v>0</v>
          </cell>
        </row>
        <row r="1137">
          <cell r="M1137">
            <v>0</v>
          </cell>
          <cell r="Q1137">
            <v>0</v>
          </cell>
        </row>
        <row r="1138">
          <cell r="M1138">
            <v>0</v>
          </cell>
          <cell r="Q1138">
            <v>0</v>
          </cell>
        </row>
        <row r="1139">
          <cell r="M1139">
            <v>0</v>
          </cell>
          <cell r="Q1139">
            <v>0</v>
          </cell>
        </row>
        <row r="1140">
          <cell r="M1140">
            <v>0</v>
          </cell>
          <cell r="Q1140">
            <v>0</v>
          </cell>
        </row>
        <row r="1141">
          <cell r="M1141">
            <v>0</v>
          </cell>
          <cell r="Q1141">
            <v>0</v>
          </cell>
        </row>
        <row r="1142">
          <cell r="M1142">
            <v>0</v>
          </cell>
          <cell r="Q1142">
            <v>0</v>
          </cell>
        </row>
        <row r="1143">
          <cell r="M1143">
            <v>0</v>
          </cell>
          <cell r="Q1143">
            <v>0</v>
          </cell>
        </row>
        <row r="1144">
          <cell r="M1144">
            <v>0</v>
          </cell>
          <cell r="Q1144">
            <v>0</v>
          </cell>
        </row>
        <row r="1145">
          <cell r="M1145">
            <v>0</v>
          </cell>
          <cell r="Q1145">
            <v>0</v>
          </cell>
        </row>
        <row r="1146">
          <cell r="M1146">
            <v>0</v>
          </cell>
          <cell r="Q1146">
            <v>0</v>
          </cell>
        </row>
        <row r="1147">
          <cell r="M1147">
            <v>0</v>
          </cell>
          <cell r="Q1147">
            <v>0</v>
          </cell>
        </row>
        <row r="1148">
          <cell r="M1148">
            <v>0</v>
          </cell>
          <cell r="Q1148">
            <v>0</v>
          </cell>
        </row>
        <row r="1149">
          <cell r="M1149">
            <v>0</v>
          </cell>
          <cell r="Q1149">
            <v>0</v>
          </cell>
        </row>
        <row r="1150">
          <cell r="M1150">
            <v>0</v>
          </cell>
          <cell r="Q1150">
            <v>0</v>
          </cell>
        </row>
        <row r="1151">
          <cell r="M1151">
            <v>0</v>
          </cell>
          <cell r="Q1151">
            <v>0</v>
          </cell>
        </row>
        <row r="1152">
          <cell r="M1152">
            <v>0</v>
          </cell>
          <cell r="Q1152">
            <v>0</v>
          </cell>
        </row>
        <row r="1153">
          <cell r="M1153">
            <v>0</v>
          </cell>
          <cell r="Q1153">
            <v>0</v>
          </cell>
        </row>
        <row r="1154">
          <cell r="M1154">
            <v>0</v>
          </cell>
          <cell r="Q1154">
            <v>0</v>
          </cell>
        </row>
        <row r="1155">
          <cell r="M1155">
            <v>0</v>
          </cell>
          <cell r="Q1155">
            <v>0</v>
          </cell>
        </row>
        <row r="1156">
          <cell r="M1156">
            <v>0</v>
          </cell>
          <cell r="Q1156">
            <v>0</v>
          </cell>
        </row>
        <row r="1157">
          <cell r="M1157">
            <v>0</v>
          </cell>
          <cell r="Q1157">
            <v>0</v>
          </cell>
        </row>
        <row r="1158">
          <cell r="M1158">
            <v>0</v>
          </cell>
          <cell r="Q1158">
            <v>0</v>
          </cell>
        </row>
        <row r="1159">
          <cell r="M1159">
            <v>0</v>
          </cell>
          <cell r="Q1159">
            <v>0</v>
          </cell>
        </row>
        <row r="1160">
          <cell r="M1160">
            <v>0</v>
          </cell>
          <cell r="Q1160">
            <v>0</v>
          </cell>
        </row>
        <row r="1161">
          <cell r="M1161">
            <v>0</v>
          </cell>
          <cell r="Q1161">
            <v>0</v>
          </cell>
        </row>
        <row r="1162">
          <cell r="M1162">
            <v>0</v>
          </cell>
          <cell r="Q1162">
            <v>0</v>
          </cell>
        </row>
        <row r="1163">
          <cell r="M1163">
            <v>0</v>
          </cell>
          <cell r="Q1163">
            <v>0</v>
          </cell>
        </row>
        <row r="1164">
          <cell r="M1164">
            <v>0</v>
          </cell>
          <cell r="Q1164">
            <v>0</v>
          </cell>
        </row>
        <row r="1165">
          <cell r="M1165">
            <v>0</v>
          </cell>
          <cell r="Q1165">
            <v>0</v>
          </cell>
        </row>
        <row r="1166">
          <cell r="M1166">
            <v>0</v>
          </cell>
          <cell r="Q1166">
            <v>0</v>
          </cell>
        </row>
        <row r="1167">
          <cell r="M1167">
            <v>0</v>
          </cell>
          <cell r="Q1167">
            <v>0</v>
          </cell>
        </row>
        <row r="1168">
          <cell r="M1168">
            <v>0</v>
          </cell>
          <cell r="Q1168">
            <v>0</v>
          </cell>
        </row>
        <row r="1169">
          <cell r="M1169">
            <v>0</v>
          </cell>
          <cell r="Q1169">
            <v>0</v>
          </cell>
        </row>
        <row r="1170">
          <cell r="M1170">
            <v>0</v>
          </cell>
          <cell r="Q1170">
            <v>0</v>
          </cell>
        </row>
        <row r="1171">
          <cell r="M1171">
            <v>0</v>
          </cell>
          <cell r="Q1171">
            <v>0</v>
          </cell>
        </row>
        <row r="1172">
          <cell r="M1172">
            <v>0</v>
          </cell>
          <cell r="Q1172">
            <v>0</v>
          </cell>
        </row>
        <row r="1173">
          <cell r="M1173">
            <v>0</v>
          </cell>
          <cell r="Q1173">
            <v>0</v>
          </cell>
        </row>
        <row r="1174">
          <cell r="M1174">
            <v>0</v>
          </cell>
          <cell r="Q1174">
            <v>0</v>
          </cell>
        </row>
        <row r="1175">
          <cell r="M1175">
            <v>0</v>
          </cell>
          <cell r="Q1175">
            <v>0</v>
          </cell>
        </row>
        <row r="1176">
          <cell r="M1176">
            <v>0</v>
          </cell>
          <cell r="Q1176">
            <v>0</v>
          </cell>
        </row>
        <row r="1177">
          <cell r="M1177">
            <v>0</v>
          </cell>
          <cell r="Q1177">
            <v>0</v>
          </cell>
        </row>
        <row r="1178">
          <cell r="M1178">
            <v>0</v>
          </cell>
          <cell r="Q1178">
            <v>0</v>
          </cell>
        </row>
        <row r="1179">
          <cell r="M1179">
            <v>0</v>
          </cell>
          <cell r="Q1179">
            <v>0</v>
          </cell>
        </row>
        <row r="1180">
          <cell r="M1180">
            <v>0</v>
          </cell>
          <cell r="Q1180">
            <v>0</v>
          </cell>
        </row>
        <row r="1181">
          <cell r="M1181">
            <v>0</v>
          </cell>
          <cell r="Q1181">
            <v>0</v>
          </cell>
        </row>
        <row r="1182">
          <cell r="M1182">
            <v>0</v>
          </cell>
          <cell r="Q1182">
            <v>0</v>
          </cell>
        </row>
        <row r="1183">
          <cell r="M1183">
            <v>0</v>
          </cell>
          <cell r="Q1183">
            <v>0</v>
          </cell>
        </row>
        <row r="1184">
          <cell r="M1184">
            <v>0</v>
          </cell>
          <cell r="Q1184">
            <v>0</v>
          </cell>
        </row>
        <row r="1185">
          <cell r="M1185">
            <v>0</v>
          </cell>
          <cell r="Q1185">
            <v>0</v>
          </cell>
        </row>
        <row r="1186">
          <cell r="M1186">
            <v>0</v>
          </cell>
          <cell r="Q1186">
            <v>0</v>
          </cell>
        </row>
        <row r="1187">
          <cell r="M1187">
            <v>0</v>
          </cell>
          <cell r="Q1187">
            <v>0</v>
          </cell>
        </row>
        <row r="1188">
          <cell r="M1188">
            <v>0</v>
          </cell>
          <cell r="Q1188">
            <v>0</v>
          </cell>
        </row>
        <row r="1189">
          <cell r="M1189">
            <v>0</v>
          </cell>
          <cell r="Q1189">
            <v>0</v>
          </cell>
        </row>
        <row r="1190">
          <cell r="M1190">
            <v>0</v>
          </cell>
          <cell r="Q1190">
            <v>0</v>
          </cell>
        </row>
        <row r="1191">
          <cell r="M1191">
            <v>0</v>
          </cell>
          <cell r="Q1191">
            <v>0</v>
          </cell>
        </row>
        <row r="1192">
          <cell r="M1192">
            <v>0</v>
          </cell>
          <cell r="Q1192">
            <v>0</v>
          </cell>
        </row>
        <row r="1193">
          <cell r="M1193">
            <v>0</v>
          </cell>
          <cell r="Q1193">
            <v>0</v>
          </cell>
        </row>
        <row r="1194">
          <cell r="M1194">
            <v>0</v>
          </cell>
          <cell r="Q1194">
            <v>0</v>
          </cell>
        </row>
        <row r="1195">
          <cell r="M1195">
            <v>0</v>
          </cell>
          <cell r="Q1195">
            <v>0</v>
          </cell>
        </row>
        <row r="1196">
          <cell r="M1196">
            <v>0</v>
          </cell>
          <cell r="Q1196">
            <v>0</v>
          </cell>
        </row>
        <row r="1197">
          <cell r="M1197">
            <v>0</v>
          </cell>
          <cell r="Q1197">
            <v>0</v>
          </cell>
        </row>
        <row r="1198">
          <cell r="M1198">
            <v>0</v>
          </cell>
          <cell r="Q1198">
            <v>0</v>
          </cell>
        </row>
        <row r="1199">
          <cell r="M1199">
            <v>0</v>
          </cell>
          <cell r="Q1199">
            <v>0</v>
          </cell>
        </row>
        <row r="1200">
          <cell r="M1200">
            <v>0</v>
          </cell>
          <cell r="Q1200">
            <v>0</v>
          </cell>
        </row>
        <row r="1201">
          <cell r="M1201">
            <v>0</v>
          </cell>
          <cell r="Q1201">
            <v>0</v>
          </cell>
        </row>
        <row r="1202">
          <cell r="M1202">
            <v>0</v>
          </cell>
          <cell r="Q1202">
            <v>0</v>
          </cell>
        </row>
        <row r="1203">
          <cell r="M1203">
            <v>0</v>
          </cell>
          <cell r="Q1203">
            <v>0</v>
          </cell>
        </row>
        <row r="1204">
          <cell r="M1204">
            <v>0</v>
          </cell>
          <cell r="Q1204">
            <v>0</v>
          </cell>
        </row>
        <row r="1205">
          <cell r="M1205">
            <v>0</v>
          </cell>
          <cell r="Q1205">
            <v>0</v>
          </cell>
        </row>
        <row r="1206">
          <cell r="M1206">
            <v>0</v>
          </cell>
          <cell r="Q1206">
            <v>0</v>
          </cell>
        </row>
        <row r="1207">
          <cell r="M1207">
            <v>0</v>
          </cell>
          <cell r="Q1207">
            <v>0</v>
          </cell>
        </row>
        <row r="1208">
          <cell r="M1208">
            <v>0</v>
          </cell>
          <cell r="Q1208">
            <v>0</v>
          </cell>
        </row>
        <row r="1209">
          <cell r="M1209">
            <v>0</v>
          </cell>
          <cell r="Q1209">
            <v>0</v>
          </cell>
        </row>
        <row r="1210">
          <cell r="M1210">
            <v>0</v>
          </cell>
          <cell r="Q1210">
            <v>0</v>
          </cell>
        </row>
        <row r="1211">
          <cell r="M1211">
            <v>0</v>
          </cell>
          <cell r="Q1211">
            <v>0</v>
          </cell>
        </row>
        <row r="1212">
          <cell r="M1212">
            <v>0</v>
          </cell>
          <cell r="Q1212">
            <v>0</v>
          </cell>
        </row>
        <row r="1213">
          <cell r="M1213">
            <v>0</v>
          </cell>
          <cell r="Q1213">
            <v>0</v>
          </cell>
        </row>
        <row r="1214">
          <cell r="M1214">
            <v>0</v>
          </cell>
          <cell r="Q1214">
            <v>0</v>
          </cell>
        </row>
        <row r="1215">
          <cell r="M1215">
            <v>0</v>
          </cell>
          <cell r="Q1215">
            <v>0</v>
          </cell>
        </row>
        <row r="1216">
          <cell r="M1216">
            <v>0</v>
          </cell>
          <cell r="Q1216">
            <v>0</v>
          </cell>
        </row>
        <row r="1217">
          <cell r="M1217">
            <v>0</v>
          </cell>
          <cell r="Q1217">
            <v>0</v>
          </cell>
        </row>
        <row r="1218">
          <cell r="M1218">
            <v>0</v>
          </cell>
          <cell r="Q1218">
            <v>0</v>
          </cell>
        </row>
        <row r="1219">
          <cell r="M1219">
            <v>0</v>
          </cell>
          <cell r="Q1219">
            <v>0</v>
          </cell>
        </row>
        <row r="1220">
          <cell r="M1220">
            <v>0</v>
          </cell>
          <cell r="Q1220">
            <v>0</v>
          </cell>
        </row>
        <row r="1221">
          <cell r="M1221">
            <v>0</v>
          </cell>
          <cell r="Q1221">
            <v>0</v>
          </cell>
        </row>
        <row r="1222">
          <cell r="M1222">
            <v>0</v>
          </cell>
          <cell r="Q1222">
            <v>0</v>
          </cell>
        </row>
        <row r="1223">
          <cell r="M1223">
            <v>0</v>
          </cell>
          <cell r="Q1223">
            <v>0</v>
          </cell>
        </row>
        <row r="1224">
          <cell r="M1224">
            <v>0</v>
          </cell>
          <cell r="Q1224">
            <v>0</v>
          </cell>
        </row>
        <row r="1225">
          <cell r="M1225">
            <v>0</v>
          </cell>
          <cell r="Q1225">
            <v>0</v>
          </cell>
        </row>
        <row r="1226">
          <cell r="M1226">
            <v>0</v>
          </cell>
          <cell r="Q1226">
            <v>0</v>
          </cell>
        </row>
        <row r="1227">
          <cell r="M1227">
            <v>0</v>
          </cell>
          <cell r="Q1227">
            <v>0</v>
          </cell>
        </row>
        <row r="1228">
          <cell r="M1228">
            <v>0</v>
          </cell>
          <cell r="Q1228">
            <v>0</v>
          </cell>
        </row>
        <row r="1229">
          <cell r="M1229">
            <v>0</v>
          </cell>
          <cell r="Q1229">
            <v>0</v>
          </cell>
        </row>
        <row r="1230">
          <cell r="M1230">
            <v>0</v>
          </cell>
          <cell r="Q1230">
            <v>0</v>
          </cell>
        </row>
        <row r="1231">
          <cell r="M1231">
            <v>0</v>
          </cell>
          <cell r="Q1231">
            <v>0</v>
          </cell>
        </row>
        <row r="1232">
          <cell r="M1232">
            <v>0</v>
          </cell>
          <cell r="Q1232">
            <v>0</v>
          </cell>
        </row>
        <row r="1233">
          <cell r="M1233">
            <v>0</v>
          </cell>
          <cell r="Q1233">
            <v>0</v>
          </cell>
        </row>
        <row r="1234">
          <cell r="M1234">
            <v>0</v>
          </cell>
          <cell r="Q1234">
            <v>0</v>
          </cell>
        </row>
        <row r="1235">
          <cell r="M1235">
            <v>0</v>
          </cell>
          <cell r="Q1235">
            <v>0</v>
          </cell>
        </row>
        <row r="1236">
          <cell r="M1236">
            <v>0</v>
          </cell>
          <cell r="Q1236">
            <v>0</v>
          </cell>
        </row>
        <row r="1237">
          <cell r="M1237">
            <v>0</v>
          </cell>
          <cell r="Q1237">
            <v>0</v>
          </cell>
        </row>
        <row r="1238">
          <cell r="M1238">
            <v>0</v>
          </cell>
          <cell r="Q1238">
            <v>0</v>
          </cell>
        </row>
        <row r="1239">
          <cell r="M1239">
            <v>0</v>
          </cell>
          <cell r="Q1239">
            <v>0</v>
          </cell>
        </row>
        <row r="1240">
          <cell r="M1240">
            <v>0</v>
          </cell>
          <cell r="Q1240">
            <v>0</v>
          </cell>
        </row>
        <row r="1241">
          <cell r="M1241">
            <v>0</v>
          </cell>
          <cell r="Q1241">
            <v>0</v>
          </cell>
        </row>
        <row r="1242">
          <cell r="M1242">
            <v>0</v>
          </cell>
          <cell r="Q1242">
            <v>0</v>
          </cell>
        </row>
        <row r="1243">
          <cell r="M1243">
            <v>0</v>
          </cell>
          <cell r="Q1243">
            <v>0</v>
          </cell>
        </row>
        <row r="1244">
          <cell r="M1244">
            <v>0</v>
          </cell>
          <cell r="Q1244">
            <v>0</v>
          </cell>
        </row>
        <row r="1245">
          <cell r="M1245">
            <v>0</v>
          </cell>
          <cell r="Q1245">
            <v>0</v>
          </cell>
        </row>
        <row r="1246">
          <cell r="M1246">
            <v>0</v>
          </cell>
          <cell r="Q1246">
            <v>0</v>
          </cell>
        </row>
        <row r="1247">
          <cell r="M1247">
            <v>0</v>
          </cell>
          <cell r="Q1247">
            <v>0</v>
          </cell>
        </row>
        <row r="1248">
          <cell r="M1248">
            <v>0</v>
          </cell>
          <cell r="Q1248">
            <v>0</v>
          </cell>
        </row>
        <row r="1249">
          <cell r="M1249">
            <v>0</v>
          </cell>
          <cell r="Q1249">
            <v>0</v>
          </cell>
        </row>
        <row r="1250">
          <cell r="M1250">
            <v>0</v>
          </cell>
          <cell r="Q1250">
            <v>0</v>
          </cell>
        </row>
        <row r="1251">
          <cell r="M1251">
            <v>0</v>
          </cell>
          <cell r="Q1251">
            <v>0</v>
          </cell>
        </row>
        <row r="1252">
          <cell r="M1252">
            <v>0</v>
          </cell>
          <cell r="Q1252">
            <v>0</v>
          </cell>
        </row>
        <row r="1253">
          <cell r="M1253">
            <v>0</v>
          </cell>
          <cell r="Q1253">
            <v>0</v>
          </cell>
        </row>
        <row r="1254">
          <cell r="M1254">
            <v>0</v>
          </cell>
          <cell r="Q1254">
            <v>0</v>
          </cell>
        </row>
        <row r="1255">
          <cell r="M1255">
            <v>0</v>
          </cell>
          <cell r="Q1255">
            <v>0</v>
          </cell>
        </row>
        <row r="1256">
          <cell r="M1256">
            <v>0</v>
          </cell>
          <cell r="Q1256">
            <v>0</v>
          </cell>
        </row>
        <row r="1257">
          <cell r="M1257">
            <v>0</v>
          </cell>
          <cell r="Q1257">
            <v>0</v>
          </cell>
        </row>
        <row r="1258">
          <cell r="M1258">
            <v>0</v>
          </cell>
        </row>
        <row r="1259">
          <cell r="M1259">
            <v>0</v>
          </cell>
          <cell r="Q1259">
            <v>0</v>
          </cell>
        </row>
        <row r="1260">
          <cell r="M1260">
            <v>0</v>
          </cell>
          <cell r="Q1260">
            <v>0</v>
          </cell>
        </row>
        <row r="1261">
          <cell r="M1261">
            <v>0</v>
          </cell>
          <cell r="Q1261">
            <v>0</v>
          </cell>
        </row>
        <row r="1262">
          <cell r="M1262">
            <v>0</v>
          </cell>
          <cell r="Q1262">
            <v>0</v>
          </cell>
        </row>
        <row r="1263">
          <cell r="M1263">
            <v>0</v>
          </cell>
          <cell r="Q1263">
            <v>0</v>
          </cell>
        </row>
        <row r="1264">
          <cell r="M1264">
            <v>0</v>
          </cell>
          <cell r="Q1264">
            <v>0</v>
          </cell>
        </row>
        <row r="1265">
          <cell r="M1265">
            <v>0</v>
          </cell>
          <cell r="Q1265">
            <v>0</v>
          </cell>
        </row>
        <row r="1266">
          <cell r="M1266">
            <v>0</v>
          </cell>
          <cell r="Q1266">
            <v>0</v>
          </cell>
        </row>
        <row r="1267">
          <cell r="M1267">
            <v>0</v>
          </cell>
          <cell r="Q1267">
            <v>0</v>
          </cell>
        </row>
        <row r="1268">
          <cell r="M1268">
            <v>0</v>
          </cell>
          <cell r="Q1268">
            <v>0</v>
          </cell>
        </row>
        <row r="1269">
          <cell r="M1269">
            <v>0</v>
          </cell>
          <cell r="Q1269">
            <v>0</v>
          </cell>
        </row>
        <row r="1270">
          <cell r="M1270">
            <v>0</v>
          </cell>
          <cell r="Q1270">
            <v>0</v>
          </cell>
        </row>
        <row r="1271">
          <cell r="M1271">
            <v>0</v>
          </cell>
          <cell r="Q1271">
            <v>0</v>
          </cell>
        </row>
        <row r="1272">
          <cell r="M1272">
            <v>0</v>
          </cell>
          <cell r="Q1272">
            <v>0</v>
          </cell>
        </row>
        <row r="1273">
          <cell r="Q1273">
            <v>0</v>
          </cell>
        </row>
        <row r="1274">
          <cell r="M1274">
            <v>0</v>
          </cell>
          <cell r="Q1274">
            <v>0</v>
          </cell>
        </row>
        <row r="1275">
          <cell r="M1275">
            <v>0</v>
          </cell>
          <cell r="Q1275">
            <v>0</v>
          </cell>
        </row>
        <row r="1276">
          <cell r="M1276">
            <v>0</v>
          </cell>
          <cell r="Q1276">
            <v>0</v>
          </cell>
        </row>
        <row r="1277">
          <cell r="M1277">
            <v>0</v>
          </cell>
          <cell r="Q1277">
            <v>0</v>
          </cell>
        </row>
        <row r="1278">
          <cell r="M1278">
            <v>0</v>
          </cell>
          <cell r="Q1278">
            <v>0</v>
          </cell>
        </row>
        <row r="1279">
          <cell r="M1279">
            <v>0</v>
          </cell>
          <cell r="Q1279">
            <v>0</v>
          </cell>
        </row>
        <row r="1280">
          <cell r="M1280">
            <v>0</v>
          </cell>
          <cell r="Q1280">
            <v>0</v>
          </cell>
        </row>
        <row r="1281">
          <cell r="M1281">
            <v>0</v>
          </cell>
          <cell r="Q1281">
            <v>0</v>
          </cell>
        </row>
        <row r="1282">
          <cell r="M1282">
            <v>0</v>
          </cell>
          <cell r="Q1282">
            <v>0</v>
          </cell>
        </row>
        <row r="1283">
          <cell r="Q1283">
            <v>0</v>
          </cell>
        </row>
        <row r="1284">
          <cell r="M1284">
            <v>0</v>
          </cell>
          <cell r="Q1284">
            <v>0</v>
          </cell>
        </row>
        <row r="1285">
          <cell r="M1285">
            <v>0</v>
          </cell>
          <cell r="Q1285">
            <v>0</v>
          </cell>
        </row>
        <row r="1286">
          <cell r="M1286">
            <v>0</v>
          </cell>
          <cell r="Q1286">
            <v>0</v>
          </cell>
        </row>
        <row r="1287">
          <cell r="Q1287">
            <v>0</v>
          </cell>
        </row>
        <row r="1288">
          <cell r="M1288">
            <v>0</v>
          </cell>
          <cell r="Q1288">
            <v>0</v>
          </cell>
        </row>
        <row r="1289">
          <cell r="M1289">
            <v>0</v>
          </cell>
          <cell r="Q1289">
            <v>0</v>
          </cell>
        </row>
        <row r="1290">
          <cell r="Q1290">
            <v>0</v>
          </cell>
        </row>
        <row r="1291">
          <cell r="Q1291">
            <v>0</v>
          </cell>
        </row>
        <row r="1292">
          <cell r="Q1292">
            <v>0</v>
          </cell>
        </row>
        <row r="1293">
          <cell r="Q1293">
            <v>0</v>
          </cell>
        </row>
        <row r="1294">
          <cell r="Q1294">
            <v>0</v>
          </cell>
        </row>
        <row r="1295">
          <cell r="M1295">
            <v>0</v>
          </cell>
          <cell r="Q1295">
            <v>0</v>
          </cell>
        </row>
        <row r="1296">
          <cell r="M1296">
            <v>0</v>
          </cell>
          <cell r="Q1296">
            <v>0</v>
          </cell>
        </row>
        <row r="1297">
          <cell r="Q1297">
            <v>0</v>
          </cell>
        </row>
        <row r="1298">
          <cell r="M1298">
            <v>0</v>
          </cell>
          <cell r="Q1298">
            <v>0</v>
          </cell>
        </row>
        <row r="1299">
          <cell r="M1299">
            <v>0</v>
          </cell>
          <cell r="Q1299">
            <v>0</v>
          </cell>
        </row>
        <row r="1300">
          <cell r="M1300">
            <v>0</v>
          </cell>
        </row>
        <row r="1301">
          <cell r="M1301">
            <v>0</v>
          </cell>
          <cell r="Q1301">
            <v>0</v>
          </cell>
        </row>
        <row r="1303">
          <cell r="M1303">
            <v>0</v>
          </cell>
        </row>
        <row r="1304">
          <cell r="Q1304">
            <v>0</v>
          </cell>
        </row>
      </sheetData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eff's Pivot"/>
      <sheetName val="Resource check for Beth"/>
      <sheetName val="Pivot - YTD BUDs for Copying"/>
      <sheetName val="Pivot - XFMRS &amp; METERS"/>
      <sheetName val="Pivot - IN"/>
      <sheetName val="Pivot - IN-N"/>
      <sheetName val="Pivot - IN-W"/>
      <sheetName val="Pivot - IN-SE"/>
      <sheetName val="Pivot - OH"/>
      <sheetName val="Pivot - OH NW"/>
      <sheetName val="Pivot - OH SE"/>
      <sheetName val="Pivot - KY"/>
      <sheetName val="Pivot - KY - Ken"/>
      <sheetName val="Pivot - SUB-IN"/>
      <sheetName val="Pivot - SUB-OH"/>
      <sheetName val="Pivot - SUB-KY"/>
      <sheetName val="Pivot - SUB-TOTAL REPORT"/>
      <sheetName val="UGCRxx Monthly Report"/>
      <sheetName val="Pivot - OTHER"/>
      <sheetName val="Data"/>
      <sheetName val="Danforth-Lookup for Unit Report"/>
      <sheetName val="Resource"/>
      <sheetName val="BudAdj"/>
      <sheetName val="Regions"/>
      <sheetName val="Shell"/>
      <sheetName val="EV Table"/>
      <sheetName val="State"/>
      <sheetName val="Program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>
        <row r="1">
          <cell r="A1" t="str">
            <v>Process Level 5</v>
          </cell>
          <cell r="B1" t="str">
            <v>WHITE LINE</v>
          </cell>
          <cell r="C1" t="str">
            <v>Owner (Lvl 5)</v>
          </cell>
          <cell r="D1" t="str">
            <v>Order on Unit Report</v>
          </cell>
          <cell r="I1" t="str">
            <v>Project</v>
          </cell>
          <cell r="J1" t="str">
            <v>Sub-White Line</v>
          </cell>
          <cell r="L1" t="str">
            <v>Oper Unit ID CB</v>
          </cell>
          <cell r="M1" t="str">
            <v>Region</v>
          </cell>
          <cell r="O1" t="str">
            <v>Region</v>
          </cell>
          <cell r="P1" t="str">
            <v>Manager</v>
          </cell>
          <cell r="S1" t="str">
            <v>Project ID</v>
          </cell>
          <cell r="T1" t="str">
            <v>Funding Project</v>
          </cell>
        </row>
        <row r="2">
          <cell r="A2" t="str">
            <v>BLDG-SUBSTATION</v>
          </cell>
          <cell r="B2" t="str">
            <v>Substation Buildings</v>
          </cell>
          <cell r="C2" t="str">
            <v>Field Ops</v>
          </cell>
          <cell r="D2">
            <v>26</v>
          </cell>
          <cell r="I2" t="str">
            <v>ABCIN</v>
          </cell>
          <cell r="J2" t="str">
            <v>AB Chance Cutout</v>
          </cell>
          <cell r="L2" t="str">
            <v>AMSK</v>
          </cell>
          <cell r="M2" t="str">
            <v>not FO</v>
          </cell>
          <cell r="O2" t="str">
            <v>IN - N</v>
          </cell>
          <cell r="P2" t="str">
            <v>Mike Miller</v>
          </cell>
          <cell r="S2" t="str">
            <v>E0252</v>
          </cell>
          <cell r="T2" t="str">
            <v>TPEQUIPFA</v>
          </cell>
        </row>
        <row r="3">
          <cell r="A3" t="str">
            <v>BUILDGS_&amp;_OPER_CENTR</v>
          </cell>
          <cell r="C3" t="str">
            <v>not FO</v>
          </cell>
          <cell r="D3">
            <v>99</v>
          </cell>
          <cell r="I3" t="str">
            <v>BLDGFB</v>
          </cell>
          <cell r="L3" t="str">
            <v>AMSO</v>
          </cell>
          <cell r="M3" t="str">
            <v>not FO</v>
          </cell>
          <cell r="O3" t="str">
            <v>IN - SE</v>
          </cell>
          <cell r="P3" t="str">
            <v>Brian Liggett</v>
          </cell>
          <cell r="S3" t="str">
            <v>E0272</v>
          </cell>
          <cell r="T3" t="str">
            <v>TPEQUIPFA</v>
          </cell>
        </row>
        <row r="4">
          <cell r="A4" t="str">
            <v>BUS_SUP</v>
          </cell>
          <cell r="C4" t="str">
            <v>not FO</v>
          </cell>
          <cell r="D4">
            <v>99</v>
          </cell>
          <cell r="I4" t="str">
            <v>CAPIN</v>
          </cell>
          <cell r="J4" t="str">
            <v>Capacitor Switch Changeout</v>
          </cell>
          <cell r="L4" t="str">
            <v>CSPT</v>
          </cell>
          <cell r="M4" t="str">
            <v>not FO</v>
          </cell>
          <cell r="O4" t="str">
            <v>IN - W</v>
          </cell>
          <cell r="P4" t="str">
            <v>Greg Justis</v>
          </cell>
          <cell r="S4" t="str">
            <v>E1543</v>
          </cell>
          <cell r="T4" t="str">
            <v>TPEQUIPFA</v>
          </cell>
        </row>
        <row r="5">
          <cell r="A5" t="str">
            <v>BUS_SUPPORT_OTHER</v>
          </cell>
          <cell r="C5" t="str">
            <v>not FO</v>
          </cell>
          <cell r="D5">
            <v>99</v>
          </cell>
          <cell r="I5" t="str">
            <v>CAPKY</v>
          </cell>
          <cell r="J5" t="str">
            <v>Capacitor Switch Changeout</v>
          </cell>
          <cell r="L5" t="str">
            <v>FMIN</v>
          </cell>
          <cell r="M5" t="str">
            <v>not FO</v>
          </cell>
          <cell r="O5" t="str">
            <v>KY</v>
          </cell>
          <cell r="P5" t="str">
            <v>Ken Toebbe</v>
          </cell>
          <cell r="S5" t="str">
            <v>E1593</v>
          </cell>
          <cell r="T5" t="str">
            <v>TPEQUIPFA</v>
          </cell>
        </row>
        <row r="6">
          <cell r="A6" t="str">
            <v>CABLE_REPL</v>
          </cell>
          <cell r="B6" t="str">
            <v>UG Cable Replacement</v>
          </cell>
          <cell r="C6" t="str">
            <v>Field Ops</v>
          </cell>
          <cell r="D6">
            <v>12</v>
          </cell>
          <cell r="I6" t="str">
            <v>CAPOH</v>
          </cell>
          <cell r="J6" t="str">
            <v>Capacitor Switch Changeout</v>
          </cell>
          <cell r="L6" t="str">
            <v>FMIS</v>
          </cell>
          <cell r="M6" t="str">
            <v>not FO</v>
          </cell>
          <cell r="O6" t="str">
            <v>not FO</v>
          </cell>
          <cell r="P6" t="str">
            <v>not FO</v>
          </cell>
          <cell r="S6" t="str">
            <v>E1674</v>
          </cell>
          <cell r="T6" t="str">
            <v>TPEQUIPFA</v>
          </cell>
        </row>
        <row r="7">
          <cell r="A7" t="str">
            <v>CABLE_REPL_MAJOR</v>
          </cell>
          <cell r="B7" t="str">
            <v>UG Cable Replacement-Major</v>
          </cell>
          <cell r="C7" t="str">
            <v>Field Ops</v>
          </cell>
          <cell r="D7">
            <v>13</v>
          </cell>
          <cell r="I7" t="str">
            <v>CAPSUBDFB</v>
          </cell>
          <cell r="L7" t="str">
            <v>FMOH</v>
          </cell>
          <cell r="M7" t="str">
            <v>not FO</v>
          </cell>
          <cell r="O7" t="str">
            <v>OH - NW</v>
          </cell>
          <cell r="P7" t="str">
            <v>Mary Crowe</v>
          </cell>
          <cell r="S7" t="str">
            <v>E1992</v>
          </cell>
          <cell r="T7" t="str">
            <v>TPEQUIPFA</v>
          </cell>
        </row>
        <row r="8">
          <cell r="A8" t="str">
            <v>CIRCUIT SECTIONALIZA</v>
          </cell>
          <cell r="B8" t="str">
            <v>Circuit Sectionalization</v>
          </cell>
          <cell r="C8" t="str">
            <v>Field Ops</v>
          </cell>
          <cell r="D8">
            <v>6</v>
          </cell>
          <cell r="I8" t="str">
            <v>CERTFB</v>
          </cell>
          <cell r="J8" t="str">
            <v>Capital Equip Repl - T</v>
          </cell>
          <cell r="L8" t="str">
            <v>IMDI</v>
          </cell>
          <cell r="M8" t="str">
            <v>not FO</v>
          </cell>
          <cell r="O8" t="str">
            <v>OH - SE</v>
          </cell>
          <cell r="P8" t="str">
            <v>Ken Toebbe</v>
          </cell>
          <cell r="S8" t="str">
            <v>E2053</v>
          </cell>
          <cell r="T8" t="str">
            <v>TPEQUIPFA</v>
          </cell>
        </row>
        <row r="9">
          <cell r="A9" t="str">
            <v>CORP_FACILITIES</v>
          </cell>
          <cell r="C9" t="str">
            <v>not FO</v>
          </cell>
          <cell r="D9">
            <v>99</v>
          </cell>
          <cell r="I9" t="str">
            <v>CERTIN</v>
          </cell>
          <cell r="J9" t="str">
            <v>Capital Equip Repl - T</v>
          </cell>
          <cell r="L9" t="str">
            <v>IMPI</v>
          </cell>
          <cell r="M9" t="str">
            <v>not FO</v>
          </cell>
          <cell r="O9" t="str">
            <v>Other</v>
          </cell>
          <cell r="P9" t="str">
            <v>Jim Mehring</v>
          </cell>
          <cell r="S9" t="str">
            <v>E2412</v>
          </cell>
          <cell r="T9" t="str">
            <v>TPEQUIPFA</v>
          </cell>
        </row>
        <row r="10">
          <cell r="A10" t="str">
            <v>CUS_ADDS_ENGG</v>
          </cell>
          <cell r="B10" t="str">
            <v>Engineering-Cust Add-D</v>
          </cell>
          <cell r="C10" t="str">
            <v>Field Ops</v>
          </cell>
          <cell r="D10">
            <v>22</v>
          </cell>
          <cell r="I10" t="str">
            <v>CERTKY</v>
          </cell>
          <cell r="J10" t="str">
            <v>Capital Equip Repl - T</v>
          </cell>
          <cell r="L10" t="str">
            <v>PD01</v>
          </cell>
          <cell r="M10" t="str">
            <v>not FO</v>
          </cell>
          <cell r="O10" t="str">
            <v>SUB - IN</v>
          </cell>
          <cell r="P10" t="str">
            <v>Terry Hoff</v>
          </cell>
          <cell r="S10" t="str">
            <v>E3035</v>
          </cell>
          <cell r="T10" t="str">
            <v>TPEQUIPFA</v>
          </cell>
        </row>
        <row r="11">
          <cell r="A11" t="str">
            <v>CUST_BILLED_PROJ</v>
          </cell>
          <cell r="C11" t="str">
            <v>not FO</v>
          </cell>
          <cell r="D11">
            <v>99</v>
          </cell>
          <cell r="I11" t="str">
            <v>CERTOH</v>
          </cell>
          <cell r="J11" t="str">
            <v>Capital Equip Repl - T</v>
          </cell>
          <cell r="L11" t="str">
            <v>PD02</v>
          </cell>
          <cell r="M11" t="str">
            <v>not FO</v>
          </cell>
          <cell r="O11" t="str">
            <v>SUB - KY</v>
          </cell>
          <cell r="P11" t="str">
            <v>Terry Hoff</v>
          </cell>
          <cell r="S11" t="str">
            <v>E3076</v>
          </cell>
          <cell r="T11" t="str">
            <v>TPEQUIPFA</v>
          </cell>
        </row>
        <row r="12">
          <cell r="A12" t="str">
            <v>CUSTOMER_ADDITIONS</v>
          </cell>
          <cell r="B12" t="str">
            <v>Customer Additions</v>
          </cell>
          <cell r="C12" t="str">
            <v>Field Ops</v>
          </cell>
          <cell r="D12">
            <v>20</v>
          </cell>
          <cell r="I12" t="str">
            <v>CFYFB</v>
          </cell>
          <cell r="L12" t="str">
            <v>PD03</v>
          </cell>
          <cell r="M12" t="str">
            <v>not FO</v>
          </cell>
          <cell r="O12" t="str">
            <v>SUB - OH</v>
          </cell>
          <cell r="P12" t="str">
            <v>Terry Hoff</v>
          </cell>
          <cell r="S12" t="str">
            <v>E3153</v>
          </cell>
          <cell r="T12" t="str">
            <v>TPEQUIPFA</v>
          </cell>
        </row>
        <row r="13">
          <cell r="A13" t="str">
            <v>CUSTOMER_DELIVERIES</v>
          </cell>
          <cell r="C13" t="str">
            <v>not FO</v>
          </cell>
          <cell r="D13">
            <v>99</v>
          </cell>
          <cell r="I13" t="str">
            <v>CSFB</v>
          </cell>
          <cell r="J13" t="str">
            <v>Circuit Sectionalization</v>
          </cell>
          <cell r="L13" t="str">
            <v>V38H</v>
          </cell>
          <cell r="M13" t="str">
            <v>OH - SE</v>
          </cell>
          <cell r="S13" t="str">
            <v>E3332</v>
          </cell>
          <cell r="T13" t="str">
            <v>TPEQUIPFA</v>
          </cell>
        </row>
        <row r="14">
          <cell r="A14" t="str">
            <v>DISTRIBUTION_SVC</v>
          </cell>
          <cell r="C14" t="str">
            <v>not FO</v>
          </cell>
          <cell r="D14">
            <v>99</v>
          </cell>
          <cell r="I14" t="str">
            <v>CSIN</v>
          </cell>
          <cell r="J14" t="str">
            <v>Circuit Sectionalization</v>
          </cell>
          <cell r="L14" t="str">
            <v>V40C</v>
          </cell>
          <cell r="M14" t="str">
            <v>OH - SE</v>
          </cell>
          <cell r="S14" t="str">
            <v>E3372</v>
          </cell>
          <cell r="T14" t="str">
            <v>TPEQUIPFA</v>
          </cell>
        </row>
        <row r="15">
          <cell r="A15" t="str">
            <v>EQUIPMENT_&amp;_TOOLS</v>
          </cell>
          <cell r="B15" t="str">
            <v>Tools &amp; Equipment</v>
          </cell>
          <cell r="C15" t="str">
            <v>Field Ops</v>
          </cell>
          <cell r="D15">
            <v>25</v>
          </cell>
          <cell r="I15" t="str">
            <v>CSKY</v>
          </cell>
          <cell r="J15" t="str">
            <v>Circuit Sectionalization</v>
          </cell>
          <cell r="L15" t="str">
            <v>V422</v>
          </cell>
          <cell r="M15" t="str">
            <v>IN - N</v>
          </cell>
          <cell r="S15" t="str">
            <v>E3412</v>
          </cell>
          <cell r="T15" t="str">
            <v>TPEQUIPFA</v>
          </cell>
        </row>
        <row r="16">
          <cell r="A16" t="str">
            <v>INDIRECT_BUDGET-MW</v>
          </cell>
          <cell r="C16" t="str">
            <v>not FO</v>
          </cell>
          <cell r="D16">
            <v>99</v>
          </cell>
          <cell r="I16" t="str">
            <v>CSOH</v>
          </cell>
          <cell r="J16" t="str">
            <v>Circuit Sectionalization</v>
          </cell>
          <cell r="L16" t="str">
            <v>V432</v>
          </cell>
          <cell r="M16" t="str">
            <v>IN - N</v>
          </cell>
          <cell r="S16" t="str">
            <v>E4032</v>
          </cell>
          <cell r="T16" t="str">
            <v>TPEQUIPFA</v>
          </cell>
        </row>
        <row r="17">
          <cell r="A17" t="str">
            <v>INTEGRITY_PROJECTS</v>
          </cell>
          <cell r="C17" t="str">
            <v>not FO</v>
          </cell>
          <cell r="D17">
            <v>99</v>
          </cell>
          <cell r="I17" t="str">
            <v>CSPFB</v>
          </cell>
          <cell r="J17" t="str">
            <v>Transformer Retrofit</v>
          </cell>
          <cell r="L17" t="str">
            <v>V442</v>
          </cell>
          <cell r="M17" t="str">
            <v>IN - N</v>
          </cell>
          <cell r="S17" t="str">
            <v>E4053</v>
          </cell>
          <cell r="T17" t="str">
            <v>TPEQUIPFA</v>
          </cell>
        </row>
        <row r="18">
          <cell r="A18" t="str">
            <v>LIGHTING CAR</v>
          </cell>
          <cell r="C18" t="str">
            <v>not FO</v>
          </cell>
          <cell r="D18">
            <v>99</v>
          </cell>
          <cell r="I18" t="str">
            <v>CSPIN</v>
          </cell>
          <cell r="J18" t="str">
            <v>Transformer Retrofit</v>
          </cell>
          <cell r="L18" t="str">
            <v>V452</v>
          </cell>
          <cell r="M18" t="str">
            <v>IN - N</v>
          </cell>
          <cell r="S18" t="str">
            <v>E4064</v>
          </cell>
          <cell r="T18" t="str">
            <v>TPEQUIPFA</v>
          </cell>
        </row>
        <row r="19">
          <cell r="A19" t="str">
            <v>LIGHTING ENGINEERING</v>
          </cell>
          <cell r="B19" t="str">
            <v>Lighting Engineering</v>
          </cell>
          <cell r="C19" t="str">
            <v>Field Ops</v>
          </cell>
          <cell r="D19">
            <v>18</v>
          </cell>
          <cell r="I19" t="str">
            <v>CSPOH</v>
          </cell>
          <cell r="J19" t="str">
            <v>Transformer Retrofit</v>
          </cell>
          <cell r="L19" t="str">
            <v>V461</v>
          </cell>
          <cell r="M19" t="str">
            <v>OH - NW</v>
          </cell>
          <cell r="S19" t="str">
            <v>E4132</v>
          </cell>
          <cell r="T19" t="str">
            <v>TPEQUIPFA</v>
          </cell>
        </row>
        <row r="20">
          <cell r="A20" t="str">
            <v>LIGHTING MW OLE</v>
          </cell>
          <cell r="B20" t="str">
            <v>Lighting-OLE</v>
          </cell>
          <cell r="C20" t="str">
            <v>Field Ops</v>
          </cell>
          <cell r="D20">
            <v>17</v>
          </cell>
          <cell r="I20" t="str">
            <v>DLCREMVFB</v>
          </cell>
          <cell r="L20" t="str">
            <v>V462</v>
          </cell>
          <cell r="M20" t="str">
            <v>OH - NW</v>
          </cell>
          <cell r="S20" t="str">
            <v>E4252</v>
          </cell>
          <cell r="T20" t="str">
            <v>TPEQUIPFA</v>
          </cell>
        </row>
        <row r="21">
          <cell r="A21" t="str">
            <v>LIGHTING REPAIR OH</v>
          </cell>
          <cell r="B21" t="str">
            <v>Lighting-Replacement</v>
          </cell>
          <cell r="C21" t="str">
            <v>Field Ops</v>
          </cell>
          <cell r="D21">
            <v>18</v>
          </cell>
          <cell r="I21" t="str">
            <v>DMAJRIFB</v>
          </cell>
          <cell r="J21" t="str">
            <v>Dist. Sub Failures</v>
          </cell>
          <cell r="L21" t="str">
            <v>V482</v>
          </cell>
          <cell r="M21" t="str">
            <v>IN - N</v>
          </cell>
          <cell r="S21" t="str">
            <v>E4274</v>
          </cell>
          <cell r="T21" t="str">
            <v>TPEQUIPFA</v>
          </cell>
        </row>
        <row r="22">
          <cell r="A22" t="str">
            <v>LIGHTING REPLACEMENT</v>
          </cell>
          <cell r="B22" t="str">
            <v>Lighting-Replacement</v>
          </cell>
          <cell r="C22" t="str">
            <v>Field Ops</v>
          </cell>
          <cell r="D22">
            <v>19</v>
          </cell>
          <cell r="I22" t="str">
            <v>DMINTLFB</v>
          </cell>
          <cell r="L22" t="str">
            <v>V492</v>
          </cell>
          <cell r="M22" t="str">
            <v>OH - NW</v>
          </cell>
          <cell r="S22" t="str">
            <v>E4335</v>
          </cell>
          <cell r="T22" t="str">
            <v>TPEQUIPFA</v>
          </cell>
        </row>
        <row r="23">
          <cell r="A23" t="str">
            <v>LINE&amp;STATION_COMPLIA</v>
          </cell>
          <cell r="C23" t="str">
            <v>not FO</v>
          </cell>
          <cell r="D23">
            <v>99</v>
          </cell>
          <cell r="I23" t="str">
            <v>DNEWCAPFB</v>
          </cell>
          <cell r="L23" t="str">
            <v>V493</v>
          </cell>
          <cell r="M23" t="str">
            <v>OH - NW</v>
          </cell>
          <cell r="S23" t="str">
            <v>E4339</v>
          </cell>
          <cell r="T23" t="str">
            <v>TPEQUIPFA</v>
          </cell>
        </row>
        <row r="24">
          <cell r="A24" t="str">
            <v>MAJOR OUT_FU_D</v>
          </cell>
          <cell r="B24" t="str">
            <v>Major Outage Followup-D</v>
          </cell>
          <cell r="C24" t="str">
            <v>Field Ops</v>
          </cell>
          <cell r="D24">
            <v>1</v>
          </cell>
          <cell r="I24" t="str">
            <v>DNEWRETFB</v>
          </cell>
          <cell r="L24" t="str">
            <v>V49A</v>
          </cell>
          <cell r="M24" t="str">
            <v>IN - N</v>
          </cell>
          <cell r="S24" t="str">
            <v>E4355</v>
          </cell>
          <cell r="T24" t="str">
            <v>TPEQUIPFA</v>
          </cell>
        </row>
        <row r="25">
          <cell r="A25" t="str">
            <v>METER_PURCHASE</v>
          </cell>
          <cell r="B25" t="str">
            <v>Meters</v>
          </cell>
          <cell r="C25" t="str">
            <v>Field Ops</v>
          </cell>
          <cell r="D25">
            <v>21</v>
          </cell>
          <cell r="I25" t="str">
            <v>DOPROJOM</v>
          </cell>
          <cell r="L25" t="str">
            <v>V502</v>
          </cell>
          <cell r="M25" t="str">
            <v>OH - NW</v>
          </cell>
          <cell r="S25" t="str">
            <v>E4393</v>
          </cell>
          <cell r="T25" t="str">
            <v>TPEQUIPFA</v>
          </cell>
        </row>
        <row r="26">
          <cell r="A26" t="str">
            <v>METER_SVC_LAB</v>
          </cell>
          <cell r="C26" t="str">
            <v>not FO</v>
          </cell>
          <cell r="D26">
            <v>99</v>
          </cell>
          <cell r="I26" t="str">
            <v>DPEQUIPFB</v>
          </cell>
          <cell r="L26" t="str">
            <v>V542</v>
          </cell>
          <cell r="M26" t="str">
            <v>IN - N</v>
          </cell>
          <cell r="S26" t="str">
            <v>E4394</v>
          </cell>
          <cell r="T26" t="str">
            <v>TPEQUIPFA</v>
          </cell>
        </row>
        <row r="27">
          <cell r="A27" t="str">
            <v>OD_BREAKERS</v>
          </cell>
          <cell r="C27" t="str">
            <v>not FO</v>
          </cell>
          <cell r="D27">
            <v>99</v>
          </cell>
          <cell r="I27" t="str">
            <v>DRETLNFB</v>
          </cell>
          <cell r="L27" t="str">
            <v>V552</v>
          </cell>
          <cell r="M27" t="str">
            <v>IN - N</v>
          </cell>
          <cell r="S27" t="str">
            <v>E4395</v>
          </cell>
          <cell r="T27" t="str">
            <v>TPEQUIPFA</v>
          </cell>
        </row>
        <row r="28">
          <cell r="A28" t="str">
            <v>OLE_LIGHTING</v>
          </cell>
          <cell r="C28" t="str">
            <v>not FO</v>
          </cell>
          <cell r="D28">
            <v>99</v>
          </cell>
          <cell r="I28" t="str">
            <v>DULMRPR</v>
          </cell>
          <cell r="L28" t="str">
            <v>V562</v>
          </cell>
          <cell r="M28" t="str">
            <v>IN - N</v>
          </cell>
          <cell r="S28" t="str">
            <v>E4423</v>
          </cell>
          <cell r="T28" t="str">
            <v>TPEQUIPFA</v>
          </cell>
        </row>
        <row r="29">
          <cell r="A29" t="str">
            <v>OUTAGE FU_OH_D</v>
          </cell>
          <cell r="B29" t="str">
            <v>Major Outage Followup-D</v>
          </cell>
          <cell r="C29" t="str">
            <v>not FO - based on Arts file</v>
          </cell>
          <cell r="D29">
            <v>99</v>
          </cell>
          <cell r="I29" t="str">
            <v>GLPRDIN</v>
          </cell>
          <cell r="J29" t="str">
            <v>Ground Line Pole Repl - D</v>
          </cell>
          <cell r="L29" t="str">
            <v>V572</v>
          </cell>
          <cell r="M29" t="str">
            <v>IN - N</v>
          </cell>
          <cell r="S29" t="str">
            <v>E4516</v>
          </cell>
          <cell r="T29" t="str">
            <v>TPEQUIPFA</v>
          </cell>
        </row>
        <row r="30">
          <cell r="A30" t="str">
            <v>OUTAGE RESTORATION-D</v>
          </cell>
          <cell r="B30" t="str">
            <v>Outage Restoration Cap-D</v>
          </cell>
          <cell r="C30" t="str">
            <v>Field Ops</v>
          </cell>
          <cell r="D30">
            <v>2</v>
          </cell>
          <cell r="I30" t="str">
            <v>GLPRDKY</v>
          </cell>
          <cell r="J30" t="str">
            <v>Ground Line Pole Repl - D</v>
          </cell>
          <cell r="L30" t="str">
            <v>V622</v>
          </cell>
          <cell r="M30" t="str">
            <v>IN - W</v>
          </cell>
          <cell r="S30" t="str">
            <v>E4532</v>
          </cell>
          <cell r="T30" t="str">
            <v>TPEQUIPFA</v>
          </cell>
        </row>
        <row r="31">
          <cell r="A31" t="str">
            <v>OUTAGE_RESTORE_SUB</v>
          </cell>
          <cell r="B31" t="str">
            <v>Outage Restoration Cap-Sub</v>
          </cell>
          <cell r="C31" t="str">
            <v>Field Ops</v>
          </cell>
          <cell r="D31">
            <v>3</v>
          </cell>
          <cell r="I31" t="str">
            <v>GLPRDOH</v>
          </cell>
          <cell r="J31" t="str">
            <v>Ground Line Pole Repl - D</v>
          </cell>
          <cell r="L31" t="str">
            <v>V632</v>
          </cell>
          <cell r="M31" t="str">
            <v>IN - W</v>
          </cell>
          <cell r="S31" t="str">
            <v>E4794</v>
          </cell>
          <cell r="T31" t="str">
            <v>TPEQUIPFA</v>
          </cell>
        </row>
        <row r="32">
          <cell r="A32" t="str">
            <v>OUTAGE_RESTORE_TLIN</v>
          </cell>
          <cell r="B32" t="str">
            <v>Outage Restoration Cap-T Lines</v>
          </cell>
          <cell r="C32" t="str">
            <v>Field Ops</v>
          </cell>
          <cell r="D32">
            <v>4</v>
          </cell>
          <cell r="I32" t="str">
            <v>GLPRTIN</v>
          </cell>
          <cell r="J32" t="str">
            <v>Ground Line Pole Repl - T</v>
          </cell>
          <cell r="L32" t="str">
            <v>V642</v>
          </cell>
          <cell r="M32" t="str">
            <v>IN - W</v>
          </cell>
          <cell r="S32" t="str">
            <v>E4815</v>
          </cell>
          <cell r="T32" t="str">
            <v>TPEQUIPFA</v>
          </cell>
        </row>
        <row r="33">
          <cell r="A33" t="str">
            <v>POLE_REPL - D</v>
          </cell>
          <cell r="B33" t="str">
            <v>Pole Replacement-D</v>
          </cell>
          <cell r="C33" t="str">
            <v>Field Ops</v>
          </cell>
          <cell r="D33">
            <v>14</v>
          </cell>
          <cell r="I33" t="str">
            <v>GLPRTKY</v>
          </cell>
          <cell r="J33" t="str">
            <v>Ground Line Pole Repl - T</v>
          </cell>
          <cell r="L33" t="str">
            <v>V652</v>
          </cell>
          <cell r="M33" t="str">
            <v>IN - W</v>
          </cell>
          <cell r="S33" t="str">
            <v>E4832</v>
          </cell>
          <cell r="T33" t="str">
            <v>TPEQUIPFA</v>
          </cell>
        </row>
        <row r="34">
          <cell r="A34" t="str">
            <v>POLE_REPL _T</v>
          </cell>
          <cell r="B34" t="str">
            <v>Pole Replacement-T</v>
          </cell>
          <cell r="C34" t="str">
            <v>Field Ops</v>
          </cell>
          <cell r="D34">
            <v>15</v>
          </cell>
          <cell r="I34" t="str">
            <v>GLPRTOH</v>
          </cell>
          <cell r="J34" t="str">
            <v>Ground Line Pole Repl - T</v>
          </cell>
          <cell r="L34" t="str">
            <v>V742</v>
          </cell>
          <cell r="M34" t="str">
            <v>IN - W</v>
          </cell>
          <cell r="S34" t="str">
            <v>E5012</v>
          </cell>
          <cell r="T34" t="str">
            <v>TPEQUIPFA</v>
          </cell>
        </row>
        <row r="35">
          <cell r="A35" t="str">
            <v>PROJ-O&amp;M-MW-AM</v>
          </cell>
          <cell r="C35" t="str">
            <v>not FO</v>
          </cell>
          <cell r="D35">
            <v>99</v>
          </cell>
          <cell r="I35" t="str">
            <v>JETREV</v>
          </cell>
          <cell r="L35" t="str">
            <v>V752</v>
          </cell>
          <cell r="M35" t="str">
            <v>IN - W</v>
          </cell>
          <cell r="S35" t="str">
            <v>E5172</v>
          </cell>
          <cell r="T35" t="str">
            <v>TPEQUIPFA</v>
          </cell>
        </row>
        <row r="36">
          <cell r="A36" t="str">
            <v>PROJ-O&amp;M-MW-FO</v>
          </cell>
          <cell r="C36" t="str">
            <v>not FO</v>
          </cell>
          <cell r="D36">
            <v>99</v>
          </cell>
          <cell r="I36" t="str">
            <v>METERMWFB</v>
          </cell>
          <cell r="L36" t="str">
            <v>V762</v>
          </cell>
          <cell r="M36" t="str">
            <v>IN - W</v>
          </cell>
          <cell r="S36" t="str">
            <v>E5289</v>
          </cell>
          <cell r="T36" t="str">
            <v>TPEQUIPFA</v>
          </cell>
        </row>
        <row r="37">
          <cell r="A37" t="str">
            <v>R&amp;I CAP_OTHER T</v>
          </cell>
          <cell r="C37" t="str">
            <v>not FO</v>
          </cell>
          <cell r="D37">
            <v>99</v>
          </cell>
          <cell r="I37" t="str">
            <v>MOFB</v>
          </cell>
          <cell r="L37" t="str">
            <v>V782</v>
          </cell>
          <cell r="M37" t="str">
            <v>IN - W</v>
          </cell>
          <cell r="S37" t="str">
            <v>E5406</v>
          </cell>
          <cell r="T37" t="str">
            <v>TPEQUIPFA</v>
          </cell>
        </row>
        <row r="38">
          <cell r="A38" t="str">
            <v>R&amp;I CAPITAL_OTHER-D</v>
          </cell>
          <cell r="B38" t="str">
            <v>R&amp;I Capital - other-D</v>
          </cell>
          <cell r="C38" t="str">
            <v>Field Ops</v>
          </cell>
          <cell r="D38">
            <v>7</v>
          </cell>
          <cell r="I38" t="str">
            <v>MOIN</v>
          </cell>
          <cell r="L38" t="str">
            <v>V792</v>
          </cell>
          <cell r="M38" t="str">
            <v>IN - W</v>
          </cell>
          <cell r="S38" t="str">
            <v>E5624</v>
          </cell>
          <cell r="T38" t="str">
            <v>TPEQUIPFA</v>
          </cell>
        </row>
        <row r="39">
          <cell r="A39" t="str">
            <v>R&amp;I_ENGINEERING</v>
          </cell>
          <cell r="B39" t="str">
            <v>R&amp;I Engineering-Region T&amp;D</v>
          </cell>
          <cell r="C39" t="str">
            <v>Field Ops</v>
          </cell>
          <cell r="D39">
            <v>16</v>
          </cell>
          <cell r="I39" t="str">
            <v>MOKY</v>
          </cell>
          <cell r="L39" t="str">
            <v>V812</v>
          </cell>
          <cell r="M39" t="str">
            <v>IN - W</v>
          </cell>
          <cell r="S39" t="str">
            <v>E5646</v>
          </cell>
          <cell r="T39" t="str">
            <v>TPEQUIPFA</v>
          </cell>
        </row>
        <row r="40">
          <cell r="A40" t="str">
            <v>R&amp;I_PROGRAMS_T</v>
          </cell>
          <cell r="C40" t="str">
            <v>not FO</v>
          </cell>
          <cell r="D40">
            <v>99</v>
          </cell>
          <cell r="I40" t="str">
            <v>MOOH</v>
          </cell>
          <cell r="L40" t="str">
            <v>V822</v>
          </cell>
          <cell r="M40" t="str">
            <v>IN - SE</v>
          </cell>
          <cell r="S40" t="str">
            <v>E5925</v>
          </cell>
          <cell r="T40" t="str">
            <v>TPEQUIPFA</v>
          </cell>
        </row>
        <row r="41">
          <cell r="A41" t="str">
            <v>RECLOSER_MT</v>
          </cell>
          <cell r="B41" t="str">
            <v>Recloser Maintenance</v>
          </cell>
          <cell r="C41" t="str">
            <v>Field Ops</v>
          </cell>
          <cell r="D41">
            <v>9</v>
          </cell>
          <cell r="I41" t="str">
            <v>NBFB</v>
          </cell>
          <cell r="L41" t="str">
            <v>V832</v>
          </cell>
          <cell r="M41" t="str">
            <v>IN - SE</v>
          </cell>
          <cell r="S41" t="str">
            <v>E6204</v>
          </cell>
          <cell r="T41" t="str">
            <v>TPEQUIPFA</v>
          </cell>
        </row>
        <row r="42">
          <cell r="A42" t="str">
            <v>REL_MAJ_CAPITAL_T</v>
          </cell>
          <cell r="B42" t="str">
            <v>Reliability Major Capital-T</v>
          </cell>
          <cell r="C42" t="str">
            <v>Field Ops</v>
          </cell>
          <cell r="D42">
            <v>8</v>
          </cell>
          <cell r="I42" t="str">
            <v>NBIN</v>
          </cell>
          <cell r="L42" t="str">
            <v>V842</v>
          </cell>
          <cell r="M42" t="str">
            <v>IN - SE</v>
          </cell>
          <cell r="S42" t="str">
            <v>E6369</v>
          </cell>
          <cell r="T42" t="str">
            <v>TPEQUIPFA</v>
          </cell>
        </row>
        <row r="43">
          <cell r="A43" t="str">
            <v>RELOC_INCL_ENG_D</v>
          </cell>
          <cell r="B43" t="str">
            <v>Relocations-D incl Engr</v>
          </cell>
          <cell r="C43" t="str">
            <v>Field Ops</v>
          </cell>
          <cell r="D43">
            <v>24</v>
          </cell>
          <cell r="I43" t="str">
            <v>NBKY</v>
          </cell>
          <cell r="L43" t="str">
            <v>V862</v>
          </cell>
          <cell r="M43" t="str">
            <v>IN - SE</v>
          </cell>
          <cell r="S43" t="str">
            <v>E6590</v>
          </cell>
          <cell r="T43" t="str">
            <v>TPEQUIPFA</v>
          </cell>
        </row>
        <row r="44">
          <cell r="A44" t="str">
            <v>RELOCATIONS - T</v>
          </cell>
          <cell r="B44" t="str">
            <v>Relocations-T incl Engr</v>
          </cell>
          <cell r="C44" t="str">
            <v>Field Ops</v>
          </cell>
          <cell r="D44">
            <v>23</v>
          </cell>
          <cell r="I44" t="str">
            <v>NBOH</v>
          </cell>
          <cell r="L44" t="str">
            <v>V882</v>
          </cell>
          <cell r="M44" t="str">
            <v>IN - SE</v>
          </cell>
          <cell r="S44" t="str">
            <v>E6604</v>
          </cell>
          <cell r="T44" t="str">
            <v>TPEQUIPFA</v>
          </cell>
        </row>
        <row r="45">
          <cell r="A45" t="str">
            <v>REPAIRS</v>
          </cell>
          <cell r="C45" t="str">
            <v>not FO</v>
          </cell>
          <cell r="D45">
            <v>99</v>
          </cell>
          <cell r="I45" t="str">
            <v>NEWCAPIN</v>
          </cell>
          <cell r="J45" t="str">
            <v>New Capacitors</v>
          </cell>
          <cell r="L45" t="str">
            <v>V892</v>
          </cell>
          <cell r="M45" t="str">
            <v>IN - SE</v>
          </cell>
          <cell r="S45" t="str">
            <v>E6605</v>
          </cell>
          <cell r="T45" t="str">
            <v>TPEQUIPFA</v>
          </cell>
        </row>
        <row r="46">
          <cell r="A46" t="str">
            <v>RETAIL_CAPACITY</v>
          </cell>
          <cell r="C46" t="str">
            <v>not FO</v>
          </cell>
          <cell r="D46">
            <v>99</v>
          </cell>
          <cell r="I46" t="str">
            <v>NEWCAPKY</v>
          </cell>
          <cell r="J46" t="str">
            <v>New Capacitors</v>
          </cell>
          <cell r="L46" t="str">
            <v>V902</v>
          </cell>
          <cell r="M46" t="str">
            <v>IN - SE</v>
          </cell>
          <cell r="S46" t="str">
            <v>E6664</v>
          </cell>
          <cell r="T46" t="str">
            <v>TPEQUIPFA</v>
          </cell>
        </row>
        <row r="47">
          <cell r="A47" t="str">
            <v>ROUTINE_OUTAGES_D</v>
          </cell>
          <cell r="C47" t="str">
            <v>not FO</v>
          </cell>
          <cell r="D47">
            <v>99</v>
          </cell>
          <cell r="I47" t="str">
            <v>NEWCAPOH</v>
          </cell>
          <cell r="J47" t="str">
            <v>New Capacitors</v>
          </cell>
          <cell r="L47" t="str">
            <v>V932</v>
          </cell>
          <cell r="M47" t="str">
            <v>KY</v>
          </cell>
          <cell r="S47" t="str">
            <v>E6904</v>
          </cell>
          <cell r="T47" t="str">
            <v>TPEQUIPFA</v>
          </cell>
        </row>
        <row r="48">
          <cell r="A48" t="str">
            <v>RW_CAPITAL_D</v>
          </cell>
          <cell r="C48" t="str">
            <v>not FO</v>
          </cell>
          <cell r="D48">
            <v>99</v>
          </cell>
          <cell r="I48" t="str">
            <v>NTUPOH</v>
          </cell>
          <cell r="J48" t="str">
            <v>Network Upgrades</v>
          </cell>
          <cell r="L48" t="str">
            <v>V942</v>
          </cell>
          <cell r="M48" t="str">
            <v>IN - SE</v>
          </cell>
          <cell r="S48" t="str">
            <v>E7165</v>
          </cell>
          <cell r="T48" t="str">
            <v>TPEQUIPFA</v>
          </cell>
        </row>
        <row r="49">
          <cell r="A49" t="str">
            <v>RW_CAPITAL_T</v>
          </cell>
          <cell r="C49" t="str">
            <v>not FO</v>
          </cell>
          <cell r="D49">
            <v>99</v>
          </cell>
          <cell r="I49" t="str">
            <v>NUPOLSET</v>
          </cell>
          <cell r="L49" t="str">
            <v>V952</v>
          </cell>
          <cell r="M49" t="str">
            <v>IN - N</v>
          </cell>
          <cell r="S49" t="str">
            <v>E7265</v>
          </cell>
          <cell r="T49" t="str">
            <v>TPEQUIPFA</v>
          </cell>
        </row>
        <row r="50">
          <cell r="A50" t="str">
            <v>SPCC</v>
          </cell>
          <cell r="C50" t="str">
            <v>not FO</v>
          </cell>
          <cell r="D50">
            <v>99</v>
          </cell>
          <cell r="I50" t="str">
            <v>NUPOLSETR</v>
          </cell>
          <cell r="L50" t="str">
            <v>V962</v>
          </cell>
          <cell r="M50" t="str">
            <v>IN - SE</v>
          </cell>
          <cell r="S50" t="str">
            <v>E7424</v>
          </cell>
          <cell r="T50" t="str">
            <v>TPEQUIPFA</v>
          </cell>
        </row>
        <row r="51">
          <cell r="A51" t="str">
            <v>SUB STRUCTURE</v>
          </cell>
          <cell r="C51" t="str">
            <v>not FO</v>
          </cell>
          <cell r="D51">
            <v>99</v>
          </cell>
          <cell r="I51" t="str">
            <v>OLE08IN</v>
          </cell>
          <cell r="L51" t="str">
            <v>VCLI</v>
          </cell>
          <cell r="M51" t="str">
            <v>Other</v>
          </cell>
          <cell r="S51" t="str">
            <v>E7528</v>
          </cell>
          <cell r="T51" t="str">
            <v>TPEQUIPFA</v>
          </cell>
        </row>
        <row r="52">
          <cell r="A52" t="str">
            <v>SUBSTATION_AUTO_D</v>
          </cell>
          <cell r="C52" t="str">
            <v>not FO</v>
          </cell>
          <cell r="D52">
            <v>99</v>
          </cell>
          <cell r="I52" t="str">
            <v>OLE08KY</v>
          </cell>
          <cell r="L52" t="str">
            <v>VDIN</v>
          </cell>
          <cell r="M52" t="str">
            <v>Other</v>
          </cell>
          <cell r="S52" t="str">
            <v>E7725</v>
          </cell>
          <cell r="T52" t="str">
            <v>TPEQUIPFA</v>
          </cell>
        </row>
        <row r="53">
          <cell r="A53" t="str">
            <v>SYS_CAPAC_REGION_SUB</v>
          </cell>
          <cell r="C53" t="str">
            <v>not FO</v>
          </cell>
          <cell r="D53">
            <v>5</v>
          </cell>
          <cell r="I53" t="str">
            <v>OLE08OH</v>
          </cell>
          <cell r="L53" t="str">
            <v>VDKY</v>
          </cell>
          <cell r="M53" t="str">
            <v>Other</v>
          </cell>
          <cell r="S53" t="str">
            <v>E7808</v>
          </cell>
          <cell r="T53" t="str">
            <v>TPEQUIPFA</v>
          </cell>
        </row>
        <row r="54">
          <cell r="A54" t="str">
            <v>SYS_CAPACITY_SUB</v>
          </cell>
          <cell r="C54" t="str">
            <v>not FO</v>
          </cell>
          <cell r="D54">
            <v>99</v>
          </cell>
          <cell r="I54" t="str">
            <v>OLE08RPIN</v>
          </cell>
          <cell r="L54" t="str">
            <v>VDOH</v>
          </cell>
          <cell r="M54" t="str">
            <v>Other</v>
          </cell>
          <cell r="S54" t="str">
            <v>E9085</v>
          </cell>
          <cell r="T54" t="str">
            <v>TPEQUIPFA</v>
          </cell>
        </row>
        <row r="55">
          <cell r="A55" t="str">
            <v>SYSTEM CAPACITY - T</v>
          </cell>
          <cell r="C55" t="str">
            <v>not FO</v>
          </cell>
          <cell r="D55">
            <v>99</v>
          </cell>
          <cell r="I55" t="str">
            <v>OLE08RPKY</v>
          </cell>
          <cell r="L55" t="str">
            <v>VFOI</v>
          </cell>
          <cell r="M55" t="str">
            <v>Other</v>
          </cell>
          <cell r="S55" t="str">
            <v>E9465</v>
          </cell>
          <cell r="T55" t="str">
            <v>TPEQUIPFA</v>
          </cell>
        </row>
        <row r="56">
          <cell r="A56" t="str">
            <v>SYSTEM CAPACITY-GEN</v>
          </cell>
          <cell r="C56" t="str">
            <v>not FO</v>
          </cell>
          <cell r="D56">
            <v>99</v>
          </cell>
          <cell r="I56" t="str">
            <v>OLE08RPOH</v>
          </cell>
          <cell r="L56" t="str">
            <v>VFOK</v>
          </cell>
          <cell r="M56" t="str">
            <v>Other</v>
          </cell>
          <cell r="S56" t="str">
            <v>E9764</v>
          </cell>
          <cell r="T56" t="str">
            <v>TPEQUIPFA</v>
          </cell>
        </row>
        <row r="57">
          <cell r="A57" t="str">
            <v>SYSTEM_CAPACITY_D</v>
          </cell>
          <cell r="C57" t="str">
            <v>not FO</v>
          </cell>
          <cell r="D57">
            <v>99</v>
          </cell>
          <cell r="I57" t="str">
            <v>OLE09IN</v>
          </cell>
          <cell r="L57" t="str">
            <v>VFOO</v>
          </cell>
          <cell r="M57" t="str">
            <v>Other</v>
          </cell>
          <cell r="S57" t="str">
            <v>F0444</v>
          </cell>
          <cell r="T57" t="str">
            <v>TPEQUIPFA</v>
          </cell>
        </row>
        <row r="58">
          <cell r="A58" t="str">
            <v>SYSTEM_CAPACITY_FO</v>
          </cell>
          <cell r="B58" t="str">
            <v>System Capacity- FO</v>
          </cell>
          <cell r="C58" t="str">
            <v>Field Ops</v>
          </cell>
          <cell r="D58">
            <v>5</v>
          </cell>
          <cell r="I58" t="str">
            <v>OLE09KY</v>
          </cell>
          <cell r="L58" t="str">
            <v>VGTU</v>
          </cell>
          <cell r="M58" t="str">
            <v>OH - NW</v>
          </cell>
          <cell r="S58" t="str">
            <v>F0526</v>
          </cell>
          <cell r="T58" t="str">
            <v>TPEQUIPFA</v>
          </cell>
        </row>
        <row r="59">
          <cell r="A59" t="str">
            <v>TECHNOLOGY</v>
          </cell>
          <cell r="C59" t="str">
            <v>not FO</v>
          </cell>
          <cell r="D59">
            <v>99</v>
          </cell>
          <cell r="I59" t="str">
            <v>OLE09OH</v>
          </cell>
          <cell r="L59" t="str">
            <v>VIAI</v>
          </cell>
          <cell r="M59" t="str">
            <v>Other</v>
          </cell>
          <cell r="S59" t="str">
            <v>F0604</v>
          </cell>
          <cell r="T59" t="str">
            <v>TPEQUIPFA</v>
          </cell>
        </row>
        <row r="60">
          <cell r="A60" t="str">
            <v>TRANSF_INST</v>
          </cell>
          <cell r="C60" t="str">
            <v>not FO</v>
          </cell>
          <cell r="D60">
            <v>99</v>
          </cell>
          <cell r="I60" t="str">
            <v>OLE09RPIN</v>
          </cell>
          <cell r="L60" t="str">
            <v>VIAO</v>
          </cell>
          <cell r="M60" t="str">
            <v>Other</v>
          </cell>
          <cell r="S60" t="str">
            <v>F0845</v>
          </cell>
          <cell r="T60" t="str">
            <v>TPEQUIPFA</v>
          </cell>
        </row>
        <row r="61">
          <cell r="A61" t="str">
            <v>TRANSF_PURCHASE</v>
          </cell>
          <cell r="B61" t="str">
            <v>Transformers</v>
          </cell>
          <cell r="C61" t="str">
            <v>Field Ops</v>
          </cell>
          <cell r="D61">
            <v>11</v>
          </cell>
          <cell r="I61" t="str">
            <v>OLE09RPOH</v>
          </cell>
          <cell r="L61" t="str">
            <v>VINX</v>
          </cell>
          <cell r="M61" t="str">
            <v>Other</v>
          </cell>
          <cell r="S61" t="str">
            <v>F0846</v>
          </cell>
          <cell r="T61" t="str">
            <v>TPEQUIPFA</v>
          </cell>
        </row>
        <row r="62">
          <cell r="A62" t="str">
            <v>TX_RETROFIT</v>
          </cell>
          <cell r="B62" t="str">
            <v>Transformer Retrofit</v>
          </cell>
          <cell r="C62" t="str">
            <v>Field Ops</v>
          </cell>
          <cell r="D62">
            <v>10</v>
          </cell>
          <cell r="I62" t="str">
            <v>OLEINSTFB</v>
          </cell>
          <cell r="L62" t="str">
            <v>VITI</v>
          </cell>
          <cell r="M62" t="str">
            <v>Other</v>
          </cell>
          <cell r="S62" t="str">
            <v>F1005</v>
          </cell>
          <cell r="T62" t="str">
            <v>TPEQUIPFA</v>
          </cell>
        </row>
        <row r="63">
          <cell r="A63" t="str">
            <v>UOFF PROJECTS</v>
          </cell>
          <cell r="C63" t="str">
            <v>not FO</v>
          </cell>
          <cell r="D63">
            <v>99</v>
          </cell>
          <cell r="I63" t="str">
            <v>OLEINT</v>
          </cell>
          <cell r="L63" t="str">
            <v>VITK</v>
          </cell>
          <cell r="M63" t="str">
            <v>Other</v>
          </cell>
          <cell r="S63" t="str">
            <v>F1084</v>
          </cell>
          <cell r="T63" t="str">
            <v>TPEQUIPFA</v>
          </cell>
        </row>
        <row r="64">
          <cell r="I64" t="str">
            <v>OLEREPLFB</v>
          </cell>
          <cell r="L64" t="str">
            <v>VITO</v>
          </cell>
          <cell r="M64" t="str">
            <v>Other</v>
          </cell>
          <cell r="S64" t="str">
            <v>F1524</v>
          </cell>
          <cell r="T64" t="str">
            <v>TPEQUIPFA</v>
          </cell>
        </row>
        <row r="65">
          <cell r="I65" t="str">
            <v>ORDERTRK</v>
          </cell>
          <cell r="L65" t="str">
            <v>VMLI</v>
          </cell>
          <cell r="M65" t="str">
            <v>SUB - IN</v>
          </cell>
          <cell r="S65" t="str">
            <v>F1544</v>
          </cell>
          <cell r="T65" t="str">
            <v>TPEQUIPFA</v>
          </cell>
        </row>
        <row r="66">
          <cell r="I66" t="str">
            <v>ORDERTRO</v>
          </cell>
          <cell r="L66" t="str">
            <v>VMLK</v>
          </cell>
          <cell r="M66" t="str">
            <v>SUB - KY</v>
          </cell>
          <cell r="S66" t="str">
            <v>F1644</v>
          </cell>
          <cell r="T66" t="str">
            <v>TPEQUIPFA</v>
          </cell>
        </row>
        <row r="67">
          <cell r="I67" t="str">
            <v>ORDFB</v>
          </cell>
          <cell r="L67" t="str">
            <v>VMLO</v>
          </cell>
          <cell r="M67" t="str">
            <v>SUB - OH</v>
          </cell>
          <cell r="S67" t="str">
            <v>F1945</v>
          </cell>
          <cell r="T67" t="str">
            <v>TPEQUIPFA</v>
          </cell>
        </row>
        <row r="68">
          <cell r="I68" t="str">
            <v>ORDIN</v>
          </cell>
          <cell r="L68" t="str">
            <v>VMMK</v>
          </cell>
          <cell r="M68" t="str">
            <v>SUB - KY</v>
          </cell>
          <cell r="S68" t="str">
            <v>F2909</v>
          </cell>
          <cell r="T68" t="str">
            <v>TPEQUIPFA</v>
          </cell>
        </row>
        <row r="69">
          <cell r="I69" t="str">
            <v>ORDKY</v>
          </cell>
          <cell r="L69" t="str">
            <v>VMMO</v>
          </cell>
          <cell r="M69" t="str">
            <v>SUB - OH</v>
          </cell>
          <cell r="S69" t="str">
            <v>F2911</v>
          </cell>
          <cell r="T69" t="str">
            <v>TPEQUIPFA</v>
          </cell>
        </row>
        <row r="70">
          <cell r="I70" t="str">
            <v>ORDOH</v>
          </cell>
          <cell r="L70" t="str">
            <v>VMRI</v>
          </cell>
          <cell r="M70" t="str">
            <v>SUB - IN</v>
          </cell>
          <cell r="S70" t="str">
            <v>F3384</v>
          </cell>
          <cell r="T70" t="str">
            <v>TPEQUIPFA</v>
          </cell>
        </row>
        <row r="71">
          <cell r="I71" t="str">
            <v>ORTFB</v>
          </cell>
          <cell r="L71" t="str">
            <v>VMRO</v>
          </cell>
          <cell r="M71" t="str">
            <v>SUB - OH</v>
          </cell>
          <cell r="S71" t="str">
            <v>F3724</v>
          </cell>
          <cell r="T71" t="str">
            <v>TPEQUIPFA</v>
          </cell>
        </row>
        <row r="72">
          <cell r="I72" t="str">
            <v>ORTIN</v>
          </cell>
          <cell r="L72" t="str">
            <v>VMSK</v>
          </cell>
          <cell r="M72" t="str">
            <v>SUB - KY</v>
          </cell>
          <cell r="S72" t="str">
            <v>F3725</v>
          </cell>
          <cell r="T72" t="str">
            <v>TPEQUIPFA</v>
          </cell>
        </row>
        <row r="73">
          <cell r="I73" t="str">
            <v>OUTAGES</v>
          </cell>
          <cell r="L73" t="str">
            <v>VNCM</v>
          </cell>
          <cell r="M73" t="str">
            <v>OH - NW</v>
          </cell>
          <cell r="S73" t="str">
            <v>F3825</v>
          </cell>
          <cell r="T73" t="str">
            <v>TPEQUIPFA</v>
          </cell>
        </row>
        <row r="74">
          <cell r="I74" t="str">
            <v>PILCFB</v>
          </cell>
          <cell r="L74" t="str">
            <v>VNOE</v>
          </cell>
          <cell r="M74" t="str">
            <v>IN - N</v>
          </cell>
          <cell r="S74" t="str">
            <v>F4404</v>
          </cell>
          <cell r="T74" t="str">
            <v>TPEQUIPFA</v>
          </cell>
        </row>
        <row r="75">
          <cell r="I75" t="str">
            <v>PILCIN</v>
          </cell>
          <cell r="L75" t="str">
            <v>VNWS</v>
          </cell>
          <cell r="M75" t="str">
            <v>OH - SE</v>
          </cell>
          <cell r="S75" t="str">
            <v>F4725</v>
          </cell>
          <cell r="T75" t="str">
            <v>TPEQUIPFA</v>
          </cell>
        </row>
        <row r="76">
          <cell r="I76" t="str">
            <v>PILCKY</v>
          </cell>
          <cell r="L76" t="str">
            <v>VODI</v>
          </cell>
          <cell r="M76" t="str">
            <v>Other</v>
          </cell>
          <cell r="S76" t="str">
            <v>F5226</v>
          </cell>
          <cell r="T76" t="str">
            <v>TPEQUIPFA</v>
          </cell>
        </row>
        <row r="77">
          <cell r="A77" t="str">
            <v xml:space="preserve">Process Level 4 </v>
          </cell>
          <cell r="B77" t="str">
            <v>Owner</v>
          </cell>
          <cell r="I77" t="str">
            <v>PILCOH</v>
          </cell>
          <cell r="L77" t="str">
            <v>VODK</v>
          </cell>
          <cell r="M77" t="str">
            <v>Other</v>
          </cell>
          <cell r="S77" t="str">
            <v>F5366</v>
          </cell>
          <cell r="T77" t="str">
            <v>TPEQUIPFA</v>
          </cell>
        </row>
        <row r="78">
          <cell r="A78" t="str">
            <v>BUILDINGS-SUB</v>
          </cell>
          <cell r="B78" t="str">
            <v>Field Ops</v>
          </cell>
          <cell r="I78" t="str">
            <v>PRDFB</v>
          </cell>
          <cell r="J78" t="str">
            <v>Pole Replacement - D</v>
          </cell>
          <cell r="L78" t="str">
            <v>VODO</v>
          </cell>
          <cell r="M78" t="str">
            <v>Other</v>
          </cell>
          <cell r="S78" t="str">
            <v>F6607</v>
          </cell>
          <cell r="T78" t="str">
            <v>TPEQUIPFA</v>
          </cell>
        </row>
        <row r="79">
          <cell r="A79" t="str">
            <v>BUILDINGS-SUB Total</v>
          </cell>
          <cell r="B79" t="str">
            <v>Field Ops</v>
          </cell>
          <cell r="I79" t="str">
            <v>PRDIN</v>
          </cell>
          <cell r="J79" t="str">
            <v>Pole Replacement - D</v>
          </cell>
          <cell r="L79" t="str">
            <v>VOTI</v>
          </cell>
          <cell r="M79" t="str">
            <v>Other</v>
          </cell>
          <cell r="S79" t="str">
            <v>E0042</v>
          </cell>
          <cell r="T79" t="str">
            <v>DPEQUIPFA</v>
          </cell>
        </row>
        <row r="80">
          <cell r="A80" t="str">
            <v>BUSINESS EXPANSION-D</v>
          </cell>
          <cell r="B80" t="str">
            <v>Field Ops</v>
          </cell>
          <cell r="I80" t="str">
            <v>PRDKY</v>
          </cell>
          <cell r="J80" t="str">
            <v>Pole Replacement - D</v>
          </cell>
          <cell r="L80" t="str">
            <v>VOTK</v>
          </cell>
          <cell r="M80" t="str">
            <v>Other</v>
          </cell>
          <cell r="S80" t="str">
            <v>E0115</v>
          </cell>
          <cell r="T80" t="str">
            <v>DPEQUIPFA</v>
          </cell>
        </row>
        <row r="81">
          <cell r="A81" t="str">
            <v>BUSINESS EXPANSION-D Total</v>
          </cell>
          <cell r="B81" t="str">
            <v>Field Ops</v>
          </cell>
          <cell r="I81" t="str">
            <v>PRDOH</v>
          </cell>
          <cell r="J81" t="str">
            <v>Pole Replacement - D</v>
          </cell>
          <cell r="L81" t="str">
            <v>VOTO</v>
          </cell>
          <cell r="M81" t="str">
            <v>Other</v>
          </cell>
          <cell r="S81" t="str">
            <v>E0215</v>
          </cell>
          <cell r="T81" t="str">
            <v>DPEQUIPFA</v>
          </cell>
        </row>
        <row r="82">
          <cell r="A82" t="str">
            <v>BUSINESS EXPANSION-T</v>
          </cell>
          <cell r="I82" t="str">
            <v>PRTFB</v>
          </cell>
          <cell r="J82" t="str">
            <v>Pole Replacement - T</v>
          </cell>
          <cell r="L82" t="str">
            <v>VPIN</v>
          </cell>
          <cell r="M82" t="str">
            <v>Other</v>
          </cell>
          <cell r="S82" t="str">
            <v>E0292</v>
          </cell>
          <cell r="T82" t="str">
            <v>DPEQUIPFA</v>
          </cell>
        </row>
        <row r="83">
          <cell r="A83" t="str">
            <v>BUSINESS EXPANSION-T Total</v>
          </cell>
          <cell r="I83" t="str">
            <v>PRTIN</v>
          </cell>
          <cell r="J83" t="str">
            <v>Pole Replacement - T</v>
          </cell>
          <cell r="L83" t="str">
            <v>VPKY</v>
          </cell>
          <cell r="M83" t="str">
            <v>Other</v>
          </cell>
          <cell r="S83" t="str">
            <v>E0300</v>
          </cell>
          <cell r="T83" t="str">
            <v>DPEQUIPFA</v>
          </cell>
        </row>
        <row r="84">
          <cell r="A84" t="str">
            <v>CAPACITY MAJOR</v>
          </cell>
          <cell r="I84" t="str">
            <v>PRTKY</v>
          </cell>
          <cell r="J84" t="str">
            <v>Pole Replacement - T</v>
          </cell>
          <cell r="L84" t="str">
            <v>VPOH</v>
          </cell>
          <cell r="M84" t="str">
            <v>Other</v>
          </cell>
          <cell r="S84" t="str">
            <v>E0341</v>
          </cell>
          <cell r="T84" t="str">
            <v>DPEQUIPFA</v>
          </cell>
        </row>
        <row r="85">
          <cell r="A85" t="str">
            <v>CAPACITY MAJOR Total</v>
          </cell>
          <cell r="I85" t="str">
            <v>PRTOH</v>
          </cell>
          <cell r="J85" t="str">
            <v>Pole Replacement - T</v>
          </cell>
          <cell r="L85" t="str">
            <v>VSCM</v>
          </cell>
          <cell r="M85" t="str">
            <v>OH - SE</v>
          </cell>
          <cell r="S85" t="str">
            <v>E0435</v>
          </cell>
          <cell r="T85" t="str">
            <v>DPEQUIPFA</v>
          </cell>
        </row>
        <row r="86">
          <cell r="A86" t="str">
            <v>CAPACITY_REGION_R</v>
          </cell>
          <cell r="B86" t="str">
            <v>Field Ops</v>
          </cell>
          <cell r="I86" t="str">
            <v>RCLFB</v>
          </cell>
          <cell r="J86" t="str">
            <v>Recloser Changeout Program</v>
          </cell>
          <cell r="L86" t="str">
            <v>VSEO</v>
          </cell>
          <cell r="M86" t="str">
            <v>IN - SE</v>
          </cell>
          <cell r="S86" t="str">
            <v>E0476</v>
          </cell>
          <cell r="T86" t="str">
            <v>DPEQUIPFA</v>
          </cell>
        </row>
        <row r="87">
          <cell r="A87" t="str">
            <v>CAPACITY_REGION_R Total</v>
          </cell>
          <cell r="B87" t="str">
            <v>Field Ops</v>
          </cell>
          <cell r="I87" t="str">
            <v>RCLIN</v>
          </cell>
          <cell r="J87" t="str">
            <v>Recloser Changeout Program</v>
          </cell>
          <cell r="L87" t="str">
            <v>VSIE</v>
          </cell>
          <cell r="M87" t="str">
            <v>SUB - IN</v>
          </cell>
          <cell r="S87" t="str">
            <v>E0477</v>
          </cell>
          <cell r="T87" t="str">
            <v>DPEQUIPFA</v>
          </cell>
        </row>
        <row r="88">
          <cell r="A88" t="str">
            <v>COMPLIANCE - MAJOR</v>
          </cell>
          <cell r="I88" t="str">
            <v>RCLOH</v>
          </cell>
          <cell r="J88" t="str">
            <v>Recloser Changeout Program</v>
          </cell>
          <cell r="L88" t="str">
            <v>VSIN</v>
          </cell>
          <cell r="M88" t="str">
            <v>SUB - IN</v>
          </cell>
          <cell r="S88" t="str">
            <v>E0478</v>
          </cell>
          <cell r="T88" t="str">
            <v>DPEQUIPFA</v>
          </cell>
        </row>
        <row r="89">
          <cell r="A89" t="str">
            <v>COMPLIANCE - MAJOR Total</v>
          </cell>
          <cell r="I89" t="str">
            <v>REGIN</v>
          </cell>
          <cell r="J89" t="str">
            <v>Regulator Changeout Program</v>
          </cell>
          <cell r="L89" t="str">
            <v>VSIW</v>
          </cell>
          <cell r="M89" t="str">
            <v>SUB - IN</v>
          </cell>
          <cell r="S89" t="str">
            <v>E0532</v>
          </cell>
          <cell r="T89" t="str">
            <v>DPEQUIPFA</v>
          </cell>
        </row>
        <row r="90">
          <cell r="A90" t="str">
            <v>CUST_SVCS_O&amp;M-Z</v>
          </cell>
          <cell r="I90" t="str">
            <v>REGKY</v>
          </cell>
          <cell r="J90" t="str">
            <v>Regulator Changeout Program</v>
          </cell>
          <cell r="L90" t="str">
            <v>VSKY</v>
          </cell>
          <cell r="M90" t="str">
            <v>SUB - KY</v>
          </cell>
          <cell r="S90" t="str">
            <v>E0545</v>
          </cell>
          <cell r="T90" t="str">
            <v>DPEQUIPFA</v>
          </cell>
        </row>
        <row r="91">
          <cell r="A91" t="str">
            <v>CUST_SVCS_O&amp;M-Z Total</v>
          </cell>
          <cell r="I91" t="str">
            <v>REGOH</v>
          </cell>
          <cell r="J91" t="str">
            <v>Regulator Changeout Program</v>
          </cell>
          <cell r="L91" t="str">
            <v>VSOH</v>
          </cell>
          <cell r="M91" t="str">
            <v>SUB - OH</v>
          </cell>
          <cell r="S91" t="str">
            <v>E0596</v>
          </cell>
          <cell r="T91" t="str">
            <v>DPEQUIPFA</v>
          </cell>
        </row>
        <row r="92">
          <cell r="A92" t="str">
            <v>GENERAL_PLANT</v>
          </cell>
          <cell r="B92" t="str">
            <v>Field Ops</v>
          </cell>
          <cell r="I92" t="str">
            <v>RELDFB</v>
          </cell>
          <cell r="L92" t="str">
            <v>VSSI</v>
          </cell>
          <cell r="M92" t="str">
            <v>SUB - IN</v>
          </cell>
          <cell r="S92" t="str">
            <v>E0792</v>
          </cell>
          <cell r="T92" t="str">
            <v>DPEQUIPFA</v>
          </cell>
        </row>
        <row r="93">
          <cell r="A93" t="str">
            <v>GENERAL_PLANT Total</v>
          </cell>
          <cell r="B93" t="str">
            <v>Field Ops</v>
          </cell>
          <cell r="I93" t="str">
            <v>RELDIN</v>
          </cell>
          <cell r="L93" t="str">
            <v>VSSK</v>
          </cell>
          <cell r="M93" t="str">
            <v>SUB - KY</v>
          </cell>
          <cell r="S93" t="str">
            <v>E0817</v>
          </cell>
          <cell r="T93" t="str">
            <v>DPEQUIPFA</v>
          </cell>
        </row>
        <row r="94">
          <cell r="A94" t="str">
            <v>INSP_MAINT_PROG_R</v>
          </cell>
          <cell r="I94" t="str">
            <v>RELDKY</v>
          </cell>
          <cell r="L94" t="str">
            <v>VSSO</v>
          </cell>
          <cell r="M94" t="str">
            <v>SUB - OH</v>
          </cell>
          <cell r="S94" t="str">
            <v>E1000</v>
          </cell>
          <cell r="T94" t="str">
            <v>DPEQUIPFA</v>
          </cell>
        </row>
        <row r="95">
          <cell r="A95" t="str">
            <v>INSP_MAINT_PROG_R Total</v>
          </cell>
          <cell r="I95" t="str">
            <v>RELDOH</v>
          </cell>
          <cell r="L95" t="str">
            <v>VVMI</v>
          </cell>
          <cell r="M95" t="str">
            <v>not FO</v>
          </cell>
          <cell r="S95" t="str">
            <v>E1025</v>
          </cell>
          <cell r="T95" t="str">
            <v>DPEQUIPFA</v>
          </cell>
        </row>
        <row r="96">
          <cell r="A96" t="str">
            <v>INTEGRITY REGION_R</v>
          </cell>
          <cell r="B96" t="str">
            <v>Field Ops</v>
          </cell>
          <cell r="I96" t="str">
            <v>RELTFB</v>
          </cell>
          <cell r="L96" t="str">
            <v>VWOE</v>
          </cell>
          <cell r="M96" t="str">
            <v>IN - W</v>
          </cell>
          <cell r="S96" t="str">
            <v>E1292</v>
          </cell>
          <cell r="T96" t="str">
            <v>DPEQUIPFA</v>
          </cell>
        </row>
        <row r="97">
          <cell r="A97" t="str">
            <v>INTEGRITY REGION_R Total</v>
          </cell>
          <cell r="B97" t="str">
            <v>Field Ops</v>
          </cell>
          <cell r="I97" t="str">
            <v>RELTIN</v>
          </cell>
          <cell r="L97" t="str">
            <v>WDUG</v>
          </cell>
          <cell r="M97" t="str">
            <v>not FO</v>
          </cell>
          <cell r="S97" t="str">
            <v>E1333</v>
          </cell>
          <cell r="T97" t="str">
            <v>DPEQUIPFA</v>
          </cell>
        </row>
        <row r="98">
          <cell r="A98" t="str">
            <v>LIGHTING MAINT</v>
          </cell>
          <cell r="B98" t="str">
            <v>Field Ops</v>
          </cell>
          <cell r="I98" t="str">
            <v>RELTKY</v>
          </cell>
          <cell r="L98" t="str">
            <v>WMIA</v>
          </cell>
          <cell r="M98" t="str">
            <v>not FO</v>
          </cell>
          <cell r="S98" t="str">
            <v>E1465</v>
          </cell>
          <cell r="T98" t="str">
            <v>DPEQUIPFA</v>
          </cell>
        </row>
        <row r="99">
          <cell r="A99" t="str">
            <v>LIGHTING MAINT Total</v>
          </cell>
          <cell r="B99" t="str">
            <v>Field Ops</v>
          </cell>
          <cell r="I99" t="str">
            <v>RELTOH</v>
          </cell>
          <cell r="L99" t="str">
            <v>WVDI</v>
          </cell>
          <cell r="M99" t="str">
            <v>Other</v>
          </cell>
          <cell r="S99" t="str">
            <v>E1497</v>
          </cell>
          <cell r="T99" t="str">
            <v>DPEQUIPFA</v>
          </cell>
        </row>
        <row r="100">
          <cell r="A100" t="str">
            <v>LIGHTING-NEW INST</v>
          </cell>
          <cell r="B100" t="str">
            <v>Field Ops</v>
          </cell>
          <cell r="I100" t="str">
            <v>RFIFB</v>
          </cell>
          <cell r="L100" t="str">
            <v>WVPI</v>
          </cell>
          <cell r="M100" t="str">
            <v>Other</v>
          </cell>
          <cell r="S100" t="str">
            <v>E1546</v>
          </cell>
          <cell r="T100" t="str">
            <v>DPEQUIPFA</v>
          </cell>
        </row>
        <row r="101">
          <cell r="A101" t="str">
            <v>LIGHTING-NEW INST Total</v>
          </cell>
          <cell r="B101" t="str">
            <v>Field Ops</v>
          </cell>
          <cell r="I101" t="str">
            <v>RLIN</v>
          </cell>
          <cell r="J101" t="str">
            <v>Capital Equip Repl - D</v>
          </cell>
          <cell r="L101" t="str">
            <v>VMTW</v>
          </cell>
          <cell r="M101" t="str">
            <v>OH - SE</v>
          </cell>
          <cell r="S101" t="str">
            <v>E1554</v>
          </cell>
          <cell r="T101" t="str">
            <v>DPEQUIPFA</v>
          </cell>
        </row>
        <row r="102">
          <cell r="A102" t="str">
            <v>MW CONVERSION</v>
          </cell>
          <cell r="I102" t="str">
            <v>RLKY</v>
          </cell>
          <cell r="J102" t="str">
            <v>Capital Equip Repl - D</v>
          </cell>
          <cell r="S102" t="str">
            <v>E1616</v>
          </cell>
          <cell r="T102" t="str">
            <v>DPEQUIPFA</v>
          </cell>
        </row>
        <row r="103">
          <cell r="A103" t="str">
            <v>MW CONVERSION Total</v>
          </cell>
          <cell r="I103" t="str">
            <v>RLOH</v>
          </cell>
          <cell r="J103" t="str">
            <v>Capital Equip Repl - D</v>
          </cell>
          <cell r="S103" t="str">
            <v>E1617</v>
          </cell>
          <cell r="T103" t="str">
            <v>DPEQUIPFA</v>
          </cell>
        </row>
        <row r="104">
          <cell r="A104" t="str">
            <v>OTHER_REGION</v>
          </cell>
          <cell r="I104" t="str">
            <v>SCFOFB</v>
          </cell>
          <cell r="S104" t="str">
            <v>E1675</v>
          </cell>
          <cell r="T104" t="str">
            <v>DPEQUIPFA</v>
          </cell>
        </row>
        <row r="105">
          <cell r="A105" t="str">
            <v>OTHER_REGION Total</v>
          </cell>
          <cell r="I105" t="str">
            <v>SCFOIN</v>
          </cell>
          <cell r="S105" t="str">
            <v>E1677</v>
          </cell>
          <cell r="T105" t="str">
            <v>DPEQUIPFA</v>
          </cell>
        </row>
        <row r="106">
          <cell r="A106" t="str">
            <v>OUTAGE RESTR - CAP-Z</v>
          </cell>
          <cell r="B106" t="str">
            <v>Field Ops</v>
          </cell>
          <cell r="I106" t="str">
            <v>SCFOKY</v>
          </cell>
          <cell r="S106" t="str">
            <v>E1712</v>
          </cell>
          <cell r="T106" t="str">
            <v>DPEQUIPFA</v>
          </cell>
        </row>
        <row r="107">
          <cell r="A107" t="str">
            <v>OUTAGE RESTR - CAP-Z Total</v>
          </cell>
          <cell r="B107" t="str">
            <v>Field Ops</v>
          </cell>
          <cell r="I107" t="str">
            <v>SCFOOH</v>
          </cell>
          <cell r="S107" t="str">
            <v>E1714</v>
          </cell>
          <cell r="T107" t="str">
            <v>DPEQUIPFA</v>
          </cell>
        </row>
        <row r="108">
          <cell r="A108" t="str">
            <v>OUTAGE_RESTR_CAP_R</v>
          </cell>
          <cell r="B108" t="str">
            <v>Field Ops</v>
          </cell>
          <cell r="I108" t="str">
            <v>SCRAPMETI</v>
          </cell>
          <cell r="S108" t="str">
            <v>E1774</v>
          </cell>
          <cell r="T108" t="str">
            <v>DPEQUIPFA</v>
          </cell>
        </row>
        <row r="109">
          <cell r="A109" t="str">
            <v>OUTAGE_RESTR_CAP_R Total</v>
          </cell>
          <cell r="B109" t="str">
            <v>Field Ops</v>
          </cell>
          <cell r="I109" t="str">
            <v>SCRAPMETK</v>
          </cell>
          <cell r="S109" t="str">
            <v>E1833</v>
          </cell>
          <cell r="T109" t="str">
            <v>DPEQUIPFA</v>
          </cell>
        </row>
        <row r="110">
          <cell r="A110" t="str">
            <v>PROJECT_O&amp;M</v>
          </cell>
          <cell r="I110" t="str">
            <v>SCRAPMETO</v>
          </cell>
          <cell r="S110" t="str">
            <v>E1894</v>
          </cell>
          <cell r="T110" t="str">
            <v>DPEQUIPFA</v>
          </cell>
        </row>
        <row r="111">
          <cell r="A111" t="str">
            <v>PROJECT_O&amp;M Total</v>
          </cell>
          <cell r="I111" t="str">
            <v>SLFB</v>
          </cell>
          <cell r="S111" t="str">
            <v>E1934</v>
          </cell>
          <cell r="T111" t="str">
            <v>DPEQUIPFA</v>
          </cell>
        </row>
        <row r="112">
          <cell r="A112" t="str">
            <v>R&amp;I_MAJOR</v>
          </cell>
          <cell r="B112" t="str">
            <v>Field Ops</v>
          </cell>
          <cell r="I112" t="str">
            <v>SLIN</v>
          </cell>
          <cell r="J112" t="str">
            <v>Tarriff Lighting</v>
          </cell>
          <cell r="S112" t="str">
            <v>E2196</v>
          </cell>
          <cell r="T112" t="str">
            <v>DPEQUIPFA</v>
          </cell>
        </row>
        <row r="113">
          <cell r="A113" t="str">
            <v>R&amp;I_MAJOR Total</v>
          </cell>
          <cell r="B113" t="str">
            <v>Field Ops</v>
          </cell>
          <cell r="I113" t="str">
            <v>SLKY</v>
          </cell>
          <cell r="J113" t="str">
            <v>Tarriff Lighting</v>
          </cell>
          <cell r="S113" t="str">
            <v>E2332</v>
          </cell>
          <cell r="T113" t="str">
            <v>DPEQUIPFA</v>
          </cell>
        </row>
        <row r="114">
          <cell r="A114" t="str">
            <v>REGION_R&amp;I_ENGR</v>
          </cell>
          <cell r="B114" t="str">
            <v>Field Ops</v>
          </cell>
          <cell r="I114" t="str">
            <v>SLOH</v>
          </cell>
          <cell r="J114" t="str">
            <v>Tarriff Lighting</v>
          </cell>
          <cell r="S114" t="str">
            <v>E2333</v>
          </cell>
          <cell r="T114" t="str">
            <v>DPEQUIPFA</v>
          </cell>
        </row>
        <row r="115">
          <cell r="A115" t="str">
            <v>REGION_R&amp;I_ENGR Total</v>
          </cell>
          <cell r="B115" t="str">
            <v>Field Ops</v>
          </cell>
          <cell r="I115" t="str">
            <v>SYCDSUBFB</v>
          </cell>
          <cell r="S115" t="str">
            <v>E2593</v>
          </cell>
          <cell r="T115" t="str">
            <v>DPEQUIPFA</v>
          </cell>
        </row>
        <row r="116">
          <cell r="A116" t="str">
            <v>RELIABILITY_REGION_R</v>
          </cell>
          <cell r="B116" t="str">
            <v>Field Ops</v>
          </cell>
          <cell r="I116" t="str">
            <v>SYCTSUBFB</v>
          </cell>
          <cell r="S116" t="str">
            <v>E2596</v>
          </cell>
          <cell r="T116" t="str">
            <v>DPEQUIPFA</v>
          </cell>
        </row>
        <row r="117">
          <cell r="A117" t="str">
            <v>RELIABILITY_REGION_R Total</v>
          </cell>
          <cell r="B117" t="str">
            <v>Field Ops</v>
          </cell>
          <cell r="I117" t="str">
            <v>TBIMLFB</v>
          </cell>
          <cell r="S117" t="str">
            <v>E2678</v>
          </cell>
          <cell r="T117" t="str">
            <v>DPEQUIPFA</v>
          </cell>
        </row>
        <row r="118">
          <cell r="A118" t="str">
            <v>RELOCATIONS_D</v>
          </cell>
          <cell r="B118" t="str">
            <v>Field Ops</v>
          </cell>
          <cell r="I118" t="str">
            <v>TDITFB</v>
          </cell>
          <cell r="S118" t="str">
            <v>E2772</v>
          </cell>
          <cell r="T118" t="str">
            <v>DPEQUIPFA</v>
          </cell>
        </row>
        <row r="119">
          <cell r="A119" t="str">
            <v>RELOCATIONS_D Total</v>
          </cell>
          <cell r="B119" t="str">
            <v>Field Ops</v>
          </cell>
          <cell r="I119" t="str">
            <v>TLCREMVFB</v>
          </cell>
          <cell r="S119" t="str">
            <v>E2773</v>
          </cell>
          <cell r="T119" t="str">
            <v>DPEQUIPFA</v>
          </cell>
        </row>
        <row r="120">
          <cell r="A120" t="str">
            <v>RELOCATIONS-T</v>
          </cell>
          <cell r="B120" t="str">
            <v>Field Ops</v>
          </cell>
          <cell r="I120" t="str">
            <v>TLCUSTFB</v>
          </cell>
          <cell r="S120" t="str">
            <v>E3152</v>
          </cell>
          <cell r="T120" t="str">
            <v>DPEQUIPFA</v>
          </cell>
        </row>
        <row r="121">
          <cell r="A121" t="str">
            <v>RELOCATIONS-T Total</v>
          </cell>
          <cell r="B121" t="str">
            <v>Field Ops</v>
          </cell>
          <cell r="I121" t="str">
            <v>TLREBLDFB</v>
          </cell>
          <cell r="S121" t="str">
            <v>E3353</v>
          </cell>
          <cell r="T121" t="str">
            <v>DPEQUIPFA</v>
          </cell>
        </row>
        <row r="122">
          <cell r="A122" t="str">
            <v>RW_CAPITAL</v>
          </cell>
          <cell r="I122" t="str">
            <v>TLRETFB</v>
          </cell>
          <cell r="S122" t="str">
            <v>E3472</v>
          </cell>
          <cell r="T122" t="str">
            <v>DPEQUIPFA</v>
          </cell>
        </row>
        <row r="123">
          <cell r="A123" t="str">
            <v>RW_CAPITAL Total</v>
          </cell>
          <cell r="I123" t="str">
            <v>TMAJRIFB</v>
          </cell>
          <cell r="J123" t="str">
            <v>Trans. Sub Failures</v>
          </cell>
          <cell r="S123" t="str">
            <v>E3592</v>
          </cell>
          <cell r="T123" t="str">
            <v>DPEQUIPFA</v>
          </cell>
        </row>
        <row r="124">
          <cell r="A124" t="str">
            <v>SHARED_SERVICES</v>
          </cell>
          <cell r="I124" t="str">
            <v>TOOLFB</v>
          </cell>
          <cell r="S124" t="str">
            <v>E3792</v>
          </cell>
          <cell r="T124" t="str">
            <v>DPEQUIPFA</v>
          </cell>
        </row>
        <row r="125">
          <cell r="A125" t="str">
            <v>SHARED_SERVICES Total</v>
          </cell>
          <cell r="I125" t="str">
            <v>TOOLIN</v>
          </cell>
          <cell r="S125" t="str">
            <v>E3793</v>
          </cell>
          <cell r="T125" t="str">
            <v>DPEQUIPFA</v>
          </cell>
        </row>
        <row r="126">
          <cell r="A126" t="str">
            <v>SVC RESTORATION -Z</v>
          </cell>
          <cell r="I126" t="str">
            <v>TOOLKY</v>
          </cell>
          <cell r="S126" t="str">
            <v>E4052</v>
          </cell>
          <cell r="T126" t="str">
            <v>DPEQUIPFA</v>
          </cell>
        </row>
        <row r="127">
          <cell r="A127" t="str">
            <v>SVC RESTORATION -Z Total</v>
          </cell>
          <cell r="I127" t="str">
            <v>TOOLOH</v>
          </cell>
          <cell r="S127" t="str">
            <v>E4054</v>
          </cell>
          <cell r="T127" t="str">
            <v>DPEQUIPFA</v>
          </cell>
        </row>
        <row r="128">
          <cell r="A128" t="str">
            <v>TRANSF-METERS</v>
          </cell>
          <cell r="B128" t="str">
            <v>Field Ops</v>
          </cell>
          <cell r="I128" t="str">
            <v>TPCAPINFB</v>
          </cell>
          <cell r="S128" t="str">
            <v>E4055</v>
          </cell>
          <cell r="T128" t="str">
            <v>DPEQUIPFA</v>
          </cell>
        </row>
        <row r="129">
          <cell r="A129" t="str">
            <v>TRANSF-METERS Total</v>
          </cell>
          <cell r="B129" t="str">
            <v>Field Ops</v>
          </cell>
          <cell r="I129" t="str">
            <v>TPEQUIPFB</v>
          </cell>
          <cell r="S129" t="str">
            <v>E4056</v>
          </cell>
          <cell r="T129" t="str">
            <v>DPEQUIPFA</v>
          </cell>
        </row>
        <row r="130">
          <cell r="A130" t="str">
            <v>UOFFUTURE</v>
          </cell>
          <cell r="I130" t="str">
            <v>TPLINESFB</v>
          </cell>
          <cell r="S130" t="str">
            <v>E4057</v>
          </cell>
          <cell r="T130" t="str">
            <v>DPEQUIPFA</v>
          </cell>
        </row>
        <row r="131">
          <cell r="A131" t="str">
            <v>UOFFUTURE Total</v>
          </cell>
          <cell r="I131" t="str">
            <v>TPREBLDFB</v>
          </cell>
          <cell r="S131" t="str">
            <v>E4058</v>
          </cell>
          <cell r="T131" t="str">
            <v>DPEQUIPFA</v>
          </cell>
        </row>
        <row r="132">
          <cell r="I132" t="str">
            <v>TPRETFB</v>
          </cell>
          <cell r="S132" t="str">
            <v>E4059</v>
          </cell>
          <cell r="T132" t="str">
            <v>DPEQUIPFA</v>
          </cell>
        </row>
        <row r="133">
          <cell r="I133" t="str">
            <v>TSUBCOMFB</v>
          </cell>
          <cell r="S133" t="str">
            <v>E4060</v>
          </cell>
          <cell r="T133" t="str">
            <v>DPEQUIPFA</v>
          </cell>
        </row>
        <row r="134">
          <cell r="I134" t="str">
            <v>TXFRMMWFB</v>
          </cell>
          <cell r="S134" t="str">
            <v>E4061</v>
          </cell>
          <cell r="T134" t="str">
            <v>DPEQUIPFA</v>
          </cell>
        </row>
        <row r="135">
          <cell r="I135" t="str">
            <v>TXINSTU</v>
          </cell>
          <cell r="S135" t="str">
            <v>E4062</v>
          </cell>
          <cell r="T135" t="str">
            <v>DPEQUIPFA</v>
          </cell>
        </row>
        <row r="136">
          <cell r="I136" t="str">
            <v>UFDLIKFB</v>
          </cell>
          <cell r="S136" t="str">
            <v>E4063</v>
          </cell>
          <cell r="T136" t="str">
            <v>DPEQUIPFA</v>
          </cell>
        </row>
        <row r="137">
          <cell r="I137" t="str">
            <v>UFHWTDFB</v>
          </cell>
          <cell r="S137" t="str">
            <v>E4092</v>
          </cell>
          <cell r="T137" t="str">
            <v>DPEQUIPFA</v>
          </cell>
        </row>
        <row r="138">
          <cell r="I138" t="str">
            <v>UFSWVSFB</v>
          </cell>
          <cell r="S138" t="str">
            <v>E4174</v>
          </cell>
          <cell r="T138" t="str">
            <v>DPEQUIPFA</v>
          </cell>
        </row>
        <row r="139">
          <cell r="I139" t="str">
            <v>UGCRFB</v>
          </cell>
          <cell r="S139" t="str">
            <v>E4212</v>
          </cell>
          <cell r="T139" t="str">
            <v>DPEQUIPFA</v>
          </cell>
        </row>
        <row r="140">
          <cell r="I140" t="str">
            <v>UGCRIN</v>
          </cell>
          <cell r="S140" t="str">
            <v>E4306</v>
          </cell>
          <cell r="T140" t="str">
            <v>DPEQUIPFA</v>
          </cell>
        </row>
        <row r="141">
          <cell r="I141" t="str">
            <v>UGCRKY</v>
          </cell>
          <cell r="S141" t="str">
            <v>E4332</v>
          </cell>
          <cell r="T141" t="str">
            <v>DPEQUIPFA</v>
          </cell>
        </row>
        <row r="142">
          <cell r="I142" t="str">
            <v>UGCROH</v>
          </cell>
          <cell r="S142" t="str">
            <v>E4333</v>
          </cell>
          <cell r="T142" t="str">
            <v>DPEQUIPFA</v>
          </cell>
        </row>
        <row r="143">
          <cell r="I143" t="str">
            <v>VMDDTIN</v>
          </cell>
          <cell r="S143" t="str">
            <v>E4334</v>
          </cell>
          <cell r="T143" t="str">
            <v>DPEQUIPFA</v>
          </cell>
        </row>
        <row r="144">
          <cell r="I144" t="str">
            <v>VMDDTKY</v>
          </cell>
          <cell r="S144" t="str">
            <v>E4338</v>
          </cell>
          <cell r="T144" t="str">
            <v>DPEQUIPFA</v>
          </cell>
        </row>
        <row r="145">
          <cell r="I145" t="str">
            <v>VMDDTOH</v>
          </cell>
          <cell r="S145" t="str">
            <v>E4340</v>
          </cell>
          <cell r="T145" t="str">
            <v>DPEQUIPFA</v>
          </cell>
        </row>
        <row r="146">
          <cell r="I146" t="str">
            <v>VMTDIN</v>
          </cell>
          <cell r="S146" t="str">
            <v>E4341</v>
          </cell>
          <cell r="T146" t="str">
            <v>DPEQUIPFA</v>
          </cell>
        </row>
        <row r="147">
          <cell r="I147" t="str">
            <v>VMTDKY</v>
          </cell>
          <cell r="S147" t="str">
            <v>E4342</v>
          </cell>
          <cell r="T147" t="str">
            <v>DPEQUIPFA</v>
          </cell>
        </row>
        <row r="148">
          <cell r="I148" t="str">
            <v>VMTDOH</v>
          </cell>
          <cell r="S148" t="str">
            <v>E4343</v>
          </cell>
          <cell r="T148" t="str">
            <v>DPEQUIPFA</v>
          </cell>
        </row>
        <row r="149">
          <cell r="S149" t="str">
            <v>E4421</v>
          </cell>
          <cell r="T149" t="str">
            <v>DPEQUIPFA</v>
          </cell>
        </row>
        <row r="150">
          <cell r="S150" t="str">
            <v>E4422</v>
          </cell>
          <cell r="T150" t="str">
            <v>DPEQUIPFA</v>
          </cell>
        </row>
        <row r="151">
          <cell r="S151" t="str">
            <v>E4517</v>
          </cell>
          <cell r="T151" t="str">
            <v>DPEQUIPFA</v>
          </cell>
        </row>
        <row r="152">
          <cell r="S152" t="str">
            <v>E4534</v>
          </cell>
          <cell r="T152" t="str">
            <v>DPEQUIPFA</v>
          </cell>
        </row>
        <row r="153">
          <cell r="S153" t="str">
            <v>E4535</v>
          </cell>
          <cell r="T153" t="str">
            <v>DPEQUIPFA</v>
          </cell>
        </row>
        <row r="154">
          <cell r="S154" t="str">
            <v>E4536</v>
          </cell>
          <cell r="T154" t="str">
            <v>DPEQUIPFA</v>
          </cell>
        </row>
        <row r="155">
          <cell r="S155" t="str">
            <v>E4537</v>
          </cell>
          <cell r="T155" t="str">
            <v>DPEQUIPFA</v>
          </cell>
        </row>
        <row r="156">
          <cell r="S156" t="str">
            <v>E4538</v>
          </cell>
          <cell r="T156" t="str">
            <v>DPEQUIPFA</v>
          </cell>
        </row>
        <row r="157">
          <cell r="S157" t="str">
            <v>E4539</v>
          </cell>
          <cell r="T157" t="str">
            <v>DPEQUIPFA</v>
          </cell>
        </row>
        <row r="158">
          <cell r="S158" t="str">
            <v>E4540</v>
          </cell>
          <cell r="T158" t="str">
            <v>DPEQUIPFA</v>
          </cell>
        </row>
        <row r="159">
          <cell r="S159" t="str">
            <v>E4713</v>
          </cell>
          <cell r="T159" t="str">
            <v>DPEQUIPFA</v>
          </cell>
        </row>
        <row r="160">
          <cell r="S160" t="str">
            <v>E4714</v>
          </cell>
          <cell r="T160" t="str">
            <v>DPEQUIPFA</v>
          </cell>
        </row>
        <row r="161">
          <cell r="S161" t="str">
            <v>E4816</v>
          </cell>
          <cell r="T161" t="str">
            <v>DPEQUIPFA</v>
          </cell>
        </row>
        <row r="162">
          <cell r="S162" t="str">
            <v>E4853</v>
          </cell>
          <cell r="T162" t="str">
            <v>DPEQUIPFA</v>
          </cell>
        </row>
        <row r="163">
          <cell r="S163" t="str">
            <v>E5152</v>
          </cell>
          <cell r="T163" t="str">
            <v>DPEQUIPFA</v>
          </cell>
        </row>
        <row r="164">
          <cell r="S164" t="str">
            <v>E5287</v>
          </cell>
          <cell r="T164" t="str">
            <v>DPEQUIPFA</v>
          </cell>
        </row>
        <row r="165">
          <cell r="S165" t="str">
            <v>E5544</v>
          </cell>
          <cell r="T165" t="str">
            <v>DPEQUIPFA</v>
          </cell>
        </row>
        <row r="166">
          <cell r="S166" t="str">
            <v>E5648</v>
          </cell>
          <cell r="T166" t="str">
            <v>DPEQUIPFA</v>
          </cell>
        </row>
        <row r="167">
          <cell r="S167" t="str">
            <v>E5707</v>
          </cell>
          <cell r="T167" t="str">
            <v>DPEQUIPFA</v>
          </cell>
        </row>
        <row r="168">
          <cell r="S168" t="str">
            <v>E5905</v>
          </cell>
          <cell r="T168" t="str">
            <v>DPEQUIPFA</v>
          </cell>
        </row>
        <row r="169">
          <cell r="S169" t="str">
            <v>E5944</v>
          </cell>
          <cell r="T169" t="str">
            <v>DPEQUIPFA</v>
          </cell>
        </row>
        <row r="170">
          <cell r="S170" t="str">
            <v>E5964</v>
          </cell>
          <cell r="T170" t="str">
            <v>DPEQUIPFA</v>
          </cell>
        </row>
        <row r="171">
          <cell r="S171" t="str">
            <v>E5965</v>
          </cell>
          <cell r="T171" t="str">
            <v>DPEQUIPFA</v>
          </cell>
        </row>
        <row r="172">
          <cell r="S172" t="str">
            <v>E6205</v>
          </cell>
          <cell r="T172" t="str">
            <v>DPEQUIPFA</v>
          </cell>
        </row>
        <row r="173">
          <cell r="S173" t="str">
            <v>E6206</v>
          </cell>
          <cell r="T173" t="str">
            <v>DPEQUIPFA</v>
          </cell>
        </row>
        <row r="174">
          <cell r="S174" t="str">
            <v>E6227</v>
          </cell>
          <cell r="T174" t="str">
            <v>DPEQUIPFA</v>
          </cell>
        </row>
        <row r="175">
          <cell r="S175" t="str">
            <v>E6365</v>
          </cell>
          <cell r="T175" t="str">
            <v>DPEQUIPFA</v>
          </cell>
        </row>
        <row r="176">
          <cell r="S176" t="str">
            <v>E6371</v>
          </cell>
          <cell r="T176" t="str">
            <v>DPEQUIPFA</v>
          </cell>
        </row>
        <row r="177">
          <cell r="S177" t="str">
            <v>E6372</v>
          </cell>
          <cell r="T177" t="str">
            <v>DPEQUIPFA</v>
          </cell>
        </row>
        <row r="178">
          <cell r="S178" t="str">
            <v>E6405</v>
          </cell>
          <cell r="T178" t="str">
            <v>DPEQUIPFA</v>
          </cell>
        </row>
        <row r="179">
          <cell r="S179" t="str">
            <v>E6406</v>
          </cell>
          <cell r="T179" t="str">
            <v>DPEQUIPFA</v>
          </cell>
        </row>
        <row r="180">
          <cell r="S180" t="str">
            <v>E6464</v>
          </cell>
          <cell r="T180" t="str">
            <v>DPEQUIPFA</v>
          </cell>
        </row>
        <row r="181">
          <cell r="S181" t="str">
            <v>E6668</v>
          </cell>
          <cell r="T181" t="str">
            <v>DPEQUIPFA</v>
          </cell>
        </row>
        <row r="182">
          <cell r="S182" t="str">
            <v>E6885</v>
          </cell>
          <cell r="T182" t="str">
            <v>DPEQUIPFA</v>
          </cell>
        </row>
        <row r="183">
          <cell r="S183" t="str">
            <v>E6886</v>
          </cell>
          <cell r="T183" t="str">
            <v>DPEQUIPFA</v>
          </cell>
        </row>
        <row r="184">
          <cell r="S184" t="str">
            <v>E6905</v>
          </cell>
          <cell r="T184" t="str">
            <v>DPEQUIPFA</v>
          </cell>
        </row>
        <row r="185">
          <cell r="S185" t="str">
            <v>E7044</v>
          </cell>
          <cell r="T185" t="str">
            <v>DPEQUIPFA</v>
          </cell>
        </row>
        <row r="186">
          <cell r="S186" t="str">
            <v>E7086</v>
          </cell>
          <cell r="T186" t="str">
            <v>DPEQUIPFA</v>
          </cell>
        </row>
        <row r="187">
          <cell r="S187" t="str">
            <v>E7126</v>
          </cell>
          <cell r="T187" t="str">
            <v>DPEQUIPFA</v>
          </cell>
        </row>
        <row r="188">
          <cell r="S188" t="str">
            <v>E7224</v>
          </cell>
          <cell r="T188" t="str">
            <v>DPEQUIPFA</v>
          </cell>
        </row>
        <row r="189">
          <cell r="S189" t="str">
            <v>E7244</v>
          </cell>
          <cell r="T189" t="str">
            <v>DPEQUIPFA</v>
          </cell>
        </row>
        <row r="190">
          <cell r="S190" t="str">
            <v>E7304</v>
          </cell>
          <cell r="T190" t="str">
            <v>DPEQUIPFA</v>
          </cell>
        </row>
        <row r="191">
          <cell r="S191" t="str">
            <v>E7304OM</v>
          </cell>
          <cell r="T191" t="str">
            <v>DPEQUIPFA</v>
          </cell>
        </row>
        <row r="192">
          <cell r="S192" t="str">
            <v>E7368</v>
          </cell>
          <cell r="T192" t="str">
            <v>DPEQUIPFA</v>
          </cell>
        </row>
        <row r="193">
          <cell r="S193" t="str">
            <v>E7504</v>
          </cell>
          <cell r="T193" t="str">
            <v>DPEQUIPFA</v>
          </cell>
        </row>
        <row r="194">
          <cell r="S194" t="str">
            <v>E7724</v>
          </cell>
          <cell r="T194" t="str">
            <v>DPEQUIPFA</v>
          </cell>
        </row>
        <row r="195">
          <cell r="S195" t="str">
            <v>E7805</v>
          </cell>
          <cell r="T195" t="str">
            <v>DPEQUIPFA</v>
          </cell>
        </row>
        <row r="196">
          <cell r="S196" t="str">
            <v>E7807</v>
          </cell>
          <cell r="T196" t="str">
            <v>DPEQUIPFA</v>
          </cell>
        </row>
        <row r="197">
          <cell r="S197" t="str">
            <v>E8044</v>
          </cell>
          <cell r="T197" t="str">
            <v>DPEQUIPFA</v>
          </cell>
        </row>
        <row r="198">
          <cell r="S198" t="str">
            <v>E8084</v>
          </cell>
          <cell r="T198" t="str">
            <v>DPEQUIPFA</v>
          </cell>
        </row>
        <row r="199">
          <cell r="S199" t="str">
            <v>E8205</v>
          </cell>
          <cell r="T199" t="str">
            <v>DPEQUIPFA</v>
          </cell>
        </row>
        <row r="200">
          <cell r="S200" t="str">
            <v>E8404</v>
          </cell>
          <cell r="T200" t="str">
            <v>DPEQUIPFA</v>
          </cell>
        </row>
        <row r="201">
          <cell r="S201" t="str">
            <v>E8405</v>
          </cell>
          <cell r="T201" t="str">
            <v>DPEQUIPFA</v>
          </cell>
        </row>
        <row r="202">
          <cell r="S202" t="str">
            <v>E8684</v>
          </cell>
          <cell r="T202" t="str">
            <v>DPEQUIPFA</v>
          </cell>
        </row>
        <row r="203">
          <cell r="S203" t="str">
            <v>E9004</v>
          </cell>
          <cell r="T203" t="str">
            <v>DPEQUIPFA</v>
          </cell>
        </row>
        <row r="204">
          <cell r="S204" t="str">
            <v>E9024</v>
          </cell>
          <cell r="T204" t="str">
            <v>DPEQUIPFA</v>
          </cell>
        </row>
        <row r="205">
          <cell r="S205" t="str">
            <v>E9084</v>
          </cell>
          <cell r="T205" t="str">
            <v>DPEQUIPFA</v>
          </cell>
        </row>
        <row r="206">
          <cell r="S206" t="str">
            <v>E9125</v>
          </cell>
          <cell r="T206" t="str">
            <v>DPEQUIPFA</v>
          </cell>
        </row>
        <row r="207">
          <cell r="S207" t="str">
            <v>E9205</v>
          </cell>
          <cell r="T207" t="str">
            <v>DPEQUIPFA</v>
          </cell>
        </row>
        <row r="208">
          <cell r="S208" t="str">
            <v>E9206</v>
          </cell>
          <cell r="T208" t="str">
            <v>DPEQUIPFA</v>
          </cell>
        </row>
        <row r="209">
          <cell r="S209" t="str">
            <v>E9386</v>
          </cell>
          <cell r="T209" t="str">
            <v>DPEQUIPFA</v>
          </cell>
        </row>
        <row r="210">
          <cell r="S210" t="str">
            <v>E9744</v>
          </cell>
          <cell r="T210" t="str">
            <v>DPEQUIPFA</v>
          </cell>
        </row>
        <row r="211">
          <cell r="S211" t="str">
            <v>E9985</v>
          </cell>
          <cell r="T211" t="str">
            <v>DPEQUIPFA</v>
          </cell>
        </row>
        <row r="212">
          <cell r="S212" t="str">
            <v>F0024</v>
          </cell>
          <cell r="T212" t="str">
            <v>DPEQUIPFA</v>
          </cell>
        </row>
        <row r="213">
          <cell r="S213" t="str">
            <v>F0064</v>
          </cell>
          <cell r="T213" t="str">
            <v>DPEQUIPFA</v>
          </cell>
        </row>
        <row r="214">
          <cell r="S214" t="str">
            <v>F0204</v>
          </cell>
          <cell r="T214" t="str">
            <v>DPEQUIPFA</v>
          </cell>
        </row>
        <row r="215">
          <cell r="S215" t="str">
            <v>F0285</v>
          </cell>
          <cell r="T215" t="str">
            <v>DPEQUIPFA</v>
          </cell>
        </row>
        <row r="216">
          <cell r="S216" t="str">
            <v>F0584</v>
          </cell>
          <cell r="T216" t="str">
            <v>DPEQUIPFA</v>
          </cell>
        </row>
        <row r="217">
          <cell r="S217" t="str">
            <v>F0605</v>
          </cell>
          <cell r="T217" t="str">
            <v>DPEQUIPFA</v>
          </cell>
        </row>
        <row r="218">
          <cell r="S218" t="str">
            <v>F0687</v>
          </cell>
          <cell r="T218" t="str">
            <v>DPEQUIPFA</v>
          </cell>
        </row>
        <row r="219">
          <cell r="S219" t="str">
            <v>F0804</v>
          </cell>
          <cell r="T219" t="str">
            <v>DPEQUIPFA</v>
          </cell>
        </row>
        <row r="220">
          <cell r="S220" t="str">
            <v>F1085</v>
          </cell>
          <cell r="T220" t="str">
            <v>DPEQUIPFA</v>
          </cell>
        </row>
        <row r="221">
          <cell r="S221" t="str">
            <v>F1086</v>
          </cell>
          <cell r="T221" t="str">
            <v>DPEQUIPFA</v>
          </cell>
        </row>
        <row r="222">
          <cell r="S222" t="str">
            <v>F1104</v>
          </cell>
          <cell r="T222" t="str">
            <v>DPEQUIPFA</v>
          </cell>
        </row>
        <row r="223">
          <cell r="S223" t="str">
            <v>F1105</v>
          </cell>
          <cell r="T223" t="str">
            <v>DPEQUIPFA</v>
          </cell>
        </row>
        <row r="224">
          <cell r="S224" t="str">
            <v>F1106</v>
          </cell>
          <cell r="T224" t="str">
            <v>DPEQUIPFA</v>
          </cell>
        </row>
        <row r="225">
          <cell r="S225" t="str">
            <v>F1224</v>
          </cell>
          <cell r="T225" t="str">
            <v>DPEQUIPFA</v>
          </cell>
        </row>
        <row r="226">
          <cell r="S226" t="str">
            <v>F1405</v>
          </cell>
          <cell r="T226" t="str">
            <v>DPEQUIPFA</v>
          </cell>
        </row>
        <row r="227">
          <cell r="S227" t="str">
            <v>F1406</v>
          </cell>
          <cell r="T227" t="str">
            <v>DPEQUIPFA</v>
          </cell>
        </row>
        <row r="228">
          <cell r="S228" t="str">
            <v>F1584</v>
          </cell>
          <cell r="T228" t="str">
            <v>DPEQUIPFA</v>
          </cell>
        </row>
        <row r="229">
          <cell r="S229" t="str">
            <v>F1624</v>
          </cell>
          <cell r="T229" t="str">
            <v>DPEQUIPFA</v>
          </cell>
        </row>
        <row r="230">
          <cell r="S230" t="str">
            <v>F1625</v>
          </cell>
          <cell r="T230" t="str">
            <v>DPEQUIPFA</v>
          </cell>
        </row>
        <row r="231">
          <cell r="S231" t="str">
            <v>F1684</v>
          </cell>
          <cell r="T231" t="str">
            <v>DPEQUIPFA</v>
          </cell>
        </row>
        <row r="232">
          <cell r="S232" t="str">
            <v>F1704</v>
          </cell>
          <cell r="T232" t="str">
            <v>DPEQUIPFA</v>
          </cell>
        </row>
        <row r="233">
          <cell r="S233" t="str">
            <v>F1744</v>
          </cell>
          <cell r="T233" t="str">
            <v>DPEQUIPFA</v>
          </cell>
        </row>
        <row r="234">
          <cell r="S234" t="str">
            <v>F2024</v>
          </cell>
          <cell r="T234" t="str">
            <v>DPEQUIPFA</v>
          </cell>
        </row>
        <row r="235">
          <cell r="S235" t="str">
            <v>F2055</v>
          </cell>
          <cell r="T235" t="str">
            <v>DPEQUIPFA</v>
          </cell>
        </row>
        <row r="236">
          <cell r="S236" t="str">
            <v>F2246</v>
          </cell>
          <cell r="T236" t="str">
            <v>DPEQUIPFA</v>
          </cell>
        </row>
        <row r="237">
          <cell r="S237" t="str">
            <v>F2366</v>
          </cell>
          <cell r="T237" t="str">
            <v>DPEQUIPFA</v>
          </cell>
        </row>
        <row r="238">
          <cell r="S238" t="str">
            <v>F2504</v>
          </cell>
          <cell r="T238" t="str">
            <v>DPEQUIPFA</v>
          </cell>
        </row>
        <row r="239">
          <cell r="S239" t="str">
            <v>F2505</v>
          </cell>
          <cell r="T239" t="str">
            <v>DPEQUIPFA</v>
          </cell>
        </row>
        <row r="240">
          <cell r="S240" t="str">
            <v>F2564</v>
          </cell>
          <cell r="T240" t="str">
            <v>DPEQUIPFA</v>
          </cell>
        </row>
        <row r="241">
          <cell r="S241" t="str">
            <v>F2766</v>
          </cell>
          <cell r="T241" t="str">
            <v>DPEQUIPFA</v>
          </cell>
        </row>
        <row r="242">
          <cell r="S242" t="str">
            <v>F2908</v>
          </cell>
          <cell r="T242" t="str">
            <v>DPEQUIPFA</v>
          </cell>
        </row>
        <row r="243">
          <cell r="S243" t="str">
            <v>F2944</v>
          </cell>
          <cell r="T243" t="str">
            <v>DPEQUIPFA</v>
          </cell>
        </row>
        <row r="244">
          <cell r="S244" t="str">
            <v>F2945</v>
          </cell>
          <cell r="T244" t="str">
            <v>DPEQUIPFA</v>
          </cell>
        </row>
        <row r="245">
          <cell r="S245" t="str">
            <v>F2946</v>
          </cell>
          <cell r="T245" t="str">
            <v>DPEQUIPFA</v>
          </cell>
        </row>
        <row r="246">
          <cell r="S246" t="str">
            <v>F2947</v>
          </cell>
          <cell r="T246" t="str">
            <v>DPEQUIPFA</v>
          </cell>
        </row>
        <row r="247">
          <cell r="S247" t="str">
            <v>F2949</v>
          </cell>
          <cell r="T247" t="str">
            <v>DPEQUIPFA</v>
          </cell>
        </row>
        <row r="248">
          <cell r="S248" t="str">
            <v>F2950</v>
          </cell>
          <cell r="T248" t="str">
            <v>DPEQUIPFA</v>
          </cell>
        </row>
        <row r="249">
          <cell r="S249" t="str">
            <v>F2965</v>
          </cell>
          <cell r="T249" t="str">
            <v>DPEQUIPFA</v>
          </cell>
        </row>
        <row r="250">
          <cell r="S250" t="str">
            <v>F3004</v>
          </cell>
          <cell r="T250" t="str">
            <v>DPEQUIPFA</v>
          </cell>
        </row>
        <row r="251">
          <cell r="S251" t="str">
            <v>F3064</v>
          </cell>
          <cell r="T251" t="str">
            <v>DPEQUIPFA</v>
          </cell>
        </row>
        <row r="252">
          <cell r="S252" t="str">
            <v>F3664</v>
          </cell>
          <cell r="T252" t="str">
            <v>DPEQUIPFA</v>
          </cell>
        </row>
        <row r="253">
          <cell r="S253" t="str">
            <v>F4024</v>
          </cell>
          <cell r="T253" t="str">
            <v>DPEQUIPFA</v>
          </cell>
        </row>
        <row r="254">
          <cell r="S254" t="str">
            <v>F4044</v>
          </cell>
          <cell r="T254" t="str">
            <v>DPEQUIPFA</v>
          </cell>
        </row>
        <row r="255">
          <cell r="S255" t="str">
            <v>F4127</v>
          </cell>
          <cell r="T255" t="str">
            <v>DPEQUIPFA</v>
          </cell>
        </row>
        <row r="256">
          <cell r="S256" t="str">
            <v>F4305</v>
          </cell>
          <cell r="T256" t="str">
            <v>DPEQUIPFA</v>
          </cell>
        </row>
        <row r="257">
          <cell r="S257" t="str">
            <v>F4405</v>
          </cell>
          <cell r="T257" t="str">
            <v>DPEQUIPFA</v>
          </cell>
        </row>
        <row r="258">
          <cell r="S258" t="str">
            <v>F5228</v>
          </cell>
          <cell r="T258" t="str">
            <v>DPEQUIPFA</v>
          </cell>
        </row>
        <row r="259">
          <cell r="S259" t="str">
            <v>F5231</v>
          </cell>
          <cell r="T259" t="str">
            <v>DPEQUIPFA</v>
          </cell>
        </row>
        <row r="260">
          <cell r="S260" t="str">
            <v>F5364</v>
          </cell>
          <cell r="T260" t="str">
            <v>DPEQUIPFA</v>
          </cell>
        </row>
        <row r="261">
          <cell r="S261" t="str">
            <v>F5365</v>
          </cell>
          <cell r="T261" t="str">
            <v>DPEQUIPFA</v>
          </cell>
        </row>
        <row r="262">
          <cell r="S262" t="str">
            <v>F5464</v>
          </cell>
          <cell r="T262" t="str">
            <v>DPEQUIPFA</v>
          </cell>
        </row>
        <row r="263">
          <cell r="S263" t="str">
            <v>F5624</v>
          </cell>
          <cell r="T263" t="str">
            <v>DPEQUIPFA</v>
          </cell>
        </row>
        <row r="264">
          <cell r="S264" t="str">
            <v>F5625</v>
          </cell>
          <cell r="T264" t="str">
            <v>DPEQUIPFA</v>
          </cell>
        </row>
        <row r="265">
          <cell r="S265" t="str">
            <v>F5644</v>
          </cell>
          <cell r="T265" t="str">
            <v>DPEQUIPFA</v>
          </cell>
        </row>
        <row r="266">
          <cell r="S266" t="str">
            <v>F6104</v>
          </cell>
          <cell r="T266" t="str">
            <v>DPEQUIPFA</v>
          </cell>
        </row>
        <row r="267">
          <cell r="S267" t="str">
            <v>F7287</v>
          </cell>
          <cell r="T267" t="str">
            <v>DPEQUIPFA</v>
          </cell>
        </row>
        <row r="268">
          <cell r="S268" t="str">
            <v>E0302</v>
          </cell>
          <cell r="T268" t="str">
            <v>TMAJRIFA</v>
          </cell>
        </row>
        <row r="269">
          <cell r="S269" t="str">
            <v>E0345</v>
          </cell>
          <cell r="T269" t="str">
            <v>TMAJRIFA</v>
          </cell>
        </row>
        <row r="270">
          <cell r="S270" t="str">
            <v>E0998</v>
          </cell>
          <cell r="T270" t="str">
            <v>TMAJRIFA</v>
          </cell>
        </row>
        <row r="271">
          <cell r="S271" t="str">
            <v>E1219</v>
          </cell>
          <cell r="T271" t="str">
            <v>TMAJRIFA</v>
          </cell>
        </row>
        <row r="272">
          <cell r="S272" t="str">
            <v>E1495</v>
          </cell>
          <cell r="T272" t="str">
            <v>TMAJRIFA</v>
          </cell>
        </row>
        <row r="273">
          <cell r="S273" t="str">
            <v>E1498</v>
          </cell>
          <cell r="T273" t="str">
            <v>TMAJRIFA</v>
          </cell>
        </row>
        <row r="274">
          <cell r="S274" t="str">
            <v>E1551</v>
          </cell>
          <cell r="T274" t="str">
            <v>TMAJRIFA</v>
          </cell>
        </row>
        <row r="275">
          <cell r="S275" t="str">
            <v>E1553</v>
          </cell>
          <cell r="T275" t="str">
            <v>TMAJRIFA</v>
          </cell>
        </row>
        <row r="276">
          <cell r="S276" t="str">
            <v>E2914</v>
          </cell>
          <cell r="T276" t="str">
            <v>TMAJRIFA</v>
          </cell>
        </row>
        <row r="277">
          <cell r="S277" t="str">
            <v>E4172</v>
          </cell>
          <cell r="T277" t="str">
            <v>TMAJRIFA</v>
          </cell>
        </row>
        <row r="278">
          <cell r="S278" t="str">
            <v>E4452</v>
          </cell>
          <cell r="T278" t="str">
            <v>TMAJRIFA</v>
          </cell>
        </row>
        <row r="279">
          <cell r="S279" t="str">
            <v>E4852</v>
          </cell>
          <cell r="T279" t="str">
            <v>TMAJRIFA</v>
          </cell>
        </row>
        <row r="280">
          <cell r="S280" t="str">
            <v>E5348</v>
          </cell>
          <cell r="T280" t="str">
            <v>TMAJRIFA</v>
          </cell>
        </row>
        <row r="281">
          <cell r="S281" t="str">
            <v>E6364</v>
          </cell>
          <cell r="T281" t="str">
            <v>TMAJRIFA</v>
          </cell>
        </row>
        <row r="282">
          <cell r="S282" t="str">
            <v>E6688</v>
          </cell>
          <cell r="T282" t="str">
            <v>TMAJRIFA</v>
          </cell>
        </row>
        <row r="283">
          <cell r="S283" t="str">
            <v>E6884</v>
          </cell>
          <cell r="T283" t="str">
            <v>TMAJRIFA</v>
          </cell>
        </row>
        <row r="284">
          <cell r="S284" t="str">
            <v>E6910</v>
          </cell>
          <cell r="T284" t="str">
            <v>TMAJRIFA</v>
          </cell>
        </row>
        <row r="285">
          <cell r="S285" t="str">
            <v>E8124</v>
          </cell>
          <cell r="T285" t="str">
            <v>TMAJRIFA</v>
          </cell>
        </row>
        <row r="286">
          <cell r="S286" t="str">
            <v>E9704</v>
          </cell>
          <cell r="T286" t="str">
            <v>TMAJRIFA</v>
          </cell>
        </row>
        <row r="287">
          <cell r="S287" t="str">
            <v>E9705</v>
          </cell>
          <cell r="T287" t="str">
            <v>TMAJRIFA</v>
          </cell>
        </row>
        <row r="288">
          <cell r="S288" t="str">
            <v>F5725</v>
          </cell>
          <cell r="T288" t="str">
            <v>TMAJRIFA</v>
          </cell>
        </row>
        <row r="289">
          <cell r="S289" t="str">
            <v>F5985</v>
          </cell>
          <cell r="T289" t="str">
            <v>TMAJRIFA</v>
          </cell>
        </row>
        <row r="290">
          <cell r="S290" t="str">
            <v>F6105</v>
          </cell>
          <cell r="T290" t="str">
            <v>TMAJRIFA</v>
          </cell>
        </row>
        <row r="291">
          <cell r="S291" t="str">
            <v>F6207</v>
          </cell>
          <cell r="T291" t="str">
            <v>TMAJRIFA</v>
          </cell>
        </row>
        <row r="292">
          <cell r="S292" t="str">
            <v>F6208</v>
          </cell>
          <cell r="T292" t="str">
            <v>TMAJRIFA</v>
          </cell>
        </row>
        <row r="293">
          <cell r="S293" t="str">
            <v>F6425</v>
          </cell>
          <cell r="T293" t="str">
            <v>TMAJRIFA</v>
          </cell>
        </row>
        <row r="294">
          <cell r="S294" t="str">
            <v>F6508</v>
          </cell>
          <cell r="T294" t="str">
            <v>TMAJRIFA</v>
          </cell>
        </row>
        <row r="295">
          <cell r="S295" t="str">
            <v>F6586</v>
          </cell>
          <cell r="T295" t="str">
            <v>TMAJRIFA</v>
          </cell>
        </row>
        <row r="296">
          <cell r="S296" t="str">
            <v>F6925</v>
          </cell>
          <cell r="T296" t="str">
            <v>TMAJRIFA</v>
          </cell>
        </row>
        <row r="297">
          <cell r="S297" t="str">
            <v>F6926</v>
          </cell>
          <cell r="T297" t="str">
            <v>TMAJRIFA</v>
          </cell>
        </row>
        <row r="298">
          <cell r="S298" t="str">
            <v>F7085</v>
          </cell>
          <cell r="T298" t="str">
            <v>TMAJRIFA</v>
          </cell>
        </row>
        <row r="299">
          <cell r="S299" t="str">
            <v>E0081</v>
          </cell>
          <cell r="T299" t="str">
            <v>DMAJRIFA</v>
          </cell>
        </row>
        <row r="300">
          <cell r="S300" t="str">
            <v>E0305</v>
          </cell>
          <cell r="T300" t="str">
            <v>DMAJRIFA</v>
          </cell>
        </row>
        <row r="301">
          <cell r="S301" t="str">
            <v>E0307</v>
          </cell>
          <cell r="T301" t="str">
            <v>DMAJRIFA</v>
          </cell>
        </row>
        <row r="302">
          <cell r="S302" t="str">
            <v>E0346</v>
          </cell>
          <cell r="T302" t="str">
            <v>DMAJRIFA</v>
          </cell>
        </row>
        <row r="303">
          <cell r="S303" t="str">
            <v>E0347</v>
          </cell>
          <cell r="T303" t="str">
            <v>DMAJRIFA</v>
          </cell>
        </row>
        <row r="304">
          <cell r="S304" t="str">
            <v>E0348</v>
          </cell>
          <cell r="T304" t="str">
            <v>DMAJRIFA</v>
          </cell>
        </row>
        <row r="305">
          <cell r="S305" t="str">
            <v>E0349</v>
          </cell>
          <cell r="T305" t="str">
            <v>DMAJRIFA</v>
          </cell>
        </row>
        <row r="306">
          <cell r="S306" t="str">
            <v>E0546</v>
          </cell>
          <cell r="T306" t="str">
            <v>DMAJRIFA</v>
          </cell>
        </row>
        <row r="307">
          <cell r="S307" t="str">
            <v>E0572</v>
          </cell>
          <cell r="T307" t="str">
            <v>DMAJRIFA</v>
          </cell>
        </row>
        <row r="308">
          <cell r="S308" t="str">
            <v>E0597</v>
          </cell>
          <cell r="T308" t="str">
            <v>DMAJRIFA</v>
          </cell>
        </row>
        <row r="309">
          <cell r="S309" t="str">
            <v>E0892</v>
          </cell>
          <cell r="T309" t="str">
            <v>DMAJRIFA</v>
          </cell>
        </row>
        <row r="310">
          <cell r="S310" t="str">
            <v>E0912</v>
          </cell>
          <cell r="T310" t="str">
            <v>DMAJRIFA</v>
          </cell>
        </row>
        <row r="311">
          <cell r="S311" t="str">
            <v>E0913</v>
          </cell>
          <cell r="T311" t="str">
            <v>DMAJRIFA</v>
          </cell>
        </row>
        <row r="312">
          <cell r="S312" t="str">
            <v>E0999</v>
          </cell>
          <cell r="T312" t="str">
            <v>DMAJRIFA</v>
          </cell>
        </row>
        <row r="313">
          <cell r="S313" t="str">
            <v>E1001</v>
          </cell>
          <cell r="T313" t="str">
            <v>DMAJRIFA</v>
          </cell>
        </row>
        <row r="314">
          <cell r="S314" t="str">
            <v>E1224</v>
          </cell>
          <cell r="T314" t="str">
            <v>DMAJRIFA</v>
          </cell>
        </row>
        <row r="315">
          <cell r="S315" t="str">
            <v>E1539</v>
          </cell>
          <cell r="T315" t="str">
            <v>DMAJRIFA</v>
          </cell>
        </row>
        <row r="316">
          <cell r="S316" t="str">
            <v>E1874</v>
          </cell>
          <cell r="T316" t="str">
            <v>DMAJRIFA</v>
          </cell>
        </row>
        <row r="317">
          <cell r="S317" t="str">
            <v>E1875</v>
          </cell>
          <cell r="T317" t="str">
            <v>DMAJRIFA</v>
          </cell>
        </row>
        <row r="318">
          <cell r="S318" t="str">
            <v>E2014</v>
          </cell>
          <cell r="T318" t="str">
            <v>DMAJRIFA</v>
          </cell>
        </row>
        <row r="319">
          <cell r="S319" t="str">
            <v>E2597</v>
          </cell>
          <cell r="T319" t="str">
            <v>DMAJRIFA</v>
          </cell>
        </row>
        <row r="320">
          <cell r="S320" t="str">
            <v>E2952</v>
          </cell>
          <cell r="T320" t="str">
            <v>DMAJRIFA</v>
          </cell>
        </row>
        <row r="321">
          <cell r="S321" t="str">
            <v>E4213</v>
          </cell>
          <cell r="T321" t="str">
            <v>DMAJRIFA</v>
          </cell>
        </row>
        <row r="322">
          <cell r="S322" t="str">
            <v>E4712</v>
          </cell>
          <cell r="T322" t="str">
            <v>DMAJRIFA</v>
          </cell>
        </row>
        <row r="323">
          <cell r="S323" t="str">
            <v>E5332</v>
          </cell>
          <cell r="T323" t="str">
            <v>DMAJRIFA</v>
          </cell>
        </row>
        <row r="324">
          <cell r="S324" t="str">
            <v>E5333</v>
          </cell>
          <cell r="T324" t="str">
            <v>DMAJRIFA</v>
          </cell>
        </row>
        <row r="325">
          <cell r="S325" t="str">
            <v>E5345</v>
          </cell>
          <cell r="T325" t="str">
            <v>DMAJRIFA</v>
          </cell>
        </row>
        <row r="326">
          <cell r="S326" t="str">
            <v>E5346</v>
          </cell>
          <cell r="T326" t="str">
            <v>DMAJRIFA</v>
          </cell>
        </row>
        <row r="327">
          <cell r="S327" t="str">
            <v>E5347</v>
          </cell>
          <cell r="T327" t="str">
            <v>DMAJRIFA</v>
          </cell>
        </row>
        <row r="328">
          <cell r="S328" t="str">
            <v>E5404</v>
          </cell>
          <cell r="T328" t="str">
            <v>DMAJRIFA</v>
          </cell>
        </row>
        <row r="329">
          <cell r="S329" t="str">
            <v>E6686</v>
          </cell>
          <cell r="T329" t="str">
            <v>DMAJRIFA</v>
          </cell>
        </row>
        <row r="330">
          <cell r="S330" t="str">
            <v>E6687</v>
          </cell>
          <cell r="T330" t="str">
            <v>DMAJRIFA</v>
          </cell>
        </row>
        <row r="331">
          <cell r="S331" t="str">
            <v>E6906</v>
          </cell>
          <cell r="T331" t="str">
            <v>DMAJRIFA</v>
          </cell>
        </row>
        <row r="332">
          <cell r="S332" t="str">
            <v>E7367</v>
          </cell>
          <cell r="T332" t="str">
            <v>DMAJRIFA</v>
          </cell>
        </row>
        <row r="333">
          <cell r="S333" t="str">
            <v>E9185</v>
          </cell>
          <cell r="T333" t="str">
            <v>DMAJRIFA</v>
          </cell>
        </row>
        <row r="334">
          <cell r="S334" t="str">
            <v>E9284</v>
          </cell>
          <cell r="T334" t="str">
            <v>DMAJRIFA</v>
          </cell>
        </row>
        <row r="335">
          <cell r="S335" t="str">
            <v>E9285</v>
          </cell>
          <cell r="T335" t="str">
            <v>DMAJRIFA</v>
          </cell>
        </row>
        <row r="336">
          <cell r="S336" t="str">
            <v>E9344</v>
          </cell>
          <cell r="T336" t="str">
            <v>DMAJRIFA</v>
          </cell>
        </row>
        <row r="337">
          <cell r="S337" t="str">
            <v>E9364</v>
          </cell>
          <cell r="T337" t="str">
            <v>DMAJRIFA</v>
          </cell>
        </row>
        <row r="338">
          <cell r="S338" t="str">
            <v>E9444</v>
          </cell>
          <cell r="T338" t="str">
            <v>DMAJRIFA</v>
          </cell>
        </row>
        <row r="339">
          <cell r="S339" t="str">
            <v>E9464</v>
          </cell>
          <cell r="T339" t="str">
            <v>DMAJRIFA</v>
          </cell>
        </row>
        <row r="340">
          <cell r="S340" t="str">
            <v>E9724</v>
          </cell>
          <cell r="T340" t="str">
            <v>DMAJRIFA</v>
          </cell>
        </row>
        <row r="341">
          <cell r="S341" t="str">
            <v>E9725</v>
          </cell>
          <cell r="T341" t="str">
            <v>DMAJRIFA</v>
          </cell>
        </row>
        <row r="342">
          <cell r="S342" t="str">
            <v>E9745</v>
          </cell>
          <cell r="T342" t="str">
            <v>DMAJRIFA</v>
          </cell>
        </row>
        <row r="343">
          <cell r="S343" t="str">
            <v>E9746</v>
          </cell>
          <cell r="T343" t="str">
            <v>DMAJRIFA</v>
          </cell>
        </row>
        <row r="344">
          <cell r="S344" t="str">
            <v>F1126</v>
          </cell>
          <cell r="T344" t="str">
            <v>DMAJRIFA</v>
          </cell>
        </row>
        <row r="345">
          <cell r="S345" t="str">
            <v>F1144</v>
          </cell>
          <cell r="T345" t="str">
            <v>DMAJRIFA</v>
          </cell>
        </row>
        <row r="346">
          <cell r="S346" t="str">
            <v>F1444</v>
          </cell>
          <cell r="T346" t="str">
            <v>DMAJRIFA</v>
          </cell>
        </row>
        <row r="347">
          <cell r="S347" t="str">
            <v>F3364</v>
          </cell>
          <cell r="T347" t="str">
            <v>DMAJRIFA</v>
          </cell>
        </row>
        <row r="348">
          <cell r="S348" t="str">
            <v>F4406</v>
          </cell>
          <cell r="T348" t="str">
            <v>DMAJRIFA</v>
          </cell>
        </row>
        <row r="349">
          <cell r="S349" t="str">
            <v>F4407</v>
          </cell>
          <cell r="T349" t="str">
            <v>DMAJRIFA</v>
          </cell>
        </row>
        <row r="350">
          <cell r="S350" t="str">
            <v>F4408</v>
          </cell>
          <cell r="T350" t="str">
            <v>DMAJRIFA</v>
          </cell>
        </row>
        <row r="351">
          <cell r="S351" t="str">
            <v>F4504</v>
          </cell>
          <cell r="T351" t="str">
            <v>DMAJRIFA</v>
          </cell>
        </row>
        <row r="352">
          <cell r="S352" t="str">
            <v>F4506</v>
          </cell>
          <cell r="T352" t="str">
            <v>DMAJRIFA</v>
          </cell>
        </row>
        <row r="353">
          <cell r="S353" t="str">
            <v>F5225</v>
          </cell>
          <cell r="T353" t="str">
            <v>DMAJRIFA</v>
          </cell>
        </row>
        <row r="354">
          <cell r="S354" t="str">
            <v>F5227</v>
          </cell>
          <cell r="T354" t="str">
            <v>DMAJRIFA</v>
          </cell>
        </row>
        <row r="355">
          <cell r="S355" t="str">
            <v>F5229</v>
          </cell>
          <cell r="T355" t="str">
            <v>DMAJRIFA</v>
          </cell>
        </row>
        <row r="356">
          <cell r="S356" t="str">
            <v>F5264</v>
          </cell>
          <cell r="T356" t="str">
            <v>DMAJRIFA</v>
          </cell>
        </row>
        <row r="357">
          <cell r="S357" t="str">
            <v>F5866</v>
          </cell>
          <cell r="T357" t="str">
            <v>DMAJRIFA</v>
          </cell>
        </row>
        <row r="358">
          <cell r="S358" t="str">
            <v>F6025</v>
          </cell>
          <cell r="T358" t="str">
            <v>DMAJRIFA</v>
          </cell>
        </row>
        <row r="359">
          <cell r="S359" t="str">
            <v>F6404</v>
          </cell>
          <cell r="T359" t="str">
            <v>DMAJRIFA</v>
          </cell>
        </row>
        <row r="360">
          <cell r="S360" t="str">
            <v>F6405</v>
          </cell>
          <cell r="T360" t="str">
            <v>DMAJRIFA</v>
          </cell>
        </row>
        <row r="361">
          <cell r="S361" t="str">
            <v>F6585</v>
          </cell>
          <cell r="T361" t="str">
            <v>DMAJRIFA</v>
          </cell>
        </row>
        <row r="362">
          <cell r="S362" t="str">
            <v>F6664</v>
          </cell>
          <cell r="T362" t="str">
            <v>DMAJRIFA</v>
          </cell>
        </row>
        <row r="363">
          <cell r="S363" t="str">
            <v>F6924</v>
          </cell>
          <cell r="T363" t="str">
            <v>DMAJRIFA</v>
          </cell>
        </row>
        <row r="364">
          <cell r="S364" t="str">
            <v>F6927</v>
          </cell>
          <cell r="T364" t="str">
            <v>DMAJRIFA</v>
          </cell>
        </row>
        <row r="365">
          <cell r="S365" t="str">
            <v>F7066</v>
          </cell>
          <cell r="T365" t="str">
            <v>DMAJRIFA</v>
          </cell>
        </row>
        <row r="366">
          <cell r="S366" t="str">
            <v>F7086</v>
          </cell>
          <cell r="T366" t="str">
            <v>DMAJRIFA</v>
          </cell>
        </row>
        <row r="367">
          <cell r="S367" t="str">
            <v>F7089</v>
          </cell>
          <cell r="T367" t="str">
            <v>DMAJRIFA</v>
          </cell>
        </row>
        <row r="368">
          <cell r="S368" t="str">
            <v>F7090</v>
          </cell>
          <cell r="T368" t="str">
            <v>DMAJRIFA</v>
          </cell>
        </row>
        <row r="369">
          <cell r="S369" t="str">
            <v>F7091</v>
          </cell>
          <cell r="T369" t="str">
            <v>DMAJRIFA</v>
          </cell>
        </row>
        <row r="370">
          <cell r="S370" t="str">
            <v>F7092</v>
          </cell>
          <cell r="T370" t="str">
            <v>DMAJRIFA</v>
          </cell>
        </row>
        <row r="371">
          <cell r="S371" t="str">
            <v>F7184</v>
          </cell>
          <cell r="T371" t="str">
            <v>DMAJRIFA</v>
          </cell>
        </row>
        <row r="372">
          <cell r="S372" t="str">
            <v>C9952</v>
          </cell>
          <cell r="T372" t="str">
            <v>DMAJRIFA</v>
          </cell>
        </row>
        <row r="373">
          <cell r="S373" t="str">
            <v>C9327</v>
          </cell>
          <cell r="T373" t="str">
            <v>DMAJRIFA</v>
          </cell>
        </row>
        <row r="374">
          <cell r="S374" t="str">
            <v>D3297</v>
          </cell>
          <cell r="T374" t="str">
            <v>DMAJRIFA</v>
          </cell>
        </row>
        <row r="375">
          <cell r="S375" t="str">
            <v>E0873</v>
          </cell>
          <cell r="T375" t="str">
            <v>TMAJRIFA</v>
          </cell>
        </row>
        <row r="376">
          <cell r="S376" t="str">
            <v>F7185</v>
          </cell>
          <cell r="T376" t="str">
            <v>DMAJRIFA</v>
          </cell>
        </row>
        <row r="377">
          <cell r="S377" t="str">
            <v>F7188</v>
          </cell>
          <cell r="T377" t="str">
            <v>DMAJRIFA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y (WT-ST) to One (Proj)"/>
      <sheetName val="WT-ST LOOKUP - 010710"/>
      <sheetName val="WT-ST - 010710"/>
      <sheetName val="OLD WT-ST for ref"/>
      <sheetName val="Indiana T&amp;D Insp-Maint"/>
      <sheetName val="All"/>
      <sheetName val="Capital All"/>
      <sheetName val="Data (2)"/>
      <sheetName val="Capital R&amp;I Projects"/>
      <sheetName val="Danforth-Lookup for Unit Report"/>
    </sheetNames>
    <sheetDataSet>
      <sheetData sheetId="0" refreshError="1"/>
      <sheetData sheetId="1" refreshError="1">
        <row r="1">
          <cell r="A1" t="str">
            <v>Project for VLOOKUP</v>
          </cell>
          <cell r="B1" t="str">
            <v>Bus / Actg Area</v>
          </cell>
          <cell r="C1" t="str">
            <v>Carolinas or MW or All or None</v>
          </cell>
          <cell r="D1" t="str">
            <v>Worktype</v>
          </cell>
          <cell r="E1" t="str">
            <v xml:space="preserve">Work Type Description </v>
          </cell>
          <cell r="F1" t="str">
            <v>Subtype</v>
          </cell>
          <cell r="G1" t="str">
            <v>Sub Type Description</v>
          </cell>
          <cell r="H1" t="str">
            <v>Worktype \ Subtype</v>
          </cell>
          <cell r="I1" t="str">
            <v>Process</v>
          </cell>
          <cell r="J1" t="str">
            <v>Project</v>
          </cell>
          <cell r="K1" t="str">
            <v>Activity</v>
          </cell>
          <cell r="L1" t="str">
            <v>Description</v>
          </cell>
          <cell r="M1" t="str">
            <v>Disabled</v>
          </cell>
        </row>
        <row r="2">
          <cell r="A2" t="str">
            <v>20051</v>
          </cell>
          <cell r="B2" t="str">
            <v>Gas Capital</v>
          </cell>
          <cell r="C2" t="str">
            <v>Gas</v>
          </cell>
          <cell r="D2" t="str">
            <v>GO-RPL</v>
          </cell>
          <cell r="E2" t="str">
            <v>Gas Operations - Gas Main Replacement</v>
          </cell>
          <cell r="F2" t="str">
            <v>SHORTABNOH</v>
          </cell>
          <cell r="G2" t="str">
            <v>Abandon Main - Less than 50 Feet - Ohio</v>
          </cell>
          <cell r="H2" t="str">
            <v>GO-RPL \ SHORTABNOH</v>
          </cell>
          <cell r="I2"/>
          <cell r="J2" t="str">
            <v>20051</v>
          </cell>
          <cell r="K2" t="str">
            <v>R</v>
          </cell>
          <cell r="L2" t="str">
            <v>Abandon Main - Less than 50 Feet - Ohio</v>
          </cell>
          <cell r="M2" t="str">
            <v>N</v>
          </cell>
        </row>
        <row r="3">
          <cell r="A3" t="str">
            <v>20051</v>
          </cell>
          <cell r="B3" t="str">
            <v>Gas Capital</v>
          </cell>
          <cell r="C3" t="str">
            <v>Gas</v>
          </cell>
          <cell r="D3" t="str">
            <v>GO-RPL</v>
          </cell>
          <cell r="E3" t="str">
            <v>Gas Operations - Gas Main Replacement</v>
          </cell>
          <cell r="F3" t="str">
            <v>SHORTRPLOH</v>
          </cell>
          <cell r="G3" t="str">
            <v>Replace Main - Less than 50 Feet - Ohio</v>
          </cell>
          <cell r="H3" t="str">
            <v>GO-RPL \ SHORTRPLOH</v>
          </cell>
          <cell r="I3"/>
          <cell r="J3" t="str">
            <v>20051</v>
          </cell>
          <cell r="K3" t="str">
            <v>I</v>
          </cell>
          <cell r="L3" t="str">
            <v>Replace Main - Less than 50 Feet - Ohio</v>
          </cell>
          <cell r="M3" t="str">
            <v>N</v>
          </cell>
        </row>
        <row r="4">
          <cell r="A4" t="str">
            <v>20073</v>
          </cell>
          <cell r="B4" t="str">
            <v>Gas Capital</v>
          </cell>
          <cell r="C4" t="str">
            <v>Gas</v>
          </cell>
          <cell r="D4" t="str">
            <v>GO-TOOLS</v>
          </cell>
          <cell r="E4" t="str">
            <v>Gas Operations - Tools</v>
          </cell>
          <cell r="F4" t="str">
            <v>PURTOOLSOH</v>
          </cell>
          <cell r="G4" t="str">
            <v>PURCHASE TOOLS OHIO</v>
          </cell>
          <cell r="H4" t="str">
            <v>GO-TOOLS \ PURTOOLSOH</v>
          </cell>
          <cell r="I4"/>
          <cell r="J4" t="str">
            <v>20073</v>
          </cell>
          <cell r="K4" t="str">
            <v>I</v>
          </cell>
          <cell r="L4" t="str">
            <v>PURCHASE TOOLS OHIO</v>
          </cell>
          <cell r="M4" t="str">
            <v>N</v>
          </cell>
        </row>
        <row r="5">
          <cell r="A5" t="str">
            <v>28051</v>
          </cell>
          <cell r="B5" t="str">
            <v>Gas Capital</v>
          </cell>
          <cell r="C5" t="str">
            <v>Gas</v>
          </cell>
          <cell r="D5" t="str">
            <v>GO-RPL</v>
          </cell>
          <cell r="E5" t="str">
            <v>Gas Operations - Gas Main Replacement</v>
          </cell>
          <cell r="F5" t="str">
            <v>SHORTABNKY</v>
          </cell>
          <cell r="G5" t="str">
            <v>Abandon Main - Less than 50 Feet - Kentucky</v>
          </cell>
          <cell r="H5" t="str">
            <v>GO-RPL \ SHORTABNKY</v>
          </cell>
          <cell r="I5"/>
          <cell r="J5" t="str">
            <v>28051</v>
          </cell>
          <cell r="K5" t="str">
            <v>R</v>
          </cell>
          <cell r="L5" t="str">
            <v>Abandon Main - Less than 50 Feet - Kentucky</v>
          </cell>
          <cell r="M5" t="str">
            <v>N</v>
          </cell>
        </row>
        <row r="6">
          <cell r="A6" t="str">
            <v>28051</v>
          </cell>
          <cell r="B6" t="str">
            <v>Gas Capital</v>
          </cell>
          <cell r="C6" t="str">
            <v>Gas</v>
          </cell>
          <cell r="D6" t="str">
            <v>GO-RPL</v>
          </cell>
          <cell r="E6" t="str">
            <v>Gas Operations - Gas Main Replacement</v>
          </cell>
          <cell r="F6" t="str">
            <v>SHORTRPLKY</v>
          </cell>
          <cell r="G6" t="str">
            <v>Replace Main - Less than 50 Feet - Kentucky</v>
          </cell>
          <cell r="H6" t="str">
            <v>GO-RPL \ SHORTRPLKY</v>
          </cell>
          <cell r="I6"/>
          <cell r="J6" t="str">
            <v>28051</v>
          </cell>
          <cell r="K6" t="str">
            <v>I</v>
          </cell>
          <cell r="L6" t="str">
            <v>Replace Main - Less than 50 Feet - Kentucky</v>
          </cell>
          <cell r="M6" t="str">
            <v>N</v>
          </cell>
        </row>
        <row r="7">
          <cell r="A7" t="str">
            <v>28073</v>
          </cell>
          <cell r="B7" t="str">
            <v>Gas Capital</v>
          </cell>
          <cell r="C7" t="str">
            <v>Gas</v>
          </cell>
          <cell r="D7" t="str">
            <v>GO-TOOLS</v>
          </cell>
          <cell r="E7" t="str">
            <v>Gas Operations - Tools</v>
          </cell>
          <cell r="F7" t="str">
            <v>PURTOOLSKY</v>
          </cell>
          <cell r="G7" t="str">
            <v>PURCHASE TOOLS KENTUCKY</v>
          </cell>
          <cell r="H7" t="str">
            <v>GO-TOOLS \ PURTOOLSKY</v>
          </cell>
          <cell r="I7"/>
          <cell r="J7" t="str">
            <v>28073</v>
          </cell>
          <cell r="K7" t="str">
            <v>I</v>
          </cell>
          <cell r="L7" t="str">
            <v>PURCHASE TOOLS KENTUCKY</v>
          </cell>
          <cell r="M7" t="str">
            <v>N</v>
          </cell>
        </row>
        <row r="8">
          <cell r="A8"/>
          <cell r="B8" t="e">
            <v>#N/A</v>
          </cell>
          <cell r="C8" t="e">
            <v>#N/A</v>
          </cell>
          <cell r="D8" t="str">
            <v>GN-AUXTRF</v>
          </cell>
          <cell r="E8" t="e">
            <v>#N/A</v>
          </cell>
          <cell r="F8" t="str">
            <v>PM</v>
          </cell>
          <cell r="G8" t="e">
            <v>#N/A</v>
          </cell>
          <cell r="H8" t="str">
            <v>GN-AUXTRF \ PM</v>
          </cell>
          <cell r="I8" t="str">
            <v>BELEPWR</v>
          </cell>
          <cell r="J8"/>
          <cell r="K8"/>
          <cell r="L8" t="str">
            <v>PREVENTATIVE MAINTENANCE</v>
          </cell>
          <cell r="M8" t="str">
            <v>N</v>
          </cell>
        </row>
        <row r="9">
          <cell r="A9"/>
          <cell r="B9" t="e">
            <v>#N/A</v>
          </cell>
          <cell r="C9" t="e">
            <v>#N/A</v>
          </cell>
          <cell r="D9" t="str">
            <v>GN-AUXTRF</v>
          </cell>
          <cell r="E9" t="e">
            <v>#N/A</v>
          </cell>
          <cell r="F9" t="str">
            <v>RPR</v>
          </cell>
          <cell r="G9" t="e">
            <v>#N/A</v>
          </cell>
          <cell r="H9" t="str">
            <v>GN-AUXTRF \ RPR</v>
          </cell>
          <cell r="I9" t="str">
            <v>BELEPWR</v>
          </cell>
          <cell r="J9"/>
          <cell r="K9"/>
          <cell r="L9" t="str">
            <v>REPAIR</v>
          </cell>
          <cell r="M9" t="str">
            <v>N</v>
          </cell>
        </row>
        <row r="10">
          <cell r="A10"/>
          <cell r="B10" t="e">
            <v>#N/A</v>
          </cell>
          <cell r="C10" t="e">
            <v>#N/A</v>
          </cell>
          <cell r="D10" t="str">
            <v>GN-GSUTRF</v>
          </cell>
          <cell r="E10" t="e">
            <v>#N/A</v>
          </cell>
          <cell r="F10" t="str">
            <v>PM</v>
          </cell>
          <cell r="G10" t="e">
            <v>#N/A</v>
          </cell>
          <cell r="H10" t="str">
            <v>GN-GSUTRF \ PM</v>
          </cell>
          <cell r="I10" t="str">
            <v>BELESWY</v>
          </cell>
          <cell r="J10"/>
          <cell r="K10"/>
          <cell r="L10" t="str">
            <v>PREVENTATIVE MAINTENANCE</v>
          </cell>
          <cell r="M10" t="str">
            <v>N</v>
          </cell>
        </row>
        <row r="11">
          <cell r="A11"/>
          <cell r="B11" t="e">
            <v>#N/A</v>
          </cell>
          <cell r="C11" t="e">
            <v>#N/A</v>
          </cell>
          <cell r="D11" t="str">
            <v>GN-GSUTRF</v>
          </cell>
          <cell r="E11" t="e">
            <v>#N/A</v>
          </cell>
          <cell r="F11" t="str">
            <v>RPR</v>
          </cell>
          <cell r="G11" t="e">
            <v>#N/A</v>
          </cell>
          <cell r="H11" t="str">
            <v>GN-GSUTRF \ RPR</v>
          </cell>
          <cell r="I11" t="str">
            <v>BELESWY</v>
          </cell>
          <cell r="J11"/>
          <cell r="K11"/>
          <cell r="L11" t="str">
            <v>REPAIR</v>
          </cell>
          <cell r="M11" t="str">
            <v>N</v>
          </cell>
        </row>
        <row r="12">
          <cell r="A12"/>
          <cell r="B12" t="e">
            <v>#N/A</v>
          </cell>
          <cell r="C12" t="e">
            <v>#N/A</v>
          </cell>
          <cell r="D12" t="str">
            <v>GN-SWTCH</v>
          </cell>
          <cell r="E12" t="e">
            <v>#N/A</v>
          </cell>
          <cell r="F12" t="str">
            <v>LOADSWTCH</v>
          </cell>
          <cell r="G12" t="e">
            <v>#N/A</v>
          </cell>
          <cell r="H12" t="str">
            <v>GN-SWTCH \ LOADSWTCH</v>
          </cell>
          <cell r="I12" t="str">
            <v>BELESWY</v>
          </cell>
          <cell r="J12"/>
          <cell r="K12"/>
          <cell r="L12" t="str">
            <v>MISC. SWITCHING PROCEDURES</v>
          </cell>
          <cell r="M12" t="str">
            <v>N</v>
          </cell>
        </row>
        <row r="13">
          <cell r="A13"/>
          <cell r="B13" t="e">
            <v>#N/A</v>
          </cell>
          <cell r="C13" t="e">
            <v>#N/A</v>
          </cell>
          <cell r="D13" t="str">
            <v>GN-TBAT</v>
          </cell>
          <cell r="E13" t="e">
            <v>#N/A</v>
          </cell>
          <cell r="F13" t="str">
            <v>PM</v>
          </cell>
          <cell r="G13" t="e">
            <v>#N/A</v>
          </cell>
          <cell r="H13" t="str">
            <v>GN-TBAT \ PM</v>
          </cell>
          <cell r="I13" t="str">
            <v>BELEDC</v>
          </cell>
          <cell r="J13"/>
          <cell r="K13"/>
          <cell r="L13" t="str">
            <v>PREVENTATIVE MAINTENANCE</v>
          </cell>
          <cell r="M13" t="str">
            <v>N</v>
          </cell>
        </row>
        <row r="14">
          <cell r="A14"/>
          <cell r="B14" t="e">
            <v>#N/A</v>
          </cell>
          <cell r="C14" t="e">
            <v>#N/A</v>
          </cell>
          <cell r="D14" t="str">
            <v>GN-TBAT</v>
          </cell>
          <cell r="E14" t="e">
            <v>#N/A</v>
          </cell>
          <cell r="F14" t="str">
            <v>RPR</v>
          </cell>
          <cell r="G14" t="e">
            <v>#N/A</v>
          </cell>
          <cell r="H14" t="str">
            <v>GN-TBAT \ RPR</v>
          </cell>
          <cell r="I14" t="str">
            <v>BELEDC</v>
          </cell>
          <cell r="J14"/>
          <cell r="K14"/>
          <cell r="L14" t="str">
            <v>REPAIR</v>
          </cell>
          <cell r="M14" t="str">
            <v>N</v>
          </cell>
        </row>
        <row r="15">
          <cell r="A15"/>
          <cell r="B15" t="e">
            <v>#N/A</v>
          </cell>
          <cell r="C15" t="e">
            <v>#N/A</v>
          </cell>
          <cell r="D15" t="str">
            <v>GN-TBRK</v>
          </cell>
          <cell r="E15" t="e">
            <v>#N/A</v>
          </cell>
          <cell r="F15" t="str">
            <v>PM</v>
          </cell>
          <cell r="G15" t="e">
            <v>#N/A</v>
          </cell>
          <cell r="H15" t="str">
            <v>GN-TBRK \ PM</v>
          </cell>
          <cell r="I15" t="str">
            <v>BELESWY</v>
          </cell>
          <cell r="J15"/>
          <cell r="K15"/>
          <cell r="L15" t="str">
            <v>PREVENTATIVE MAINTENANCE</v>
          </cell>
          <cell r="M15" t="str">
            <v>N</v>
          </cell>
        </row>
        <row r="16">
          <cell r="A16"/>
          <cell r="B16" t="e">
            <v>#N/A</v>
          </cell>
          <cell r="C16" t="e">
            <v>#N/A</v>
          </cell>
          <cell r="D16" t="str">
            <v>GN-TBRK</v>
          </cell>
          <cell r="E16" t="e">
            <v>#N/A</v>
          </cell>
          <cell r="F16" t="str">
            <v>RPR</v>
          </cell>
          <cell r="G16" t="e">
            <v>#N/A</v>
          </cell>
          <cell r="H16" t="str">
            <v>GN-TBRK \ RPR</v>
          </cell>
          <cell r="I16" t="str">
            <v>BELESWY</v>
          </cell>
          <cell r="J16"/>
          <cell r="K16"/>
          <cell r="L16" t="str">
            <v>REPAIR</v>
          </cell>
          <cell r="M16" t="str">
            <v>N</v>
          </cell>
        </row>
        <row r="17">
          <cell r="A17"/>
          <cell r="B17" t="e">
            <v>#N/A</v>
          </cell>
          <cell r="C17" t="e">
            <v>#N/A</v>
          </cell>
          <cell r="D17" t="str">
            <v>GN-TCAP</v>
          </cell>
          <cell r="E17" t="e">
            <v>#N/A</v>
          </cell>
          <cell r="F17" t="str">
            <v>PM</v>
          </cell>
          <cell r="G17" t="e">
            <v>#N/A</v>
          </cell>
          <cell r="H17" t="str">
            <v>GN-TCAP \ PM</v>
          </cell>
          <cell r="I17" t="str">
            <v>BELESWY</v>
          </cell>
          <cell r="J17"/>
          <cell r="K17"/>
          <cell r="L17" t="str">
            <v>PREVENTATIVE MAINTENANCE</v>
          </cell>
          <cell r="M17" t="str">
            <v>N</v>
          </cell>
        </row>
        <row r="18">
          <cell r="A18"/>
          <cell r="B18" t="e">
            <v>#N/A</v>
          </cell>
          <cell r="C18" t="e">
            <v>#N/A</v>
          </cell>
          <cell r="D18" t="str">
            <v>GN-TCAP</v>
          </cell>
          <cell r="E18" t="e">
            <v>#N/A</v>
          </cell>
          <cell r="F18" t="str">
            <v>RPR</v>
          </cell>
          <cell r="G18" t="e">
            <v>#N/A</v>
          </cell>
          <cell r="H18" t="str">
            <v>GN-TCAP \ RPR</v>
          </cell>
          <cell r="I18" t="str">
            <v>BELESWY</v>
          </cell>
          <cell r="J18"/>
          <cell r="K18"/>
          <cell r="L18" t="str">
            <v>REPAIR</v>
          </cell>
          <cell r="M18" t="str">
            <v>N</v>
          </cell>
        </row>
        <row r="19">
          <cell r="A19"/>
          <cell r="B19" t="e">
            <v>#N/A</v>
          </cell>
          <cell r="C19" t="e">
            <v>#N/A</v>
          </cell>
          <cell r="D19" t="str">
            <v>GN-TCHG</v>
          </cell>
          <cell r="E19" t="e">
            <v>#N/A</v>
          </cell>
          <cell r="F19" t="str">
            <v>PM</v>
          </cell>
          <cell r="G19" t="e">
            <v>#N/A</v>
          </cell>
          <cell r="H19" t="str">
            <v>GN-TCHG \ PM</v>
          </cell>
          <cell r="I19" t="str">
            <v>BELEDC</v>
          </cell>
          <cell r="J19"/>
          <cell r="K19"/>
          <cell r="L19" t="str">
            <v>PREVENTATIVE MAINTENANCE</v>
          </cell>
          <cell r="M19" t="str">
            <v>N</v>
          </cell>
        </row>
        <row r="20">
          <cell r="A20"/>
          <cell r="B20" t="e">
            <v>#N/A</v>
          </cell>
          <cell r="C20" t="e">
            <v>#N/A</v>
          </cell>
          <cell r="D20" t="str">
            <v>GN-TCHG</v>
          </cell>
          <cell r="E20" t="e">
            <v>#N/A</v>
          </cell>
          <cell r="F20" t="str">
            <v>RPR</v>
          </cell>
          <cell r="G20" t="e">
            <v>#N/A</v>
          </cell>
          <cell r="H20" t="str">
            <v>GN-TCHG \ RPR</v>
          </cell>
          <cell r="I20" t="str">
            <v>BELEDC</v>
          </cell>
          <cell r="J20"/>
          <cell r="K20"/>
          <cell r="L20" t="str">
            <v>REPAIR</v>
          </cell>
          <cell r="M20" t="str">
            <v>N</v>
          </cell>
        </row>
        <row r="21">
          <cell r="A21"/>
          <cell r="B21" t="e">
            <v>#N/A</v>
          </cell>
          <cell r="C21" t="e">
            <v>#N/A</v>
          </cell>
          <cell r="D21" t="str">
            <v>GN-TEQM</v>
          </cell>
          <cell r="E21" t="e">
            <v>#N/A</v>
          </cell>
          <cell r="F21" t="str">
            <v>PM</v>
          </cell>
          <cell r="G21" t="e">
            <v>#N/A</v>
          </cell>
          <cell r="H21" t="str">
            <v>GN-TEQM \ PM</v>
          </cell>
          <cell r="I21" t="str">
            <v>BELESWY</v>
          </cell>
          <cell r="J21"/>
          <cell r="K21"/>
          <cell r="L21" t="str">
            <v>PREVENTATIVE MAINTENANCE</v>
          </cell>
          <cell r="M21" t="str">
            <v>N</v>
          </cell>
        </row>
        <row r="22">
          <cell r="A22"/>
          <cell r="B22" t="e">
            <v>#N/A</v>
          </cell>
          <cell r="C22" t="e">
            <v>#N/A</v>
          </cell>
          <cell r="D22" t="str">
            <v>GN-TEQM</v>
          </cell>
          <cell r="E22" t="e">
            <v>#N/A</v>
          </cell>
          <cell r="F22" t="str">
            <v>RPR</v>
          </cell>
          <cell r="G22" t="e">
            <v>#N/A</v>
          </cell>
          <cell r="H22" t="str">
            <v>GN-TEQM \ RPR</v>
          </cell>
          <cell r="I22" t="str">
            <v>BELESWY</v>
          </cell>
          <cell r="J22"/>
          <cell r="K22"/>
          <cell r="L22" t="str">
            <v>REPAIR</v>
          </cell>
          <cell r="M22" t="str">
            <v>N</v>
          </cell>
        </row>
        <row r="23">
          <cell r="A23"/>
          <cell r="B23" t="e">
            <v>#N/A</v>
          </cell>
          <cell r="C23" t="e">
            <v>#N/A</v>
          </cell>
          <cell r="D23" t="str">
            <v>GN-TINF</v>
          </cell>
          <cell r="E23" t="e">
            <v>#N/A</v>
          </cell>
          <cell r="F23" t="str">
            <v>PM MW</v>
          </cell>
          <cell r="G23" t="e">
            <v>#N/A</v>
          </cell>
          <cell r="H23" t="str">
            <v>GN-TINF \ PM MW</v>
          </cell>
          <cell r="I23" t="str">
            <v>BELESWY</v>
          </cell>
          <cell r="J23"/>
          <cell r="K23"/>
          <cell r="L23" t="str">
            <v>PREVENTATIVE MAINTENANCE</v>
          </cell>
          <cell r="M23" t="str">
            <v>N</v>
          </cell>
        </row>
        <row r="24">
          <cell r="A24"/>
          <cell r="B24" t="e">
            <v>#N/A</v>
          </cell>
          <cell r="C24" t="e">
            <v>#N/A</v>
          </cell>
          <cell r="D24" t="str">
            <v>GN-TLINS</v>
          </cell>
          <cell r="E24" t="e">
            <v>#N/A</v>
          </cell>
          <cell r="F24" t="str">
            <v>PM</v>
          </cell>
          <cell r="G24" t="e">
            <v>#N/A</v>
          </cell>
          <cell r="H24" t="str">
            <v>GN-TLINS \ PM</v>
          </cell>
          <cell r="I24" t="str">
            <v>BELESWY</v>
          </cell>
          <cell r="J24"/>
          <cell r="K24"/>
          <cell r="L24" t="str">
            <v>PREVENTATIVE MAINTENANCE</v>
          </cell>
          <cell r="M24" t="str">
            <v>N</v>
          </cell>
        </row>
        <row r="25">
          <cell r="A25"/>
          <cell r="B25" t="e">
            <v>#N/A</v>
          </cell>
          <cell r="C25" t="e">
            <v>#N/A</v>
          </cell>
          <cell r="D25" t="str">
            <v>GN-TLINS</v>
          </cell>
          <cell r="E25" t="e">
            <v>#N/A</v>
          </cell>
          <cell r="F25" t="str">
            <v>RPR</v>
          </cell>
          <cell r="G25" t="e">
            <v>#N/A</v>
          </cell>
          <cell r="H25" t="str">
            <v>GN-TLINS \ RPR</v>
          </cell>
          <cell r="I25" t="str">
            <v>BELESWY</v>
          </cell>
          <cell r="J25"/>
          <cell r="K25"/>
          <cell r="L25" t="str">
            <v>REPAIR</v>
          </cell>
          <cell r="M25" t="str">
            <v>N</v>
          </cell>
        </row>
        <row r="26">
          <cell r="A26"/>
          <cell r="B26" t="e">
            <v>#N/A</v>
          </cell>
          <cell r="C26" t="e">
            <v>#N/A</v>
          </cell>
          <cell r="D26" t="str">
            <v>GN-TMTR</v>
          </cell>
          <cell r="E26" t="e">
            <v>#N/A</v>
          </cell>
          <cell r="F26" t="str">
            <v>PM</v>
          </cell>
          <cell r="G26" t="e">
            <v>#N/A</v>
          </cell>
          <cell r="H26" t="str">
            <v>GN-TMTR \ PM</v>
          </cell>
          <cell r="I26" t="str">
            <v>BELESWY</v>
          </cell>
          <cell r="J26"/>
          <cell r="K26"/>
          <cell r="L26" t="str">
            <v>PREVENTATIVE MAINTENANCE</v>
          </cell>
          <cell r="M26" t="str">
            <v>N</v>
          </cell>
        </row>
        <row r="27">
          <cell r="A27"/>
          <cell r="B27" t="e">
            <v>#N/A</v>
          </cell>
          <cell r="C27" t="e">
            <v>#N/A</v>
          </cell>
          <cell r="D27" t="str">
            <v>GN-TMTR</v>
          </cell>
          <cell r="E27" t="e">
            <v>#N/A</v>
          </cell>
          <cell r="F27" t="str">
            <v>RPR</v>
          </cell>
          <cell r="G27" t="e">
            <v>#N/A</v>
          </cell>
          <cell r="H27" t="str">
            <v>GN-TMTR \ RPR</v>
          </cell>
          <cell r="I27" t="str">
            <v>BELESWY</v>
          </cell>
          <cell r="J27"/>
          <cell r="K27"/>
          <cell r="L27" t="str">
            <v>REPAIR</v>
          </cell>
          <cell r="M27" t="str">
            <v>N</v>
          </cell>
        </row>
        <row r="28">
          <cell r="A28"/>
          <cell r="B28" t="e">
            <v>#N/A</v>
          </cell>
          <cell r="C28" t="e">
            <v>#N/A</v>
          </cell>
          <cell r="D28" t="str">
            <v>GN-TOSM</v>
          </cell>
          <cell r="E28" t="e">
            <v>#N/A</v>
          </cell>
          <cell r="F28" t="str">
            <v>PM</v>
          </cell>
          <cell r="G28" t="e">
            <v>#N/A</v>
          </cell>
          <cell r="H28" t="str">
            <v>GN-TOSM \ PM</v>
          </cell>
          <cell r="I28" t="str">
            <v>BELESWY</v>
          </cell>
          <cell r="J28"/>
          <cell r="K28"/>
          <cell r="L28" t="str">
            <v>PREVENTATIVE MAINTENANCE</v>
          </cell>
          <cell r="M28" t="str">
            <v>N</v>
          </cell>
        </row>
        <row r="29">
          <cell r="A29"/>
          <cell r="B29" t="e">
            <v>#N/A</v>
          </cell>
          <cell r="C29" t="e">
            <v>#N/A</v>
          </cell>
          <cell r="D29" t="str">
            <v>GN-TOSM</v>
          </cell>
          <cell r="E29" t="e">
            <v>#N/A</v>
          </cell>
          <cell r="F29" t="str">
            <v>RPR</v>
          </cell>
          <cell r="G29" t="e">
            <v>#N/A</v>
          </cell>
          <cell r="H29" t="str">
            <v>GN-TOSM \ RPR</v>
          </cell>
          <cell r="I29" t="str">
            <v>BELESWY</v>
          </cell>
          <cell r="J29"/>
          <cell r="K29"/>
          <cell r="L29" t="str">
            <v>REPAIR</v>
          </cell>
          <cell r="M29" t="str">
            <v>N</v>
          </cell>
        </row>
        <row r="30">
          <cell r="A30"/>
          <cell r="B30" t="e">
            <v>#N/A</v>
          </cell>
          <cell r="C30" t="e">
            <v>#N/A</v>
          </cell>
          <cell r="D30" t="str">
            <v>GN-TOUT</v>
          </cell>
          <cell r="E30" t="e">
            <v>#N/A</v>
          </cell>
          <cell r="F30" t="str">
            <v>OUT</v>
          </cell>
          <cell r="G30" t="e">
            <v>#N/A</v>
          </cell>
          <cell r="H30" t="str">
            <v>GN-TOUT \ OUT</v>
          </cell>
          <cell r="I30" t="str">
            <v>BELESWY</v>
          </cell>
          <cell r="J30"/>
          <cell r="K30"/>
          <cell r="L30" t="str">
            <v>OUTAGE</v>
          </cell>
          <cell r="M30" t="str">
            <v>N</v>
          </cell>
        </row>
        <row r="31">
          <cell r="A31"/>
          <cell r="B31" t="e">
            <v>#N/A</v>
          </cell>
          <cell r="C31" t="e">
            <v>#N/A</v>
          </cell>
          <cell r="D31" t="str">
            <v>GN-TRLY</v>
          </cell>
          <cell r="E31" t="e">
            <v>#N/A</v>
          </cell>
          <cell r="F31" t="str">
            <v>PM</v>
          </cell>
          <cell r="G31" t="e">
            <v>#N/A</v>
          </cell>
          <cell r="H31" t="str">
            <v>GN-TRLY \ PM</v>
          </cell>
          <cell r="I31" t="str">
            <v>BELEREL</v>
          </cell>
          <cell r="J31"/>
          <cell r="K31"/>
          <cell r="L31" t="str">
            <v>PREVENTATIVE MAINTENANCE</v>
          </cell>
          <cell r="M31" t="str">
            <v>N</v>
          </cell>
        </row>
        <row r="32">
          <cell r="A32"/>
          <cell r="B32" t="e">
            <v>#N/A</v>
          </cell>
          <cell r="C32" t="e">
            <v>#N/A</v>
          </cell>
          <cell r="D32" t="str">
            <v>GN-TRLY</v>
          </cell>
          <cell r="E32" t="e">
            <v>#N/A</v>
          </cell>
          <cell r="F32" t="str">
            <v>RPR</v>
          </cell>
          <cell r="G32" t="e">
            <v>#N/A</v>
          </cell>
          <cell r="H32" t="str">
            <v>GN-TRLY \ RPR</v>
          </cell>
          <cell r="I32" t="str">
            <v>BELEREL</v>
          </cell>
          <cell r="J32"/>
          <cell r="K32"/>
          <cell r="L32" t="str">
            <v>REPAIR</v>
          </cell>
          <cell r="M32" t="str">
            <v>N</v>
          </cell>
        </row>
        <row r="33">
          <cell r="A33"/>
          <cell r="B33" t="e">
            <v>#N/A</v>
          </cell>
          <cell r="C33" t="e">
            <v>#N/A</v>
          </cell>
          <cell r="D33" t="str">
            <v>GN-TSIN</v>
          </cell>
          <cell r="E33" t="e">
            <v>#N/A</v>
          </cell>
          <cell r="F33" t="str">
            <v>INSP</v>
          </cell>
          <cell r="G33" t="e">
            <v>#N/A</v>
          </cell>
          <cell r="H33" t="str">
            <v>GN-TSIN \ INSP</v>
          </cell>
          <cell r="I33" t="str">
            <v>BELESWY</v>
          </cell>
          <cell r="J33"/>
          <cell r="K33"/>
          <cell r="L33" t="str">
            <v>INSPECTION</v>
          </cell>
          <cell r="M33" t="str">
            <v>N</v>
          </cell>
        </row>
        <row r="34">
          <cell r="A34"/>
          <cell r="B34" t="e">
            <v>#N/A</v>
          </cell>
          <cell r="C34" t="e">
            <v>#N/A</v>
          </cell>
          <cell r="D34" t="str">
            <v>GN-TSUBCAP</v>
          </cell>
          <cell r="E34" t="e">
            <v>#N/A</v>
          </cell>
          <cell r="F34" t="str">
            <v>INSPMT</v>
          </cell>
          <cell r="G34" t="e">
            <v>#N/A</v>
          </cell>
          <cell r="H34" t="str">
            <v>GN-TSUBCAP \ INSPMT</v>
          </cell>
          <cell r="I34" t="str">
            <v>BELESWY</v>
          </cell>
          <cell r="J34"/>
          <cell r="K34"/>
          <cell r="L34" t="str">
            <v>INSPECTION AND MAINTENANCE</v>
          </cell>
          <cell r="M34" t="str">
            <v>N</v>
          </cell>
        </row>
        <row r="35">
          <cell r="A35"/>
          <cell r="B35" t="e">
            <v>#N/A</v>
          </cell>
          <cell r="C35" t="e">
            <v>#N/A</v>
          </cell>
          <cell r="D35" t="str">
            <v>PD-F RLY</v>
          </cell>
          <cell r="E35" t="e">
            <v>#N/A</v>
          </cell>
          <cell r="F35" t="str">
            <v>PM</v>
          </cell>
          <cell r="G35" t="e">
            <v>#N/A</v>
          </cell>
          <cell r="H35" t="str">
            <v>PD-F RLY \ PM</v>
          </cell>
          <cell r="I35" t="str">
            <v>PELEREL</v>
          </cell>
          <cell r="J35"/>
          <cell r="K35"/>
          <cell r="L35" t="str">
            <v>Preventative Maintenance</v>
          </cell>
          <cell r="M35" t="str">
            <v>N</v>
          </cell>
        </row>
        <row r="36">
          <cell r="A36"/>
          <cell r="B36" t="e">
            <v>#N/A</v>
          </cell>
          <cell r="C36" t="e">
            <v>#N/A</v>
          </cell>
          <cell r="D36" t="str">
            <v>PD-F RLY</v>
          </cell>
          <cell r="E36" t="e">
            <v>#N/A</v>
          </cell>
          <cell r="F36" t="str">
            <v>RPR</v>
          </cell>
          <cell r="G36" t="e">
            <v>#N/A</v>
          </cell>
          <cell r="H36" t="str">
            <v>PD-F RLY \ RPR</v>
          </cell>
          <cell r="I36" t="str">
            <v>PELEREL</v>
          </cell>
          <cell r="J36"/>
          <cell r="K36"/>
          <cell r="L36" t="str">
            <v>Repair</v>
          </cell>
          <cell r="M36" t="str">
            <v>N</v>
          </cell>
        </row>
        <row r="37">
          <cell r="A37"/>
          <cell r="B37" t="e">
            <v>#N/A</v>
          </cell>
          <cell r="C37" t="e">
            <v>#N/A</v>
          </cell>
          <cell r="D37" t="str">
            <v>PD-F WHM</v>
          </cell>
          <cell r="E37" t="e">
            <v>#N/A</v>
          </cell>
          <cell r="F37" t="str">
            <v>PM</v>
          </cell>
          <cell r="G37" t="e">
            <v>#N/A</v>
          </cell>
          <cell r="H37" t="str">
            <v>PD-F WHM \ PM</v>
          </cell>
          <cell r="I37" t="str">
            <v>PELEREL</v>
          </cell>
          <cell r="J37"/>
          <cell r="K37"/>
          <cell r="L37" t="str">
            <v>Preventative Maintenance</v>
          </cell>
          <cell r="M37" t="str">
            <v>N</v>
          </cell>
        </row>
        <row r="38">
          <cell r="A38"/>
          <cell r="B38" t="e">
            <v>#N/A</v>
          </cell>
          <cell r="C38" t="e">
            <v>#N/A</v>
          </cell>
          <cell r="D38" t="str">
            <v>PD-F WHM</v>
          </cell>
          <cell r="E38" t="e">
            <v>#N/A</v>
          </cell>
          <cell r="F38" t="str">
            <v>RPR</v>
          </cell>
          <cell r="G38" t="e">
            <v>#N/A</v>
          </cell>
          <cell r="H38" t="str">
            <v>PD-F WHM \ RPR</v>
          </cell>
          <cell r="I38" t="str">
            <v>PELEREL</v>
          </cell>
          <cell r="J38"/>
          <cell r="K38"/>
          <cell r="L38" t="str">
            <v>Repair</v>
          </cell>
          <cell r="M38" t="str">
            <v>N</v>
          </cell>
        </row>
        <row r="39">
          <cell r="A39"/>
          <cell r="B39" t="e">
            <v>#N/A</v>
          </cell>
          <cell r="C39" t="e">
            <v>#N/A</v>
          </cell>
          <cell r="D39" t="str">
            <v>PD-H RLY</v>
          </cell>
          <cell r="E39" t="e">
            <v>#N/A</v>
          </cell>
          <cell r="F39" t="str">
            <v>PM</v>
          </cell>
          <cell r="G39" t="e">
            <v>#N/A</v>
          </cell>
          <cell r="H39" t="str">
            <v>PD-H RLY \ PM</v>
          </cell>
          <cell r="I39" t="str">
            <v>PELEREL</v>
          </cell>
          <cell r="J39"/>
          <cell r="K39"/>
          <cell r="L39" t="str">
            <v>Preventative Maintenance</v>
          </cell>
          <cell r="M39" t="str">
            <v>N</v>
          </cell>
        </row>
        <row r="40">
          <cell r="A40"/>
          <cell r="B40" t="e">
            <v>#N/A</v>
          </cell>
          <cell r="C40" t="e">
            <v>#N/A</v>
          </cell>
          <cell r="D40" t="str">
            <v>PD-H RLY</v>
          </cell>
          <cell r="E40" t="e">
            <v>#N/A</v>
          </cell>
          <cell r="F40" t="str">
            <v>RPR</v>
          </cell>
          <cell r="G40" t="e">
            <v>#N/A</v>
          </cell>
          <cell r="H40" t="str">
            <v>PD-H RLY \ RPR</v>
          </cell>
          <cell r="I40" t="str">
            <v>PELEREL</v>
          </cell>
          <cell r="J40"/>
          <cell r="K40"/>
          <cell r="L40" t="str">
            <v>Repair</v>
          </cell>
          <cell r="M40" t="str">
            <v>N</v>
          </cell>
        </row>
        <row r="41">
          <cell r="A41"/>
          <cell r="B41" t="e">
            <v>#N/A</v>
          </cell>
          <cell r="C41" t="e">
            <v>#N/A</v>
          </cell>
          <cell r="D41" t="str">
            <v>PD-H WHM</v>
          </cell>
          <cell r="E41" t="e">
            <v>#N/A</v>
          </cell>
          <cell r="F41" t="str">
            <v>PM</v>
          </cell>
          <cell r="G41" t="e">
            <v>#N/A</v>
          </cell>
          <cell r="H41" t="str">
            <v>PD-H WHM \ PM</v>
          </cell>
          <cell r="I41" t="str">
            <v>PELEREL</v>
          </cell>
          <cell r="J41"/>
          <cell r="K41"/>
          <cell r="L41" t="str">
            <v>Preventative Maintenance</v>
          </cell>
          <cell r="M41" t="str">
            <v>N</v>
          </cell>
        </row>
        <row r="42">
          <cell r="A42"/>
          <cell r="B42" t="e">
            <v>#N/A</v>
          </cell>
          <cell r="C42" t="e">
            <v>#N/A</v>
          </cell>
          <cell r="D42" t="str">
            <v>PD-H WHM</v>
          </cell>
          <cell r="E42" t="e">
            <v>#N/A</v>
          </cell>
          <cell r="F42" t="str">
            <v>RPR</v>
          </cell>
          <cell r="G42" t="e">
            <v>#N/A</v>
          </cell>
          <cell r="H42" t="str">
            <v>PD-H WHM \ RPR</v>
          </cell>
          <cell r="I42" t="str">
            <v>PELEREL</v>
          </cell>
          <cell r="J42"/>
          <cell r="K42"/>
          <cell r="L42" t="str">
            <v>Repair</v>
          </cell>
          <cell r="M42" t="str">
            <v>N</v>
          </cell>
        </row>
        <row r="43">
          <cell r="A43" t="str">
            <v>107GASCO</v>
          </cell>
          <cell r="B43" t="str">
            <v>Gas Capital</v>
          </cell>
          <cell r="C43" t="str">
            <v>Gas</v>
          </cell>
          <cell r="D43" t="str">
            <v>GO-LOADC</v>
          </cell>
          <cell r="E43" t="str">
            <v>Gas Operations - Load Check</v>
          </cell>
          <cell r="F43" t="str">
            <v>LOADCHECK</v>
          </cell>
          <cell r="G43" t="str">
            <v>Perform load check</v>
          </cell>
          <cell r="H43" t="str">
            <v>GO-LOADC \ LOADCHECK</v>
          </cell>
          <cell r="I43"/>
          <cell r="J43" t="str">
            <v>107GASCO</v>
          </cell>
          <cell r="K43" t="str">
            <v>I</v>
          </cell>
          <cell r="L43" t="str">
            <v>Perform load check</v>
          </cell>
          <cell r="M43" t="str">
            <v>N</v>
          </cell>
        </row>
        <row r="44">
          <cell r="A44" t="str">
            <v>3CMN10</v>
          </cell>
          <cell r="B44" t="str">
            <v>Gas Capital</v>
          </cell>
          <cell r="C44" t="str">
            <v>Gas</v>
          </cell>
          <cell r="D44" t="str">
            <v>GO-SERVICEOH</v>
          </cell>
          <cell r="E44" t="str">
            <v>Gas Operations - Service Work - OH</v>
          </cell>
          <cell r="F44" t="str">
            <v>C-MNEW3"</v>
          </cell>
          <cell r="G44" t="str">
            <v>INSTALL NEW C-M SERVICE - 3"</v>
          </cell>
          <cell r="H44" t="str">
            <v>GO-SERVICEOH \ C-MNEW3"</v>
          </cell>
          <cell r="I44"/>
          <cell r="J44" t="str">
            <v>3CMN10</v>
          </cell>
          <cell r="K44" t="str">
            <v>I</v>
          </cell>
          <cell r="L44" t="str">
            <v>INSTALL NEW C-M SERVICE - 3"</v>
          </cell>
          <cell r="M44" t="str">
            <v>N</v>
          </cell>
        </row>
        <row r="45">
          <cell r="A45" t="str">
            <v>3CMN70</v>
          </cell>
          <cell r="B45" t="str">
            <v>Gas Capital</v>
          </cell>
          <cell r="C45" t="str">
            <v>Gas</v>
          </cell>
          <cell r="D45" t="str">
            <v>GO-SERVICEKY</v>
          </cell>
          <cell r="E45" t="str">
            <v>Gas Operations - Service Work - KY</v>
          </cell>
          <cell r="F45" t="str">
            <v>C-MNEW3"</v>
          </cell>
          <cell r="G45" t="str">
            <v>INSTALL NEW C-M SERVICE - 3"</v>
          </cell>
          <cell r="H45" t="str">
            <v>GO-SERVICEKY \ C-MNEW3"</v>
          </cell>
          <cell r="I45"/>
          <cell r="J45" t="str">
            <v>3CMN70</v>
          </cell>
          <cell r="K45" t="str">
            <v>I</v>
          </cell>
          <cell r="L45" t="str">
            <v>INSTALL NEW C-M SERVICE - 3"</v>
          </cell>
          <cell r="M45" t="str">
            <v>N</v>
          </cell>
        </row>
        <row r="46">
          <cell r="A46" t="str">
            <v>3CMR10</v>
          </cell>
          <cell r="B46" t="str">
            <v>Gas Capital</v>
          </cell>
          <cell r="C46" t="str">
            <v>Gas</v>
          </cell>
          <cell r="D46" t="str">
            <v>GO-SERVICEOH</v>
          </cell>
          <cell r="E46" t="str">
            <v>Gas Operations - Service Work - OH</v>
          </cell>
          <cell r="F46" t="str">
            <v>C-MRPL3"</v>
          </cell>
          <cell r="G46" t="str">
            <v>INSTALL C-M SERV. FOR RPL, STI, OR PRI PROJECT - 3"</v>
          </cell>
          <cell r="H46" t="str">
            <v>GO-SERVICEOH \ C-MRPL3"</v>
          </cell>
          <cell r="I46"/>
          <cell r="J46" t="str">
            <v>3CMR10</v>
          </cell>
          <cell r="K46" t="str">
            <v>I</v>
          </cell>
          <cell r="L46" t="str">
            <v>INSTALL C-M SERV. FOR RPL, STI, OR PRI PROJECT - 3"</v>
          </cell>
          <cell r="M46" t="str">
            <v>N</v>
          </cell>
        </row>
        <row r="47">
          <cell r="A47" t="str">
            <v>3CMR10</v>
          </cell>
          <cell r="B47" t="str">
            <v>Gas Capital</v>
          </cell>
          <cell r="C47" t="str">
            <v>Gas</v>
          </cell>
          <cell r="D47" t="str">
            <v>GO-SERVICEOH</v>
          </cell>
          <cell r="E47" t="str">
            <v>Gas Operations - Service Work - OH</v>
          </cell>
          <cell r="F47" t="str">
            <v>R-C-MRPL3"</v>
          </cell>
          <cell r="G47" t="str">
            <v>REMOVE C-M SERV. FOR RPL, STI, OR PRI PROJECT - 3"</v>
          </cell>
          <cell r="H47" t="str">
            <v>GO-SERVICEOH \ R-C-MRPL3"</v>
          </cell>
          <cell r="I47"/>
          <cell r="J47" t="str">
            <v>3CMR10</v>
          </cell>
          <cell r="K47" t="str">
            <v>R</v>
          </cell>
          <cell r="L47" t="str">
            <v>REMOVE C-M SERV. FOR RPL, STI, OR PRI PROJECT - 3"</v>
          </cell>
          <cell r="M47" t="str">
            <v>N</v>
          </cell>
        </row>
        <row r="48">
          <cell r="A48" t="str">
            <v>3CMR70</v>
          </cell>
          <cell r="B48" t="str">
            <v>Gas Capital</v>
          </cell>
          <cell r="C48" t="str">
            <v>Gas</v>
          </cell>
          <cell r="D48" t="str">
            <v>GO-SERVICEKY</v>
          </cell>
          <cell r="E48" t="str">
            <v>Gas Operations - Service Work - KY</v>
          </cell>
          <cell r="F48" t="str">
            <v>C-MRPL3"</v>
          </cell>
          <cell r="G48" t="str">
            <v>INSTALL C-M SERV. FOR RPL, STI, OR PRI PROJECT - 3"</v>
          </cell>
          <cell r="H48" t="str">
            <v>GO-SERVICEKY \ C-MRPL3"</v>
          </cell>
          <cell r="I48"/>
          <cell r="J48" t="str">
            <v>3CMR70</v>
          </cell>
          <cell r="K48" t="str">
            <v>I</v>
          </cell>
          <cell r="L48" t="str">
            <v>INSTALL C-M SERV. FOR RPL, STI, OR PRI PROJECT - 3"</v>
          </cell>
          <cell r="M48" t="str">
            <v>N</v>
          </cell>
        </row>
        <row r="49">
          <cell r="A49" t="str">
            <v>3CMR70</v>
          </cell>
          <cell r="B49" t="str">
            <v>Gas Capital</v>
          </cell>
          <cell r="C49" t="str">
            <v>Gas</v>
          </cell>
          <cell r="D49" t="str">
            <v>GO-SERVICEKY</v>
          </cell>
          <cell r="E49" t="str">
            <v>Gas Operations - Service Work - KY</v>
          </cell>
          <cell r="F49" t="str">
            <v>R-C-MRPL3"</v>
          </cell>
          <cell r="G49" t="str">
            <v>REMOVE C-M SERV. FOR RPL, STI, OR PRI PROJECT - 3"</v>
          </cell>
          <cell r="H49" t="str">
            <v>GO-SERVICEKY \ R-C-MRPL3"</v>
          </cell>
          <cell r="I49"/>
          <cell r="J49" t="str">
            <v>3CMR70</v>
          </cell>
          <cell r="K49" t="str">
            <v>R</v>
          </cell>
          <cell r="L49" t="str">
            <v>REMOVE C-M SERV. FOR RPL, STI, OR PRI PROJECT - 3"</v>
          </cell>
          <cell r="M49" t="str">
            <v>N</v>
          </cell>
        </row>
        <row r="50">
          <cell r="A50" t="str">
            <v>3MCN10</v>
          </cell>
          <cell r="B50" t="str">
            <v>Gas Capital</v>
          </cell>
          <cell r="C50" t="str">
            <v>Gas</v>
          </cell>
          <cell r="D50" t="str">
            <v>GO-SERVICEOH</v>
          </cell>
          <cell r="E50" t="str">
            <v>Gas Operations - Service Work - OH</v>
          </cell>
          <cell r="F50" t="str">
            <v>M-CNEW3"</v>
          </cell>
          <cell r="G50" t="str">
            <v>INSTALL NEW M-C SERVICE - 3"</v>
          </cell>
          <cell r="H50" t="str">
            <v>GO-SERVICEOH \ M-CNEW3"</v>
          </cell>
          <cell r="I50"/>
          <cell r="J50" t="str">
            <v>3MCN10</v>
          </cell>
          <cell r="K50" t="str">
            <v>I</v>
          </cell>
          <cell r="L50" t="str">
            <v>INSTALL NEW M-C SERVICE - 3"</v>
          </cell>
          <cell r="M50" t="str">
            <v>N</v>
          </cell>
        </row>
        <row r="51">
          <cell r="A51" t="str">
            <v>3MCN70</v>
          </cell>
          <cell r="B51" t="str">
            <v>Gas Capital</v>
          </cell>
          <cell r="C51" t="str">
            <v>Gas</v>
          </cell>
          <cell r="D51" t="str">
            <v>GO-SERVICEKY</v>
          </cell>
          <cell r="E51" t="str">
            <v>Gas Operations - Service Work - KY</v>
          </cell>
          <cell r="F51" t="str">
            <v>M-CNEW3"</v>
          </cell>
          <cell r="G51" t="str">
            <v>INSTALL NEW M-C SERVICE - 3"</v>
          </cell>
          <cell r="H51" t="str">
            <v>GO-SERVICEKY \ M-CNEW3"</v>
          </cell>
          <cell r="I51"/>
          <cell r="J51" t="str">
            <v>3MCN70</v>
          </cell>
          <cell r="K51" t="str">
            <v>I</v>
          </cell>
          <cell r="L51" t="str">
            <v>INSTALL NEW M-C SERVICE - 3"</v>
          </cell>
          <cell r="M51" t="str">
            <v>N</v>
          </cell>
        </row>
        <row r="52">
          <cell r="A52" t="str">
            <v>3MCR10</v>
          </cell>
          <cell r="B52" t="str">
            <v>Gas Capital</v>
          </cell>
          <cell r="C52" t="str">
            <v>Gas</v>
          </cell>
          <cell r="D52" t="str">
            <v>GO-SERVICEOH</v>
          </cell>
          <cell r="E52" t="str">
            <v>Gas Operations - Service Work - OH</v>
          </cell>
          <cell r="F52" t="str">
            <v>M-CRPL3"</v>
          </cell>
          <cell r="G52" t="str">
            <v>INSTALL M-C SERV. FOR RPL, STI, OR PRI PROJECT - 3"</v>
          </cell>
          <cell r="H52" t="str">
            <v>GO-SERVICEOH \ M-CRPL3"</v>
          </cell>
          <cell r="I52"/>
          <cell r="J52" t="str">
            <v>3MCR10</v>
          </cell>
          <cell r="K52" t="str">
            <v>I</v>
          </cell>
          <cell r="L52" t="str">
            <v>INSTALL M-C SERV. FOR RPL, STI, OR PRI PROJECT - 3"</v>
          </cell>
          <cell r="M52" t="str">
            <v>N</v>
          </cell>
        </row>
        <row r="53">
          <cell r="A53" t="str">
            <v>3MCR10</v>
          </cell>
          <cell r="B53" t="str">
            <v>Gas Capital</v>
          </cell>
          <cell r="C53" t="str">
            <v>Gas</v>
          </cell>
          <cell r="D53" t="str">
            <v>GO-SERVICEOH</v>
          </cell>
          <cell r="E53" t="str">
            <v>Gas Operations - Service Work - OH</v>
          </cell>
          <cell r="F53" t="str">
            <v>R-M-CRPL3"</v>
          </cell>
          <cell r="G53" t="str">
            <v>REMOVE M-C SERV. FOR RPL, STI, OR PRI PROJECT - 3"</v>
          </cell>
          <cell r="H53" t="str">
            <v>GO-SERVICEOH \ R-M-CRPL3"</v>
          </cell>
          <cell r="I53"/>
          <cell r="J53" t="str">
            <v>3MCR10</v>
          </cell>
          <cell r="K53" t="str">
            <v>R</v>
          </cell>
          <cell r="L53" t="str">
            <v>REMOVE M-C SERV. FOR RPL, STI, OR PRI PROJECT - 3"</v>
          </cell>
          <cell r="M53" t="str">
            <v>N</v>
          </cell>
        </row>
        <row r="54">
          <cell r="A54" t="str">
            <v>3MCR70</v>
          </cell>
          <cell r="B54" t="str">
            <v>Gas Capital</v>
          </cell>
          <cell r="C54" t="str">
            <v>Gas</v>
          </cell>
          <cell r="D54" t="str">
            <v>GO-SERVICEKY</v>
          </cell>
          <cell r="E54" t="str">
            <v>Gas Operations - Service Work - KY</v>
          </cell>
          <cell r="F54" t="str">
            <v>M-CRPL3"</v>
          </cell>
          <cell r="G54" t="str">
            <v>INSTALL M-C SERV. FOR RPL, STI, OR PRI PROJECT - 3"</v>
          </cell>
          <cell r="H54" t="str">
            <v>GO-SERVICEKY \ M-CRPL3"</v>
          </cell>
          <cell r="I54"/>
          <cell r="J54" t="str">
            <v>3MCR70</v>
          </cell>
          <cell r="K54" t="str">
            <v>I</v>
          </cell>
          <cell r="L54" t="str">
            <v>INSTALL M-C SERV. FOR RPL, STI, OR PRI PROJECT - 3"</v>
          </cell>
          <cell r="M54" t="str">
            <v>N</v>
          </cell>
        </row>
        <row r="55">
          <cell r="A55" t="str">
            <v>3MCR70</v>
          </cell>
          <cell r="B55" t="str">
            <v>Gas Capital</v>
          </cell>
          <cell r="C55" t="str">
            <v>Gas</v>
          </cell>
          <cell r="D55" t="str">
            <v>GO-SERVICEKY</v>
          </cell>
          <cell r="E55" t="str">
            <v>Gas Operations - Service Work - KY</v>
          </cell>
          <cell r="F55" t="str">
            <v>R-M-CRPL3"</v>
          </cell>
          <cell r="G55" t="str">
            <v>REMOVE M-C SERV. FOR RPL, STI, OR PRI PROJECT - 3"</v>
          </cell>
          <cell r="H55" t="str">
            <v>GO-SERVICEKY \ R-M-CRPL3"</v>
          </cell>
          <cell r="I55"/>
          <cell r="J55" t="str">
            <v>3MCR70</v>
          </cell>
          <cell r="K55" t="str">
            <v>R</v>
          </cell>
          <cell r="L55" t="str">
            <v>REMOVE M-C SERV. FOR RPL, STI, OR PRI PROJECT - 3"</v>
          </cell>
          <cell r="M55" t="str">
            <v>N</v>
          </cell>
        </row>
        <row r="56">
          <cell r="A56" t="str">
            <v>3PDCOMP</v>
          </cell>
          <cell r="B56" t="str">
            <v>Gas O&amp;M</v>
          </cell>
          <cell r="C56" t="e">
            <v>#N/A</v>
          </cell>
          <cell r="D56" t="str">
            <v>GO-DAMAGE</v>
          </cell>
          <cell r="E56" t="e">
            <v>#N/A</v>
          </cell>
          <cell r="F56" t="str">
            <v>3PDCOMP</v>
          </cell>
          <cell r="G56" t="e">
            <v>#N/A</v>
          </cell>
          <cell r="H56" t="str">
            <v>GO-DAMAGE \ 3PDCOMP</v>
          </cell>
          <cell r="I56"/>
          <cell r="J56" t="str">
            <v>3PDCOMP</v>
          </cell>
          <cell r="K56" t="str">
            <v>X</v>
          </cell>
          <cell r="L56" t="str">
            <v>Damage on a Gas facility from third party - Company property billing</v>
          </cell>
          <cell r="M56" t="str">
            <v>N</v>
          </cell>
        </row>
        <row r="57">
          <cell r="A57" t="str">
            <v>3PDCUSTEX</v>
          </cell>
          <cell r="B57" t="str">
            <v>Gas O&amp;M</v>
          </cell>
          <cell r="C57" t="e">
            <v>#N/A</v>
          </cell>
          <cell r="D57" t="str">
            <v>GO-DAMAGE</v>
          </cell>
          <cell r="E57" t="e">
            <v>#N/A</v>
          </cell>
          <cell r="F57" t="str">
            <v>3PDCUSTEX</v>
          </cell>
          <cell r="G57" t="e">
            <v>#N/A</v>
          </cell>
          <cell r="H57" t="str">
            <v>GO-DAMAGE \ 3PDCUSTEX</v>
          </cell>
          <cell r="I57"/>
          <cell r="J57" t="str">
            <v>3PDCUSTEX</v>
          </cell>
          <cell r="K57" t="str">
            <v>X</v>
          </cell>
          <cell r="L57" t="str">
            <v>Damage on a Gas facility from third party - Customer property billing</v>
          </cell>
          <cell r="M57" t="str">
            <v>N</v>
          </cell>
        </row>
        <row r="58">
          <cell r="A58" t="str">
            <v>4CMN10</v>
          </cell>
          <cell r="B58" t="str">
            <v>Gas Capital</v>
          </cell>
          <cell r="C58" t="str">
            <v>Gas</v>
          </cell>
          <cell r="D58" t="str">
            <v>GO-SERVICEOH</v>
          </cell>
          <cell r="E58" t="str">
            <v>Gas Operations - Service Work - OH</v>
          </cell>
          <cell r="F58" t="str">
            <v>C-MNEW4"</v>
          </cell>
          <cell r="G58" t="str">
            <v>INSTALL NEW C-M SERVICE - 4"</v>
          </cell>
          <cell r="H58" t="str">
            <v>GO-SERVICEOH \ C-MNEW4"</v>
          </cell>
          <cell r="I58"/>
          <cell r="J58" t="str">
            <v>4CMN10</v>
          </cell>
          <cell r="K58" t="str">
            <v>I</v>
          </cell>
          <cell r="L58" t="str">
            <v>INSTALL NEW C-M SERVICE - 4"</v>
          </cell>
          <cell r="M58" t="str">
            <v>N</v>
          </cell>
        </row>
        <row r="59">
          <cell r="A59" t="str">
            <v>4CMN70</v>
          </cell>
          <cell r="B59" t="str">
            <v>Gas Capital</v>
          </cell>
          <cell r="C59" t="str">
            <v>Gas</v>
          </cell>
          <cell r="D59" t="str">
            <v>GO-SERVICEKY</v>
          </cell>
          <cell r="E59" t="str">
            <v>Gas Operations - Service Work - KY</v>
          </cell>
          <cell r="F59" t="str">
            <v>C-MNEW4"</v>
          </cell>
          <cell r="G59" t="str">
            <v>INSTALL NEW C-M SERVICE - 4"</v>
          </cell>
          <cell r="H59" t="str">
            <v>GO-SERVICEKY \ C-MNEW4"</v>
          </cell>
          <cell r="I59"/>
          <cell r="J59" t="str">
            <v>4CMN70</v>
          </cell>
          <cell r="K59" t="str">
            <v>I</v>
          </cell>
          <cell r="L59" t="str">
            <v>INSTALL NEW C-M SERVICE - 4"</v>
          </cell>
          <cell r="M59" t="str">
            <v>N</v>
          </cell>
        </row>
        <row r="60">
          <cell r="A60" t="str">
            <v>4CMR10</v>
          </cell>
          <cell r="B60" t="str">
            <v>Gas Capital</v>
          </cell>
          <cell r="C60" t="str">
            <v>Gas</v>
          </cell>
          <cell r="D60" t="str">
            <v>GO-SERVICEOH</v>
          </cell>
          <cell r="E60" t="str">
            <v>Gas Operations - Service Work - OH</v>
          </cell>
          <cell r="F60" t="str">
            <v>C-MRPL4"</v>
          </cell>
          <cell r="G60" t="str">
            <v>INSTALL C-M SERV. FOR RPL, STI, OR PRI PROJECT - 4"</v>
          </cell>
          <cell r="H60" t="str">
            <v>GO-SERVICEOH \ C-MRPL4"</v>
          </cell>
          <cell r="I60"/>
          <cell r="J60" t="str">
            <v>4CMR10</v>
          </cell>
          <cell r="K60" t="str">
            <v>I</v>
          </cell>
          <cell r="L60" t="str">
            <v>INSTALL C-M SERV. FOR RPL, STI, OR PRI PROJECT - 4"</v>
          </cell>
          <cell r="M60" t="str">
            <v>N</v>
          </cell>
        </row>
        <row r="61">
          <cell r="A61" t="str">
            <v>4CMR10</v>
          </cell>
          <cell r="B61" t="str">
            <v>Gas Capital</v>
          </cell>
          <cell r="C61" t="str">
            <v>Gas</v>
          </cell>
          <cell r="D61" t="str">
            <v>GO-SERVICEOH</v>
          </cell>
          <cell r="E61" t="str">
            <v>Gas Operations - Service Work - OH</v>
          </cell>
          <cell r="F61" t="str">
            <v>R-C-MRPL4"</v>
          </cell>
          <cell r="G61" t="str">
            <v>REMOVE C-M SERV. FOR RPL, STI, OR PRI PROJECT - 4"</v>
          </cell>
          <cell r="H61" t="str">
            <v>GO-SERVICEOH \ R-C-MRPL4"</v>
          </cell>
          <cell r="I61"/>
          <cell r="J61" t="str">
            <v>4CMR10</v>
          </cell>
          <cell r="K61" t="str">
            <v>R</v>
          </cell>
          <cell r="L61" t="str">
            <v>REMOVE C-M SERV. FOR RPL, STI, OR PRI PROJECT - 4"</v>
          </cell>
          <cell r="M61" t="str">
            <v>N</v>
          </cell>
        </row>
        <row r="62">
          <cell r="A62" t="str">
            <v>4CMR70</v>
          </cell>
          <cell r="B62" t="str">
            <v>Gas Capital</v>
          </cell>
          <cell r="C62" t="str">
            <v>Gas</v>
          </cell>
          <cell r="D62" t="str">
            <v>GO-SERVICEKY</v>
          </cell>
          <cell r="E62" t="str">
            <v>Gas Operations - Service Work - KY</v>
          </cell>
          <cell r="F62" t="str">
            <v>C-MRPL4"</v>
          </cell>
          <cell r="G62" t="str">
            <v>INSTALL C-M SERV. FOR RPL, STI, OR PRI PROJECT - 4"</v>
          </cell>
          <cell r="H62" t="str">
            <v>GO-SERVICEKY \ C-MRPL4"</v>
          </cell>
          <cell r="I62"/>
          <cell r="J62" t="str">
            <v>4CMR70</v>
          </cell>
          <cell r="K62" t="str">
            <v>I</v>
          </cell>
          <cell r="L62" t="str">
            <v>INSTALL C-M SERV. FOR RPL, STI, OR PRI PROJECT - 4"</v>
          </cell>
          <cell r="M62" t="str">
            <v>N</v>
          </cell>
        </row>
        <row r="63">
          <cell r="A63" t="str">
            <v>4CMR70</v>
          </cell>
          <cell r="B63" t="str">
            <v>Gas Capital</v>
          </cell>
          <cell r="C63" t="str">
            <v>Gas</v>
          </cell>
          <cell r="D63" t="str">
            <v>GO-SERVICEKY</v>
          </cell>
          <cell r="E63" t="str">
            <v>Gas Operations - Service Work - KY</v>
          </cell>
          <cell r="F63" t="str">
            <v>R-C-MRPL4"</v>
          </cell>
          <cell r="G63" t="str">
            <v>REMOVE C-M SERV. FOR RPL, STI, OR PRI PROJECT - 4"</v>
          </cell>
          <cell r="H63" t="str">
            <v>GO-SERVICEKY \ R-C-MRPL4"</v>
          </cell>
          <cell r="I63"/>
          <cell r="J63" t="str">
            <v>4CMR70</v>
          </cell>
          <cell r="K63" t="str">
            <v>R</v>
          </cell>
          <cell r="L63" t="str">
            <v>REMOVE C-M SERV. FOR RPL, STI, OR PRI PROJECT - 4"</v>
          </cell>
          <cell r="M63" t="str">
            <v>N</v>
          </cell>
        </row>
        <row r="64">
          <cell r="A64" t="str">
            <v>4MCN10</v>
          </cell>
          <cell r="B64" t="str">
            <v>Gas Capital</v>
          </cell>
          <cell r="C64" t="str">
            <v>Gas</v>
          </cell>
          <cell r="D64" t="str">
            <v>GO-SERVICEOH</v>
          </cell>
          <cell r="E64" t="str">
            <v>Gas Operations - Service Work - OH</v>
          </cell>
          <cell r="F64" t="str">
            <v>M-CNEW4"</v>
          </cell>
          <cell r="G64" t="str">
            <v>INSTALL NEW M-C SERVICE - 4"</v>
          </cell>
          <cell r="H64" t="str">
            <v>GO-SERVICEOH \ M-CNEW4"</v>
          </cell>
          <cell r="I64"/>
          <cell r="J64" t="str">
            <v>4MCN10</v>
          </cell>
          <cell r="K64" t="str">
            <v>I</v>
          </cell>
          <cell r="L64" t="str">
            <v>INSTALL NEW M-C SERVICE - 4"</v>
          </cell>
          <cell r="M64" t="str">
            <v>N</v>
          </cell>
        </row>
        <row r="65">
          <cell r="A65" t="str">
            <v>4MCN70</v>
          </cell>
          <cell r="B65" t="str">
            <v>Gas Capital</v>
          </cell>
          <cell r="C65" t="str">
            <v>Gas</v>
          </cell>
          <cell r="D65" t="str">
            <v>GO-SERVICEKY</v>
          </cell>
          <cell r="E65" t="str">
            <v>Gas Operations - Service Work - KY</v>
          </cell>
          <cell r="F65" t="str">
            <v>M-CNEW4"</v>
          </cell>
          <cell r="G65" t="str">
            <v>INSTALL NEW M-C SERVICE - 4"</v>
          </cell>
          <cell r="H65" t="str">
            <v>GO-SERVICEKY \ M-CNEW4"</v>
          </cell>
          <cell r="I65"/>
          <cell r="J65" t="str">
            <v>4MCN70</v>
          </cell>
          <cell r="K65" t="str">
            <v>I</v>
          </cell>
          <cell r="L65" t="str">
            <v>INSTALL NEW M-C SERVICE - 4"</v>
          </cell>
          <cell r="M65" t="str">
            <v>N</v>
          </cell>
        </row>
        <row r="66">
          <cell r="A66" t="str">
            <v>4MCR10</v>
          </cell>
          <cell r="B66" t="str">
            <v>Gas Capital</v>
          </cell>
          <cell r="C66" t="str">
            <v>Gas</v>
          </cell>
          <cell r="D66" t="str">
            <v>GO-SERVICEOH</v>
          </cell>
          <cell r="E66" t="str">
            <v>Gas Operations - Service Work - OH</v>
          </cell>
          <cell r="F66" t="str">
            <v>M-CRPL4"</v>
          </cell>
          <cell r="G66" t="str">
            <v>INSTALL M-C SERV. FOR RPL, STI, OR PRI PROJECT - 4"</v>
          </cell>
          <cell r="H66" t="str">
            <v>GO-SERVICEOH \ M-CRPL4"</v>
          </cell>
          <cell r="I66"/>
          <cell r="J66" t="str">
            <v>4MCR10</v>
          </cell>
          <cell r="K66" t="str">
            <v>I</v>
          </cell>
          <cell r="L66" t="str">
            <v>INSTALL M-C SERV. FOR RPL, STI, OR PRI PROJECT - 4"</v>
          </cell>
          <cell r="M66" t="str">
            <v>N</v>
          </cell>
        </row>
        <row r="67">
          <cell r="A67" t="str">
            <v>4MCR10</v>
          </cell>
          <cell r="B67" t="str">
            <v>Gas Capital</v>
          </cell>
          <cell r="C67" t="str">
            <v>Gas</v>
          </cell>
          <cell r="D67" t="str">
            <v>GO-SERVICEOH</v>
          </cell>
          <cell r="E67" t="str">
            <v>Gas Operations - Service Work - OH</v>
          </cell>
          <cell r="F67" t="str">
            <v>R-M-CRPL4"</v>
          </cell>
          <cell r="G67" t="str">
            <v>REMOVE M-C SERV. FOR RPL, STI, OR PRI PROJECT - 4"</v>
          </cell>
          <cell r="H67" t="str">
            <v>GO-SERVICEOH \ R-M-CRPL4"</v>
          </cell>
          <cell r="I67"/>
          <cell r="J67" t="str">
            <v>4MCR10</v>
          </cell>
          <cell r="K67" t="str">
            <v>R</v>
          </cell>
          <cell r="L67" t="str">
            <v>REMOVE M-C SERV. FOR RPL, STI, OR PRI PROJECT - 4"</v>
          </cell>
          <cell r="M67" t="str">
            <v>N</v>
          </cell>
        </row>
        <row r="68">
          <cell r="A68" t="str">
            <v>4MCR70</v>
          </cell>
          <cell r="B68" t="str">
            <v>Gas Capital</v>
          </cell>
          <cell r="C68" t="str">
            <v>Gas</v>
          </cell>
          <cell r="D68" t="str">
            <v>GO-SERVICEKY</v>
          </cell>
          <cell r="E68" t="str">
            <v>Gas Operations - Service Work - KY</v>
          </cell>
          <cell r="F68" t="str">
            <v>M-CRPL4"</v>
          </cell>
          <cell r="G68" t="str">
            <v>INSTALL M-C SERV. FOR RPL, STI, OR PRI PROJECT - 4"</v>
          </cell>
          <cell r="H68" t="str">
            <v>GO-SERVICEKY \ M-CRPL4"</v>
          </cell>
          <cell r="I68"/>
          <cell r="J68" t="str">
            <v>4MCR70</v>
          </cell>
          <cell r="K68" t="str">
            <v>I</v>
          </cell>
          <cell r="L68" t="str">
            <v>INSTALL M-C SERV. FOR RPL, STI, OR PRI PROJECT - 4"</v>
          </cell>
          <cell r="M68" t="str">
            <v>N</v>
          </cell>
        </row>
        <row r="69">
          <cell r="A69" t="str">
            <v>4MCR70</v>
          </cell>
          <cell r="B69" t="str">
            <v>Gas Capital</v>
          </cell>
          <cell r="C69" t="str">
            <v>Gas</v>
          </cell>
          <cell r="D69" t="str">
            <v>GO-SERVICEKY</v>
          </cell>
          <cell r="E69" t="str">
            <v>Gas Operations - Service Work - KY</v>
          </cell>
          <cell r="F69" t="str">
            <v>R-M-CRPL4"</v>
          </cell>
          <cell r="G69" t="str">
            <v>REMOVE M-C SERV. FOR RPL, STI, OR PRI PROJECT - 4"</v>
          </cell>
          <cell r="H69" t="str">
            <v>GO-SERVICEKY \ R-M-CRPL4"</v>
          </cell>
          <cell r="I69"/>
          <cell r="J69" t="str">
            <v>4MCR70</v>
          </cell>
          <cell r="K69" t="str">
            <v>R</v>
          </cell>
          <cell r="L69" t="str">
            <v>REMOVE M-C SERV. FOR RPL, STI, OR PRI PROJECT - 4"</v>
          </cell>
          <cell r="M69" t="str">
            <v>N</v>
          </cell>
        </row>
        <row r="70">
          <cell r="A70" t="str">
            <v>6CMN10</v>
          </cell>
          <cell r="B70" t="str">
            <v>Gas Capital</v>
          </cell>
          <cell r="C70" t="str">
            <v>Gas</v>
          </cell>
          <cell r="D70" t="str">
            <v>GO-SERVICEOH</v>
          </cell>
          <cell r="E70" t="str">
            <v>Gas Operations - Service Work - OH</v>
          </cell>
          <cell r="F70" t="str">
            <v>C-MNEW6"</v>
          </cell>
          <cell r="G70" t="str">
            <v>INSTALL NEW C-M SERVICE - 6"</v>
          </cell>
          <cell r="H70" t="str">
            <v>GO-SERVICEOH \ C-MNEW6"</v>
          </cell>
          <cell r="I70"/>
          <cell r="J70" t="str">
            <v>6CMN10</v>
          </cell>
          <cell r="K70" t="str">
            <v>I</v>
          </cell>
          <cell r="L70" t="str">
            <v>INSTALL NEW C-M SERVICE - 6"</v>
          </cell>
          <cell r="M70" t="str">
            <v>N</v>
          </cell>
        </row>
        <row r="71">
          <cell r="A71" t="str">
            <v>6CMN70</v>
          </cell>
          <cell r="B71" t="str">
            <v>Gas Capital</v>
          </cell>
          <cell r="C71" t="str">
            <v>Gas</v>
          </cell>
          <cell r="D71" t="str">
            <v>GO-SERVICEKY</v>
          </cell>
          <cell r="E71" t="str">
            <v>Gas Operations - Service Work - KY</v>
          </cell>
          <cell r="F71" t="str">
            <v>C-MNEW6"</v>
          </cell>
          <cell r="G71" t="str">
            <v>INSTALL NEW C-M SERVICE - 6"</v>
          </cell>
          <cell r="H71" t="str">
            <v>GO-SERVICEKY \ C-MNEW6"</v>
          </cell>
          <cell r="I71"/>
          <cell r="J71" t="str">
            <v>6CMN70</v>
          </cell>
          <cell r="K71" t="str">
            <v>I</v>
          </cell>
          <cell r="L71" t="str">
            <v>INSTALL NEW C-M SERVICE - 6"</v>
          </cell>
          <cell r="M71" t="str">
            <v>N</v>
          </cell>
        </row>
        <row r="72">
          <cell r="A72" t="str">
            <v>6CMR10</v>
          </cell>
          <cell r="B72" t="str">
            <v>Gas Capital</v>
          </cell>
          <cell r="C72" t="str">
            <v>Gas</v>
          </cell>
          <cell r="D72" t="str">
            <v>GO-SERVICEOH</v>
          </cell>
          <cell r="E72" t="str">
            <v>Gas Operations - Service Work - OH</v>
          </cell>
          <cell r="F72" t="str">
            <v>C-MRPL6"</v>
          </cell>
          <cell r="G72" t="str">
            <v>INSTALL C-M SERV. FOR RPL, STI, OR PRI PROJECT - 6"</v>
          </cell>
          <cell r="H72" t="str">
            <v>GO-SERVICEOH \ C-MRPL6"</v>
          </cell>
          <cell r="I72"/>
          <cell r="J72" t="str">
            <v>6CMR10</v>
          </cell>
          <cell r="K72" t="str">
            <v>I</v>
          </cell>
          <cell r="L72" t="str">
            <v>INSTALL C-M SERV. FOR RPL, STI, OR PRI PROJECT - 6"</v>
          </cell>
          <cell r="M72" t="str">
            <v>N</v>
          </cell>
        </row>
        <row r="73">
          <cell r="A73" t="str">
            <v>6CMR10</v>
          </cell>
          <cell r="B73" t="str">
            <v>Gas Capital</v>
          </cell>
          <cell r="C73" t="str">
            <v>Gas</v>
          </cell>
          <cell r="D73" t="str">
            <v>GO-SERVICEOH</v>
          </cell>
          <cell r="E73" t="str">
            <v>Gas Operations - Service Work - OH</v>
          </cell>
          <cell r="F73" t="str">
            <v>R-C-MRPL6"</v>
          </cell>
          <cell r="G73" t="str">
            <v>REMOVE C-M SERV. FOR RPL, STI, OR PRI PROJECT - 6"</v>
          </cell>
          <cell r="H73" t="str">
            <v>GO-SERVICEOH \ R-C-MRPL6"</v>
          </cell>
          <cell r="I73"/>
          <cell r="J73" t="str">
            <v>6CMR10</v>
          </cell>
          <cell r="K73" t="str">
            <v>R</v>
          </cell>
          <cell r="L73" t="str">
            <v>REMOVE C-M SERV. FOR RPL, STI, OR PRI PROJECT - 6"</v>
          </cell>
          <cell r="M73" t="str">
            <v>N</v>
          </cell>
        </row>
        <row r="74">
          <cell r="A74" t="str">
            <v>6CMR70</v>
          </cell>
          <cell r="B74" t="str">
            <v>Gas Capital</v>
          </cell>
          <cell r="C74" t="str">
            <v>Gas</v>
          </cell>
          <cell r="D74" t="str">
            <v>GO-SERVICEKY</v>
          </cell>
          <cell r="E74" t="str">
            <v>Gas Operations - Service Work - KY</v>
          </cell>
          <cell r="F74" t="str">
            <v>C-MRPL6"</v>
          </cell>
          <cell r="G74" t="str">
            <v>INSTALL C-M SERV. FOR RPL, STI, OR PRI PROJECT - 6"</v>
          </cell>
          <cell r="H74" t="str">
            <v>GO-SERVICEKY \ C-MRPL6"</v>
          </cell>
          <cell r="I74"/>
          <cell r="J74" t="str">
            <v>6CMR70</v>
          </cell>
          <cell r="K74" t="str">
            <v>I</v>
          </cell>
          <cell r="L74" t="str">
            <v>INSTALL C-M SERV. FOR RPL, STI, OR PRI PROJECT - 6"</v>
          </cell>
          <cell r="M74" t="str">
            <v>N</v>
          </cell>
        </row>
        <row r="75">
          <cell r="A75" t="str">
            <v>6CMR70</v>
          </cell>
          <cell r="B75" t="str">
            <v>Gas Capital</v>
          </cell>
          <cell r="C75" t="str">
            <v>Gas</v>
          </cell>
          <cell r="D75" t="str">
            <v>GO-SERVICEKY</v>
          </cell>
          <cell r="E75" t="str">
            <v>Gas Operations - Service Work - KY</v>
          </cell>
          <cell r="F75" t="str">
            <v>R-C-MRPL6"</v>
          </cell>
          <cell r="G75" t="str">
            <v>REMOVE C-M SERV. FOR RPL, STI, OR PRI PROJECT - 6"</v>
          </cell>
          <cell r="H75" t="str">
            <v>GO-SERVICEKY \ R-C-MRPL6"</v>
          </cell>
          <cell r="I75"/>
          <cell r="J75" t="str">
            <v>6CMR70</v>
          </cell>
          <cell r="K75" t="str">
            <v>R</v>
          </cell>
          <cell r="L75" t="str">
            <v>REMOVE C-M SERV. FOR RPL, STI, OR PRI PROJECT - 6"</v>
          </cell>
          <cell r="M75" t="str">
            <v>N</v>
          </cell>
        </row>
        <row r="76">
          <cell r="A76" t="str">
            <v>6MCN10</v>
          </cell>
          <cell r="B76" t="str">
            <v>Gas Capital</v>
          </cell>
          <cell r="C76" t="str">
            <v>Gas</v>
          </cell>
          <cell r="D76" t="str">
            <v>GO-SERVICEOH</v>
          </cell>
          <cell r="E76" t="str">
            <v>Gas Operations - Service Work - OH</v>
          </cell>
          <cell r="F76" t="str">
            <v>M-CNEW6"</v>
          </cell>
          <cell r="G76" t="str">
            <v>INSTALL NEW M-C SERVICE - 6"</v>
          </cell>
          <cell r="H76" t="str">
            <v>GO-SERVICEOH \ M-CNEW6"</v>
          </cell>
          <cell r="I76"/>
          <cell r="J76" t="str">
            <v>6MCN10</v>
          </cell>
          <cell r="K76" t="str">
            <v>I</v>
          </cell>
          <cell r="L76" t="str">
            <v>INSTALL NEW M-C SERVICE - 6"</v>
          </cell>
          <cell r="M76" t="str">
            <v>N</v>
          </cell>
        </row>
        <row r="77">
          <cell r="A77" t="str">
            <v>6MCN70</v>
          </cell>
          <cell r="B77" t="str">
            <v>Gas Capital</v>
          </cell>
          <cell r="C77" t="str">
            <v>Gas</v>
          </cell>
          <cell r="D77" t="str">
            <v>GO-SERVICEKY</v>
          </cell>
          <cell r="E77" t="str">
            <v>Gas Operations - Service Work - KY</v>
          </cell>
          <cell r="F77" t="str">
            <v>M-CNEW6"</v>
          </cell>
          <cell r="G77" t="str">
            <v>INSTALL NEW M-C SERVICE - 6"</v>
          </cell>
          <cell r="H77" t="str">
            <v>GO-SERVICEKY \ M-CNEW6"</v>
          </cell>
          <cell r="I77"/>
          <cell r="J77" t="str">
            <v>6MCN70</v>
          </cell>
          <cell r="K77" t="str">
            <v>I</v>
          </cell>
          <cell r="L77" t="str">
            <v>INSTALL NEW M-C SERVICE - 6"</v>
          </cell>
          <cell r="M77" t="str">
            <v>N</v>
          </cell>
        </row>
        <row r="78">
          <cell r="A78" t="str">
            <v>6MCR10</v>
          </cell>
          <cell r="B78" t="str">
            <v>Gas Capital</v>
          </cell>
          <cell r="C78" t="str">
            <v>Gas</v>
          </cell>
          <cell r="D78" t="str">
            <v>GO-SERVICEOH</v>
          </cell>
          <cell r="E78" t="str">
            <v>Gas Operations - Service Work - OH</v>
          </cell>
          <cell r="F78" t="str">
            <v>M-CRPL6"</v>
          </cell>
          <cell r="G78" t="str">
            <v>INSTALL M-C SERV. FOR RPL, STI, OR PRI PROJECT - 6"</v>
          </cell>
          <cell r="H78" t="str">
            <v>GO-SERVICEOH \ M-CRPL6"</v>
          </cell>
          <cell r="I78"/>
          <cell r="J78" t="str">
            <v>6MCR10</v>
          </cell>
          <cell r="K78" t="str">
            <v>I</v>
          </cell>
          <cell r="L78" t="str">
            <v>INSTALL M-C SERV. FOR RPL, STI, OR PRI PROJECT - 6"</v>
          </cell>
          <cell r="M78" t="str">
            <v>N</v>
          </cell>
        </row>
        <row r="79">
          <cell r="A79" t="str">
            <v>6MCR10</v>
          </cell>
          <cell r="B79" t="str">
            <v>Gas Capital</v>
          </cell>
          <cell r="C79" t="str">
            <v>Gas</v>
          </cell>
          <cell r="D79" t="str">
            <v>GO-SERVICEOH</v>
          </cell>
          <cell r="E79" t="str">
            <v>Gas Operations - Service Work - OH</v>
          </cell>
          <cell r="F79" t="str">
            <v>R-M-CRPL6"</v>
          </cell>
          <cell r="G79" t="str">
            <v>REMOVE M-C SERV. FOR RPL, STI, OR PRI PROJECT - 6"</v>
          </cell>
          <cell r="H79" t="str">
            <v>GO-SERVICEOH \ R-M-CRPL6"</v>
          </cell>
          <cell r="I79"/>
          <cell r="J79" t="str">
            <v>6MCR10</v>
          </cell>
          <cell r="K79" t="str">
            <v>R</v>
          </cell>
          <cell r="L79" t="str">
            <v>REMOVE M-C SERV. FOR RPL, STI, OR PRI PROJECT - 6"</v>
          </cell>
          <cell r="M79" t="str">
            <v>N</v>
          </cell>
        </row>
        <row r="80">
          <cell r="A80" t="str">
            <v>6MCR70</v>
          </cell>
          <cell r="B80" t="str">
            <v>Gas Capital</v>
          </cell>
          <cell r="C80" t="str">
            <v>Gas</v>
          </cell>
          <cell r="D80" t="str">
            <v>GO-SERVICEKY</v>
          </cell>
          <cell r="E80" t="str">
            <v>Gas Operations - Service Work - KY</v>
          </cell>
          <cell r="F80" t="str">
            <v>M-CRPL6"</v>
          </cell>
          <cell r="G80" t="str">
            <v>INSTALL M-C SERV. FOR RPL, STI, OR PRI PROJECT - 6"</v>
          </cell>
          <cell r="H80" t="str">
            <v>GO-SERVICEKY \ M-CRPL6"</v>
          </cell>
          <cell r="I80"/>
          <cell r="J80" t="str">
            <v>6MCR70</v>
          </cell>
          <cell r="K80" t="str">
            <v>I</v>
          </cell>
          <cell r="L80" t="str">
            <v>INSTALL M-C SERV. FOR RPL, STI, OR PRI PROJECT - 6"</v>
          </cell>
          <cell r="M80" t="str">
            <v>N</v>
          </cell>
        </row>
        <row r="81">
          <cell r="A81" t="str">
            <v>6MCR70</v>
          </cell>
          <cell r="B81" t="str">
            <v>Gas Capital</v>
          </cell>
          <cell r="C81" t="str">
            <v>Gas</v>
          </cell>
          <cell r="D81" t="str">
            <v>GO-SERVICEKY</v>
          </cell>
          <cell r="E81" t="str">
            <v>Gas Operations - Service Work - KY</v>
          </cell>
          <cell r="F81" t="str">
            <v>R-M-CRPL6"</v>
          </cell>
          <cell r="G81" t="str">
            <v>REMOVE M-C SERV. FOR RPL, STI, OR PRI PROJECT - 6"</v>
          </cell>
          <cell r="H81" t="str">
            <v>GO-SERVICEKY \ R-M-CRPL6"</v>
          </cell>
          <cell r="I81"/>
          <cell r="J81" t="str">
            <v>6MCR70</v>
          </cell>
          <cell r="K81" t="str">
            <v>R</v>
          </cell>
          <cell r="L81" t="str">
            <v>REMOVE M-C SERV. FOR RPL, STI, OR PRI PROJECT - 6"</v>
          </cell>
          <cell r="M81" t="str">
            <v>N</v>
          </cell>
        </row>
        <row r="82">
          <cell r="A82" t="str">
            <v>874LEAKSU</v>
          </cell>
          <cell r="B82" t="str">
            <v>Gas O&amp;M</v>
          </cell>
          <cell r="C82" t="str">
            <v>Gas</v>
          </cell>
          <cell r="D82" t="str">
            <v>GO-INSP</v>
          </cell>
          <cell r="E82" t="str">
            <v>Gas Operations - Inspections</v>
          </cell>
          <cell r="F82" t="str">
            <v>ATMCOR</v>
          </cell>
          <cell r="G82" t="str">
            <v>Inside atmospheric corrosion survey</v>
          </cell>
          <cell r="H82" t="str">
            <v>GO-INSP \ ATMCOR</v>
          </cell>
          <cell r="I82"/>
          <cell r="J82" t="str">
            <v>874LEAKSU</v>
          </cell>
          <cell r="K82" t="str">
            <v>X</v>
          </cell>
          <cell r="L82" t="str">
            <v>Inside atmospheric corrosion survey</v>
          </cell>
          <cell r="M82" t="str">
            <v>N</v>
          </cell>
        </row>
        <row r="83">
          <cell r="A83" t="str">
            <v>874LEAKSU</v>
          </cell>
          <cell r="B83" t="str">
            <v>Gas O&amp;M</v>
          </cell>
          <cell r="C83" t="str">
            <v>Gas</v>
          </cell>
          <cell r="D83" t="str">
            <v>GO-INSP</v>
          </cell>
          <cell r="E83" t="str">
            <v>Gas Operations - Inspections</v>
          </cell>
          <cell r="F83" t="str">
            <v>DESIB</v>
          </cell>
          <cell r="G83" t="str">
            <v>Designated Building</v>
          </cell>
          <cell r="H83" t="str">
            <v>GO-INSP \ DESIB</v>
          </cell>
          <cell r="I83"/>
          <cell r="J83" t="str">
            <v>874LEAKSU</v>
          </cell>
          <cell r="K83" t="str">
            <v>X</v>
          </cell>
          <cell r="L83" t="str">
            <v>Designated Building</v>
          </cell>
          <cell r="M83" t="str">
            <v>N</v>
          </cell>
        </row>
        <row r="84">
          <cell r="A84" t="str">
            <v>874LEAKSU</v>
          </cell>
          <cell r="B84" t="str">
            <v>Gas O&amp;M</v>
          </cell>
          <cell r="C84" t="str">
            <v>Gas</v>
          </cell>
          <cell r="D84" t="str">
            <v>GO-INSP</v>
          </cell>
          <cell r="E84" t="str">
            <v>Gas Operations - Inspections</v>
          </cell>
          <cell r="F84" t="str">
            <v>RRVF</v>
          </cell>
          <cell r="G84" t="str">
            <v>Regulator Relief Valve Inspection M&amp;R</v>
          </cell>
          <cell r="H84" t="str">
            <v>GO-INSP \ RRVF</v>
          </cell>
          <cell r="I84"/>
          <cell r="J84" t="str">
            <v>874LEAKSU</v>
          </cell>
          <cell r="K84" t="str">
            <v>X</v>
          </cell>
          <cell r="L84" t="str">
            <v>Regulator Relief Valve Inspection M&amp;R</v>
          </cell>
          <cell r="M84" t="str">
            <v>N</v>
          </cell>
        </row>
        <row r="85">
          <cell r="A85" t="str">
            <v>ADLTMT</v>
          </cell>
          <cell r="B85" t="str">
            <v>PD O&amp;M</v>
          </cell>
          <cell r="C85" t="str">
            <v>Carolinas</v>
          </cell>
          <cell r="D85" t="str">
            <v>PD-LREP</v>
          </cell>
          <cell r="E85" t="str">
            <v xml:space="preserve">Light Repair </v>
          </cell>
          <cell r="F85" t="str">
            <v>DECALREPC</v>
          </cell>
          <cell r="G85" t="str">
            <v>Decorative Area Light inspections &amp; repair -- Changing bulbs/photo control Carolinas</v>
          </cell>
          <cell r="H85" t="str">
            <v>PD-LREP \ DECALREPC</v>
          </cell>
          <cell r="I85" t="str">
            <v>ADLTMT</v>
          </cell>
          <cell r="J85" t="str">
            <v>ADLTMT</v>
          </cell>
          <cell r="K85" t="str">
            <v>X</v>
          </cell>
          <cell r="L85" t="str">
            <v>Decorative Area Light inspections &amp; repair -- Changing bulbs/photo control Carolinas</v>
          </cell>
          <cell r="M85" t="str">
            <v>N</v>
          </cell>
        </row>
        <row r="86">
          <cell r="A86" t="str">
            <v>ALTMT</v>
          </cell>
          <cell r="B86" t="str">
            <v>PD O&amp;M</v>
          </cell>
          <cell r="C86" t="str">
            <v>Carolinas</v>
          </cell>
          <cell r="D86" t="str">
            <v>PD-LREP</v>
          </cell>
          <cell r="E86" t="str">
            <v xml:space="preserve">Light Repair </v>
          </cell>
          <cell r="F86" t="str">
            <v>AREALREPC</v>
          </cell>
          <cell r="G86" t="str">
            <v>Area Light inspections &amp; repair -- Changing bulbs/photo control Carolinas</v>
          </cell>
          <cell r="H86" t="str">
            <v>PD-LREP \ AREALREPC</v>
          </cell>
          <cell r="I86" t="str">
            <v>ALTMT</v>
          </cell>
          <cell r="J86" t="str">
            <v>ALTMT</v>
          </cell>
          <cell r="K86" t="str">
            <v>X</v>
          </cell>
          <cell r="L86" t="str">
            <v>Area Light inspections &amp; repair -- Changing bulbs/photo control Carolinas</v>
          </cell>
          <cell r="M86" t="str">
            <v>N</v>
          </cell>
        </row>
        <row r="87">
          <cell r="A87" t="str">
            <v>BATICK</v>
          </cell>
          <cell r="B87" t="str">
            <v>PD Capital</v>
          </cell>
          <cell r="C87" t="str">
            <v>Carolinas</v>
          </cell>
          <cell r="D87" t="str">
            <v>PD-MFAM</v>
          </cell>
          <cell r="E87" t="str">
            <v>Power Delivery - BE - Multi-Family</v>
          </cell>
          <cell r="F87" t="str">
            <v>TAP&amp;SETCK</v>
          </cell>
          <cell r="G87" t="str">
            <v>Tap and Set CK</v>
          </cell>
          <cell r="H87" t="str">
            <v>PD-MFAM \ TAP&amp;SETCK</v>
          </cell>
          <cell r="I87" t="str">
            <v>BAT</v>
          </cell>
          <cell r="J87" t="str">
            <v>BATICK</v>
          </cell>
          <cell r="K87" t="str">
            <v>X</v>
          </cell>
          <cell r="L87" t="str">
            <v>Tap and Set CK</v>
          </cell>
          <cell r="M87" t="str">
            <v>N</v>
          </cell>
        </row>
        <row r="88">
          <cell r="A88" t="str">
            <v>BATINC</v>
          </cell>
          <cell r="B88" t="str">
            <v>PD Capital</v>
          </cell>
          <cell r="C88" t="str">
            <v>Carolinas</v>
          </cell>
          <cell r="D88" t="str">
            <v>PD-MFAM</v>
          </cell>
          <cell r="E88" t="str">
            <v>Power Delivery - BE - Multi-Family</v>
          </cell>
          <cell r="F88" t="str">
            <v>TAP&amp;SETNC</v>
          </cell>
          <cell r="G88" t="str">
            <v>Tap and Set NC</v>
          </cell>
          <cell r="H88" t="str">
            <v>PD-MFAM \ TAP&amp;SETNC</v>
          </cell>
          <cell r="I88" t="str">
            <v>BAT</v>
          </cell>
          <cell r="J88" t="str">
            <v>BATINC</v>
          </cell>
          <cell r="K88" t="str">
            <v>X</v>
          </cell>
          <cell r="L88" t="str">
            <v>Tap and Set NC</v>
          </cell>
          <cell r="M88" t="str">
            <v>N</v>
          </cell>
        </row>
        <row r="89">
          <cell r="A89" t="str">
            <v>BATISC</v>
          </cell>
          <cell r="B89" t="str">
            <v>PD Capital</v>
          </cell>
          <cell r="C89" t="str">
            <v>Carolinas</v>
          </cell>
          <cell r="D89" t="str">
            <v>PD-MFAM</v>
          </cell>
          <cell r="E89" t="str">
            <v>Power Delivery - BE - Multi-Family</v>
          </cell>
          <cell r="F89" t="str">
            <v>TAP&amp;SETSC</v>
          </cell>
          <cell r="G89" t="str">
            <v>Tap and Set SC</v>
          </cell>
          <cell r="H89" t="str">
            <v>PD-MFAM \ TAP&amp;SETSC</v>
          </cell>
          <cell r="I89" t="str">
            <v>BAT</v>
          </cell>
          <cell r="J89" t="str">
            <v>BATISC</v>
          </cell>
          <cell r="K89" t="str">
            <v>X</v>
          </cell>
          <cell r="L89" t="str">
            <v>Tap and Set SC</v>
          </cell>
          <cell r="M89" t="str">
            <v>N</v>
          </cell>
        </row>
        <row r="90">
          <cell r="A90" t="str">
            <v>BITICK</v>
          </cell>
          <cell r="B90" t="str">
            <v>PD Capital</v>
          </cell>
          <cell r="C90" t="str">
            <v>Carolinas</v>
          </cell>
          <cell r="D90" t="str">
            <v>PD-C/I</v>
          </cell>
          <cell r="E90" t="str">
            <v>Power Delivery - BE - Commercial / Industrial</v>
          </cell>
          <cell r="F90" t="str">
            <v>TAP&amp;SETCK</v>
          </cell>
          <cell r="G90" t="str">
            <v>Tap and Set CK</v>
          </cell>
          <cell r="H90" t="str">
            <v>PD-C/I \ TAP&amp;SETCK</v>
          </cell>
          <cell r="I90" t="str">
            <v>BIT</v>
          </cell>
          <cell r="J90" t="str">
            <v>BITICK</v>
          </cell>
          <cell r="K90" t="str">
            <v>X</v>
          </cell>
          <cell r="L90" t="str">
            <v>Tap and Set CK</v>
          </cell>
          <cell r="M90" t="str">
            <v>N</v>
          </cell>
        </row>
        <row r="91">
          <cell r="A91" t="str">
            <v>BITINC</v>
          </cell>
          <cell r="B91" t="str">
            <v>PD Capital</v>
          </cell>
          <cell r="C91" t="str">
            <v>Carolinas</v>
          </cell>
          <cell r="D91" t="str">
            <v>PD-C/I</v>
          </cell>
          <cell r="E91" t="str">
            <v>Power Delivery - BE - Commercial / Industrial</v>
          </cell>
          <cell r="F91" t="str">
            <v>TAP&amp;SETNC</v>
          </cell>
          <cell r="G91" t="str">
            <v>Tap and Set NC</v>
          </cell>
          <cell r="H91" t="str">
            <v>PD-C/I \ TAP&amp;SETNC</v>
          </cell>
          <cell r="I91" t="str">
            <v>BIT</v>
          </cell>
          <cell r="J91" t="str">
            <v>BITINC</v>
          </cell>
          <cell r="K91" t="str">
            <v>X</v>
          </cell>
          <cell r="L91" t="str">
            <v>Tap and Set NC</v>
          </cell>
          <cell r="M91" t="str">
            <v>N</v>
          </cell>
        </row>
        <row r="92">
          <cell r="A92" t="str">
            <v>BITISC</v>
          </cell>
          <cell r="B92" t="str">
            <v>PD Capital</v>
          </cell>
          <cell r="C92" t="str">
            <v>Carolinas</v>
          </cell>
          <cell r="D92" t="str">
            <v>PD-C/I</v>
          </cell>
          <cell r="E92" t="str">
            <v>Power Delivery - BE - Commercial / Industrial</v>
          </cell>
          <cell r="F92" t="str">
            <v>TAP&amp;SETSC</v>
          </cell>
          <cell r="G92" t="str">
            <v>Tap and Set SC</v>
          </cell>
          <cell r="H92" t="str">
            <v>PD-C/I \ TAP&amp;SETSC</v>
          </cell>
          <cell r="I92" t="str">
            <v>BIT</v>
          </cell>
          <cell r="J92" t="str">
            <v>BITISC</v>
          </cell>
          <cell r="K92" t="str">
            <v>X</v>
          </cell>
          <cell r="L92" t="str">
            <v>Tap and Set SC</v>
          </cell>
          <cell r="M92" t="str">
            <v>N</v>
          </cell>
        </row>
        <row r="93">
          <cell r="A93" t="str">
            <v>BSMEINS</v>
          </cell>
          <cell r="B93" t="str">
            <v>PD O&amp;M</v>
          </cell>
          <cell r="C93" t="str">
            <v>MW</v>
          </cell>
          <cell r="D93" t="str">
            <v>PD-INSP</v>
          </cell>
          <cell r="E93" t="str">
            <v>Equipment Inspection</v>
          </cell>
          <cell r="F93" t="str">
            <v>BSME INSP</v>
          </cell>
          <cell r="G93" t="str">
            <v>Below Surface Equip Inspection</v>
          </cell>
          <cell r="H93" t="str">
            <v>PD-INSP \ BSME INSP</v>
          </cell>
          <cell r="I93" t="str">
            <v>BSMEINS</v>
          </cell>
          <cell r="J93" t="str">
            <v>BSMEINS</v>
          </cell>
          <cell r="K93" t="str">
            <v>X</v>
          </cell>
          <cell r="L93" t="str">
            <v>Below Surface Equip Inspection</v>
          </cell>
          <cell r="M93" t="str">
            <v>N</v>
          </cell>
        </row>
        <row r="94">
          <cell r="A94" t="str">
            <v>BSMEINS</v>
          </cell>
          <cell r="B94" t="str">
            <v>PD O&amp;M</v>
          </cell>
          <cell r="C94" t="str">
            <v>MW</v>
          </cell>
          <cell r="D94" t="str">
            <v>PD-INSP</v>
          </cell>
          <cell r="E94" t="str">
            <v>Equipment Inspection</v>
          </cell>
          <cell r="F94" t="str">
            <v>BSME INSP</v>
          </cell>
          <cell r="G94" t="str">
            <v>Below Surface Equip Inspection</v>
          </cell>
          <cell r="H94" t="str">
            <v>PD-INSP \ BSME INSP</v>
          </cell>
          <cell r="I94"/>
          <cell r="J94" t="str">
            <v>BSMEINS</v>
          </cell>
          <cell r="K94" t="str">
            <v>X</v>
          </cell>
          <cell r="L94" t="str">
            <v>INSPECTION OF D BELOW SURF EQ/PATROLLING, MAINT OF D BELOW SURF EQ, AND NETWORK SYS ON CUST PREMISE</v>
          </cell>
          <cell r="M94" t="str">
            <v>N</v>
          </cell>
        </row>
        <row r="95">
          <cell r="A95" t="str">
            <v>BSMEINS</v>
          </cell>
          <cell r="B95" t="str">
            <v>PD O&amp;M</v>
          </cell>
          <cell r="C95" t="str">
            <v>MW</v>
          </cell>
          <cell r="D95" t="str">
            <v>PD-MAINT</v>
          </cell>
          <cell r="E95" t="str">
            <v>Equipment Maintenance</v>
          </cell>
          <cell r="F95" t="str">
            <v>BSMEMAINMW</v>
          </cell>
          <cell r="G95" t="str">
            <v>Below Surf Equip Maintenance Midwest</v>
          </cell>
          <cell r="H95" t="str">
            <v>PD-MAINT \ BSMEMAINMW</v>
          </cell>
          <cell r="I95" t="str">
            <v>BSMEINS</v>
          </cell>
          <cell r="J95" t="str">
            <v>BSMEINS</v>
          </cell>
          <cell r="K95" t="str">
            <v>X</v>
          </cell>
          <cell r="L95" t="str">
            <v>Below Surf Equip Maintenance Midwest</v>
          </cell>
          <cell r="M95" t="str">
            <v>N</v>
          </cell>
        </row>
        <row r="96">
          <cell r="A96" t="str">
            <v>BSMEMT</v>
          </cell>
          <cell r="B96" t="str">
            <v>PD O&amp;M</v>
          </cell>
          <cell r="C96" t="str">
            <v>Carolinas</v>
          </cell>
          <cell r="D96" t="str">
            <v>PD-MAINT</v>
          </cell>
          <cell r="E96" t="str">
            <v>Equipment Maintenance</v>
          </cell>
          <cell r="F96" t="str">
            <v>BSMEMAINC</v>
          </cell>
          <cell r="G96" t="str">
            <v>Below Surf Equip Maintenance Carolinas</v>
          </cell>
          <cell r="H96" t="str">
            <v>PD-MAINT \ BSMEMAINC</v>
          </cell>
          <cell r="I96" t="str">
            <v>BSMEINS</v>
          </cell>
          <cell r="J96" t="str">
            <v>BSMEMT</v>
          </cell>
          <cell r="K96" t="str">
            <v>X</v>
          </cell>
          <cell r="L96" t="str">
            <v>Below Surf Equip Maintenance Carolinas</v>
          </cell>
          <cell r="M96" t="str">
            <v>N</v>
          </cell>
        </row>
        <row r="97">
          <cell r="A97" t="str">
            <v>BSTICK</v>
          </cell>
          <cell r="B97" t="str">
            <v>PD Capital</v>
          </cell>
          <cell r="C97" t="str">
            <v>Carolinas</v>
          </cell>
          <cell r="D97" t="str">
            <v>PD-RES</v>
          </cell>
          <cell r="E97" t="str">
            <v>Power Delivery - BE - Residential</v>
          </cell>
          <cell r="F97" t="str">
            <v>TAP&amp;SETCK</v>
          </cell>
          <cell r="G97" t="str">
            <v>Tap and Set CK</v>
          </cell>
          <cell r="H97" t="str">
            <v>PD-RES \ TAP&amp;SETCK</v>
          </cell>
          <cell r="I97" t="str">
            <v>BST</v>
          </cell>
          <cell r="J97" t="str">
            <v>BSTICK</v>
          </cell>
          <cell r="K97" t="str">
            <v>X</v>
          </cell>
          <cell r="L97" t="str">
            <v>Tap and Set CK</v>
          </cell>
          <cell r="M97" t="str">
            <v>N</v>
          </cell>
        </row>
        <row r="98">
          <cell r="A98" t="str">
            <v>BSTINC</v>
          </cell>
          <cell r="B98" t="str">
            <v>PD Capital</v>
          </cell>
          <cell r="C98" t="str">
            <v>Carolinas</v>
          </cell>
          <cell r="D98" t="str">
            <v>PD-RES</v>
          </cell>
          <cell r="E98" t="str">
            <v>Power Delivery - BE - Residential</v>
          </cell>
          <cell r="F98" t="str">
            <v>TAP&amp;SETNC</v>
          </cell>
          <cell r="G98" t="str">
            <v>Tap and Set NC</v>
          </cell>
          <cell r="H98" t="str">
            <v>PD-RES \ TAP&amp;SETNC</v>
          </cell>
          <cell r="I98" t="str">
            <v>BST</v>
          </cell>
          <cell r="J98" t="str">
            <v>BSTINC</v>
          </cell>
          <cell r="K98" t="str">
            <v>X</v>
          </cell>
          <cell r="L98" t="str">
            <v>Tap and Set NC</v>
          </cell>
          <cell r="M98" t="str">
            <v>N</v>
          </cell>
        </row>
        <row r="99">
          <cell r="A99" t="str">
            <v>BSTISC</v>
          </cell>
          <cell r="B99" t="str">
            <v>PD Capital</v>
          </cell>
          <cell r="C99" t="str">
            <v>Carolinas</v>
          </cell>
          <cell r="D99" t="str">
            <v>PD-RES</v>
          </cell>
          <cell r="E99" t="str">
            <v>Power Delivery - BE - Residential</v>
          </cell>
          <cell r="F99" t="str">
            <v>TAP&amp;SETSC</v>
          </cell>
          <cell r="G99" t="str">
            <v>Tap and Set SC</v>
          </cell>
          <cell r="H99" t="str">
            <v>PD-RES \ TAP&amp;SETSC</v>
          </cell>
          <cell r="I99" t="str">
            <v>BST</v>
          </cell>
          <cell r="J99" t="str">
            <v>BSTISC</v>
          </cell>
          <cell r="K99" t="str">
            <v>X</v>
          </cell>
          <cell r="L99" t="str">
            <v>Tap and Set SC</v>
          </cell>
          <cell r="M99" t="str">
            <v>N</v>
          </cell>
        </row>
        <row r="100">
          <cell r="A100" t="str">
            <v>CADICK</v>
          </cell>
          <cell r="B100" t="str">
            <v>PD Capital</v>
          </cell>
          <cell r="C100" t="str">
            <v>Carolinas</v>
          </cell>
          <cell r="D100" t="str">
            <v>PD-NLITE</v>
          </cell>
          <cell r="E100" t="str">
            <v>Power Delivery - FOC Lighting</v>
          </cell>
          <cell r="F100" t="str">
            <v>DEC AREA CK</v>
          </cell>
          <cell r="G100" t="str">
            <v>Decorative Area Lighting CK</v>
          </cell>
          <cell r="H100" t="str">
            <v>PD-NLITE \ DEC AREA CK</v>
          </cell>
          <cell r="I100" t="str">
            <v>CAD</v>
          </cell>
          <cell r="J100" t="str">
            <v>CADICK</v>
          </cell>
          <cell r="K100" t="str">
            <v>X</v>
          </cell>
          <cell r="L100" t="str">
            <v>Decorative Area Lighting CK</v>
          </cell>
          <cell r="M100" t="str">
            <v>N</v>
          </cell>
        </row>
        <row r="101">
          <cell r="A101" t="str">
            <v>CADINC</v>
          </cell>
          <cell r="B101" t="str">
            <v>PD Capital</v>
          </cell>
          <cell r="C101" t="str">
            <v>Carolinas</v>
          </cell>
          <cell r="D101" t="str">
            <v>PD-NLITE</v>
          </cell>
          <cell r="E101" t="str">
            <v>Power Delivery - FOC Lighting</v>
          </cell>
          <cell r="F101" t="str">
            <v>DEC AREA NC</v>
          </cell>
          <cell r="G101" t="str">
            <v>Decorative Area Lighting NC</v>
          </cell>
          <cell r="H101" t="str">
            <v>PD-NLITE \ DEC AREA NC</v>
          </cell>
          <cell r="I101" t="str">
            <v>CAD</v>
          </cell>
          <cell r="J101" t="str">
            <v>CADINC</v>
          </cell>
          <cell r="K101" t="str">
            <v>X</v>
          </cell>
          <cell r="L101" t="str">
            <v>Decorative Area Lighting NC</v>
          </cell>
          <cell r="M101" t="str">
            <v>N</v>
          </cell>
        </row>
        <row r="102">
          <cell r="A102" t="str">
            <v>CADISC</v>
          </cell>
          <cell r="B102" t="str">
            <v>PD Capital</v>
          </cell>
          <cell r="C102" t="str">
            <v>Carolinas</v>
          </cell>
          <cell r="D102" t="str">
            <v>PD-NLITE</v>
          </cell>
          <cell r="E102" t="str">
            <v>Power Delivery - FOC Lighting</v>
          </cell>
          <cell r="F102" t="str">
            <v>DEC AREA SC</v>
          </cell>
          <cell r="G102" t="str">
            <v>Decorative Area Lighting SC</v>
          </cell>
          <cell r="H102" t="str">
            <v>PD-NLITE \ DEC AREA SC</v>
          </cell>
          <cell r="I102" t="str">
            <v>CAD</v>
          </cell>
          <cell r="J102" t="str">
            <v>CADISC</v>
          </cell>
          <cell r="K102" t="str">
            <v>X</v>
          </cell>
          <cell r="L102" t="str">
            <v>Decorative Area Lighting SC</v>
          </cell>
          <cell r="M102" t="str">
            <v>N</v>
          </cell>
        </row>
        <row r="103">
          <cell r="A103" t="str">
            <v>CALICK</v>
          </cell>
          <cell r="B103" t="str">
            <v>PD Capital</v>
          </cell>
          <cell r="C103" t="str">
            <v>Carolinas</v>
          </cell>
          <cell r="D103" t="str">
            <v>PD-NLITE</v>
          </cell>
          <cell r="E103" t="str">
            <v>Power Delivery - FOC Lighting</v>
          </cell>
          <cell r="F103" t="str">
            <v>AREA CK</v>
          </cell>
          <cell r="G103" t="str">
            <v>Area Lighting -Private CK</v>
          </cell>
          <cell r="H103" t="str">
            <v>PD-NLITE \ AREA CK</v>
          </cell>
          <cell r="I103" t="str">
            <v>CAL</v>
          </cell>
          <cell r="J103" t="str">
            <v>CALICK</v>
          </cell>
          <cell r="K103" t="str">
            <v>X</v>
          </cell>
          <cell r="L103" t="str">
            <v>Area Lighting -Private CK</v>
          </cell>
          <cell r="M103" t="str">
            <v>N</v>
          </cell>
        </row>
        <row r="104">
          <cell r="A104" t="str">
            <v>CALINC</v>
          </cell>
          <cell r="B104" t="str">
            <v>PD Capital</v>
          </cell>
          <cell r="C104" t="str">
            <v>Carolinas</v>
          </cell>
          <cell r="D104" t="str">
            <v>PD-NLITE</v>
          </cell>
          <cell r="E104" t="str">
            <v>Power Delivery - FOC Lighting</v>
          </cell>
          <cell r="F104" t="str">
            <v>AREA NC</v>
          </cell>
          <cell r="G104" t="str">
            <v>Area Lighting -Private NC</v>
          </cell>
          <cell r="H104" t="str">
            <v>PD-NLITE \ AREA NC</v>
          </cell>
          <cell r="I104" t="str">
            <v>CAL</v>
          </cell>
          <cell r="J104" t="str">
            <v>CALINC</v>
          </cell>
          <cell r="K104" t="str">
            <v>X</v>
          </cell>
          <cell r="L104" t="str">
            <v>Area Lighting -Private NC</v>
          </cell>
          <cell r="M104" t="str">
            <v>N</v>
          </cell>
        </row>
        <row r="105">
          <cell r="A105" t="str">
            <v>CALISC</v>
          </cell>
          <cell r="B105" t="str">
            <v>PD Capital</v>
          </cell>
          <cell r="C105" t="str">
            <v>Carolinas</v>
          </cell>
          <cell r="D105" t="str">
            <v>PD-NLITE</v>
          </cell>
          <cell r="E105" t="str">
            <v>Power Delivery - FOC Lighting</v>
          </cell>
          <cell r="F105" t="str">
            <v>AREA SC</v>
          </cell>
          <cell r="G105" t="str">
            <v>Area Lighting -Private SC</v>
          </cell>
          <cell r="H105" t="str">
            <v>PD-NLITE \ AREA SC</v>
          </cell>
          <cell r="I105" t="str">
            <v>CAL</v>
          </cell>
          <cell r="J105" t="str">
            <v>CALISC</v>
          </cell>
          <cell r="K105" t="str">
            <v>X</v>
          </cell>
          <cell r="L105" t="str">
            <v>Area Lighting -Private SC</v>
          </cell>
          <cell r="M105" t="str">
            <v>N</v>
          </cell>
        </row>
        <row r="106">
          <cell r="A106" t="str">
            <v>CAPAC</v>
          </cell>
          <cell r="B106" t="str">
            <v>PD O&amp;M</v>
          </cell>
          <cell r="C106" t="str">
            <v>MW</v>
          </cell>
          <cell r="D106" t="str">
            <v>PD-DLCAP</v>
          </cell>
          <cell r="E106" t="str">
            <v>MW Distribution Line Capacitors - Insp &amp; Maint</v>
          </cell>
          <cell r="F106" t="str">
            <v>INSPMT</v>
          </cell>
          <cell r="G106" t="str">
            <v>Inspection and Maintenance</v>
          </cell>
          <cell r="H106" t="str">
            <v>PD-DLCAP \ INSPMT</v>
          </cell>
          <cell r="I106" t="str">
            <v>CAPAC</v>
          </cell>
          <cell r="J106" t="str">
            <v>CAPAC</v>
          </cell>
          <cell r="K106" t="str">
            <v>X</v>
          </cell>
          <cell r="L106" t="str">
            <v>Inspection and Maintenance</v>
          </cell>
          <cell r="M106" t="str">
            <v>N</v>
          </cell>
        </row>
        <row r="107">
          <cell r="A107" t="str">
            <v>CAPICK</v>
          </cell>
          <cell r="B107" t="str">
            <v>PD Capital</v>
          </cell>
          <cell r="C107" t="str">
            <v>Carolinas</v>
          </cell>
          <cell r="D107" t="str">
            <v>PD-MFAM</v>
          </cell>
          <cell r="E107" t="str">
            <v>Power Delivery - BE - Multi-Family</v>
          </cell>
          <cell r="F107" t="str">
            <v>PRI/SEC CK</v>
          </cell>
          <cell r="G107" t="str">
            <v>Primary / Secondary CK</v>
          </cell>
          <cell r="H107" t="str">
            <v>PD-MFAM \ PRI/SEC CK</v>
          </cell>
          <cell r="I107" t="str">
            <v>CAP</v>
          </cell>
          <cell r="J107" t="str">
            <v>CAPICK</v>
          </cell>
          <cell r="K107" t="str">
            <v>X</v>
          </cell>
          <cell r="L107" t="str">
            <v>Primary / Secondary CK</v>
          </cell>
          <cell r="M107" t="str">
            <v>N</v>
          </cell>
        </row>
        <row r="108">
          <cell r="A108" t="str">
            <v>CAPIN</v>
          </cell>
          <cell r="B108" t="str">
            <v>PD Capital</v>
          </cell>
          <cell r="C108" t="str">
            <v>MW</v>
          </cell>
          <cell r="D108" t="str">
            <v>PD-SCAP</v>
          </cell>
          <cell r="E108" t="e">
            <v>#N/A</v>
          </cell>
          <cell r="F108" t="str">
            <v>CAPCHGIN</v>
          </cell>
          <cell r="G108" t="e">
            <v>#N/A</v>
          </cell>
          <cell r="H108" t="str">
            <v>PD-SCAP \ CAPCHGIN</v>
          </cell>
          <cell r="I108" t="str">
            <v>RCR</v>
          </cell>
          <cell r="J108" t="str">
            <v>CAPIN</v>
          </cell>
          <cell r="K108" t="str">
            <v>I</v>
          </cell>
          <cell r="L108" t="str">
            <v>CHANGEOUT OF CAPACITOR SWITCH OR BANK FOR PROGRAM INDIANA</v>
          </cell>
          <cell r="M108" t="str">
            <v>N</v>
          </cell>
        </row>
        <row r="109">
          <cell r="A109" t="str">
            <v>CAPINC</v>
          </cell>
          <cell r="B109" t="str">
            <v>PD Capital</v>
          </cell>
          <cell r="C109" t="str">
            <v>Carolinas</v>
          </cell>
          <cell r="D109" t="str">
            <v>PD-MFAM</v>
          </cell>
          <cell r="E109" t="str">
            <v>Power Delivery - BE - Multi-Family</v>
          </cell>
          <cell r="F109" t="str">
            <v>PRI/SEC NC</v>
          </cell>
          <cell r="G109" t="str">
            <v>Primary / Secondary NC</v>
          </cell>
          <cell r="H109" t="str">
            <v>PD-MFAM \ PRI/SEC NC</v>
          </cell>
          <cell r="I109" t="str">
            <v>CAP</v>
          </cell>
          <cell r="J109" t="str">
            <v>CAPINC</v>
          </cell>
          <cell r="K109" t="str">
            <v>X</v>
          </cell>
          <cell r="L109" t="str">
            <v>Primary / Secondary NC</v>
          </cell>
          <cell r="M109" t="str">
            <v>N</v>
          </cell>
        </row>
        <row r="110">
          <cell r="A110" t="str">
            <v>CAPISC</v>
          </cell>
          <cell r="B110" t="str">
            <v>PD Capital</v>
          </cell>
          <cell r="C110" t="str">
            <v>Carolinas</v>
          </cell>
          <cell r="D110" t="str">
            <v>PD-MFAM</v>
          </cell>
          <cell r="E110" t="str">
            <v>Power Delivery - BE - Multi-Family</v>
          </cell>
          <cell r="F110" t="str">
            <v>PRI/SEC SC</v>
          </cell>
          <cell r="G110" t="str">
            <v>Primary / Secondary</v>
          </cell>
          <cell r="H110" t="str">
            <v>PD-MFAM \ PRI/SEC SC</v>
          </cell>
          <cell r="I110" t="str">
            <v>CAP</v>
          </cell>
          <cell r="J110" t="str">
            <v>CAPISC</v>
          </cell>
          <cell r="K110" t="str">
            <v>X</v>
          </cell>
          <cell r="L110" t="str">
            <v>Primary / Secondary</v>
          </cell>
          <cell r="M110" t="str">
            <v>N</v>
          </cell>
        </row>
        <row r="111">
          <cell r="A111" t="str">
            <v>CAPKY</v>
          </cell>
          <cell r="B111" t="str">
            <v>PD Capital</v>
          </cell>
          <cell r="C111" t="str">
            <v>MW</v>
          </cell>
          <cell r="D111" t="str">
            <v>PD-SCAP</v>
          </cell>
          <cell r="E111" t="e">
            <v>#N/A</v>
          </cell>
          <cell r="F111" t="str">
            <v>CAPCHGKY</v>
          </cell>
          <cell r="G111" t="e">
            <v>#N/A</v>
          </cell>
          <cell r="H111" t="str">
            <v>PD-SCAP \ CAPCHGKY</v>
          </cell>
          <cell r="I111" t="str">
            <v>RCR</v>
          </cell>
          <cell r="J111" t="str">
            <v>CAPKY</v>
          </cell>
          <cell r="K111" t="str">
            <v>I</v>
          </cell>
          <cell r="L111" t="str">
            <v>CHANGEOUT OF CAPACITOR SWITCH OR BANK FOR PROGRAM KENTUCKY</v>
          </cell>
          <cell r="M111" t="str">
            <v>N</v>
          </cell>
        </row>
        <row r="112">
          <cell r="A112" t="str">
            <v>CAPOH</v>
          </cell>
          <cell r="B112" t="str">
            <v>PD Capital</v>
          </cell>
          <cell r="C112" t="str">
            <v>MW</v>
          </cell>
          <cell r="D112" t="str">
            <v>PD-SCAP</v>
          </cell>
          <cell r="E112" t="e">
            <v>#N/A</v>
          </cell>
          <cell r="F112" t="str">
            <v>CAPCHGOH</v>
          </cell>
          <cell r="G112" t="e">
            <v>#N/A</v>
          </cell>
          <cell r="H112" t="str">
            <v>PD-SCAP \ CAPCHGOH</v>
          </cell>
          <cell r="I112" t="str">
            <v>RCR</v>
          </cell>
          <cell r="J112" t="str">
            <v>CAPOH</v>
          </cell>
          <cell r="K112" t="str">
            <v>I</v>
          </cell>
          <cell r="L112" t="str">
            <v>CHANGEOUT OF CAPACITOR SWITCH OR BANK FOR PROGRAM OHIO</v>
          </cell>
          <cell r="M112" t="str">
            <v>N</v>
          </cell>
        </row>
        <row r="113">
          <cell r="A113" t="str">
            <v>CARICK</v>
          </cell>
          <cell r="B113" t="str">
            <v>PD Capital</v>
          </cell>
          <cell r="C113" t="str">
            <v>Carolinas</v>
          </cell>
          <cell r="D113" t="str">
            <v>PD-LTREP</v>
          </cell>
          <cell r="E113" t="str">
            <v>Power Delivery - FOC Lighting Replacement</v>
          </cell>
          <cell r="F113" t="str">
            <v>DÉCOR CK</v>
          </cell>
          <cell r="G113" t="str">
            <v>Decorative Area/Area -replacement bad head CK</v>
          </cell>
          <cell r="H113" t="str">
            <v>PD-LTREP \ DÉCOR CK</v>
          </cell>
          <cell r="I113" t="str">
            <v>CAR</v>
          </cell>
          <cell r="J113" t="str">
            <v>CARICK</v>
          </cell>
          <cell r="K113" t="str">
            <v>X</v>
          </cell>
          <cell r="L113" t="str">
            <v>Decorative Area/Area -replacement bad head CK</v>
          </cell>
          <cell r="M113" t="str">
            <v>N</v>
          </cell>
        </row>
        <row r="114">
          <cell r="A114" t="str">
            <v>CARINC</v>
          </cell>
          <cell r="B114" t="str">
            <v>PD Capital</v>
          </cell>
          <cell r="C114" t="str">
            <v>Carolinas</v>
          </cell>
          <cell r="D114" t="str">
            <v>PD-LTREP</v>
          </cell>
          <cell r="E114" t="str">
            <v>Power Delivery - FOC Lighting Replacement</v>
          </cell>
          <cell r="F114" t="str">
            <v>DÉCOR NC</v>
          </cell>
          <cell r="G114" t="str">
            <v>Decorative Area/Area -replacement bad head NC</v>
          </cell>
          <cell r="H114" t="str">
            <v>PD-LTREP \ DÉCOR NC</v>
          </cell>
          <cell r="I114" t="str">
            <v>CAR</v>
          </cell>
          <cell r="J114" t="str">
            <v>CARINC</v>
          </cell>
          <cell r="K114" t="str">
            <v>X</v>
          </cell>
          <cell r="L114" t="str">
            <v>Decorative Area/Area -replacement bad head NC</v>
          </cell>
          <cell r="M114" t="str">
            <v>N</v>
          </cell>
        </row>
        <row r="115">
          <cell r="A115" t="str">
            <v>CARISC</v>
          </cell>
          <cell r="B115" t="str">
            <v>PD Capital</v>
          </cell>
          <cell r="C115" t="str">
            <v>Carolinas</v>
          </cell>
          <cell r="D115" t="str">
            <v>PD-LTREP</v>
          </cell>
          <cell r="E115" t="str">
            <v>Power Delivery - FOC Lighting Replacement</v>
          </cell>
          <cell r="F115" t="str">
            <v>DÉCOR SC</v>
          </cell>
          <cell r="G115" t="str">
            <v>Decorative Area/Area -replacement bad head SC</v>
          </cell>
          <cell r="H115" t="str">
            <v>PD-LTREP \ DÉCOR SC</v>
          </cell>
          <cell r="I115" t="str">
            <v>CAR</v>
          </cell>
          <cell r="J115" t="str">
            <v>CARISC</v>
          </cell>
          <cell r="K115" t="str">
            <v>X</v>
          </cell>
          <cell r="L115" t="str">
            <v>Decorative Area/Area -replacement bad head SC</v>
          </cell>
          <cell r="M115" t="str">
            <v>N</v>
          </cell>
        </row>
        <row r="116">
          <cell r="A116" t="str">
            <v>CBVISP</v>
          </cell>
          <cell r="B116" t="str">
            <v>Gas O&amp;M</v>
          </cell>
          <cell r="C116" t="str">
            <v>Gas</v>
          </cell>
          <cell r="D116" t="str">
            <v>GO-INSP</v>
          </cell>
          <cell r="E116" t="str">
            <v>Gas Operations - Inspections</v>
          </cell>
          <cell r="F116" t="str">
            <v>CBVISP</v>
          </cell>
          <cell r="G116" t="str">
            <v>KY curb box inspection</v>
          </cell>
          <cell r="H116" t="str">
            <v>GO-INSP \ CBVISP</v>
          </cell>
          <cell r="I116"/>
          <cell r="J116" t="str">
            <v>CBVISP</v>
          </cell>
          <cell r="K116" t="str">
            <v>X</v>
          </cell>
          <cell r="L116" t="str">
            <v>KY curb box inspection</v>
          </cell>
          <cell r="M116" t="str">
            <v>N</v>
          </cell>
        </row>
        <row r="117">
          <cell r="A117" t="str">
            <v>CCEMC</v>
          </cell>
          <cell r="B117" t="str">
            <v>Gas O&amp;M</v>
          </cell>
          <cell r="C117" t="str">
            <v>Gas</v>
          </cell>
          <cell r="D117" t="str">
            <v>GO-MC</v>
          </cell>
          <cell r="E117" t="str">
            <v>Gas Operations - Maintenance Corrective</v>
          </cell>
          <cell r="F117" t="str">
            <v>CCEMC</v>
          </cell>
          <cell r="G117" t="str">
            <v>Install Anode that reads below -.85v</v>
          </cell>
          <cell r="H117" t="str">
            <v>GO-MC \ CCEMC</v>
          </cell>
          <cell r="I117"/>
          <cell r="J117" t="str">
            <v>CCEMC</v>
          </cell>
          <cell r="K117" t="str">
            <v>X</v>
          </cell>
          <cell r="L117" t="str">
            <v>Install Anode that reads below -.85v</v>
          </cell>
          <cell r="M117" t="str">
            <v>N</v>
          </cell>
        </row>
        <row r="118">
          <cell r="A118" t="str">
            <v>CCEMP</v>
          </cell>
          <cell r="B118" t="str">
            <v>Gas O&amp;M</v>
          </cell>
          <cell r="C118" t="str">
            <v>Gas</v>
          </cell>
          <cell r="D118" t="str">
            <v>GO-PM</v>
          </cell>
          <cell r="E118" t="str">
            <v>Gas Operations - Preventative Maintenance</v>
          </cell>
          <cell r="F118" t="str">
            <v>CCEMP</v>
          </cell>
          <cell r="G118" t="str">
            <v>Install Anode that reads above -.85v</v>
          </cell>
          <cell r="H118" t="str">
            <v>GO-PM \ CCEMP</v>
          </cell>
          <cell r="I118"/>
          <cell r="J118" t="str">
            <v>CCEMP</v>
          </cell>
          <cell r="K118" t="str">
            <v>X</v>
          </cell>
          <cell r="L118" t="str">
            <v>Install Anode that reads above -.85v</v>
          </cell>
          <cell r="M118" t="str">
            <v>N</v>
          </cell>
        </row>
        <row r="119">
          <cell r="A119" t="str">
            <v>CCOICK</v>
          </cell>
          <cell r="B119" t="e">
            <v>#N/A</v>
          </cell>
          <cell r="C119" t="e">
            <v>#N/A</v>
          </cell>
          <cell r="D119" t="str">
            <v>PD-C/I</v>
          </cell>
          <cell r="E119" t="e">
            <v>#N/A</v>
          </cell>
          <cell r="F119" t="str">
            <v>SERVICECK</v>
          </cell>
          <cell r="G119" t="e">
            <v>#N/A</v>
          </cell>
          <cell r="H119" t="str">
            <v>PD-C/I \ SERVICECK</v>
          </cell>
          <cell r="I119" t="str">
            <v>CIS</v>
          </cell>
          <cell r="J119" t="str">
            <v>CCOICK</v>
          </cell>
          <cell r="K119" t="str">
            <v>I</v>
          </cell>
          <cell r="L119" t="str">
            <v>SERVICECK</v>
          </cell>
          <cell r="M119" t="str">
            <v>N</v>
          </cell>
        </row>
        <row r="120">
          <cell r="A120" t="str">
            <v>CCOINC</v>
          </cell>
          <cell r="B120" t="e">
            <v>#N/A</v>
          </cell>
          <cell r="C120" t="e">
            <v>#N/A</v>
          </cell>
          <cell r="D120" t="str">
            <v>PD-C/I</v>
          </cell>
          <cell r="E120" t="e">
            <v>#N/A</v>
          </cell>
          <cell r="F120" t="str">
            <v>SERVICENC</v>
          </cell>
          <cell r="G120" t="e">
            <v>#N/A</v>
          </cell>
          <cell r="H120" t="str">
            <v>PD-C/I \ SERVICENC</v>
          </cell>
          <cell r="I120" t="str">
            <v>CIS</v>
          </cell>
          <cell r="J120" t="str">
            <v>CCOINC</v>
          </cell>
          <cell r="K120" t="str">
            <v>X</v>
          </cell>
          <cell r="L120" t="str">
            <v>SERVICE NC</v>
          </cell>
          <cell r="M120" t="str">
            <v>N</v>
          </cell>
        </row>
        <row r="121">
          <cell r="A121" t="str">
            <v>CCOISC</v>
          </cell>
          <cell r="B121" t="e">
            <v>#N/A</v>
          </cell>
          <cell r="C121" t="e">
            <v>#N/A</v>
          </cell>
          <cell r="D121" t="str">
            <v>PD-C/I</v>
          </cell>
          <cell r="E121" t="e">
            <v>#N/A</v>
          </cell>
          <cell r="F121" t="str">
            <v>SERVICESC</v>
          </cell>
          <cell r="G121" t="e">
            <v>#N/A</v>
          </cell>
          <cell r="H121" t="str">
            <v>PD-C/I \ SERVICESC</v>
          </cell>
          <cell r="I121" t="str">
            <v>CIS</v>
          </cell>
          <cell r="J121" t="str">
            <v>CCOISC</v>
          </cell>
          <cell r="K121" t="str">
            <v>X</v>
          </cell>
          <cell r="L121" t="str">
            <v>SERVICE SC</v>
          </cell>
          <cell r="M121" t="str">
            <v>N</v>
          </cell>
        </row>
        <row r="122">
          <cell r="A122" t="str">
            <v>CEFICK</v>
          </cell>
          <cell r="B122" t="str">
            <v>PD Capital</v>
          </cell>
          <cell r="C122" t="str">
            <v>Carolinas</v>
          </cell>
          <cell r="D122" t="str">
            <v>PD-EXFAC</v>
          </cell>
          <cell r="E122" t="str">
            <v>Power Delivery - BE - Extra Facilities</v>
          </cell>
          <cell r="F122" t="str">
            <v>EXTRAFACCK</v>
          </cell>
          <cell r="G122" t="str">
            <v>Customer Requested Extra Facilities CK</v>
          </cell>
          <cell r="H122" t="str">
            <v>PD-EXFAC \ EXTRAFACCK</v>
          </cell>
          <cell r="I122" t="str">
            <v>CEF</v>
          </cell>
          <cell r="J122" t="str">
            <v>CEFICK</v>
          </cell>
          <cell r="K122" t="str">
            <v>X</v>
          </cell>
          <cell r="L122" t="str">
            <v>Customer Requested Extra Facilities CK</v>
          </cell>
          <cell r="M122" t="str">
            <v>N</v>
          </cell>
        </row>
        <row r="123">
          <cell r="A123" t="str">
            <v>CEFINC</v>
          </cell>
          <cell r="B123" t="str">
            <v>PD Capital</v>
          </cell>
          <cell r="C123" t="str">
            <v>Carolinas</v>
          </cell>
          <cell r="D123" t="str">
            <v>PD-EXFAC</v>
          </cell>
          <cell r="E123" t="str">
            <v>Power Delivery - BE - Extra Facilities</v>
          </cell>
          <cell r="F123" t="str">
            <v>EXTRAFACNC</v>
          </cell>
          <cell r="G123" t="str">
            <v>Customer Requested Extra Facilities NC</v>
          </cell>
          <cell r="H123" t="str">
            <v>PD-EXFAC \ EXTRAFACNC</v>
          </cell>
          <cell r="I123" t="str">
            <v>CEF</v>
          </cell>
          <cell r="J123" t="str">
            <v>CEFINC</v>
          </cell>
          <cell r="K123" t="str">
            <v>X</v>
          </cell>
          <cell r="L123" t="str">
            <v>Customer Requested Extra Facilities NC</v>
          </cell>
          <cell r="M123" t="str">
            <v>N</v>
          </cell>
        </row>
        <row r="124">
          <cell r="A124" t="str">
            <v>CEFISC</v>
          </cell>
          <cell r="B124" t="str">
            <v>PD Capital</v>
          </cell>
          <cell r="C124" t="str">
            <v>Carolinas</v>
          </cell>
          <cell r="D124" t="str">
            <v>PD-EXFAC</v>
          </cell>
          <cell r="E124" t="str">
            <v>Power Delivery - BE - Extra Facilities</v>
          </cell>
          <cell r="F124" t="str">
            <v>EXTRAFACSC</v>
          </cell>
          <cell r="G124" t="str">
            <v>Customer Requested Extra Facilities SC</v>
          </cell>
          <cell r="H124" t="str">
            <v>PD-EXFAC \ EXTRAFACSC</v>
          </cell>
          <cell r="I124" t="str">
            <v>CEF</v>
          </cell>
          <cell r="J124" t="str">
            <v>CEFISC</v>
          </cell>
          <cell r="K124" t="str">
            <v>X</v>
          </cell>
          <cell r="L124" t="str">
            <v>Customer Requested Extra Facilities SC</v>
          </cell>
          <cell r="M124" t="str">
            <v>N</v>
          </cell>
        </row>
        <row r="125">
          <cell r="A125" t="str">
            <v>CERTIN</v>
          </cell>
          <cell r="B125" t="str">
            <v>PD Capital</v>
          </cell>
          <cell r="C125" t="str">
            <v>MW</v>
          </cell>
          <cell r="D125" t="str">
            <v>PD-RELIA</v>
          </cell>
          <cell r="E125" t="str">
            <v>Power Delivery - Reliability</v>
          </cell>
          <cell r="F125" t="str">
            <v>CAPEQPTIN</v>
          </cell>
          <cell r="G125" t="str">
            <v>Replace Transmission Units of Property Capital equipment Xarms, timbers, arrestors, conductor etc IN</v>
          </cell>
          <cell r="H125" t="str">
            <v>PD-RELIA \ CAPEQPTIN</v>
          </cell>
          <cell r="I125" t="str">
            <v>TLINEQ</v>
          </cell>
          <cell r="J125" t="str">
            <v>CERTIN</v>
          </cell>
          <cell r="K125" t="str">
            <v>I</v>
          </cell>
          <cell r="L125" t="str">
            <v>Replace Transmission Units of Property Capital equipment Xarms, timbers, arrestors, conductor etc IN</v>
          </cell>
          <cell r="M125" t="str">
            <v>N</v>
          </cell>
        </row>
        <row r="126">
          <cell r="A126" t="str">
            <v>CERTKY</v>
          </cell>
          <cell r="B126" t="str">
            <v>PD Capital</v>
          </cell>
          <cell r="C126" t="str">
            <v>MW</v>
          </cell>
          <cell r="D126" t="str">
            <v>PD-RELIA</v>
          </cell>
          <cell r="E126" t="str">
            <v>Power Delivery - Reliability</v>
          </cell>
          <cell r="F126" t="str">
            <v>CAPEQPTKY</v>
          </cell>
          <cell r="G126" t="str">
            <v>Replace Transmission Units of Property Capital equipment Xarms, timbers, arrestors, conductor etc KY</v>
          </cell>
          <cell r="H126" t="str">
            <v>PD-RELIA \ CAPEQPTKY</v>
          </cell>
          <cell r="I126" t="str">
            <v>TLINEQ</v>
          </cell>
          <cell r="J126" t="str">
            <v>CERTKY</v>
          </cell>
          <cell r="K126" t="str">
            <v>I</v>
          </cell>
          <cell r="L126" t="str">
            <v>Replace Transmission Units of Property Capital equipment Xarms, timbers, arrestors, conductor etc KY</v>
          </cell>
          <cell r="M126" t="str">
            <v>N</v>
          </cell>
        </row>
        <row r="127">
          <cell r="A127" t="str">
            <v>CERTOH</v>
          </cell>
          <cell r="B127" t="str">
            <v>PD Capital</v>
          </cell>
          <cell r="C127" t="str">
            <v>MW</v>
          </cell>
          <cell r="D127" t="str">
            <v>PD-RELIA</v>
          </cell>
          <cell r="E127" t="str">
            <v>Power Delivery - Reliability</v>
          </cell>
          <cell r="F127" t="str">
            <v>CAPEQPTOH</v>
          </cell>
          <cell r="G127" t="str">
            <v>Replace Transmission Units of Property Capital equipment Xarms, timbers, arrestors, conductor etc OH</v>
          </cell>
          <cell r="H127" t="str">
            <v>PD-RELIA \ CAPEQPTOH</v>
          </cell>
          <cell r="I127" t="str">
            <v>TLINEQ</v>
          </cell>
          <cell r="J127" t="str">
            <v>CERTOH</v>
          </cell>
          <cell r="K127" t="str">
            <v>I</v>
          </cell>
          <cell r="L127" t="str">
            <v>Replace Transmission Units of Property Capital equipment Xarms, timbers, arrestors, conductor etc OH</v>
          </cell>
          <cell r="M127" t="str">
            <v>N</v>
          </cell>
        </row>
        <row r="128">
          <cell r="A128" t="str">
            <v>CFLICK</v>
          </cell>
          <cell r="B128" t="str">
            <v>PD Capital</v>
          </cell>
          <cell r="C128" t="str">
            <v>Carolinas</v>
          </cell>
          <cell r="D128" t="str">
            <v>PD-NLITE</v>
          </cell>
          <cell r="E128" t="str">
            <v>Power Delivery - FOC Lighting</v>
          </cell>
          <cell r="F128" t="str">
            <v>FLOOD CK</v>
          </cell>
          <cell r="G128" t="str">
            <v>Flood Lights CK</v>
          </cell>
          <cell r="H128" t="str">
            <v>PD-NLITE \ FLOOD CK</v>
          </cell>
          <cell r="I128" t="str">
            <v>CFL</v>
          </cell>
          <cell r="J128" t="str">
            <v>CFLICK</v>
          </cell>
          <cell r="K128" t="str">
            <v>X</v>
          </cell>
          <cell r="L128" t="str">
            <v>Flood Lights CK</v>
          </cell>
          <cell r="M128" t="str">
            <v>N</v>
          </cell>
        </row>
        <row r="129">
          <cell r="A129" t="str">
            <v>CFLINC</v>
          </cell>
          <cell r="B129" t="str">
            <v>PD Capital</v>
          </cell>
          <cell r="C129" t="str">
            <v>Carolinas</v>
          </cell>
          <cell r="D129" t="str">
            <v>PD-NLITE</v>
          </cell>
          <cell r="E129" t="str">
            <v>Power Delivery - FOC Lighting</v>
          </cell>
          <cell r="F129" t="str">
            <v>FLOOD NC</v>
          </cell>
          <cell r="G129" t="str">
            <v>Flood Lights NC</v>
          </cell>
          <cell r="H129" t="str">
            <v>PD-NLITE \ FLOOD NC</v>
          </cell>
          <cell r="I129" t="str">
            <v>CFL</v>
          </cell>
          <cell r="J129" t="str">
            <v>CFLINC</v>
          </cell>
          <cell r="K129" t="str">
            <v>X</v>
          </cell>
          <cell r="L129" t="str">
            <v>Flood Lights NC</v>
          </cell>
          <cell r="M129" t="str">
            <v>N</v>
          </cell>
        </row>
        <row r="130">
          <cell r="A130" t="str">
            <v>CFLISC</v>
          </cell>
          <cell r="B130" t="str">
            <v>PD Capital</v>
          </cell>
          <cell r="C130" t="str">
            <v>Carolinas</v>
          </cell>
          <cell r="D130" t="str">
            <v>PD-NLITE</v>
          </cell>
          <cell r="E130" t="str">
            <v>Power Delivery - FOC Lighting</v>
          </cell>
          <cell r="F130" t="str">
            <v>FLOOD SC</v>
          </cell>
          <cell r="G130" t="str">
            <v>Flood Lights SC</v>
          </cell>
          <cell r="H130" t="str">
            <v>PD-NLITE \ FLOOD SC</v>
          </cell>
          <cell r="I130" t="str">
            <v>CFL</v>
          </cell>
          <cell r="J130" t="str">
            <v>CFLISC</v>
          </cell>
          <cell r="K130" t="str">
            <v>X</v>
          </cell>
          <cell r="L130" t="str">
            <v>Flood Lights SC</v>
          </cell>
          <cell r="M130" t="str">
            <v>N</v>
          </cell>
        </row>
        <row r="131">
          <cell r="A131" t="str">
            <v>CFRICK</v>
          </cell>
          <cell r="B131" t="str">
            <v>PD Capital</v>
          </cell>
          <cell r="C131" t="str">
            <v>Carolinas</v>
          </cell>
          <cell r="D131" t="str">
            <v>PD-LTREP</v>
          </cell>
          <cell r="E131" t="str">
            <v>Power Delivery - FOC Lighting Replacement</v>
          </cell>
          <cell r="F131" t="str">
            <v>FLOOD CK</v>
          </cell>
          <cell r="G131" t="str">
            <v>Flood Light -replacement bad head CK</v>
          </cell>
          <cell r="H131" t="str">
            <v>PD-LTREP \ FLOOD CK</v>
          </cell>
          <cell r="I131" t="str">
            <v>CFR</v>
          </cell>
          <cell r="J131" t="str">
            <v>CFRICK</v>
          </cell>
          <cell r="K131" t="str">
            <v>X</v>
          </cell>
          <cell r="L131" t="str">
            <v>Flood Light -replacement bad head CK</v>
          </cell>
          <cell r="M131" t="str">
            <v>N</v>
          </cell>
        </row>
        <row r="132">
          <cell r="A132" t="str">
            <v>CFRINC</v>
          </cell>
          <cell r="B132" t="str">
            <v>PD Capital</v>
          </cell>
          <cell r="C132" t="str">
            <v>Carolinas</v>
          </cell>
          <cell r="D132" t="str">
            <v>PD-LTREP</v>
          </cell>
          <cell r="E132" t="str">
            <v>Power Delivery - FOC Lighting Replacement</v>
          </cell>
          <cell r="F132" t="str">
            <v>FLOOD NC</v>
          </cell>
          <cell r="G132" t="str">
            <v>Flood Light -replacement bad head NC</v>
          </cell>
          <cell r="H132" t="str">
            <v>PD-LTREP \ FLOOD NC</v>
          </cell>
          <cell r="I132" t="str">
            <v>CFR</v>
          </cell>
          <cell r="J132" t="str">
            <v>CFRINC</v>
          </cell>
          <cell r="K132" t="str">
            <v>X</v>
          </cell>
          <cell r="L132" t="str">
            <v>Flood Light -replacement bad head NC</v>
          </cell>
          <cell r="M132" t="str">
            <v>N</v>
          </cell>
        </row>
        <row r="133">
          <cell r="A133" t="str">
            <v>CFRISC</v>
          </cell>
          <cell r="B133" t="str">
            <v>PD Capital</v>
          </cell>
          <cell r="C133" t="str">
            <v>Carolinas</v>
          </cell>
          <cell r="D133" t="str">
            <v>PD-LTREP</v>
          </cell>
          <cell r="E133" t="str">
            <v>Power Delivery - FOC Lighting Replacement</v>
          </cell>
          <cell r="F133" t="str">
            <v>FLOOD SC</v>
          </cell>
          <cell r="G133" t="str">
            <v>Flood Light -replacement bad head SC</v>
          </cell>
          <cell r="H133" t="str">
            <v>PD-LTREP \ FLOOD SC</v>
          </cell>
          <cell r="I133" t="str">
            <v>CFR</v>
          </cell>
          <cell r="J133" t="str">
            <v>CFRISC</v>
          </cell>
          <cell r="K133" t="str">
            <v>X</v>
          </cell>
          <cell r="L133" t="str">
            <v>Flood Light -replacement bad head SC</v>
          </cell>
          <cell r="M133" t="str">
            <v>N</v>
          </cell>
        </row>
        <row r="134">
          <cell r="A134" t="str">
            <v>CFYICK</v>
          </cell>
          <cell r="B134" t="str">
            <v>PD Capital</v>
          </cell>
          <cell r="C134" t="str">
            <v>Carolinas</v>
          </cell>
          <cell r="D134" t="str">
            <v>PD-SCAP</v>
          </cell>
          <cell r="E134" t="str">
            <v>Power Delivery - System Capacity</v>
          </cell>
          <cell r="F134" t="str">
            <v>SYS CAP CK</v>
          </cell>
          <cell r="G134" t="str">
            <v>System upgrades that are initiated by Planning CK</v>
          </cell>
          <cell r="H134" t="str">
            <v>PD-SCAP \ SYS CAP CK</v>
          </cell>
          <cell r="I134" t="str">
            <v>CFY</v>
          </cell>
          <cell r="J134" t="str">
            <v>CFYICK</v>
          </cell>
          <cell r="K134" t="str">
            <v>X</v>
          </cell>
          <cell r="L134" t="str">
            <v>System upgrades that are initiated by Planning CK</v>
          </cell>
          <cell r="M134" t="str">
            <v>N</v>
          </cell>
        </row>
        <row r="135">
          <cell r="A135" t="str">
            <v>CFYINC</v>
          </cell>
          <cell r="B135" t="str">
            <v>PD Capital</v>
          </cell>
          <cell r="C135" t="str">
            <v>Carolinas</v>
          </cell>
          <cell r="D135" t="str">
            <v>PD-SCAP</v>
          </cell>
          <cell r="E135" t="str">
            <v>Power Delivery - System Capacity</v>
          </cell>
          <cell r="F135" t="str">
            <v>SYS CAP NC</v>
          </cell>
          <cell r="G135" t="str">
            <v>System upgrades that are initiated by Planning NC</v>
          </cell>
          <cell r="H135" t="str">
            <v>PD-SCAP \ SYS CAP NC</v>
          </cell>
          <cell r="I135" t="str">
            <v>CFY</v>
          </cell>
          <cell r="J135" t="str">
            <v>CFYINC</v>
          </cell>
          <cell r="K135" t="str">
            <v>X</v>
          </cell>
          <cell r="L135" t="str">
            <v>System upgrades that are initiated by Planning NC</v>
          </cell>
          <cell r="M135" t="str">
            <v>N</v>
          </cell>
        </row>
        <row r="136">
          <cell r="A136" t="str">
            <v>CFYISC</v>
          </cell>
          <cell r="B136" t="str">
            <v>PD Capital</v>
          </cell>
          <cell r="C136" t="str">
            <v>Carolinas</v>
          </cell>
          <cell r="D136" t="str">
            <v>PD-SCAP</v>
          </cell>
          <cell r="E136" t="str">
            <v>Power Delivery - System Capacity</v>
          </cell>
          <cell r="F136" t="str">
            <v>SYS CAP SC</v>
          </cell>
          <cell r="G136" t="str">
            <v>System upgrades that are initiated by Planning SC</v>
          </cell>
          <cell r="H136" t="str">
            <v>PD-SCAP \ SYS CAP SC</v>
          </cell>
          <cell r="I136" t="str">
            <v>CFY</v>
          </cell>
          <cell r="J136" t="str">
            <v>CFYISC</v>
          </cell>
          <cell r="K136" t="str">
            <v>X</v>
          </cell>
          <cell r="L136" t="str">
            <v>System upgrades that are initiated by Planning SC</v>
          </cell>
          <cell r="M136" t="str">
            <v>N</v>
          </cell>
        </row>
        <row r="137">
          <cell r="A137" t="str">
            <v>CHRICK</v>
          </cell>
          <cell r="B137" t="str">
            <v>PD Capital</v>
          </cell>
          <cell r="C137" t="str">
            <v>Carolinas</v>
          </cell>
          <cell r="D137" t="str">
            <v>PD-RELO</v>
          </cell>
          <cell r="E137" t="str">
            <v>Power Delivery - Relocation D</v>
          </cell>
          <cell r="F137" t="str">
            <v>HIGHWAYCK</v>
          </cell>
          <cell r="G137" t="str">
            <v>Highway Relocations</v>
          </cell>
          <cell r="H137" t="str">
            <v>PD-RELO \ HIGHWAYCK</v>
          </cell>
          <cell r="I137" t="str">
            <v>CHR</v>
          </cell>
          <cell r="J137" t="str">
            <v>CHRICK</v>
          </cell>
          <cell r="K137" t="str">
            <v>X</v>
          </cell>
          <cell r="L137" t="str">
            <v>Highway Relocations CK</v>
          </cell>
          <cell r="M137" t="str">
            <v>N</v>
          </cell>
        </row>
        <row r="138">
          <cell r="A138" t="str">
            <v>CHRINC</v>
          </cell>
          <cell r="B138" t="str">
            <v>PD Capital</v>
          </cell>
          <cell r="C138" t="str">
            <v>Carolinas</v>
          </cell>
          <cell r="D138" t="str">
            <v>PD-RELO</v>
          </cell>
          <cell r="E138" t="str">
            <v>Power Delivery - Relocation D</v>
          </cell>
          <cell r="F138" t="str">
            <v>HIGHWAYNC</v>
          </cell>
          <cell r="G138" t="str">
            <v>Highway Relocations NC</v>
          </cell>
          <cell r="H138" t="str">
            <v>PD-RELO \ HIGHWAYNC</v>
          </cell>
          <cell r="I138" t="str">
            <v>CHR</v>
          </cell>
          <cell r="J138" t="str">
            <v>CHRINC</v>
          </cell>
          <cell r="K138" t="str">
            <v>X</v>
          </cell>
          <cell r="L138" t="str">
            <v>Highway Relocations NC</v>
          </cell>
          <cell r="M138" t="str">
            <v>N</v>
          </cell>
        </row>
        <row r="139">
          <cell r="A139" t="str">
            <v>CHRISC</v>
          </cell>
          <cell r="B139" t="str">
            <v>PD Capital</v>
          </cell>
          <cell r="C139" t="str">
            <v>Carolinas</v>
          </cell>
          <cell r="D139" t="str">
            <v>PD-RELO</v>
          </cell>
          <cell r="E139" t="str">
            <v>Power Delivery - Relocation D</v>
          </cell>
          <cell r="F139" t="str">
            <v>HIGHWAYSC</v>
          </cell>
          <cell r="G139" t="str">
            <v>Highway Relocations SC</v>
          </cell>
          <cell r="H139" t="str">
            <v>PD-RELO \ HIGHWAYSC</v>
          </cell>
          <cell r="I139" t="str">
            <v>CHR</v>
          </cell>
          <cell r="J139" t="str">
            <v>CHRISC</v>
          </cell>
          <cell r="K139" t="str">
            <v>X</v>
          </cell>
          <cell r="L139" t="str">
            <v>Highway Relocations SC</v>
          </cell>
          <cell r="M139" t="str">
            <v>N</v>
          </cell>
        </row>
        <row r="140">
          <cell r="A140" t="str">
            <v>CIBS01MM</v>
          </cell>
          <cell r="B140" t="e">
            <v>#N/A</v>
          </cell>
          <cell r="C140" t="e">
            <v>#N/A</v>
          </cell>
          <cell r="D140" t="str">
            <v>GO-SERVICEKY</v>
          </cell>
          <cell r="E140" t="e">
            <v>#N/A</v>
          </cell>
          <cell r="F140" t="str">
            <v>MOVEMETER</v>
          </cell>
          <cell r="G140" t="e">
            <v>#N/A</v>
          </cell>
          <cell r="H140" t="str">
            <v>GO-SERVICEKY \ MOVEMETER</v>
          </cell>
          <cell r="I140"/>
          <cell r="J140" t="str">
            <v>CIBS01MM</v>
          </cell>
          <cell r="K140" t="str">
            <v>X</v>
          </cell>
          <cell r="L140" t="str">
            <v>Relocated Meter</v>
          </cell>
          <cell r="M140" t="str">
            <v>N</v>
          </cell>
        </row>
        <row r="141">
          <cell r="A141" t="str">
            <v>CIBS01MM</v>
          </cell>
          <cell r="B141" t="e">
            <v>#N/A</v>
          </cell>
          <cell r="C141" t="e">
            <v>#N/A</v>
          </cell>
          <cell r="D141" t="str">
            <v>GO-SERVICEOH</v>
          </cell>
          <cell r="E141" t="e">
            <v>#N/A</v>
          </cell>
          <cell r="F141" t="str">
            <v>MOVEMETER</v>
          </cell>
          <cell r="G141" t="e">
            <v>#N/A</v>
          </cell>
          <cell r="H141" t="str">
            <v>GO-SERVICEOH \ MOVEMETER</v>
          </cell>
          <cell r="I141"/>
          <cell r="J141" t="str">
            <v>CIBS01MM</v>
          </cell>
          <cell r="K141" t="str">
            <v>X</v>
          </cell>
          <cell r="L141" t="str">
            <v>Relocated Meter</v>
          </cell>
          <cell r="M141" t="str">
            <v>N</v>
          </cell>
        </row>
        <row r="142">
          <cell r="A142" t="str">
            <v>CIPICK</v>
          </cell>
          <cell r="B142" t="str">
            <v>PD Capital</v>
          </cell>
          <cell r="C142" t="str">
            <v>Carolinas</v>
          </cell>
          <cell r="D142" t="str">
            <v>PD-C/I</v>
          </cell>
          <cell r="E142" t="str">
            <v>Power Delivery - BE - Commercial / Industrial</v>
          </cell>
          <cell r="F142" t="str">
            <v>PRI/SEC CK</v>
          </cell>
          <cell r="G142" t="str">
            <v>Primary / Secondary CK</v>
          </cell>
          <cell r="H142" t="str">
            <v>PD-C/I \ PRI/SEC CK</v>
          </cell>
          <cell r="I142" t="str">
            <v>CIP</v>
          </cell>
          <cell r="J142" t="str">
            <v>CIPICK</v>
          </cell>
          <cell r="K142" t="str">
            <v>X</v>
          </cell>
          <cell r="L142" t="str">
            <v>Primary / Secondary CK</v>
          </cell>
          <cell r="M142" t="str">
            <v>N</v>
          </cell>
        </row>
        <row r="143">
          <cell r="A143" t="str">
            <v>CIPINC</v>
          </cell>
          <cell r="B143" t="str">
            <v>PD Capital</v>
          </cell>
          <cell r="C143" t="str">
            <v>Carolinas</v>
          </cell>
          <cell r="D143" t="str">
            <v>PD-C/I</v>
          </cell>
          <cell r="E143" t="str">
            <v>Power Delivery - BE - Commercial / Industrial</v>
          </cell>
          <cell r="F143" t="str">
            <v>PRI/SEC NC</v>
          </cell>
          <cell r="G143" t="str">
            <v>Primary / Secondary NC</v>
          </cell>
          <cell r="H143" t="str">
            <v>PD-C/I \ PRI/SEC NC</v>
          </cell>
          <cell r="I143" t="str">
            <v>CIP</v>
          </cell>
          <cell r="J143" t="str">
            <v>CIPINC</v>
          </cell>
          <cell r="K143" t="str">
            <v>X</v>
          </cell>
          <cell r="L143" t="str">
            <v>Primary / Secondary NC</v>
          </cell>
          <cell r="M143" t="str">
            <v>N</v>
          </cell>
        </row>
        <row r="144">
          <cell r="A144" t="str">
            <v>CIPISC</v>
          </cell>
          <cell r="B144" t="str">
            <v>PD Capital</v>
          </cell>
          <cell r="C144" t="str">
            <v>Carolinas</v>
          </cell>
          <cell r="D144" t="str">
            <v>PD-C/I</v>
          </cell>
          <cell r="E144" t="str">
            <v>Power Delivery - BE - Commercial / Industrial</v>
          </cell>
          <cell r="F144" t="str">
            <v>PRI/SEC SC</v>
          </cell>
          <cell r="G144" t="str">
            <v>Primary / Secondary</v>
          </cell>
          <cell r="H144" t="str">
            <v>PD-C/I \ PRI/SEC SC</v>
          </cell>
          <cell r="I144" t="str">
            <v>CIP</v>
          </cell>
          <cell r="J144" t="str">
            <v>CIPISC</v>
          </cell>
          <cell r="K144" t="str">
            <v>X</v>
          </cell>
          <cell r="L144" t="str">
            <v>Primary / Secondary</v>
          </cell>
          <cell r="M144" t="str">
            <v>N</v>
          </cell>
        </row>
        <row r="145">
          <cell r="A145" t="str">
            <v>CLAIMSC</v>
          </cell>
          <cell r="B145" t="str">
            <v>PD O&amp;M</v>
          </cell>
          <cell r="C145" t="str">
            <v>none</v>
          </cell>
          <cell r="D145" t="str">
            <v>PD-CLAIMS</v>
          </cell>
          <cell r="E145" t="str">
            <v>Electric Damage Claims</v>
          </cell>
          <cell r="F145" t="str">
            <v>ELEC</v>
          </cell>
          <cell r="G145" t="str">
            <v>Electric</v>
          </cell>
          <cell r="H145" t="str">
            <v>PD-CLAIMS \ ELEC</v>
          </cell>
          <cell r="I145" t="str">
            <v>ADMED</v>
          </cell>
          <cell r="J145" t="str">
            <v>CLAIMSC</v>
          </cell>
          <cell r="K145" t="str">
            <v>X</v>
          </cell>
          <cell r="L145" t="str">
            <v>Electric</v>
          </cell>
          <cell r="M145" t="str">
            <v>N</v>
          </cell>
        </row>
        <row r="146">
          <cell r="A146" t="str">
            <v>CLAIMSC</v>
          </cell>
          <cell r="B146" t="str">
            <v>PD O&amp;M</v>
          </cell>
          <cell r="C146" t="str">
            <v>none</v>
          </cell>
          <cell r="D146" t="str">
            <v>PD-MISC</v>
          </cell>
          <cell r="E146" t="str">
            <v>Miscellaneous work not service related at customer facility</v>
          </cell>
          <cell r="F146" t="str">
            <v>CSPREMISE</v>
          </cell>
          <cell r="G146" t="str">
            <v xml:space="preserve">Customer Premise </v>
          </cell>
          <cell r="H146" t="str">
            <v>PD-MISC \ CSPREMISE</v>
          </cell>
          <cell r="I146" t="str">
            <v>ADMED</v>
          </cell>
          <cell r="J146" t="str">
            <v>CLAIMSC</v>
          </cell>
          <cell r="K146" t="str">
            <v>X</v>
          </cell>
          <cell r="L146" t="str">
            <v>CUSTOMER PREMISE - INQUIRY INVESTIGATION &amp; REPAIR (NON-OUTAGE RELATED)</v>
          </cell>
          <cell r="M146" t="str">
            <v>N</v>
          </cell>
        </row>
        <row r="147">
          <cell r="A147" t="str">
            <v>CLAIMSC</v>
          </cell>
          <cell r="B147" t="str">
            <v>PD Capital</v>
          </cell>
          <cell r="C147" t="str">
            <v>none</v>
          </cell>
          <cell r="D147" t="str">
            <v>PD-OMS</v>
          </cell>
          <cell r="E147" t="str">
            <v>Outage Management Follow-up</v>
          </cell>
          <cell r="F147" t="str">
            <v>FUN</v>
          </cell>
          <cell r="G147" t="str">
            <v>Followup</v>
          </cell>
          <cell r="H147" t="str">
            <v>PD-OMS \ FUN</v>
          </cell>
          <cell r="I147" t="str">
            <v>ADMED</v>
          </cell>
          <cell r="J147" t="str">
            <v>CLAIMSC</v>
          </cell>
          <cell r="K147" t="str">
            <v>X</v>
          </cell>
          <cell r="L147" t="str">
            <v>Followup</v>
          </cell>
          <cell r="M147" t="str">
            <v>N</v>
          </cell>
        </row>
        <row r="148">
          <cell r="A148" t="str">
            <v>CMAP10</v>
          </cell>
          <cell r="B148" t="str">
            <v>Gas Capital</v>
          </cell>
          <cell r="C148" t="str">
            <v>Gas</v>
          </cell>
          <cell r="D148" t="str">
            <v>GO-SERVICEOH</v>
          </cell>
          <cell r="E148" t="str">
            <v>Gas Operations - Service Work - OH</v>
          </cell>
          <cell r="F148" t="str">
            <v>C-M AMRP</v>
          </cell>
          <cell r="G148" t="str">
            <v>INSTALL C-M SERVICE FOR CEX PROJECT</v>
          </cell>
          <cell r="H148" t="str">
            <v>GO-SERVICEOH \ C-M AMRP</v>
          </cell>
          <cell r="I148"/>
          <cell r="J148" t="str">
            <v>CMAP10</v>
          </cell>
          <cell r="K148" t="str">
            <v>I</v>
          </cell>
          <cell r="L148" t="str">
            <v>INSTALL C-M SERVICE FOR CEX PROJECT</v>
          </cell>
          <cell r="M148" t="str">
            <v>N</v>
          </cell>
        </row>
        <row r="149">
          <cell r="A149" t="str">
            <v>CMAP10</v>
          </cell>
          <cell r="B149" t="str">
            <v>Gas Capital</v>
          </cell>
          <cell r="C149" t="str">
            <v>Gas</v>
          </cell>
          <cell r="D149" t="str">
            <v>GO-SERVICEOH</v>
          </cell>
          <cell r="E149" t="str">
            <v>Gas Operations - Service Work - OH</v>
          </cell>
          <cell r="F149" t="str">
            <v>R-C-M AMRP</v>
          </cell>
          <cell r="G149" t="str">
            <v>REMOVE C-M SERVICE FOR CEX PROJECT</v>
          </cell>
          <cell r="H149" t="str">
            <v>GO-SERVICEOH \ R-C-M AMRP</v>
          </cell>
          <cell r="I149"/>
          <cell r="J149" t="str">
            <v>CMAP10</v>
          </cell>
          <cell r="K149" t="str">
            <v>R</v>
          </cell>
          <cell r="L149" t="str">
            <v>REMOVE C-M SERVICE FOR CEX PROJECT</v>
          </cell>
          <cell r="M149" t="str">
            <v>N</v>
          </cell>
        </row>
        <row r="150">
          <cell r="A150" t="str">
            <v>CMAP70</v>
          </cell>
          <cell r="B150" t="str">
            <v>Gas Capital</v>
          </cell>
          <cell r="C150" t="str">
            <v>Gas</v>
          </cell>
          <cell r="D150" t="str">
            <v>GO-SERVICEKY</v>
          </cell>
          <cell r="E150" t="str">
            <v>Gas Operations - Service Work - KY</v>
          </cell>
          <cell r="F150" t="str">
            <v>C-M AMRP</v>
          </cell>
          <cell r="G150" t="str">
            <v>INSTALL C-M SERVICE FOR CEX PROJECT</v>
          </cell>
          <cell r="H150" t="str">
            <v>GO-SERVICEKY \ C-M AMRP</v>
          </cell>
          <cell r="I150"/>
          <cell r="J150" t="str">
            <v>CMAP70</v>
          </cell>
          <cell r="K150" t="str">
            <v>I</v>
          </cell>
          <cell r="L150" t="str">
            <v>INSTALL C-M SERVICE FOR CEX PROJECT</v>
          </cell>
          <cell r="M150" t="str">
            <v>N</v>
          </cell>
        </row>
        <row r="151">
          <cell r="A151" t="str">
            <v>CMAP70</v>
          </cell>
          <cell r="B151" t="str">
            <v>Gas Capital</v>
          </cell>
          <cell r="C151" t="str">
            <v>Gas</v>
          </cell>
          <cell r="D151" t="str">
            <v>GO-SERVICEKY</v>
          </cell>
          <cell r="E151" t="str">
            <v>Gas Operations - Service Work - KY</v>
          </cell>
          <cell r="F151" t="str">
            <v>R-C-M AMRP</v>
          </cell>
          <cell r="G151" t="str">
            <v>REMOVE C-M SERVICE FOR CEX PROJECT</v>
          </cell>
          <cell r="H151" t="str">
            <v>GO-SERVICEKY \ R-C-M AMRP</v>
          </cell>
          <cell r="I151"/>
          <cell r="J151" t="str">
            <v>CMAP70</v>
          </cell>
          <cell r="K151" t="str">
            <v>R</v>
          </cell>
          <cell r="L151" t="str">
            <v>REMOVE C-M SERVICE FOR CEX PROJECT</v>
          </cell>
          <cell r="M151" t="str">
            <v>N</v>
          </cell>
        </row>
        <row r="152">
          <cell r="A152" t="str">
            <v>CMNP10</v>
          </cell>
          <cell r="B152" t="e">
            <v>#N/A</v>
          </cell>
          <cell r="C152" t="e">
            <v>#N/A</v>
          </cell>
          <cell r="D152" t="str">
            <v>GO-SERVICEOH</v>
          </cell>
          <cell r="E152" t="e">
            <v>#N/A</v>
          </cell>
          <cell r="F152" t="str">
            <v>C-MNEWCOM&lt;3"</v>
          </cell>
          <cell r="G152" t="e">
            <v>#N/A</v>
          </cell>
          <cell r="H152" t="str">
            <v>GO-SERVICEOH \ C-MNEWCOM&lt;3"</v>
          </cell>
          <cell r="I152"/>
          <cell r="J152" t="str">
            <v>CMNP10</v>
          </cell>
          <cell r="K152" t="str">
            <v>I</v>
          </cell>
          <cell r="L152" t="str">
            <v>INSTALL NEW COMMERCIAL C-M SERVICE LESS THAN 3"</v>
          </cell>
          <cell r="M152" t="str">
            <v>N</v>
          </cell>
        </row>
        <row r="153">
          <cell r="A153" t="str">
            <v>CMNP10</v>
          </cell>
          <cell r="B153" t="e">
            <v>#N/A</v>
          </cell>
          <cell r="C153" t="e">
            <v>#N/A</v>
          </cell>
          <cell r="D153" t="str">
            <v>GO-SERVICEOH</v>
          </cell>
          <cell r="E153" t="e">
            <v>#N/A</v>
          </cell>
          <cell r="F153" t="str">
            <v>C-MNEWRES&lt;3"</v>
          </cell>
          <cell r="G153" t="e">
            <v>#N/A</v>
          </cell>
          <cell r="H153" t="str">
            <v>GO-SERVICEOH \ C-MNEWRES&lt;3"</v>
          </cell>
          <cell r="I153"/>
          <cell r="J153" t="str">
            <v>CMNP10</v>
          </cell>
          <cell r="K153" t="str">
            <v>I</v>
          </cell>
          <cell r="L153" t="str">
            <v>INSTALL NEW RESIDENTIAL C-M SERVICE LESS THAN 3"</v>
          </cell>
          <cell r="M153" t="str">
            <v>N</v>
          </cell>
        </row>
        <row r="154">
          <cell r="A154" t="str">
            <v>CMNP70</v>
          </cell>
          <cell r="B154" t="e">
            <v>#N/A</v>
          </cell>
          <cell r="C154" t="e">
            <v>#N/A</v>
          </cell>
          <cell r="D154" t="str">
            <v>GO-SERVICEKY</v>
          </cell>
          <cell r="E154" t="e">
            <v>#N/A</v>
          </cell>
          <cell r="F154" t="str">
            <v>C-MNEWCOM&lt;3"</v>
          </cell>
          <cell r="G154" t="e">
            <v>#N/A</v>
          </cell>
          <cell r="H154" t="str">
            <v>GO-SERVICEKY \ C-MNEWCOM&lt;3"</v>
          </cell>
          <cell r="I154"/>
          <cell r="J154" t="str">
            <v>CMNP70</v>
          </cell>
          <cell r="K154" t="str">
            <v>I</v>
          </cell>
          <cell r="L154" t="str">
            <v>INSTALL NEW COMMERCIAL C-M SERVICE LESS THAN 3"</v>
          </cell>
          <cell r="M154" t="str">
            <v>N</v>
          </cell>
        </row>
        <row r="155">
          <cell r="A155" t="str">
            <v>CMNP70</v>
          </cell>
          <cell r="B155" t="e">
            <v>#N/A</v>
          </cell>
          <cell r="C155" t="e">
            <v>#N/A</v>
          </cell>
          <cell r="D155" t="str">
            <v>GO-SERVICEKY</v>
          </cell>
          <cell r="E155" t="e">
            <v>#N/A</v>
          </cell>
          <cell r="F155" t="str">
            <v>C-MNEWRES&lt;3"</v>
          </cell>
          <cell r="G155" t="e">
            <v>#N/A</v>
          </cell>
          <cell r="H155" t="str">
            <v>GO-SERVICEKY \ C-MNEWRES&lt;3"</v>
          </cell>
          <cell r="I155"/>
          <cell r="J155" t="str">
            <v>CMNP70</v>
          </cell>
          <cell r="K155" t="str">
            <v>I</v>
          </cell>
          <cell r="L155" t="str">
            <v>INSTALL NEW RESIDENTIAL C-M SERVICE LESS THAN 3"</v>
          </cell>
          <cell r="M155" t="str">
            <v>N</v>
          </cell>
        </row>
        <row r="156">
          <cell r="A156" t="str">
            <v>CMREPAIR</v>
          </cell>
          <cell r="B156" t="str">
            <v>Gas O&amp;M</v>
          </cell>
          <cell r="C156" t="str">
            <v>Gas</v>
          </cell>
          <cell r="D156" t="str">
            <v>GO-DAMAGE</v>
          </cell>
          <cell r="E156" t="str">
            <v>Gas Operations - Third Party Damage</v>
          </cell>
          <cell r="F156" t="str">
            <v>CMREPAIR</v>
          </cell>
          <cell r="G156" t="str">
            <v>Third Party damage - Less than 2" C-M</v>
          </cell>
          <cell r="H156" t="str">
            <v>GO-DAMAGE \ CMREPAIR</v>
          </cell>
          <cell r="I156"/>
          <cell r="J156" t="str">
            <v>CMREPAIR</v>
          </cell>
          <cell r="K156" t="str">
            <v>X</v>
          </cell>
          <cell r="L156" t="str">
            <v>Third Party damage - Less than 2" C-M</v>
          </cell>
          <cell r="M156" t="str">
            <v>N</v>
          </cell>
        </row>
        <row r="157">
          <cell r="A157" t="str">
            <v>CMRP10</v>
          </cell>
          <cell r="B157" t="str">
            <v>Gas Capital</v>
          </cell>
          <cell r="C157" t="str">
            <v>Gas</v>
          </cell>
          <cell r="D157" t="str">
            <v>GO-RIRPLOH</v>
          </cell>
          <cell r="E157" t="str">
            <v>Gas Operations - Riser Replacement - OH</v>
          </cell>
          <cell r="F157" t="str">
            <v>INST1194</v>
          </cell>
          <cell r="G157" t="str">
            <v>INSTALL 1194 RISER/RISER ADAPTER - NOT TRACKER RISERS</v>
          </cell>
          <cell r="H157" t="str">
            <v>GO-RIRPLOH \ INST1194</v>
          </cell>
          <cell r="I157"/>
          <cell r="J157" t="str">
            <v>CMRP10</v>
          </cell>
          <cell r="K157" t="str">
            <v>I</v>
          </cell>
          <cell r="L157" t="str">
            <v>INSTALL 1194 RISER/RISER ADAPTER - NOT TRACKER RISERS</v>
          </cell>
          <cell r="M157" t="str">
            <v>N</v>
          </cell>
        </row>
        <row r="158">
          <cell r="A158" t="str">
            <v>CMRP10</v>
          </cell>
          <cell r="B158" t="str">
            <v>Gas Capital</v>
          </cell>
          <cell r="C158" t="str">
            <v>Gas</v>
          </cell>
          <cell r="D158" t="str">
            <v>GO-RIRPLOH</v>
          </cell>
          <cell r="E158" t="str">
            <v>Gas Operations - Riser Replacement - OH</v>
          </cell>
          <cell r="F158" t="str">
            <v>INSTOTHER</v>
          </cell>
          <cell r="G158" t="str">
            <v>INSTALL OTHER</v>
          </cell>
          <cell r="H158" t="str">
            <v>GO-RIRPLOH \ INSTOTHER</v>
          </cell>
          <cell r="I158"/>
          <cell r="J158" t="str">
            <v>CMRP10</v>
          </cell>
          <cell r="K158" t="str">
            <v>I</v>
          </cell>
          <cell r="L158" t="str">
            <v>INSTALL OTHER</v>
          </cell>
          <cell r="M158" t="str">
            <v>N</v>
          </cell>
        </row>
        <row r="159">
          <cell r="A159" t="str">
            <v>CMRP10</v>
          </cell>
          <cell r="B159" t="str">
            <v>Gas Capital</v>
          </cell>
          <cell r="C159" t="str">
            <v>Gas</v>
          </cell>
          <cell r="D159" t="str">
            <v>GO-RIRPLOH</v>
          </cell>
          <cell r="E159" t="str">
            <v>Gas Operations - Riser Replacement - OH</v>
          </cell>
          <cell r="F159" t="str">
            <v>REMOVE</v>
          </cell>
          <cell r="G159" t="str">
            <v>REMOVE</v>
          </cell>
          <cell r="H159" t="str">
            <v>GO-RIRPLOH \ REMOVE</v>
          </cell>
          <cell r="I159"/>
          <cell r="J159" t="str">
            <v>CMRP10</v>
          </cell>
          <cell r="K159" t="str">
            <v>R</v>
          </cell>
          <cell r="L159" t="str">
            <v>REMOVE</v>
          </cell>
          <cell r="M159" t="str">
            <v>N</v>
          </cell>
        </row>
        <row r="160">
          <cell r="A160" t="str">
            <v>CMRP10</v>
          </cell>
          <cell r="B160" t="str">
            <v>Gas Capital</v>
          </cell>
          <cell r="C160" t="str">
            <v>Gas</v>
          </cell>
          <cell r="D160" t="str">
            <v>GO-SERVICEOH</v>
          </cell>
          <cell r="E160" t="str">
            <v>Gas Operations - Service Work - OH</v>
          </cell>
          <cell r="F160" t="str">
            <v>C-MRPL&lt;3"</v>
          </cell>
          <cell r="G160" t="str">
            <v>INSTALL C-M SERV. FOR RPL, STI, OR PRI PROJECT LESS THAN 3"</v>
          </cell>
          <cell r="H160" t="str">
            <v>GO-SERVICEOH \ C-MRPL&lt;3"</v>
          </cell>
          <cell r="I160"/>
          <cell r="J160" t="str">
            <v>CMRP10</v>
          </cell>
          <cell r="K160" t="str">
            <v>I</v>
          </cell>
          <cell r="L160" t="str">
            <v>INSTALL C-M SERV. FOR RPL, STI, OR PRI PROJECT LESS THAN 3"</v>
          </cell>
          <cell r="M160" t="str">
            <v>N</v>
          </cell>
        </row>
        <row r="161">
          <cell r="A161" t="str">
            <v>CMRP10</v>
          </cell>
          <cell r="B161" t="str">
            <v>Gas Capital</v>
          </cell>
          <cell r="C161" t="str">
            <v>Gas</v>
          </cell>
          <cell r="D161" t="str">
            <v>GO-SERVICEOH</v>
          </cell>
          <cell r="E161" t="str">
            <v>Gas Operations - Service Work - OH</v>
          </cell>
          <cell r="F161" t="str">
            <v>CMRP10</v>
          </cell>
          <cell r="G161" t="str">
            <v>Abandon Service C-M Company Owned - Ohio</v>
          </cell>
          <cell r="H161" t="str">
            <v>GO-SERVICEOH \ CMRP10</v>
          </cell>
          <cell r="I161"/>
          <cell r="J161" t="str">
            <v>CMRP10</v>
          </cell>
          <cell r="K161" t="str">
            <v>R</v>
          </cell>
          <cell r="L161" t="str">
            <v>Abandon Service C-M Company Owned - Ohio</v>
          </cell>
          <cell r="M161" t="str">
            <v>N</v>
          </cell>
        </row>
        <row r="162">
          <cell r="A162" t="str">
            <v>CMRP10</v>
          </cell>
          <cell r="B162" t="str">
            <v>Gas Capital</v>
          </cell>
          <cell r="C162" t="str">
            <v>Gas</v>
          </cell>
          <cell r="D162" t="str">
            <v>GO-SERVICEOH</v>
          </cell>
          <cell r="E162" t="str">
            <v>Gas Operations - Service Work - OH</v>
          </cell>
          <cell r="F162" t="str">
            <v>R-C-MRPL&lt;3"</v>
          </cell>
          <cell r="G162" t="str">
            <v>REMOVE C-M SERV. FOR RPL, STI, OR PRI PROJECT LESS THAN 3"</v>
          </cell>
          <cell r="H162" t="str">
            <v>GO-SERVICEOH \ R-C-MRPL&lt;3"</v>
          </cell>
          <cell r="I162"/>
          <cell r="J162" t="str">
            <v>CMRP10</v>
          </cell>
          <cell r="K162" t="str">
            <v>R</v>
          </cell>
          <cell r="L162" t="str">
            <v>REMOVE C-M SERV. FOR RPL, STI, OR PRI PROJECT LESS THAN 3"</v>
          </cell>
          <cell r="M162" t="str">
            <v>N</v>
          </cell>
        </row>
        <row r="163">
          <cell r="A163" t="str">
            <v>CMRP70</v>
          </cell>
          <cell r="B163" t="str">
            <v>Gas Capital</v>
          </cell>
          <cell r="C163" t="str">
            <v>Gas</v>
          </cell>
          <cell r="D163" t="str">
            <v>GO-RIRPLKY</v>
          </cell>
          <cell r="E163" t="str">
            <v>Gas Operations - Riser Replacement - KY</v>
          </cell>
          <cell r="F163" t="str">
            <v>INST1194</v>
          </cell>
          <cell r="G163" t="str">
            <v>INSTALL 1194 RISER/RISER ADAPTER - NOT TRACKER RISERS</v>
          </cell>
          <cell r="H163" t="str">
            <v>GO-RIRPLKY \ INST1194</v>
          </cell>
          <cell r="I163"/>
          <cell r="J163" t="str">
            <v>CMRP70</v>
          </cell>
          <cell r="K163" t="str">
            <v>I</v>
          </cell>
          <cell r="L163" t="str">
            <v>INSTALL 1194 RISER/RISER ADAPTER - NOT TRACKER RISERS</v>
          </cell>
          <cell r="M163" t="str">
            <v>N</v>
          </cell>
        </row>
        <row r="164">
          <cell r="A164" t="str">
            <v>CMRP70</v>
          </cell>
          <cell r="B164" t="str">
            <v>Gas Capital</v>
          </cell>
          <cell r="C164" t="str">
            <v>Gas</v>
          </cell>
          <cell r="D164" t="str">
            <v>GO-RIRPLKY</v>
          </cell>
          <cell r="E164" t="str">
            <v>Gas Operations - Riser Replacement - KY</v>
          </cell>
          <cell r="F164" t="str">
            <v>INSTOTHER</v>
          </cell>
          <cell r="G164" t="str">
            <v>INSTALL OTHER</v>
          </cell>
          <cell r="H164" t="str">
            <v>GO-RIRPLKY \ INSTOTHER</v>
          </cell>
          <cell r="I164"/>
          <cell r="J164" t="str">
            <v>CMRP70</v>
          </cell>
          <cell r="K164" t="str">
            <v>I</v>
          </cell>
          <cell r="L164" t="str">
            <v>INSTALL OTHER</v>
          </cell>
          <cell r="M164" t="str">
            <v>N</v>
          </cell>
        </row>
        <row r="165">
          <cell r="A165" t="str">
            <v>CMRP70</v>
          </cell>
          <cell r="B165" t="str">
            <v>Gas Capital</v>
          </cell>
          <cell r="C165" t="str">
            <v>Gas</v>
          </cell>
          <cell r="D165" t="str">
            <v>GO-RIRPLKY</v>
          </cell>
          <cell r="E165" t="str">
            <v>Gas Operations - Riser Replacement - KY</v>
          </cell>
          <cell r="F165" t="str">
            <v>REMOVE</v>
          </cell>
          <cell r="G165" t="str">
            <v>REMOVE</v>
          </cell>
          <cell r="H165" t="str">
            <v>GO-RIRPLKY \ REMOVE</v>
          </cell>
          <cell r="I165"/>
          <cell r="J165" t="str">
            <v>CMRP70</v>
          </cell>
          <cell r="K165" t="str">
            <v>R</v>
          </cell>
          <cell r="L165" t="str">
            <v>REMOVE</v>
          </cell>
          <cell r="M165" t="str">
            <v>N</v>
          </cell>
        </row>
        <row r="166">
          <cell r="A166" t="str">
            <v>CMRP70</v>
          </cell>
          <cell r="B166" t="str">
            <v>Gas Capital</v>
          </cell>
          <cell r="C166" t="str">
            <v>Gas</v>
          </cell>
          <cell r="D166" t="str">
            <v>GO-SERVICEKY</v>
          </cell>
          <cell r="E166" t="str">
            <v>Gas Operations - Service Work - KY</v>
          </cell>
          <cell r="F166" t="str">
            <v>C-MRPL&lt;3"</v>
          </cell>
          <cell r="G166" t="str">
            <v>INSTALL C-M SERV. FOR RPL, STI, OR PRI PROJECT LESS THAN 3"</v>
          </cell>
          <cell r="H166" t="str">
            <v>GO-SERVICEKY \ C-MRPL&lt;3"</v>
          </cell>
          <cell r="I166"/>
          <cell r="J166" t="str">
            <v>CMRP70</v>
          </cell>
          <cell r="K166" t="str">
            <v>I</v>
          </cell>
          <cell r="L166" t="str">
            <v>INSTALL C-M SERV. FOR RPL, STI, OR PRI PROJECT LESS THAN 3"</v>
          </cell>
          <cell r="M166" t="str">
            <v>N</v>
          </cell>
        </row>
        <row r="167">
          <cell r="A167" t="str">
            <v>CMRP70</v>
          </cell>
          <cell r="B167" t="str">
            <v>Gas Capital</v>
          </cell>
          <cell r="C167" t="str">
            <v>Gas</v>
          </cell>
          <cell r="D167" t="str">
            <v>GO-SERVICEKY</v>
          </cell>
          <cell r="E167" t="str">
            <v>Gas Operations - Service Work - KY</v>
          </cell>
          <cell r="F167" t="str">
            <v>CMRP70</v>
          </cell>
          <cell r="G167" t="str">
            <v>Abandon Service C-M Companny Owned - Kentucky</v>
          </cell>
          <cell r="H167" t="str">
            <v>GO-SERVICEKY \ CMRP70</v>
          </cell>
          <cell r="I167"/>
          <cell r="J167" t="str">
            <v>CMRP70</v>
          </cell>
          <cell r="K167" t="str">
            <v>R</v>
          </cell>
          <cell r="L167" t="str">
            <v>Abandon Service C-M Companny Owned - Kentucky</v>
          </cell>
          <cell r="M167" t="str">
            <v>N</v>
          </cell>
        </row>
        <row r="168">
          <cell r="A168" t="str">
            <v>CMRP70</v>
          </cell>
          <cell r="B168" t="str">
            <v>Gas Capital</v>
          </cell>
          <cell r="C168" t="str">
            <v>Gas</v>
          </cell>
          <cell r="D168" t="str">
            <v>GO-SERVICEKY</v>
          </cell>
          <cell r="E168" t="str">
            <v>Gas Operations - Service Work - KY</v>
          </cell>
          <cell r="F168" t="str">
            <v>R-C-MRPL&lt;3"</v>
          </cell>
          <cell r="G168" t="str">
            <v>REMOVE C-M SERV. FOR RPL, STI, OR PRI PROJECT LESS THAN 3"</v>
          </cell>
          <cell r="H168" t="str">
            <v>GO-SERVICEKY \ R-C-MRPL&lt;3"</v>
          </cell>
          <cell r="I168"/>
          <cell r="J168" t="str">
            <v>CMRP70</v>
          </cell>
          <cell r="K168" t="str">
            <v>R</v>
          </cell>
          <cell r="L168" t="str">
            <v>REMOVE C-M SERV. FOR RPL, STI, OR PRI PROJECT LESS THAN 3"</v>
          </cell>
          <cell r="M168" t="str">
            <v>N</v>
          </cell>
        </row>
        <row r="169">
          <cell r="A169" t="str">
            <v>COUICK</v>
          </cell>
          <cell r="B169" t="str">
            <v>PD Capital</v>
          </cell>
          <cell r="C169" t="str">
            <v>Carolinas</v>
          </cell>
          <cell r="D169" t="str">
            <v>PD-RELO</v>
          </cell>
          <cell r="E169" t="str">
            <v>Power Delivery - Relocation D</v>
          </cell>
          <cell r="F169" t="str">
            <v>O UTLY CK</v>
          </cell>
          <cell r="G169" t="str">
            <v>Other Utilities -phone, cable attachments, other utility request CK</v>
          </cell>
          <cell r="H169" t="str">
            <v>PD-RELO \ O UTLY CK</v>
          </cell>
          <cell r="I169" t="str">
            <v>COU</v>
          </cell>
          <cell r="J169" t="str">
            <v>COUICK</v>
          </cell>
          <cell r="K169" t="str">
            <v>X</v>
          </cell>
          <cell r="L169" t="str">
            <v>Other Utilities -phone, cable attachments, other utility request CK</v>
          </cell>
          <cell r="M169" t="str">
            <v>N</v>
          </cell>
        </row>
        <row r="170">
          <cell r="A170" t="str">
            <v>COUINC</v>
          </cell>
          <cell r="B170" t="str">
            <v>PD Capital</v>
          </cell>
          <cell r="C170" t="str">
            <v>Carolinas</v>
          </cell>
          <cell r="D170" t="str">
            <v>PD-RELO</v>
          </cell>
          <cell r="E170" t="str">
            <v>Power Delivery - Relocation D</v>
          </cell>
          <cell r="F170" t="str">
            <v>O UTLY NC</v>
          </cell>
          <cell r="G170" t="str">
            <v>Other Utilities -phone, cable attachments, other utility request NC</v>
          </cell>
          <cell r="H170" t="str">
            <v>PD-RELO \ O UTLY NC</v>
          </cell>
          <cell r="I170" t="str">
            <v>COU</v>
          </cell>
          <cell r="J170" t="str">
            <v>COUINC</v>
          </cell>
          <cell r="K170" t="str">
            <v>X</v>
          </cell>
          <cell r="L170" t="str">
            <v>Other Utilities -phone, cable attachments, other utility request NC</v>
          </cell>
          <cell r="M170" t="str">
            <v>N</v>
          </cell>
        </row>
        <row r="171">
          <cell r="A171" t="str">
            <v>COUISC</v>
          </cell>
          <cell r="B171" t="str">
            <v>PD Capital</v>
          </cell>
          <cell r="C171" t="str">
            <v>Carolinas</v>
          </cell>
          <cell r="D171" t="str">
            <v>PD-RELO</v>
          </cell>
          <cell r="E171" t="str">
            <v>Power Delivery - Relocation D</v>
          </cell>
          <cell r="F171" t="str">
            <v>O UTLY SC</v>
          </cell>
          <cell r="G171" t="str">
            <v>Other Utilities -phone, cable attachments, other utility request SC</v>
          </cell>
          <cell r="H171" t="str">
            <v>PD-RELO \ O UTLY SC</v>
          </cell>
          <cell r="I171" t="str">
            <v>COU</v>
          </cell>
          <cell r="J171" t="str">
            <v>COUISC</v>
          </cell>
          <cell r="K171" t="str">
            <v>X</v>
          </cell>
          <cell r="L171" t="str">
            <v>Other Utilities -phone, cable attachments, other utility request SC</v>
          </cell>
          <cell r="M171" t="str">
            <v>N</v>
          </cell>
        </row>
        <row r="172">
          <cell r="A172" t="str">
            <v>COVERUP</v>
          </cell>
          <cell r="B172" t="str">
            <v>PD O&amp;M</v>
          </cell>
          <cell r="C172" t="str">
            <v>MW</v>
          </cell>
          <cell r="D172" t="str">
            <v>PD-CPREM</v>
          </cell>
          <cell r="E172" t="e">
            <v>#N/A</v>
          </cell>
          <cell r="F172" t="str">
            <v>COVERUP</v>
          </cell>
          <cell r="G172" t="e">
            <v>#N/A</v>
          </cell>
          <cell r="H172" t="str">
            <v>PD-CPREM \ COVERUP</v>
          </cell>
          <cell r="I172" t="str">
            <v>CUSINS</v>
          </cell>
          <cell r="J172" t="str">
            <v>COVERUP</v>
          </cell>
          <cell r="K172" t="str">
            <v>X</v>
          </cell>
          <cell r="L172" t="str">
            <v>COVERUP REQUEST</v>
          </cell>
          <cell r="M172" t="str">
            <v>N</v>
          </cell>
        </row>
        <row r="173">
          <cell r="A173" t="str">
            <v>CRCICK</v>
          </cell>
          <cell r="B173" t="str">
            <v>PD Capital</v>
          </cell>
          <cell r="C173" t="str">
            <v>Carolinas</v>
          </cell>
          <cell r="D173" t="str">
            <v>PD-C/I</v>
          </cell>
          <cell r="E173" t="str">
            <v>Power Delivery - BE - Commercial / Industrial</v>
          </cell>
          <cell r="F173" t="str">
            <v>RELO CK</v>
          </cell>
          <cell r="G173" t="str">
            <v>Relocation CK</v>
          </cell>
          <cell r="H173" t="str">
            <v>PD-C/I \ RELO CK</v>
          </cell>
          <cell r="I173" t="str">
            <v>CRF</v>
          </cell>
          <cell r="J173" t="str">
            <v>CRCICK</v>
          </cell>
          <cell r="K173" t="str">
            <v>X</v>
          </cell>
          <cell r="L173" t="str">
            <v>Relocation CK</v>
          </cell>
          <cell r="M173" t="str">
            <v>N</v>
          </cell>
        </row>
        <row r="174">
          <cell r="A174" t="str">
            <v>CRCINC</v>
          </cell>
          <cell r="B174" t="str">
            <v>PD Capital</v>
          </cell>
          <cell r="C174" t="str">
            <v>Carolinas</v>
          </cell>
          <cell r="D174" t="str">
            <v>PD-C/I</v>
          </cell>
          <cell r="E174" t="str">
            <v>Power Delivery - BE - Commercial / Industrial</v>
          </cell>
          <cell r="F174" t="str">
            <v>RELO NC</v>
          </cell>
          <cell r="G174" t="str">
            <v>Relocation NC</v>
          </cell>
          <cell r="H174" t="str">
            <v>PD-C/I \ RELO NC</v>
          </cell>
          <cell r="I174" t="str">
            <v>CRF</v>
          </cell>
          <cell r="J174" t="str">
            <v>CRCINC</v>
          </cell>
          <cell r="K174" t="str">
            <v>X</v>
          </cell>
          <cell r="L174" t="str">
            <v>Relocation NC</v>
          </cell>
          <cell r="M174" t="str">
            <v>N</v>
          </cell>
        </row>
        <row r="175">
          <cell r="A175" t="str">
            <v>CRCISC</v>
          </cell>
          <cell r="B175" t="str">
            <v>PD Capital</v>
          </cell>
          <cell r="C175" t="str">
            <v>Carolinas</v>
          </cell>
          <cell r="D175" t="str">
            <v>PD-C/I</v>
          </cell>
          <cell r="E175" t="str">
            <v>Power Delivery - BE - Commercial / Industrial</v>
          </cell>
          <cell r="F175" t="str">
            <v>RELO SC</v>
          </cell>
          <cell r="G175" t="str">
            <v>Relocation SC</v>
          </cell>
          <cell r="H175" t="str">
            <v>PD-C/I \ RELO SC</v>
          </cell>
          <cell r="I175" t="str">
            <v>CRF</v>
          </cell>
          <cell r="J175" t="str">
            <v>CRCISC</v>
          </cell>
          <cell r="K175" t="str">
            <v>X</v>
          </cell>
          <cell r="L175" t="str">
            <v>Relocation SC</v>
          </cell>
          <cell r="M175" t="str">
            <v>N</v>
          </cell>
        </row>
        <row r="176">
          <cell r="A176" t="str">
            <v>CRDICK</v>
          </cell>
          <cell r="B176" t="str">
            <v>PD Capital</v>
          </cell>
          <cell r="C176" t="str">
            <v>Carolinas</v>
          </cell>
          <cell r="D176" t="str">
            <v>PD-RES</v>
          </cell>
          <cell r="E176" t="str">
            <v>Power Delivery - BE - Residential</v>
          </cell>
          <cell r="F176" t="str">
            <v>SERVICECK</v>
          </cell>
          <cell r="G176" t="str">
            <v>Service CK</v>
          </cell>
          <cell r="H176" t="str">
            <v>PD-RES \ SERVICECK</v>
          </cell>
          <cell r="I176" t="str">
            <v>CSS</v>
          </cell>
          <cell r="J176" t="str">
            <v>CRDICK</v>
          </cell>
          <cell r="K176" t="str">
            <v>X</v>
          </cell>
          <cell r="L176" t="str">
            <v>Service CK</v>
          </cell>
          <cell r="M176" t="str">
            <v>N</v>
          </cell>
        </row>
        <row r="177">
          <cell r="A177" t="str">
            <v>CRDINC</v>
          </cell>
          <cell r="B177" t="str">
            <v>PD Capital</v>
          </cell>
          <cell r="C177" t="str">
            <v>Carolinas</v>
          </cell>
          <cell r="D177" t="str">
            <v>PD-RES</v>
          </cell>
          <cell r="E177" t="str">
            <v>Power Delivery - BE - Residential</v>
          </cell>
          <cell r="F177" t="str">
            <v>SERVICENC</v>
          </cell>
          <cell r="G177" t="str">
            <v>Service NC</v>
          </cell>
          <cell r="H177" t="str">
            <v>PD-RES \ SERVICENC</v>
          </cell>
          <cell r="I177" t="str">
            <v>CSS</v>
          </cell>
          <cell r="J177" t="str">
            <v>CRDINC</v>
          </cell>
          <cell r="K177" t="str">
            <v>X</v>
          </cell>
          <cell r="L177" t="str">
            <v>Service NC</v>
          </cell>
          <cell r="M177" t="str">
            <v>N</v>
          </cell>
        </row>
        <row r="178">
          <cell r="A178" t="str">
            <v>CRDISC</v>
          </cell>
          <cell r="B178" t="str">
            <v>PD Capital</v>
          </cell>
          <cell r="C178" t="str">
            <v>Carolinas</v>
          </cell>
          <cell r="D178" t="str">
            <v>PD-RES</v>
          </cell>
          <cell r="E178" t="str">
            <v>Power Delivery - BE - Residential</v>
          </cell>
          <cell r="F178" t="str">
            <v>SERVICESC</v>
          </cell>
          <cell r="G178" t="str">
            <v>Service SC</v>
          </cell>
          <cell r="H178" t="str">
            <v>PD-RES \ SERVICESC</v>
          </cell>
          <cell r="I178" t="str">
            <v>CSS</v>
          </cell>
          <cell r="J178" t="str">
            <v>CRDISC</v>
          </cell>
          <cell r="K178" t="str">
            <v>X</v>
          </cell>
          <cell r="L178" t="str">
            <v>Service SC</v>
          </cell>
          <cell r="M178" t="str">
            <v>N</v>
          </cell>
        </row>
        <row r="179">
          <cell r="A179" t="str">
            <v>CREICK</v>
          </cell>
          <cell r="B179" t="str">
            <v>PD Capital</v>
          </cell>
          <cell r="C179" t="str">
            <v>Carolinas</v>
          </cell>
          <cell r="D179" t="str">
            <v>PD-RES</v>
          </cell>
          <cell r="E179" t="str">
            <v>Power Delivery - BE - Residential</v>
          </cell>
          <cell r="F179" t="str">
            <v>RELOUPGCK</v>
          </cell>
          <cell r="G179" t="str">
            <v>Relocation / Upgrade CK</v>
          </cell>
          <cell r="H179" t="str">
            <v>PD-RES \ RELOUPGCK</v>
          </cell>
          <cell r="I179" t="str">
            <v>CRF</v>
          </cell>
          <cell r="J179" t="str">
            <v>CREICK</v>
          </cell>
          <cell r="K179" t="str">
            <v>X</v>
          </cell>
          <cell r="L179" t="str">
            <v>Relocation / Upgrade CK</v>
          </cell>
          <cell r="M179" t="str">
            <v>N</v>
          </cell>
        </row>
        <row r="180">
          <cell r="A180" t="str">
            <v>CREINC</v>
          </cell>
          <cell r="B180" t="str">
            <v>PD Capital</v>
          </cell>
          <cell r="C180" t="str">
            <v>Carolinas</v>
          </cell>
          <cell r="D180" t="str">
            <v>PD-RES</v>
          </cell>
          <cell r="E180" t="str">
            <v>Power Delivery - BE - Residential</v>
          </cell>
          <cell r="F180" t="str">
            <v>RELOUPGNC</v>
          </cell>
          <cell r="G180" t="str">
            <v>Relocation / Upgrade NC</v>
          </cell>
          <cell r="H180" t="str">
            <v>PD-RES \ RELOUPGNC</v>
          </cell>
          <cell r="I180" t="str">
            <v>CRF</v>
          </cell>
          <cell r="J180" t="str">
            <v>CREINC</v>
          </cell>
          <cell r="K180" t="str">
            <v>X</v>
          </cell>
          <cell r="L180" t="str">
            <v>Relocation / Upgrade NC</v>
          </cell>
          <cell r="M180" t="str">
            <v>N</v>
          </cell>
        </row>
        <row r="181">
          <cell r="A181" t="str">
            <v>CREISC</v>
          </cell>
          <cell r="B181" t="str">
            <v>PD Capital</v>
          </cell>
          <cell r="C181" t="str">
            <v>Carolinas</v>
          </cell>
          <cell r="D181" t="str">
            <v>PD-RES</v>
          </cell>
          <cell r="E181" t="str">
            <v>Power Delivery - BE - Residential</v>
          </cell>
          <cell r="F181" t="str">
            <v>RELOUPGSC</v>
          </cell>
          <cell r="G181" t="str">
            <v>Relocation / Upgrade SC</v>
          </cell>
          <cell r="H181" t="str">
            <v>PD-RES \ RELOUPGSC</v>
          </cell>
          <cell r="I181" t="str">
            <v>CRF</v>
          </cell>
          <cell r="J181" t="str">
            <v>CREISC</v>
          </cell>
          <cell r="K181" t="str">
            <v>X</v>
          </cell>
          <cell r="L181" t="str">
            <v>Relocation / Upgrade SC</v>
          </cell>
          <cell r="M181" t="str">
            <v>N</v>
          </cell>
        </row>
        <row r="182">
          <cell r="A182" t="str">
            <v>CRMICK</v>
          </cell>
          <cell r="B182" t="str">
            <v>PD Capital</v>
          </cell>
          <cell r="C182" t="str">
            <v>Carolinas</v>
          </cell>
          <cell r="D182" t="str">
            <v>PD-MFAM</v>
          </cell>
          <cell r="E182" t="str">
            <v>Power Delivery - BE - Multi-Family</v>
          </cell>
          <cell r="F182" t="str">
            <v>SERVICECK</v>
          </cell>
          <cell r="G182" t="str">
            <v>Service CK</v>
          </cell>
          <cell r="H182" t="str">
            <v>PD-MFAM \ SERVICECK</v>
          </cell>
          <cell r="I182" t="str">
            <v>CAS</v>
          </cell>
          <cell r="J182" t="str">
            <v>CRMICK</v>
          </cell>
          <cell r="K182" t="str">
            <v>X</v>
          </cell>
          <cell r="L182" t="str">
            <v>Service CK</v>
          </cell>
          <cell r="M182" t="str">
            <v>N</v>
          </cell>
        </row>
        <row r="183">
          <cell r="A183" t="str">
            <v>CRMINC</v>
          </cell>
          <cell r="B183" t="str">
            <v>PD Capital</v>
          </cell>
          <cell r="C183" t="str">
            <v>Carolinas</v>
          </cell>
          <cell r="D183" t="str">
            <v>PD-MFAM</v>
          </cell>
          <cell r="E183" t="str">
            <v>Power Delivery - BE - Multi-Family</v>
          </cell>
          <cell r="F183" t="str">
            <v>SERVICENC</v>
          </cell>
          <cell r="G183" t="str">
            <v>Service NC</v>
          </cell>
          <cell r="H183" t="str">
            <v>PD-MFAM \ SERVICENC</v>
          </cell>
          <cell r="I183" t="str">
            <v>CAS</v>
          </cell>
          <cell r="J183" t="str">
            <v>CRMINC</v>
          </cell>
          <cell r="K183" t="str">
            <v>X</v>
          </cell>
          <cell r="L183" t="str">
            <v>Service NC</v>
          </cell>
          <cell r="M183" t="str">
            <v>N</v>
          </cell>
        </row>
        <row r="184">
          <cell r="A184" t="str">
            <v>CRMISC</v>
          </cell>
          <cell r="B184" t="str">
            <v>PD Capital</v>
          </cell>
          <cell r="C184" t="str">
            <v>Carolinas</v>
          </cell>
          <cell r="D184" t="str">
            <v>PD-MFAM</v>
          </cell>
          <cell r="E184" t="str">
            <v>Power Delivery - BE - Multi-Family</v>
          </cell>
          <cell r="F184" t="str">
            <v>SERVICESC</v>
          </cell>
          <cell r="G184" t="str">
            <v>Service SC</v>
          </cell>
          <cell r="H184" t="str">
            <v>PD-MFAM \ SERVICESC</v>
          </cell>
          <cell r="I184" t="str">
            <v>CAS</v>
          </cell>
          <cell r="J184" t="str">
            <v>CRMISC</v>
          </cell>
          <cell r="K184" t="str">
            <v>X</v>
          </cell>
          <cell r="L184" t="str">
            <v>Service SC</v>
          </cell>
          <cell r="M184" t="str">
            <v>N</v>
          </cell>
        </row>
        <row r="185">
          <cell r="A185" t="str">
            <v>CSDICK</v>
          </cell>
          <cell r="B185" t="str">
            <v>PD Capital</v>
          </cell>
          <cell r="C185" t="str">
            <v>Carolinas</v>
          </cell>
          <cell r="D185" t="str">
            <v>PD-NLITE</v>
          </cell>
          <cell r="E185" t="str">
            <v>Power Delivery - FOC Lighting</v>
          </cell>
          <cell r="F185" t="str">
            <v>DEC STREET CK</v>
          </cell>
          <cell r="G185" t="str">
            <v>Decorative Street Lighting CK</v>
          </cell>
          <cell r="H185" t="str">
            <v>PD-NLITE \ DEC STREET CK</v>
          </cell>
          <cell r="I185" t="str">
            <v>CSD</v>
          </cell>
          <cell r="J185" t="str">
            <v>CSDICK</v>
          </cell>
          <cell r="K185" t="str">
            <v>X</v>
          </cell>
          <cell r="L185" t="str">
            <v>Decorative Street Lighting CK</v>
          </cell>
          <cell r="M185" t="str">
            <v>N</v>
          </cell>
        </row>
        <row r="186">
          <cell r="A186" t="str">
            <v>CSDINC</v>
          </cell>
          <cell r="B186" t="str">
            <v>PD Capital</v>
          </cell>
          <cell r="C186" t="str">
            <v>Carolinas</v>
          </cell>
          <cell r="D186" t="str">
            <v>PD-NLITE</v>
          </cell>
          <cell r="E186" t="str">
            <v>Power Delivery - FOC Lighting</v>
          </cell>
          <cell r="F186" t="str">
            <v>DEC STREET NC</v>
          </cell>
          <cell r="G186" t="str">
            <v>Decorative Street Lighting NC</v>
          </cell>
          <cell r="H186" t="str">
            <v>PD-NLITE \ DEC STREET NC</v>
          </cell>
          <cell r="I186" t="str">
            <v>CSD</v>
          </cell>
          <cell r="J186" t="str">
            <v>CSDINC</v>
          </cell>
          <cell r="K186" t="str">
            <v>X</v>
          </cell>
          <cell r="L186" t="str">
            <v>Decorative Street Lighting NC</v>
          </cell>
          <cell r="M186" t="str">
            <v>N</v>
          </cell>
        </row>
        <row r="187">
          <cell r="A187" t="str">
            <v>CSDISC</v>
          </cell>
          <cell r="B187" t="str">
            <v>PD Capital</v>
          </cell>
          <cell r="C187" t="str">
            <v>Carolinas</v>
          </cell>
          <cell r="D187" t="str">
            <v>PD-NLITE</v>
          </cell>
          <cell r="E187" t="str">
            <v>Power Delivery - FOC Lighting</v>
          </cell>
          <cell r="F187" t="str">
            <v>DEC STREET SC</v>
          </cell>
          <cell r="G187" t="str">
            <v>Decorative Street Lighting SC</v>
          </cell>
          <cell r="H187" t="str">
            <v>PD-NLITE \ DEC STREET SC</v>
          </cell>
          <cell r="I187" t="str">
            <v>CSD</v>
          </cell>
          <cell r="J187" t="str">
            <v>CSDISC</v>
          </cell>
          <cell r="K187" t="str">
            <v>X</v>
          </cell>
          <cell r="L187" t="str">
            <v>Decorative Street Lighting SC</v>
          </cell>
          <cell r="M187" t="str">
            <v>N</v>
          </cell>
        </row>
        <row r="188">
          <cell r="A188" t="str">
            <v>CSIICK</v>
          </cell>
          <cell r="B188" t="str">
            <v>PD Capital</v>
          </cell>
          <cell r="C188" t="str">
            <v>Carolinas</v>
          </cell>
          <cell r="D188" t="str">
            <v>PD-INTGT</v>
          </cell>
          <cell r="E188" t="str">
            <v>Power Delivery - Integrity</v>
          </cell>
          <cell r="F188" t="str">
            <v>POLERPODCK</v>
          </cell>
          <cell r="G188" t="str">
            <v>Pole Replacement non-LIP (Car wrecks, discovered by routine work, anything non-LIP) CK</v>
          </cell>
          <cell r="H188" t="str">
            <v>PD-INTGT \ POLERPODCK</v>
          </cell>
          <cell r="I188" t="str">
            <v>CSI</v>
          </cell>
          <cell r="J188" t="str">
            <v>CSIICK</v>
          </cell>
          <cell r="K188" t="str">
            <v>X</v>
          </cell>
          <cell r="L188" t="str">
            <v>Pole Replacement non-LIP (Car wrecks, discovered by routine work, anything non-LIP) CK</v>
          </cell>
          <cell r="M188" t="str">
            <v>N</v>
          </cell>
        </row>
        <row r="189">
          <cell r="A189" t="str">
            <v>CSIINC</v>
          </cell>
          <cell r="B189" t="str">
            <v>PD Capital</v>
          </cell>
          <cell r="C189" t="str">
            <v>Carolinas</v>
          </cell>
          <cell r="D189" t="str">
            <v>PD-INTGT</v>
          </cell>
          <cell r="E189" t="str">
            <v>Power Delivery - Integrity</v>
          </cell>
          <cell r="F189" t="str">
            <v>POLERPODNC</v>
          </cell>
          <cell r="G189" t="str">
            <v>Pole Replacement non-LIP (Car wrecks, discovered by routine work, anything non-LIP) NC</v>
          </cell>
          <cell r="H189" t="str">
            <v>PD-INTGT \ POLERPODNC</v>
          </cell>
          <cell r="I189" t="str">
            <v>CSI</v>
          </cell>
          <cell r="J189" t="str">
            <v>CSIINC</v>
          </cell>
          <cell r="K189" t="str">
            <v>X</v>
          </cell>
          <cell r="L189" t="str">
            <v>Pole Replacement non-LIP (Car wrecks, discovered by routine work, anything non-LIP) NC</v>
          </cell>
          <cell r="M189" t="str">
            <v>N</v>
          </cell>
        </row>
        <row r="190">
          <cell r="A190" t="str">
            <v>CSIISC</v>
          </cell>
          <cell r="B190" t="str">
            <v>PD Capital</v>
          </cell>
          <cell r="C190" t="str">
            <v>Carolinas</v>
          </cell>
          <cell r="D190" t="str">
            <v>PD-INTGT</v>
          </cell>
          <cell r="E190" t="str">
            <v>Power Delivery - Integrity</v>
          </cell>
          <cell r="F190" t="str">
            <v>POLERPODSC</v>
          </cell>
          <cell r="G190" t="str">
            <v>Pole Replacement non-LIP (Car wrecks, discovered by routine work, anything non-LIP) SC</v>
          </cell>
          <cell r="H190" t="str">
            <v>PD-INTGT \ POLERPODSC</v>
          </cell>
          <cell r="I190" t="str">
            <v>CSI</v>
          </cell>
          <cell r="J190" t="str">
            <v>CSIISC</v>
          </cell>
          <cell r="K190" t="str">
            <v>X</v>
          </cell>
          <cell r="L190" t="str">
            <v>Pole Replacement non-LIP (Car wrecks, discovered by routine work, anything non-LIP) SC</v>
          </cell>
          <cell r="M190" t="str">
            <v>N</v>
          </cell>
        </row>
        <row r="191">
          <cell r="A191" t="str">
            <v>CSIN</v>
          </cell>
          <cell r="B191" t="str">
            <v>PD Capital</v>
          </cell>
          <cell r="C191" t="str">
            <v>MW</v>
          </cell>
          <cell r="D191" t="str">
            <v>PD-RELIA</v>
          </cell>
          <cell r="E191" t="str">
            <v>Power Delivery - Reliability</v>
          </cell>
          <cell r="F191" t="str">
            <v>CIR SECTIN</v>
          </cell>
          <cell r="G191" t="str">
            <v>Installation of sectionalizing devices (reclosers, sectionalizers, OVRs, etc) IN</v>
          </cell>
          <cell r="H191" t="str">
            <v>PD-RELIA \ CIR SECTIN</v>
          </cell>
          <cell r="I191" t="str">
            <v>RFS</v>
          </cell>
          <cell r="J191" t="str">
            <v>CSIN</v>
          </cell>
          <cell r="K191" t="str">
            <v>I</v>
          </cell>
          <cell r="L191" t="str">
            <v>Installation of sectionalizing devices (reclosers, sectionalizers, OVRs, etc) IN</v>
          </cell>
          <cell r="M191" t="str">
            <v>N</v>
          </cell>
        </row>
        <row r="192">
          <cell r="A192" t="str">
            <v>CSKY</v>
          </cell>
          <cell r="B192" t="str">
            <v>PD Capital</v>
          </cell>
          <cell r="C192" t="str">
            <v>MW</v>
          </cell>
          <cell r="D192" t="str">
            <v>PD-RELIA</v>
          </cell>
          <cell r="E192" t="str">
            <v>Power Delivery - Reliability</v>
          </cell>
          <cell r="F192" t="str">
            <v>CIR SECTKY</v>
          </cell>
          <cell r="G192" t="str">
            <v>Installation of sectionalizing devices (reclosers, sectionalizers, OVRs, etc) KY</v>
          </cell>
          <cell r="H192" t="str">
            <v>PD-RELIA \ CIR SECTKY</v>
          </cell>
          <cell r="I192" t="str">
            <v>RFS</v>
          </cell>
          <cell r="J192" t="str">
            <v>CSKY</v>
          </cell>
          <cell r="K192" t="str">
            <v>I</v>
          </cell>
          <cell r="L192" t="str">
            <v>Installation of sectionalizing devices (reclosers, sectionalizers, OVRs, etc) KY</v>
          </cell>
          <cell r="M192" t="str">
            <v>N</v>
          </cell>
        </row>
        <row r="193">
          <cell r="A193" t="str">
            <v>CSLICK</v>
          </cell>
          <cell r="B193" t="str">
            <v>PD Capital</v>
          </cell>
          <cell r="C193" t="str">
            <v>Carolinas</v>
          </cell>
          <cell r="D193" t="str">
            <v>PD-NLITE</v>
          </cell>
          <cell r="E193" t="str">
            <v>Power Delivery - FOC Lighting</v>
          </cell>
          <cell r="F193" t="str">
            <v>STREET CK</v>
          </cell>
          <cell r="G193" t="str">
            <v>Street Light CK</v>
          </cell>
          <cell r="H193" t="str">
            <v>PD-NLITE \ STREET CK</v>
          </cell>
          <cell r="I193" t="str">
            <v>CSL</v>
          </cell>
          <cell r="J193" t="str">
            <v>CSLICK</v>
          </cell>
          <cell r="K193" t="str">
            <v>X</v>
          </cell>
          <cell r="L193" t="str">
            <v>Street Light CK</v>
          </cell>
          <cell r="M193" t="str">
            <v>N</v>
          </cell>
        </row>
        <row r="194">
          <cell r="A194" t="str">
            <v>CSLINC</v>
          </cell>
          <cell r="B194" t="str">
            <v>PD Capital</v>
          </cell>
          <cell r="C194" t="str">
            <v>Carolinas</v>
          </cell>
          <cell r="D194" t="str">
            <v>PD-NLITE</v>
          </cell>
          <cell r="E194" t="str">
            <v>Power Delivery - FOC Lighting</v>
          </cell>
          <cell r="F194" t="str">
            <v>STREET NC</v>
          </cell>
          <cell r="G194" t="str">
            <v>Street Light NC</v>
          </cell>
          <cell r="H194" t="str">
            <v>PD-NLITE \ STREET NC</v>
          </cell>
          <cell r="I194" t="str">
            <v>CSL</v>
          </cell>
          <cell r="J194" t="str">
            <v>CSLINC</v>
          </cell>
          <cell r="K194" t="str">
            <v>X</v>
          </cell>
          <cell r="L194" t="str">
            <v>Street Light NC</v>
          </cell>
          <cell r="M194" t="str">
            <v>N</v>
          </cell>
        </row>
        <row r="195">
          <cell r="A195" t="str">
            <v>CSLISC</v>
          </cell>
          <cell r="B195" t="str">
            <v>PD Capital</v>
          </cell>
          <cell r="C195" t="str">
            <v>Carolinas</v>
          </cell>
          <cell r="D195" t="str">
            <v>PD-NLITE</v>
          </cell>
          <cell r="E195" t="str">
            <v>Power Delivery - FOC Lighting</v>
          </cell>
          <cell r="F195" t="str">
            <v>STREET SC</v>
          </cell>
          <cell r="G195" t="str">
            <v>Street Light SC</v>
          </cell>
          <cell r="H195" t="str">
            <v>PD-NLITE \ STREET SC</v>
          </cell>
          <cell r="I195" t="str">
            <v>CSL</v>
          </cell>
          <cell r="J195" t="str">
            <v>CSLISC</v>
          </cell>
          <cell r="K195" t="str">
            <v>X</v>
          </cell>
          <cell r="L195" t="str">
            <v>Street Light SC</v>
          </cell>
          <cell r="M195" t="str">
            <v>N</v>
          </cell>
        </row>
        <row r="196">
          <cell r="A196" t="str">
            <v>CSOH</v>
          </cell>
          <cell r="B196" t="str">
            <v>PD Capital</v>
          </cell>
          <cell r="C196" t="str">
            <v>MW</v>
          </cell>
          <cell r="D196" t="str">
            <v>PD-RELIA</v>
          </cell>
          <cell r="E196" t="str">
            <v>Power Delivery - Reliability</v>
          </cell>
          <cell r="F196" t="str">
            <v>CIR SECTOH</v>
          </cell>
          <cell r="G196" t="str">
            <v>Installation of sectionalizing devices (reclosers, sectionalizers, OVRs, etc) OH</v>
          </cell>
          <cell r="H196" t="str">
            <v>PD-RELIA \ CIR SECTOH</v>
          </cell>
          <cell r="I196" t="str">
            <v>RFS</v>
          </cell>
          <cell r="J196" t="str">
            <v>CSOH</v>
          </cell>
          <cell r="K196" t="str">
            <v>I</v>
          </cell>
          <cell r="L196" t="str">
            <v>Installation of sectionalizing devices (reclosers, sectionalizers, OVRs, etc) OH</v>
          </cell>
          <cell r="M196" t="str">
            <v>N</v>
          </cell>
        </row>
        <row r="197">
          <cell r="A197" t="str">
            <v>CSPICK</v>
          </cell>
          <cell r="B197" t="str">
            <v>PD Capital</v>
          </cell>
          <cell r="C197" t="str">
            <v>Carolinas</v>
          </cell>
          <cell r="D197" t="str">
            <v>PD-RES</v>
          </cell>
          <cell r="E197" t="str">
            <v>Power Delivery - BE - Residential</v>
          </cell>
          <cell r="F197" t="str">
            <v>PRI/SEC CK</v>
          </cell>
          <cell r="G197" t="str">
            <v>Primary / Secondary CK</v>
          </cell>
          <cell r="H197" t="str">
            <v>PD-RES \ PRI/SEC CK</v>
          </cell>
          <cell r="I197" t="str">
            <v>CSP</v>
          </cell>
          <cell r="J197" t="str">
            <v>CSPICK</v>
          </cell>
          <cell r="K197" t="str">
            <v>X</v>
          </cell>
          <cell r="L197" t="str">
            <v>Primary / Secondary CK</v>
          </cell>
          <cell r="M197" t="str">
            <v>N</v>
          </cell>
        </row>
        <row r="198">
          <cell r="A198" t="str">
            <v>CSPIN</v>
          </cell>
          <cell r="B198" t="str">
            <v>PD Capital</v>
          </cell>
          <cell r="C198" t="str">
            <v>MW</v>
          </cell>
          <cell r="D198" t="str">
            <v>PD-RELIA</v>
          </cell>
          <cell r="E198" t="str">
            <v>Power Delivery - Reliability</v>
          </cell>
          <cell r="F198" t="str">
            <v>TX RETROIN</v>
          </cell>
          <cell r="G198" t="str">
            <v>Retrofitting CSP transformers IN</v>
          </cell>
          <cell r="H198" t="str">
            <v>PD-RELIA \ TX RETROIN</v>
          </cell>
          <cell r="I198" t="str">
            <v>RXR</v>
          </cell>
          <cell r="J198" t="str">
            <v>CSPIN</v>
          </cell>
          <cell r="K198" t="str">
            <v>I</v>
          </cell>
          <cell r="L198" t="str">
            <v>Retrofitting CSP transformers IN</v>
          </cell>
          <cell r="M198" t="str">
            <v>N</v>
          </cell>
        </row>
        <row r="199">
          <cell r="A199" t="str">
            <v>CSPINC</v>
          </cell>
          <cell r="B199" t="str">
            <v>PD Capital</v>
          </cell>
          <cell r="C199" t="str">
            <v>Carolinas</v>
          </cell>
          <cell r="D199" t="str">
            <v>PD-RES</v>
          </cell>
          <cell r="E199" t="str">
            <v>Power Delivery - BE - Residential</v>
          </cell>
          <cell r="F199" t="str">
            <v>PRI/SEC NC</v>
          </cell>
          <cell r="G199" t="str">
            <v>Primary / Secondary NC</v>
          </cell>
          <cell r="H199" t="str">
            <v>PD-RES \ PRI/SEC NC</v>
          </cell>
          <cell r="I199" t="str">
            <v>CSP</v>
          </cell>
          <cell r="J199" t="str">
            <v>CSPINC</v>
          </cell>
          <cell r="K199" t="str">
            <v>X</v>
          </cell>
          <cell r="L199" t="str">
            <v>Primary / Secondary NC</v>
          </cell>
          <cell r="M199" t="str">
            <v>N</v>
          </cell>
        </row>
        <row r="200">
          <cell r="A200" t="str">
            <v>CSPISC</v>
          </cell>
          <cell r="B200" t="str">
            <v>PD Capital</v>
          </cell>
          <cell r="C200" t="str">
            <v>Carolinas</v>
          </cell>
          <cell r="D200" t="str">
            <v>PD-RES</v>
          </cell>
          <cell r="E200" t="str">
            <v>Power Delivery - BE - Residential</v>
          </cell>
          <cell r="F200" t="str">
            <v>PRI/SEC SC</v>
          </cell>
          <cell r="G200" t="str">
            <v>Primary / Secondary</v>
          </cell>
          <cell r="H200" t="str">
            <v>PD-RES \ PRI/SEC SC</v>
          </cell>
          <cell r="I200" t="str">
            <v>CSP</v>
          </cell>
          <cell r="J200" t="str">
            <v>CSPISC</v>
          </cell>
          <cell r="K200" t="str">
            <v>X</v>
          </cell>
          <cell r="L200" t="str">
            <v>Primary / Secondary</v>
          </cell>
          <cell r="M200" t="str">
            <v>N</v>
          </cell>
        </row>
        <row r="201">
          <cell r="A201" t="str">
            <v>CSPKY</v>
          </cell>
          <cell r="B201" t="str">
            <v>PD Capital</v>
          </cell>
          <cell r="C201" t="str">
            <v>MW</v>
          </cell>
          <cell r="D201" t="str">
            <v>PD-RELIA</v>
          </cell>
          <cell r="E201" t="str">
            <v>Power Delivery - Reliability</v>
          </cell>
          <cell r="F201" t="str">
            <v>TX RETROKY</v>
          </cell>
          <cell r="G201" t="str">
            <v>Retrofitting CSP transformers KY</v>
          </cell>
          <cell r="H201" t="str">
            <v>PD-RELIA \ TX RETROKY</v>
          </cell>
          <cell r="I201" t="str">
            <v>RXR</v>
          </cell>
          <cell r="J201" t="str">
            <v>CSPKY</v>
          </cell>
          <cell r="K201" t="str">
            <v>I</v>
          </cell>
          <cell r="L201" t="str">
            <v>Retrofitting CSP transformers KY</v>
          </cell>
          <cell r="M201" t="str">
            <v>N</v>
          </cell>
        </row>
        <row r="202">
          <cell r="A202" t="str">
            <v>CSPOH</v>
          </cell>
          <cell r="B202" t="str">
            <v>PD Capital</v>
          </cell>
          <cell r="C202" t="str">
            <v>MW</v>
          </cell>
          <cell r="D202" t="str">
            <v>PD-RELIA</v>
          </cell>
          <cell r="E202" t="str">
            <v>Power Delivery - Reliability</v>
          </cell>
          <cell r="F202" t="str">
            <v>TX RETROOH</v>
          </cell>
          <cell r="G202" t="str">
            <v>Retrofitting CSP transformers OH</v>
          </cell>
          <cell r="H202" t="str">
            <v>PD-RELIA \ TX RETROOH</v>
          </cell>
          <cell r="I202" t="str">
            <v>RXR</v>
          </cell>
          <cell r="J202" t="str">
            <v>CSPOH</v>
          </cell>
          <cell r="K202" t="str">
            <v>I</v>
          </cell>
          <cell r="L202" t="str">
            <v>Retrofitting CSP transformers OH</v>
          </cell>
          <cell r="M202" t="str">
            <v>N</v>
          </cell>
        </row>
        <row r="203">
          <cell r="A203" t="str">
            <v>CSRICK</v>
          </cell>
          <cell r="B203" t="str">
            <v>PD Capital</v>
          </cell>
          <cell r="C203" t="str">
            <v>Carolinas</v>
          </cell>
          <cell r="D203" t="str">
            <v>PD-LTREP</v>
          </cell>
          <cell r="E203" t="str">
            <v>Power Delivery - FOC Lighting Replacement</v>
          </cell>
          <cell r="F203" t="str">
            <v>STREET CK</v>
          </cell>
          <cell r="G203" t="str">
            <v>Street Light -replacement bad head CK</v>
          </cell>
          <cell r="H203" t="str">
            <v>PD-LTREP \ STREET CK</v>
          </cell>
          <cell r="I203" t="str">
            <v>CSR</v>
          </cell>
          <cell r="J203" t="str">
            <v>CSRICK</v>
          </cell>
          <cell r="K203" t="str">
            <v>X</v>
          </cell>
          <cell r="L203" t="str">
            <v>Street Light -replacement bad head CK</v>
          </cell>
          <cell r="M203" t="str">
            <v>N</v>
          </cell>
        </row>
        <row r="204">
          <cell r="A204" t="str">
            <v>CSRINC</v>
          </cell>
          <cell r="B204" t="str">
            <v>PD Capital</v>
          </cell>
          <cell r="C204" t="str">
            <v>Carolinas</v>
          </cell>
          <cell r="D204" t="str">
            <v>PD-LTREP</v>
          </cell>
          <cell r="E204" t="str">
            <v>Power Delivery - FOC Lighting Replacement</v>
          </cell>
          <cell r="F204" t="str">
            <v>STREET NC</v>
          </cell>
          <cell r="G204" t="str">
            <v>Street Light -replacement bad head NC</v>
          </cell>
          <cell r="H204" t="str">
            <v>PD-LTREP \ STREET NC</v>
          </cell>
          <cell r="I204" t="str">
            <v>CSR</v>
          </cell>
          <cell r="J204" t="str">
            <v>CSRINC</v>
          </cell>
          <cell r="K204" t="str">
            <v>X</v>
          </cell>
          <cell r="L204" t="str">
            <v>Street Light -replacement bad head NC</v>
          </cell>
          <cell r="M204" t="str">
            <v>N</v>
          </cell>
        </row>
        <row r="205">
          <cell r="A205" t="str">
            <v>CSRISC</v>
          </cell>
          <cell r="B205" t="str">
            <v>PD Capital</v>
          </cell>
          <cell r="C205" t="str">
            <v>Carolinas</v>
          </cell>
          <cell r="D205" t="str">
            <v>PD-LTREP</v>
          </cell>
          <cell r="E205" t="str">
            <v>Power Delivery - FOC Lighting Replacement</v>
          </cell>
          <cell r="F205" t="str">
            <v>STREET SC</v>
          </cell>
          <cell r="G205" t="str">
            <v>Street Light -replacement bad head SC</v>
          </cell>
          <cell r="H205" t="str">
            <v>PD-LTREP \ STREET SC</v>
          </cell>
          <cell r="I205" t="str">
            <v>CSR</v>
          </cell>
          <cell r="J205" t="str">
            <v>CSRISC</v>
          </cell>
          <cell r="K205" t="str">
            <v>X</v>
          </cell>
          <cell r="L205" t="str">
            <v>Street Light -replacement bad head SC</v>
          </cell>
          <cell r="M205" t="str">
            <v>N</v>
          </cell>
        </row>
        <row r="206">
          <cell r="A206" t="str">
            <v>CUSINS</v>
          </cell>
          <cell r="B206" t="str">
            <v>PD O&amp;M</v>
          </cell>
          <cell r="C206" t="str">
            <v>MW</v>
          </cell>
          <cell r="D206" t="str">
            <v>PD-CPREM</v>
          </cell>
          <cell r="E206" t="e">
            <v>#N/A</v>
          </cell>
          <cell r="F206" t="str">
            <v>CSPREMISE</v>
          </cell>
          <cell r="G206" t="e">
            <v>#N/A</v>
          </cell>
          <cell r="H206" t="str">
            <v>PD-CPREM \ CSPREMISE</v>
          </cell>
          <cell r="I206" t="str">
            <v>CUSINS</v>
          </cell>
          <cell r="J206" t="str">
            <v>CUSINS</v>
          </cell>
          <cell r="K206" t="str">
            <v>X</v>
          </cell>
          <cell r="L206" t="str">
            <v>CUSTOMER PREMISE - INQUIRY INVESTIGATION &amp; REPAIR (NON-OUTAGE RELATED)</v>
          </cell>
          <cell r="M206" t="str">
            <v>N</v>
          </cell>
        </row>
        <row r="207">
          <cell r="A207" t="str">
            <v>CUSTPREM</v>
          </cell>
          <cell r="B207" t="str">
            <v>Gas O&amp;M</v>
          </cell>
          <cell r="C207" t="e">
            <v>#N/A</v>
          </cell>
          <cell r="D207" t="str">
            <v>GO-DAMAGE</v>
          </cell>
          <cell r="E207" t="e">
            <v>#N/A</v>
          </cell>
          <cell r="F207" t="str">
            <v>CUSTPREM</v>
          </cell>
          <cell r="G207" t="e">
            <v>#N/A</v>
          </cell>
          <cell r="H207" t="str">
            <v>GO-DAMAGE \ CUSTPREM</v>
          </cell>
          <cell r="I207"/>
          <cell r="J207" t="str">
            <v>CUSTPREM</v>
          </cell>
          <cell r="K207" t="str">
            <v>X</v>
          </cell>
          <cell r="L207" t="str">
            <v>Damage on a Gas facility from third party - Customer property non-billing</v>
          </cell>
          <cell r="M207" t="str">
            <v>N</v>
          </cell>
        </row>
        <row r="208">
          <cell r="A208" t="str">
            <v>CUSTPREM</v>
          </cell>
          <cell r="B208" t="str">
            <v>Gas O&amp;M</v>
          </cell>
          <cell r="C208" t="str">
            <v>Gas</v>
          </cell>
          <cell r="D208" t="str">
            <v>GO-PREMW</v>
          </cell>
          <cell r="E208" t="str">
            <v>Gas Operations - Premise Work</v>
          </cell>
          <cell r="F208" t="str">
            <v>CUSTPREM</v>
          </cell>
          <cell r="G208" t="str">
            <v>Painting meter or remodel work on a customer premise</v>
          </cell>
          <cell r="H208" t="str">
            <v>GO-PREMW \ CUSTPREM</v>
          </cell>
          <cell r="I208"/>
          <cell r="J208" t="str">
            <v>CUSTPREM</v>
          </cell>
          <cell r="K208" t="str">
            <v>X</v>
          </cell>
          <cell r="L208" t="str">
            <v>Painting meter or remodel work on a customer premise</v>
          </cell>
          <cell r="M208" t="str">
            <v>N</v>
          </cell>
        </row>
        <row r="209">
          <cell r="A209" t="str">
            <v>D2082</v>
          </cell>
          <cell r="B209" t="str">
            <v>Gas Capital</v>
          </cell>
          <cell r="C209" t="str">
            <v>Gas</v>
          </cell>
          <cell r="D209" t="str">
            <v>GO-RIRPLOH</v>
          </cell>
          <cell r="E209" t="str">
            <v>Gas Operations - Riser Replacement - OH</v>
          </cell>
          <cell r="F209" t="str">
            <v>INSTARRP</v>
          </cell>
          <cell r="G209" t="str">
            <v>INSTALL ARRP RISER/RISER ADAPTER</v>
          </cell>
          <cell r="H209" t="str">
            <v>GO-RIRPLOH \ INSTARRP</v>
          </cell>
          <cell r="I209"/>
          <cell r="J209" t="str">
            <v>D2082</v>
          </cell>
          <cell r="K209" t="str">
            <v>I</v>
          </cell>
          <cell r="L209" t="str">
            <v>INSTALL ARRP RISER/RISER ADAPTER</v>
          </cell>
          <cell r="M209" t="str">
            <v>N</v>
          </cell>
        </row>
        <row r="210">
          <cell r="A210" t="str">
            <v>D2082</v>
          </cell>
          <cell r="B210" t="str">
            <v>Gas Capital</v>
          </cell>
          <cell r="C210" t="str">
            <v>Gas</v>
          </cell>
          <cell r="D210" t="str">
            <v>GO-RIRPLOH</v>
          </cell>
          <cell r="E210" t="str">
            <v>Gas Operations - Riser Replacement - OH</v>
          </cell>
          <cell r="F210" t="str">
            <v>INSTROP</v>
          </cell>
          <cell r="G210" t="str">
            <v>INSTALL ROP RISER/RISER ADAPTER</v>
          </cell>
          <cell r="H210" t="str">
            <v>GO-RIRPLOH \ INSTROP</v>
          </cell>
          <cell r="I210"/>
          <cell r="J210" t="str">
            <v>D2082</v>
          </cell>
          <cell r="K210" t="str">
            <v>I</v>
          </cell>
          <cell r="L210" t="str">
            <v>INSTALL ROP RISER/RISER ADAPTER</v>
          </cell>
          <cell r="M210" t="str">
            <v>N</v>
          </cell>
        </row>
        <row r="211">
          <cell r="A211" t="str">
            <v>DHOTSPOT</v>
          </cell>
          <cell r="B211" t="str">
            <v>PD Veg Mgmt</v>
          </cell>
          <cell r="C211" t="str">
            <v>Veg</v>
          </cell>
          <cell r="D211" t="str">
            <v>PD-DVEGO</v>
          </cell>
          <cell r="E211" t="str">
            <v>Vegetation Management - Distribution - O&amp;M</v>
          </cell>
          <cell r="F211" t="str">
            <v>DVMFURIMW</v>
          </cell>
          <cell r="G211" t="str">
            <v>MW - Veg related follow up requests from field opers - major outage fu or other R&amp;I.</v>
          </cell>
          <cell r="H211" t="str">
            <v>PD-DVEGO \ DVMFURIMW</v>
          </cell>
          <cell r="I211" t="str">
            <v>DLUNPL</v>
          </cell>
          <cell r="J211" t="str">
            <v>DHOTSPOT</v>
          </cell>
          <cell r="K211" t="str">
            <v>X</v>
          </cell>
          <cell r="L211" t="str">
            <v>Veg related follow up requests from field opers - major outage fu or other R&amp;I Midwest</v>
          </cell>
          <cell r="M211" t="str">
            <v>N</v>
          </cell>
        </row>
        <row r="212">
          <cell r="A212" t="str">
            <v>DOADMMT</v>
          </cell>
          <cell r="B212" t="str">
            <v>PD Veg Mgmt</v>
          </cell>
          <cell r="C212" t="str">
            <v>Veg</v>
          </cell>
          <cell r="D212" t="str">
            <v>PD-DVEGO</v>
          </cell>
          <cell r="E212" t="str">
            <v>Vegetation Management - Distribution - O&amp;M</v>
          </cell>
          <cell r="F212" t="str">
            <v>DRWSUPMW</v>
          </cell>
          <cell r="G212" t="str">
            <v>Veg Mgmt expenses such as oversight, expenses, training and other miscellaneous expenses Midwest</v>
          </cell>
          <cell r="H212" t="str">
            <v>PD-DVEGO \ DRWSUPMW</v>
          </cell>
          <cell r="I212" t="str">
            <v>VMADMD</v>
          </cell>
          <cell r="J212" t="str">
            <v>DOADMMT</v>
          </cell>
          <cell r="K212" t="str">
            <v>X</v>
          </cell>
          <cell r="L212" t="str">
            <v>Veg Mgmt expenses such as oversight, expenses, training and other miscellaneous expenses Midwest</v>
          </cell>
          <cell r="M212" t="str">
            <v>N</v>
          </cell>
        </row>
        <row r="213">
          <cell r="A213" t="str">
            <v>DOFPLC</v>
          </cell>
          <cell r="B213" t="str">
            <v>PD Veg Mgmt</v>
          </cell>
          <cell r="C213" t="str">
            <v>Veg</v>
          </cell>
          <cell r="D213" t="str">
            <v>PD-DVEGO</v>
          </cell>
          <cell r="E213" t="str">
            <v>Vegetation Management - Distribution - O&amp;M</v>
          </cell>
          <cell r="F213" t="str">
            <v>DVMFOPI</v>
          </cell>
          <cell r="G213" t="str">
            <v>Veg Mgmt - Pre-planning work for tree crews.</v>
          </cell>
          <cell r="H213" t="str">
            <v>PD-DVEGO \ DVMFOPI</v>
          </cell>
          <cell r="I213" t="str">
            <v>DLUNPL</v>
          </cell>
          <cell r="J213" t="str">
            <v>DOFPLC</v>
          </cell>
          <cell r="K213" t="str">
            <v>X</v>
          </cell>
          <cell r="L213" t="str">
            <v>Veg Mgmt - Pre-planning work for tree crews.</v>
          </cell>
          <cell r="M213" t="str">
            <v>N</v>
          </cell>
        </row>
        <row r="214">
          <cell r="A214" t="str">
            <v>DOLCPC</v>
          </cell>
          <cell r="B214" t="str">
            <v>PD Veg Mgmt</v>
          </cell>
          <cell r="C214" t="str">
            <v>Veg</v>
          </cell>
          <cell r="D214" t="str">
            <v>PD-DVEGO</v>
          </cell>
          <cell r="E214" t="str">
            <v>Vegetation Management - Distribution - O&amp;M</v>
          </cell>
          <cell r="F214" t="str">
            <v>DCIRMAINMW</v>
          </cell>
          <cell r="G214" t="str">
            <v>Veg Mgmt - Distribution routine circuit maintenance Midwest</v>
          </cell>
          <cell r="H214" t="str">
            <v>PD-DVEGO \ DCIRMAINMW</v>
          </cell>
          <cell r="I214" t="str">
            <v>DLCLPLN</v>
          </cell>
          <cell r="J214" t="str">
            <v>DOLCPC</v>
          </cell>
          <cell r="K214" t="str">
            <v>X</v>
          </cell>
          <cell r="L214" t="str">
            <v>Veg Mgmt - Distribution routine circuit maintenance Midwest</v>
          </cell>
          <cell r="M214" t="str">
            <v>N</v>
          </cell>
        </row>
        <row r="215">
          <cell r="A215" t="str">
            <v>DOLCUC</v>
          </cell>
          <cell r="B215" t="str">
            <v>PD Veg Mgmt</v>
          </cell>
          <cell r="C215" t="str">
            <v>Veg</v>
          </cell>
          <cell r="D215" t="str">
            <v>PD-DVEGO</v>
          </cell>
          <cell r="E215" t="str">
            <v>Vegetation Management - Distribution - O&amp;M</v>
          </cell>
          <cell r="F215" t="str">
            <v>DVMFUCUSMW</v>
          </cell>
          <cell r="G215" t="str">
            <v>Vegetation related requests from customers were it is deemed work is necessary Midwest</v>
          </cell>
          <cell r="H215" t="str">
            <v>PD-DVEGO \ DVMFUCUSMW</v>
          </cell>
          <cell r="I215" t="str">
            <v>DLUNPL</v>
          </cell>
          <cell r="J215" t="str">
            <v>DOLCUC</v>
          </cell>
          <cell r="K215" t="str">
            <v>X</v>
          </cell>
          <cell r="L215" t="str">
            <v>Vegetation related requests from customers were it is deemed work is necessary Midwest</v>
          </cell>
          <cell r="M215" t="str">
            <v>N</v>
          </cell>
        </row>
        <row r="216">
          <cell r="A216" t="str">
            <v>DSVMCC</v>
          </cell>
          <cell r="B216" t="str">
            <v>PD Veg Mgmt</v>
          </cell>
          <cell r="C216" t="str">
            <v>Veg</v>
          </cell>
          <cell r="D216" t="str">
            <v>PD-SUBVM</v>
          </cell>
          <cell r="E216" t="str">
            <v>Vegetation Management - Substation - O&amp;M</v>
          </cell>
          <cell r="F216" t="str">
            <v>SUBVMRETMW</v>
          </cell>
          <cell r="G216" t="str">
            <v>Sub VM Distribution station bare ground herbicide Midwest</v>
          </cell>
          <cell r="H216" t="str">
            <v>PD-SUBVM \ SUBVMRETMW</v>
          </cell>
          <cell r="I216" t="str">
            <v>DVMCHEM</v>
          </cell>
          <cell r="J216" t="str">
            <v>DSVMCC</v>
          </cell>
          <cell r="K216" t="str">
            <v>X</v>
          </cell>
          <cell r="L216" t="str">
            <v>Sub VM Distribution station bare ground herbicide Midwest</v>
          </cell>
          <cell r="M216" t="str">
            <v>N</v>
          </cell>
        </row>
        <row r="217">
          <cell r="A217" t="str">
            <v>DWAICK</v>
          </cell>
          <cell r="B217" t="str">
            <v>PD Capital</v>
          </cell>
          <cell r="C217" t="str">
            <v>Carolinas</v>
          </cell>
          <cell r="D217" t="str">
            <v>PD-INTGT</v>
          </cell>
          <cell r="E217" t="str">
            <v>Power Delivery - Integrity</v>
          </cell>
          <cell r="F217" t="str">
            <v>DW/PILCCK</v>
          </cell>
          <cell r="G217" t="str">
            <v>Underground cable replacement Drainwire/PILC CK</v>
          </cell>
          <cell r="H217" t="str">
            <v>PD-INTGT \ DW/PILCCK</v>
          </cell>
          <cell r="I217" t="str">
            <v>DWA</v>
          </cell>
          <cell r="J217" t="str">
            <v>DWAICK</v>
          </cell>
          <cell r="K217" t="str">
            <v>X</v>
          </cell>
          <cell r="L217" t="str">
            <v>Underground cable replacement Drainwire/PILC CK</v>
          </cell>
          <cell r="M217" t="str">
            <v>N</v>
          </cell>
        </row>
        <row r="218">
          <cell r="A218" t="str">
            <v>DWAINC</v>
          </cell>
          <cell r="B218" t="str">
            <v>PD Capital</v>
          </cell>
          <cell r="C218" t="str">
            <v>Carolinas</v>
          </cell>
          <cell r="D218" t="str">
            <v>PD-INTGT</v>
          </cell>
          <cell r="E218" t="str">
            <v>Power Delivery - Integrity</v>
          </cell>
          <cell r="F218" t="str">
            <v>DW/PILCNC</v>
          </cell>
          <cell r="G218" t="str">
            <v>Underground cable replacement Drainwire/PILC NC</v>
          </cell>
          <cell r="H218" t="str">
            <v>PD-INTGT \ DW/PILCNC</v>
          </cell>
          <cell r="I218" t="str">
            <v>DWA</v>
          </cell>
          <cell r="J218" t="str">
            <v>DWAINC</v>
          </cell>
          <cell r="K218" t="str">
            <v>X</v>
          </cell>
          <cell r="L218" t="str">
            <v>Underground cable replacement Drainwire/PILC NC</v>
          </cell>
          <cell r="M218" t="str">
            <v>N</v>
          </cell>
        </row>
        <row r="219">
          <cell r="A219" t="str">
            <v>DWAISC</v>
          </cell>
          <cell r="B219" t="str">
            <v>PD Capital</v>
          </cell>
          <cell r="C219" t="str">
            <v>Carolinas</v>
          </cell>
          <cell r="D219" t="str">
            <v>PD-INTGT</v>
          </cell>
          <cell r="E219" t="str">
            <v>Power Delivery - Integrity</v>
          </cell>
          <cell r="F219" t="str">
            <v>DW/PILCSC</v>
          </cell>
          <cell r="G219" t="str">
            <v>Underground cable replacement Drainwire/PILC SC</v>
          </cell>
          <cell r="H219" t="str">
            <v>PD-INTGT \ DW/PILCSC</v>
          </cell>
          <cell r="I219" t="str">
            <v>DWA</v>
          </cell>
          <cell r="J219" t="str">
            <v>DWAISC</v>
          </cell>
          <cell r="K219" t="str">
            <v>X</v>
          </cell>
          <cell r="L219" t="str">
            <v>Underground cable replacement Drainwire/PILC SC</v>
          </cell>
          <cell r="M219" t="str">
            <v>N</v>
          </cell>
        </row>
        <row r="220">
          <cell r="A220" t="str">
            <v>EDGHPRV</v>
          </cell>
          <cell r="B220" t="str">
            <v>Gas O&amp;M</v>
          </cell>
          <cell r="C220" t="str">
            <v>Gas</v>
          </cell>
          <cell r="D220" t="str">
            <v>GO-INSP</v>
          </cell>
          <cell r="E220" t="str">
            <v>Gas Operations - Inspections</v>
          </cell>
          <cell r="F220" t="str">
            <v>EDGHPEX</v>
          </cell>
          <cell r="G220" t="str">
            <v>House Line Inspection - Inside Piping</v>
          </cell>
          <cell r="H220" t="str">
            <v>GO-INSP \ EDGHPEX</v>
          </cell>
          <cell r="I220"/>
          <cell r="J220" t="str">
            <v>EDGHPRV</v>
          </cell>
          <cell r="K220" t="str">
            <v>X</v>
          </cell>
          <cell r="L220" t="str">
            <v>House Line Inspection-Inside Piping</v>
          </cell>
          <cell r="M220" t="str">
            <v>N</v>
          </cell>
        </row>
        <row r="221">
          <cell r="A221" t="str">
            <v>EDGLL</v>
          </cell>
          <cell r="B221" t="str">
            <v>Gas O&amp;M</v>
          </cell>
          <cell r="C221" t="e">
            <v>#N/A</v>
          </cell>
          <cell r="D221" t="str">
            <v>GO-LNLOC</v>
          </cell>
          <cell r="E221" t="e">
            <v>#N/A</v>
          </cell>
          <cell r="F221" t="str">
            <v>EDGLL</v>
          </cell>
          <cell r="G221" t="e">
            <v>#N/A</v>
          </cell>
          <cell r="H221" t="str">
            <v>GO-LNLOC \ EDGLL</v>
          </cell>
          <cell r="I221"/>
          <cell r="J221" t="str">
            <v>EDGLL</v>
          </cell>
          <cell r="K221" t="str">
            <v>X</v>
          </cell>
          <cell r="L221" t="str">
            <v>Gas Line Locates</v>
          </cell>
          <cell r="M221" t="str">
            <v>N</v>
          </cell>
        </row>
        <row r="222">
          <cell r="A222" t="str">
            <v>EDGLS</v>
          </cell>
          <cell r="B222" t="str">
            <v>Gas O&amp;M</v>
          </cell>
          <cell r="C222" t="str">
            <v>Gas</v>
          </cell>
          <cell r="D222" t="str">
            <v>GO-INSP</v>
          </cell>
          <cell r="E222" t="str">
            <v>Gas Operations - Inspections</v>
          </cell>
          <cell r="F222" t="str">
            <v>EDGLS</v>
          </cell>
          <cell r="G222" t="str">
            <v>Leak Survey</v>
          </cell>
          <cell r="H222" t="str">
            <v>GO-INSP \ EDGLS</v>
          </cell>
          <cell r="I222"/>
          <cell r="J222" t="str">
            <v>EDGLS</v>
          </cell>
          <cell r="K222" t="str">
            <v>X</v>
          </cell>
          <cell r="L222" t="str">
            <v>Leak Survey</v>
          </cell>
          <cell r="M222" t="str">
            <v>N</v>
          </cell>
        </row>
        <row r="223">
          <cell r="A223" t="str">
            <v>EDGM3PD</v>
          </cell>
          <cell r="B223" t="str">
            <v>Gas O&amp;M</v>
          </cell>
          <cell r="C223" t="str">
            <v>Gas</v>
          </cell>
          <cell r="D223" t="str">
            <v>GO-DAMAGE</v>
          </cell>
          <cell r="E223" t="str">
            <v>Gas Operations - Third Party Damage</v>
          </cell>
          <cell r="F223" t="str">
            <v>EDGM3PD</v>
          </cell>
          <cell r="G223" t="str">
            <v>Third Party damage - No Charge</v>
          </cell>
          <cell r="H223" t="str">
            <v>GO-DAMAGE \ EDGM3PD</v>
          </cell>
          <cell r="I223"/>
          <cell r="J223" t="str">
            <v>EDGM3PD</v>
          </cell>
          <cell r="K223" t="str">
            <v>X</v>
          </cell>
          <cell r="L223" t="str">
            <v>Third Party damage - No Charge</v>
          </cell>
          <cell r="M223" t="str">
            <v>N</v>
          </cell>
        </row>
        <row r="224">
          <cell r="A224" t="str">
            <v>EDGMREX</v>
          </cell>
          <cell r="B224" t="str">
            <v>Gas O&amp;M</v>
          </cell>
          <cell r="C224" t="str">
            <v>Gas</v>
          </cell>
          <cell r="D224" t="str">
            <v>GO-RELOC</v>
          </cell>
          <cell r="E224" t="str">
            <v>Gas Operations - Relocation of Gas Facility</v>
          </cell>
          <cell r="F224" t="str">
            <v>EDGMREX</v>
          </cell>
          <cell r="G224" t="str">
            <v>Relocate inside meter to outside</v>
          </cell>
          <cell r="H224" t="str">
            <v>GO-RELOC \ EDGMREX</v>
          </cell>
          <cell r="I224"/>
          <cell r="J224" t="str">
            <v>EDGMREX</v>
          </cell>
          <cell r="K224" t="str">
            <v>X</v>
          </cell>
          <cell r="L224" t="str">
            <v>Relocate inside meter to outside</v>
          </cell>
          <cell r="M224" t="str">
            <v>N</v>
          </cell>
        </row>
        <row r="225">
          <cell r="A225" t="str">
            <v>EDGVISUAL</v>
          </cell>
          <cell r="B225" t="str">
            <v>Gas O&amp;M</v>
          </cell>
          <cell r="C225" t="str">
            <v>Gas</v>
          </cell>
          <cell r="D225" t="str">
            <v>GO-INSP</v>
          </cell>
          <cell r="E225" t="str">
            <v>Gas Operations - Inspections</v>
          </cell>
          <cell r="F225" t="str">
            <v>EDGVISUAL</v>
          </cell>
          <cell r="G225" t="str">
            <v>House Line Inspection - Underground Piping</v>
          </cell>
          <cell r="H225" t="str">
            <v>GO-INSP \ EDGVISUAL</v>
          </cell>
          <cell r="I225"/>
          <cell r="J225" t="str">
            <v>EDGVISUAL</v>
          </cell>
          <cell r="K225" t="str">
            <v>X</v>
          </cell>
          <cell r="L225" t="str">
            <v>House Line Inspection - Underground Piping</v>
          </cell>
          <cell r="M225" t="str">
            <v>N</v>
          </cell>
        </row>
        <row r="226">
          <cell r="A226" t="str">
            <v>EQINS</v>
          </cell>
          <cell r="B226" t="str">
            <v>PD O&amp;M</v>
          </cell>
          <cell r="C226" t="str">
            <v>MW</v>
          </cell>
          <cell r="D226" t="str">
            <v>PD-INSP</v>
          </cell>
          <cell r="E226" t="str">
            <v>Equipment Inspection</v>
          </cell>
          <cell r="F226" t="str">
            <v>OH EQUIP</v>
          </cell>
          <cell r="G226" t="str">
            <v>OH D Equip Insp/Maint</v>
          </cell>
          <cell r="H226" t="str">
            <v>PD-INSP \ OH EQUIP</v>
          </cell>
          <cell r="I226" t="str">
            <v>EQINS</v>
          </cell>
          <cell r="J226" t="str">
            <v>EQINS</v>
          </cell>
          <cell r="K226" t="str">
            <v>X</v>
          </cell>
          <cell r="L226" t="str">
            <v>OH D Equip Insp/Maint</v>
          </cell>
          <cell r="M226" t="str">
            <v>N</v>
          </cell>
        </row>
        <row r="227">
          <cell r="A227" t="str">
            <v>EQINS</v>
          </cell>
          <cell r="B227" t="str">
            <v>PD O&amp;M</v>
          </cell>
          <cell r="C227" t="str">
            <v>MW</v>
          </cell>
          <cell r="D227" t="str">
            <v>PD-MAINT</v>
          </cell>
          <cell r="E227" t="str">
            <v>Equipment Maintenance</v>
          </cell>
          <cell r="F227" t="str">
            <v>OH EQUIPMW</v>
          </cell>
          <cell r="G227" t="str">
            <v>OH D Equip Insp/Maint Midwest</v>
          </cell>
          <cell r="H227" t="str">
            <v>PD-MAINT \ OH EQUIPMW</v>
          </cell>
          <cell r="I227" t="str">
            <v>EQINS</v>
          </cell>
          <cell r="J227" t="str">
            <v>EQINS</v>
          </cell>
          <cell r="K227" t="str">
            <v>X</v>
          </cell>
          <cell r="L227" t="str">
            <v>OH D Equip Insp/Maint Midwest</v>
          </cell>
          <cell r="M227" t="str">
            <v>N</v>
          </cell>
        </row>
        <row r="228">
          <cell r="A228" t="str">
            <v>EQMT</v>
          </cell>
          <cell r="B228" t="str">
            <v>PD O&amp;M</v>
          </cell>
          <cell r="C228" t="str">
            <v>Carolinas</v>
          </cell>
          <cell r="D228" t="str">
            <v>PD-MAINT</v>
          </cell>
          <cell r="E228" t="str">
            <v>Equipment Maintenance</v>
          </cell>
          <cell r="F228" t="str">
            <v>OH EQUIPC</v>
          </cell>
          <cell r="G228" t="str">
            <v>OH D Equip Insp/Maint Carolinas</v>
          </cell>
          <cell r="H228" t="str">
            <v>PD-MAINT \ OH EQUIPC</v>
          </cell>
          <cell r="I228" t="str">
            <v>EQMT</v>
          </cell>
          <cell r="J228" t="str">
            <v>EQMT</v>
          </cell>
          <cell r="K228" t="str">
            <v>X</v>
          </cell>
          <cell r="L228" t="str">
            <v>OH D Equip Insp/Maint Carolinas</v>
          </cell>
          <cell r="M228" t="str">
            <v>N</v>
          </cell>
        </row>
        <row r="229">
          <cell r="A229" t="str">
            <v>FLTMT</v>
          </cell>
          <cell r="B229" t="str">
            <v>PD O&amp;M</v>
          </cell>
          <cell r="C229" t="str">
            <v>Carolinas</v>
          </cell>
          <cell r="D229" t="str">
            <v>PD-LREP</v>
          </cell>
          <cell r="E229" t="str">
            <v xml:space="preserve">Light Repair </v>
          </cell>
          <cell r="F229" t="str">
            <v>FLOODLREPC</v>
          </cell>
          <cell r="G229" t="str">
            <v>Flood Light inspections &amp; repair -- Changing bulbs/photo control Carolinas</v>
          </cell>
          <cell r="H229" t="str">
            <v>PD-LREP \ FLOODLREPC</v>
          </cell>
          <cell r="I229" t="str">
            <v>FLTMT</v>
          </cell>
          <cell r="J229" t="str">
            <v>FLTMT</v>
          </cell>
          <cell r="K229" t="str">
            <v>X</v>
          </cell>
          <cell r="L229" t="str">
            <v>Flood Light inspections &amp; repair -- Changing bulbs/photo control Carolinas</v>
          </cell>
          <cell r="M229" t="str">
            <v>N</v>
          </cell>
        </row>
        <row r="230">
          <cell r="A230" t="str">
            <v>FLUGREP</v>
          </cell>
          <cell r="B230" t="str">
            <v>PD O&amp;M</v>
          </cell>
          <cell r="C230" t="str">
            <v>Carolinas</v>
          </cell>
          <cell r="D230" t="str">
            <v>PD-LREP</v>
          </cell>
          <cell r="E230" t="str">
            <v xml:space="preserve">Light Repair </v>
          </cell>
          <cell r="F230" t="str">
            <v>FLUGREPC</v>
          </cell>
          <cell r="G230" t="str">
            <v>Flood Light UG Cable Repair Carolinas</v>
          </cell>
          <cell r="H230" t="str">
            <v>PD-LREP \ FLUGREPC</v>
          </cell>
          <cell r="I230" t="str">
            <v>FLUGREP</v>
          </cell>
          <cell r="J230" t="str">
            <v>FLUGREP</v>
          </cell>
          <cell r="K230" t="str">
            <v>X</v>
          </cell>
          <cell r="L230" t="str">
            <v>Flood Light UG Cable Repair Carolinas</v>
          </cell>
          <cell r="M230" t="str">
            <v>N</v>
          </cell>
        </row>
        <row r="231">
          <cell r="A231" t="str">
            <v>GASGEN</v>
          </cell>
          <cell r="B231" t="str">
            <v>Gas Capital</v>
          </cell>
          <cell r="C231" t="str">
            <v>Gas</v>
          </cell>
          <cell r="D231" t="str">
            <v>GO-AMI</v>
          </cell>
          <cell r="E231" t="str">
            <v>Gas Operations - Automated Metering Infrastructure</v>
          </cell>
          <cell r="F231" t="str">
            <v>INSTALLEQ</v>
          </cell>
          <cell r="G231" t="str">
            <v>INSTALL EQUIPMENT</v>
          </cell>
          <cell r="H231" t="str">
            <v>GO-AMI \ INSTALLEQ</v>
          </cell>
          <cell r="I231"/>
          <cell r="J231" t="str">
            <v>GASGEN</v>
          </cell>
          <cell r="K231" t="str">
            <v>I</v>
          </cell>
          <cell r="L231" t="str">
            <v>INSTALL EQUIPMENT</v>
          </cell>
          <cell r="M231" t="str">
            <v>N</v>
          </cell>
        </row>
        <row r="232">
          <cell r="A232" t="str">
            <v>GASGEN</v>
          </cell>
          <cell r="B232" t="str">
            <v>Gas Capital</v>
          </cell>
          <cell r="C232" t="str">
            <v>Gas</v>
          </cell>
          <cell r="D232" t="str">
            <v>GO-AMI</v>
          </cell>
          <cell r="E232" t="str">
            <v>Gas Operations - Automated Metering Infrastructure</v>
          </cell>
          <cell r="F232" t="str">
            <v>PURCHASEEQ</v>
          </cell>
          <cell r="G232" t="str">
            <v>PURCHASE EQUIPMENT</v>
          </cell>
          <cell r="H232" t="str">
            <v>GO-AMI \ PURCHASEEQ</v>
          </cell>
          <cell r="I232"/>
          <cell r="J232" t="str">
            <v>GASGEN</v>
          </cell>
          <cell r="K232" t="str">
            <v>I</v>
          </cell>
          <cell r="L232" t="str">
            <v>PURCHASE EQUIPMENT</v>
          </cell>
          <cell r="M232" t="str">
            <v>N</v>
          </cell>
        </row>
        <row r="233">
          <cell r="A233" t="str">
            <v>GASGEN</v>
          </cell>
          <cell r="B233" t="str">
            <v>Gas Capital</v>
          </cell>
          <cell r="C233" t="str">
            <v>Gas</v>
          </cell>
          <cell r="D233" t="str">
            <v>GO-AMI</v>
          </cell>
          <cell r="E233" t="str">
            <v>Gas Operations - Automated Metering Infrastructure</v>
          </cell>
          <cell r="F233" t="str">
            <v>REMOVE</v>
          </cell>
          <cell r="G233" t="str">
            <v>REMOVE</v>
          </cell>
          <cell r="H233" t="str">
            <v>GO-AMI \ REMOVE</v>
          </cell>
          <cell r="I233"/>
          <cell r="J233" t="str">
            <v>GASGEN</v>
          </cell>
          <cell r="K233" t="str">
            <v>R</v>
          </cell>
          <cell r="L233" t="str">
            <v>REMOVE</v>
          </cell>
          <cell r="M233" t="str">
            <v>N</v>
          </cell>
        </row>
        <row r="234">
          <cell r="A234" t="str">
            <v>GASGEN</v>
          </cell>
          <cell r="B234" t="str">
            <v>Gas Capital</v>
          </cell>
          <cell r="C234" t="str">
            <v>Gas</v>
          </cell>
          <cell r="D234" t="str">
            <v>GO-AMR</v>
          </cell>
          <cell r="E234" t="str">
            <v>Gas Operations - Automated Meter Reading</v>
          </cell>
          <cell r="F234" t="str">
            <v>INSTALLEQ</v>
          </cell>
          <cell r="G234" t="str">
            <v>INSTALL EQUIPMENT</v>
          </cell>
          <cell r="H234" t="str">
            <v>GO-AMR \ INSTALLEQ</v>
          </cell>
          <cell r="I234"/>
          <cell r="J234" t="str">
            <v>GASGEN</v>
          </cell>
          <cell r="K234" t="str">
            <v>I</v>
          </cell>
          <cell r="L234" t="str">
            <v>INSTALL EQUIPMENT</v>
          </cell>
          <cell r="M234" t="str">
            <v>N</v>
          </cell>
        </row>
        <row r="235">
          <cell r="A235" t="str">
            <v>GASGEN</v>
          </cell>
          <cell r="B235" t="str">
            <v>Gas Capital</v>
          </cell>
          <cell r="C235" t="str">
            <v>Gas</v>
          </cell>
          <cell r="D235" t="str">
            <v>GO-AMR</v>
          </cell>
          <cell r="E235" t="str">
            <v>Gas Operations - Automated Meter Reading</v>
          </cell>
          <cell r="F235" t="str">
            <v>PURCHASEEQ</v>
          </cell>
          <cell r="G235" t="str">
            <v>PURCHASE EQUIPMENT</v>
          </cell>
          <cell r="H235" t="str">
            <v>GO-AMR \ PURCHASEEQ</v>
          </cell>
          <cell r="I235"/>
          <cell r="J235" t="str">
            <v>GASGEN</v>
          </cell>
          <cell r="K235" t="str">
            <v>I</v>
          </cell>
          <cell r="L235" t="str">
            <v>PURCHASE EQUIPMENT</v>
          </cell>
          <cell r="M235" t="str">
            <v>N</v>
          </cell>
        </row>
        <row r="236">
          <cell r="A236" t="str">
            <v>GASGEN</v>
          </cell>
          <cell r="B236" t="str">
            <v>Gas Capital</v>
          </cell>
          <cell r="C236" t="str">
            <v>Gas</v>
          </cell>
          <cell r="D236" t="str">
            <v>GO-AMR</v>
          </cell>
          <cell r="E236" t="str">
            <v>Gas Operations - Automated Meter Reading</v>
          </cell>
          <cell r="F236" t="str">
            <v>REMOVE</v>
          </cell>
          <cell r="G236" t="str">
            <v>REMOVE</v>
          </cell>
          <cell r="H236" t="str">
            <v>GO-AMR \ REMOVE</v>
          </cell>
          <cell r="I236"/>
          <cell r="J236" t="str">
            <v>GASGEN</v>
          </cell>
          <cell r="K236" t="str">
            <v>R</v>
          </cell>
          <cell r="L236" t="str">
            <v>REMOVE</v>
          </cell>
          <cell r="M236" t="str">
            <v>N</v>
          </cell>
        </row>
        <row r="237">
          <cell r="A237" t="str">
            <v>GASGEN</v>
          </cell>
          <cell r="B237" t="str">
            <v>Gas Capital</v>
          </cell>
          <cell r="C237" t="str">
            <v>Gas</v>
          </cell>
          <cell r="D237" t="str">
            <v>GO-BLG</v>
          </cell>
          <cell r="E237" t="str">
            <v>Gas Operations - Buildings and Grounds</v>
          </cell>
          <cell r="F237" t="str">
            <v>BLG</v>
          </cell>
          <cell r="G237" t="str">
            <v>BUILDING AND GROUNDS</v>
          </cell>
          <cell r="H237" t="str">
            <v>GO-BLG \ BLG</v>
          </cell>
          <cell r="I237"/>
          <cell r="J237" t="str">
            <v>GASGEN</v>
          </cell>
          <cell r="K237" t="str">
            <v>I</v>
          </cell>
          <cell r="L237" t="str">
            <v>BUILDING AND GROUNDS</v>
          </cell>
          <cell r="M237" t="str">
            <v>N</v>
          </cell>
        </row>
        <row r="238">
          <cell r="A238" t="str">
            <v>GASGEN</v>
          </cell>
          <cell r="B238" t="str">
            <v>Gas Capital</v>
          </cell>
          <cell r="C238" t="str">
            <v>Gas</v>
          </cell>
          <cell r="D238" t="str">
            <v>GO-CEX</v>
          </cell>
          <cell r="E238" t="str">
            <v>Gas Operations - CAPEX (Cast Iron Replacement) Projects</v>
          </cell>
          <cell r="F238" t="str">
            <v>INSTMRPL</v>
          </cell>
          <cell r="G238" t="str">
            <v>INSTALL MAJOR CEX REPLACEMENT PROJECT</v>
          </cell>
          <cell r="H238" t="str">
            <v>GO-CEX \ INSTMRPL</v>
          </cell>
          <cell r="I238"/>
          <cell r="J238" t="str">
            <v>GASGEN</v>
          </cell>
          <cell r="K238" t="str">
            <v>I</v>
          </cell>
          <cell r="L238" t="str">
            <v>INSTALL MAJOR CEX REPLACEMENT PROJECT</v>
          </cell>
          <cell r="M238" t="str">
            <v>N</v>
          </cell>
        </row>
        <row r="239">
          <cell r="A239" t="str">
            <v>GASGEN</v>
          </cell>
          <cell r="B239" t="str">
            <v>Gas Capital</v>
          </cell>
          <cell r="C239" t="str">
            <v>Gas</v>
          </cell>
          <cell r="D239" t="str">
            <v>GO-CEX</v>
          </cell>
          <cell r="E239" t="str">
            <v>Gas Operations - CAPEX (Cast Iron Replacement) Projects</v>
          </cell>
          <cell r="F239" t="str">
            <v>INSTMSTI</v>
          </cell>
          <cell r="G239" t="str">
            <v>INSTALL MAJOR CEX STREET IMP. PROJECT</v>
          </cell>
          <cell r="H239" t="str">
            <v>GO-CEX \ INSTMSTI</v>
          </cell>
          <cell r="I239"/>
          <cell r="J239" t="str">
            <v>GASGEN</v>
          </cell>
          <cell r="K239" t="str">
            <v>I</v>
          </cell>
          <cell r="L239" t="str">
            <v>INSTALL MAJOR CEX STREET IMP. PROJECT</v>
          </cell>
          <cell r="M239" t="str">
            <v>N</v>
          </cell>
        </row>
        <row r="240">
          <cell r="A240" t="str">
            <v>GASGEN</v>
          </cell>
          <cell r="B240" t="str">
            <v>Gas Capital</v>
          </cell>
          <cell r="C240" t="str">
            <v>Gas</v>
          </cell>
          <cell r="D240" t="str">
            <v>GO-CEX</v>
          </cell>
          <cell r="E240" t="str">
            <v>Gas Operations - CAPEX (Cast Iron Replacement) Projects</v>
          </cell>
          <cell r="F240" t="str">
            <v>INSTRPL</v>
          </cell>
          <cell r="G240" t="str">
            <v>INSTALL CEX REPLACEMENT PROJECT</v>
          </cell>
          <cell r="H240" t="str">
            <v>GO-CEX \ INSTRPL</v>
          </cell>
          <cell r="I240"/>
          <cell r="J240" t="str">
            <v>GASGEN</v>
          </cell>
          <cell r="K240" t="str">
            <v>I</v>
          </cell>
          <cell r="L240" t="str">
            <v>INSTALL CEX REPLACEMENT PROJECT</v>
          </cell>
          <cell r="M240" t="str">
            <v>N</v>
          </cell>
        </row>
        <row r="241">
          <cell r="A241" t="str">
            <v>GASGEN</v>
          </cell>
          <cell r="B241" t="str">
            <v>Gas Capital</v>
          </cell>
          <cell r="C241" t="str">
            <v>Gas</v>
          </cell>
          <cell r="D241" t="str">
            <v>GO-CEX</v>
          </cell>
          <cell r="E241" t="str">
            <v>Gas Operations - CAPEX (Cast Iron Replacement) Projects</v>
          </cell>
          <cell r="F241" t="str">
            <v>INSTSTI</v>
          </cell>
          <cell r="G241" t="str">
            <v>INSTALL CEX STREET IMPROVEMENT PROJECT</v>
          </cell>
          <cell r="H241" t="str">
            <v>GO-CEX \ INSTSTI</v>
          </cell>
          <cell r="I241"/>
          <cell r="J241" t="str">
            <v>GASGEN</v>
          </cell>
          <cell r="K241" t="str">
            <v>I</v>
          </cell>
          <cell r="L241" t="str">
            <v>INSTALL CEX STREET IMPROVEMENT PROJECT</v>
          </cell>
          <cell r="M241" t="str">
            <v>N</v>
          </cell>
        </row>
        <row r="242">
          <cell r="A242" t="str">
            <v>GASGEN</v>
          </cell>
          <cell r="B242" t="str">
            <v>Gas Capital</v>
          </cell>
          <cell r="C242" t="str">
            <v>Gas</v>
          </cell>
          <cell r="D242" t="str">
            <v>GO-CEX</v>
          </cell>
          <cell r="E242" t="str">
            <v>Gas Operations - CAPEX (Cast Iron Replacement) Projects</v>
          </cell>
          <cell r="F242" t="str">
            <v>REMOVE</v>
          </cell>
          <cell r="G242" t="str">
            <v>REMOVE</v>
          </cell>
          <cell r="H242" t="str">
            <v>GO-CEX \ REMOVE</v>
          </cell>
          <cell r="I242"/>
          <cell r="J242" t="str">
            <v>GASGEN</v>
          </cell>
          <cell r="K242" t="str">
            <v>R</v>
          </cell>
          <cell r="L242" t="str">
            <v>REMOVE</v>
          </cell>
          <cell r="M242" t="str">
            <v>N</v>
          </cell>
        </row>
        <row r="243">
          <cell r="A243" t="str">
            <v>GASGEN</v>
          </cell>
          <cell r="B243" t="str">
            <v>Gas O&amp;M</v>
          </cell>
          <cell r="C243" t="str">
            <v>Gas</v>
          </cell>
          <cell r="D243" t="str">
            <v>GO-DAMAGE</v>
          </cell>
          <cell r="E243" t="str">
            <v>Gas Operations - Third Party Damage</v>
          </cell>
          <cell r="F243" t="str">
            <v>3PDJWO</v>
          </cell>
          <cell r="G243" t="str">
            <v>Third Party Damage - Specific Project (JWO)</v>
          </cell>
          <cell r="H243" t="str">
            <v>GO-DAMAGE \ 3PDJWO</v>
          </cell>
          <cell r="I243"/>
          <cell r="J243" t="str">
            <v>GASGEN</v>
          </cell>
          <cell r="K243" t="str">
            <v>X</v>
          </cell>
          <cell r="L243" t="str">
            <v>Third Party Damage - Specific Project (JWO)</v>
          </cell>
          <cell r="M243" t="str">
            <v>N</v>
          </cell>
        </row>
        <row r="244">
          <cell r="A244" t="str">
            <v>GASGEN</v>
          </cell>
          <cell r="B244" t="str">
            <v>Gas Capital</v>
          </cell>
          <cell r="C244" t="str">
            <v>Gas</v>
          </cell>
          <cell r="D244" t="str">
            <v>GO-ENG</v>
          </cell>
          <cell r="E244" t="str">
            <v>Gas Operations - Engineering Study</v>
          </cell>
          <cell r="F244" t="str">
            <v>ENGSTDY</v>
          </cell>
          <cell r="G244" t="str">
            <v>ENGINEERING STUDY</v>
          </cell>
          <cell r="H244" t="str">
            <v>GO-ENG \ ENGSTDY</v>
          </cell>
          <cell r="I244"/>
          <cell r="J244" t="str">
            <v>GASGEN</v>
          </cell>
          <cell r="K244" t="str">
            <v>I</v>
          </cell>
          <cell r="L244" t="str">
            <v>ENGINEERING STUDY</v>
          </cell>
          <cell r="M244" t="str">
            <v>N</v>
          </cell>
        </row>
        <row r="245">
          <cell r="A245" t="str">
            <v>GASGEN</v>
          </cell>
          <cell r="B245" t="str">
            <v>Gas Capital</v>
          </cell>
          <cell r="C245" t="str">
            <v>Gas</v>
          </cell>
          <cell r="D245" t="str">
            <v>GO-IMP</v>
          </cell>
          <cell r="E245" t="str">
            <v>Gas Operations - Integrity Management</v>
          </cell>
          <cell r="F245" t="str">
            <v>INSTLARPRJ</v>
          </cell>
          <cell r="G245" t="str">
            <v>INSTALL LARGE PROJECT</v>
          </cell>
          <cell r="H245" t="str">
            <v>GO-IMP \ INSTLARPRJ</v>
          </cell>
          <cell r="I245"/>
          <cell r="J245" t="str">
            <v>GASGEN</v>
          </cell>
          <cell r="K245" t="str">
            <v>I</v>
          </cell>
          <cell r="L245" t="str">
            <v>INSTALL LARGE PROJECT</v>
          </cell>
          <cell r="M245" t="str">
            <v>N</v>
          </cell>
        </row>
        <row r="246">
          <cell r="A246" t="str">
            <v>GASGEN</v>
          </cell>
          <cell r="B246" t="str">
            <v>Gas Capital</v>
          </cell>
          <cell r="C246" t="str">
            <v>Gas</v>
          </cell>
          <cell r="D246" t="str">
            <v>GO-IMP</v>
          </cell>
          <cell r="E246" t="str">
            <v>Gas Operations - Integrity Management</v>
          </cell>
          <cell r="F246" t="str">
            <v>INSTPAV</v>
          </cell>
          <cell r="G246" t="str">
            <v>INSTALL IN PAVEMENT</v>
          </cell>
          <cell r="H246" t="str">
            <v>GO-IMP \ INSTPAV</v>
          </cell>
          <cell r="I246"/>
          <cell r="J246" t="str">
            <v>GASGEN</v>
          </cell>
          <cell r="K246" t="str">
            <v>I</v>
          </cell>
          <cell r="L246" t="str">
            <v>INSTALL IN PAVEMENT</v>
          </cell>
          <cell r="M246" t="str">
            <v>N</v>
          </cell>
        </row>
        <row r="247">
          <cell r="A247" t="str">
            <v>GASGEN</v>
          </cell>
          <cell r="B247" t="str">
            <v>Gas Capital</v>
          </cell>
          <cell r="C247" t="str">
            <v>Gas</v>
          </cell>
          <cell r="D247" t="str">
            <v>GO-IMP</v>
          </cell>
          <cell r="E247" t="str">
            <v>Gas Operations - Integrity Management</v>
          </cell>
          <cell r="F247" t="str">
            <v>INSTSOD</v>
          </cell>
          <cell r="G247" t="str">
            <v>INSTALL IN SOD</v>
          </cell>
          <cell r="H247" t="str">
            <v>GO-IMP \ INSTSOD</v>
          </cell>
          <cell r="I247"/>
          <cell r="J247" t="str">
            <v>GASGEN</v>
          </cell>
          <cell r="K247" t="str">
            <v>I</v>
          </cell>
          <cell r="L247" t="str">
            <v>INSTALL IN SOD</v>
          </cell>
          <cell r="M247" t="str">
            <v>N</v>
          </cell>
        </row>
        <row r="248">
          <cell r="A248" t="str">
            <v>GASGEN</v>
          </cell>
          <cell r="B248" t="str">
            <v>Gas Capital</v>
          </cell>
          <cell r="C248" t="str">
            <v>Gas</v>
          </cell>
          <cell r="D248" t="str">
            <v>GO-IMP</v>
          </cell>
          <cell r="E248" t="str">
            <v>Gas Operations - Integrity Management</v>
          </cell>
          <cell r="F248" t="str">
            <v>REMOVE</v>
          </cell>
          <cell r="G248" t="str">
            <v>REMOVE</v>
          </cell>
          <cell r="H248" t="str">
            <v>GO-IMP \ REMOVE</v>
          </cell>
          <cell r="I248"/>
          <cell r="J248" t="str">
            <v>GASGEN</v>
          </cell>
          <cell r="K248" t="str">
            <v>R</v>
          </cell>
          <cell r="L248" t="str">
            <v>REMOVE</v>
          </cell>
          <cell r="M248" t="str">
            <v>N</v>
          </cell>
        </row>
        <row r="249">
          <cell r="A249" t="str">
            <v>GASGEN</v>
          </cell>
          <cell r="B249" t="str">
            <v>Gas Capital</v>
          </cell>
          <cell r="C249" t="str">
            <v>Gas</v>
          </cell>
          <cell r="D249" t="str">
            <v>GO-MEA</v>
          </cell>
          <cell r="E249" t="str">
            <v>Gas Operations - Main Extension/Joint Trench</v>
          </cell>
          <cell r="F249" t="str">
            <v>INSTCUSTD</v>
          </cell>
          <cell r="G249" t="str">
            <v>INSTALL CUSTOMER DIG</v>
          </cell>
          <cell r="H249" t="str">
            <v>GO-MEA \ INSTCUSTD</v>
          </cell>
          <cell r="I249"/>
          <cell r="J249" t="str">
            <v>GASGEN</v>
          </cell>
          <cell r="K249" t="str">
            <v>I</v>
          </cell>
          <cell r="L249" t="str">
            <v>INSTALL CUSTOMER DIG</v>
          </cell>
          <cell r="M249" t="str">
            <v>N</v>
          </cell>
        </row>
        <row r="250">
          <cell r="A250" t="str">
            <v>GASGEN</v>
          </cell>
          <cell r="B250" t="str">
            <v>Gas Capital</v>
          </cell>
          <cell r="C250" t="str">
            <v>Gas</v>
          </cell>
          <cell r="D250" t="str">
            <v>GO-MEA</v>
          </cell>
          <cell r="E250" t="str">
            <v>Gas Operations - Main Extension/Joint Trench</v>
          </cell>
          <cell r="F250" t="str">
            <v>INSTEXSUB</v>
          </cell>
          <cell r="G250" t="str">
            <v>INSTALL GAS ONLY EXISTING SUB.</v>
          </cell>
          <cell r="H250" t="str">
            <v>GO-MEA \ INSTEXSUB</v>
          </cell>
          <cell r="I250"/>
          <cell r="J250" t="str">
            <v>GASGEN</v>
          </cell>
          <cell r="K250" t="str">
            <v>I</v>
          </cell>
          <cell r="L250" t="str">
            <v>INSTALL GAS ONLY EXISTING SUB.</v>
          </cell>
          <cell r="M250" t="str">
            <v>N</v>
          </cell>
        </row>
        <row r="251">
          <cell r="A251" t="str">
            <v>GASGEN</v>
          </cell>
          <cell r="B251" t="str">
            <v>Gas Capital</v>
          </cell>
          <cell r="C251" t="str">
            <v>Gas</v>
          </cell>
          <cell r="D251" t="str">
            <v>GO-MEA</v>
          </cell>
          <cell r="E251" t="str">
            <v>Gas Operations - Main Extension/Joint Trench</v>
          </cell>
          <cell r="F251" t="str">
            <v>INSTGO</v>
          </cell>
          <cell r="G251" t="str">
            <v>INSTALL GAS ONLY APPROACH MAIN - NEW OR EXIST. SUBDIVISION</v>
          </cell>
          <cell r="H251" t="str">
            <v>GO-MEA \ INSTGO</v>
          </cell>
          <cell r="I251"/>
          <cell r="J251" t="str">
            <v>GASGEN</v>
          </cell>
          <cell r="K251" t="str">
            <v>I</v>
          </cell>
          <cell r="L251" t="str">
            <v>INSTALL GAS ONLY APPROACH MAIN - NEW OR EXIST. SUBDIVISION</v>
          </cell>
          <cell r="M251" t="str">
            <v>N</v>
          </cell>
        </row>
        <row r="252">
          <cell r="A252" t="str">
            <v>GASGEN</v>
          </cell>
          <cell r="B252" t="str">
            <v>Gas Capital</v>
          </cell>
          <cell r="C252" t="e">
            <v>#N/A</v>
          </cell>
          <cell r="D252" t="str">
            <v>GO-MEA</v>
          </cell>
          <cell r="E252" t="e">
            <v>#N/A</v>
          </cell>
          <cell r="F252" t="str">
            <v>INSTGOCR</v>
          </cell>
          <cell r="G252" t="e">
            <v>#N/A</v>
          </cell>
          <cell r="H252" t="str">
            <v>GO-MEA \ INSTGOCR</v>
          </cell>
          <cell r="I252"/>
          <cell r="J252" t="str">
            <v>GASGEN</v>
          </cell>
          <cell r="K252" t="str">
            <v>I</v>
          </cell>
          <cell r="L252" t="str">
            <v>INSTALL GAS ONLY APPROACH MAIN COUNTRY ROAD</v>
          </cell>
          <cell r="M252" t="str">
            <v>N</v>
          </cell>
        </row>
        <row r="253">
          <cell r="A253" t="str">
            <v>GASGEN</v>
          </cell>
          <cell r="B253" t="str">
            <v>Gas Capital</v>
          </cell>
          <cell r="C253" t="str">
            <v>Gas</v>
          </cell>
          <cell r="D253" t="str">
            <v>GO-MEA</v>
          </cell>
          <cell r="E253" t="str">
            <v>Gas Operations - Main Extension/Joint Trench</v>
          </cell>
          <cell r="F253" t="str">
            <v>INSTINLET</v>
          </cell>
          <cell r="G253" t="str">
            <v>INSTALL STATION INLET PIPING</v>
          </cell>
          <cell r="H253" t="str">
            <v>GO-MEA \ INSTINLET</v>
          </cell>
          <cell r="I253"/>
          <cell r="J253" t="str">
            <v>GASGEN</v>
          </cell>
          <cell r="K253" t="str">
            <v>I</v>
          </cell>
          <cell r="L253" t="str">
            <v>INSTALL STATION INLET PIPING</v>
          </cell>
          <cell r="M253" t="str">
            <v>N</v>
          </cell>
        </row>
        <row r="254">
          <cell r="A254" t="str">
            <v>GASGEN</v>
          </cell>
          <cell r="B254" t="str">
            <v>Gas Capital</v>
          </cell>
          <cell r="C254" t="str">
            <v>Gas</v>
          </cell>
          <cell r="D254" t="str">
            <v>GO-MEA</v>
          </cell>
          <cell r="E254" t="str">
            <v>Gas Operations - Main Extension/Joint Trench</v>
          </cell>
          <cell r="F254" t="str">
            <v>INSTJT</v>
          </cell>
          <cell r="G254" t="str">
            <v>INSTALL JOINT TRENCH - NEW SUB. DUKE ELEC.</v>
          </cell>
          <cell r="H254" t="str">
            <v>GO-MEA \ INSTJT</v>
          </cell>
          <cell r="I254"/>
          <cell r="J254" t="str">
            <v>GASGEN</v>
          </cell>
          <cell r="K254" t="str">
            <v>I</v>
          </cell>
          <cell r="L254" t="str">
            <v>INSTALL JOINT TRENCH - NEW SUB. DUKE ELEC.</v>
          </cell>
          <cell r="M254" t="str">
            <v>N</v>
          </cell>
        </row>
        <row r="255">
          <cell r="A255" t="str">
            <v>GASGEN</v>
          </cell>
          <cell r="B255" t="str">
            <v>Gas Capital</v>
          </cell>
          <cell r="C255" t="str">
            <v>Gas</v>
          </cell>
          <cell r="D255" t="str">
            <v>GO-MEA</v>
          </cell>
          <cell r="E255" t="str">
            <v>Gas Operations - Main Extension/Joint Trench</v>
          </cell>
          <cell r="F255" t="str">
            <v>INSTJTND</v>
          </cell>
          <cell r="G255" t="str">
            <v>INSTALL JOINT TRENCH - NEW SUB NON DUKE ELEC.</v>
          </cell>
          <cell r="H255" t="str">
            <v>GO-MEA \ INSTJTND</v>
          </cell>
          <cell r="I255"/>
          <cell r="J255" t="str">
            <v>GASGEN</v>
          </cell>
          <cell r="K255" t="str">
            <v>I</v>
          </cell>
          <cell r="L255" t="str">
            <v>INSTALL JOINT TRENCH - NEW SUB NON DUKE ELEC.</v>
          </cell>
          <cell r="M255" t="str">
            <v>N</v>
          </cell>
        </row>
        <row r="256">
          <cell r="A256" t="str">
            <v>GASGEN</v>
          </cell>
          <cell r="B256" t="str">
            <v>Gas Capital</v>
          </cell>
          <cell r="C256" t="str">
            <v>Gas</v>
          </cell>
          <cell r="D256" t="str">
            <v>GO-MEA</v>
          </cell>
          <cell r="E256" t="str">
            <v>Gas Operations - Main Extension/Joint Trench</v>
          </cell>
          <cell r="F256" t="str">
            <v>INSTLARPRJ</v>
          </cell>
          <cell r="G256" t="str">
            <v>INSTALL LARGE PROJECT</v>
          </cell>
          <cell r="H256" t="str">
            <v>GO-MEA \ INSTLARPRJ</v>
          </cell>
          <cell r="I256"/>
          <cell r="J256" t="str">
            <v>GASGEN</v>
          </cell>
          <cell r="K256" t="str">
            <v>I</v>
          </cell>
          <cell r="L256" t="str">
            <v>INSTALL LARGE PROJECT</v>
          </cell>
          <cell r="M256" t="str">
            <v>N</v>
          </cell>
        </row>
        <row r="257">
          <cell r="A257" t="str">
            <v>GASGEN</v>
          </cell>
          <cell r="B257" t="str">
            <v>Gas Capital</v>
          </cell>
          <cell r="C257" t="str">
            <v>Gas</v>
          </cell>
          <cell r="D257" t="str">
            <v>GO-MEA</v>
          </cell>
          <cell r="E257" t="str">
            <v>Gas Operations - Main Extension/Joint Trench</v>
          </cell>
          <cell r="F257" t="str">
            <v>INSTOUTLET</v>
          </cell>
          <cell r="G257" t="str">
            <v>INSTALL STATION OUTLET PIPING</v>
          </cell>
          <cell r="H257" t="str">
            <v>GO-MEA \ INSTOUTLET</v>
          </cell>
          <cell r="I257"/>
          <cell r="J257" t="str">
            <v>GASGEN</v>
          </cell>
          <cell r="K257" t="str">
            <v>I</v>
          </cell>
          <cell r="L257" t="str">
            <v>INSTALL STATION OUTLET PIPING</v>
          </cell>
          <cell r="M257" t="str">
            <v>N</v>
          </cell>
        </row>
        <row r="258">
          <cell r="A258" t="str">
            <v>GASGEN</v>
          </cell>
          <cell r="B258" t="str">
            <v>Gas Capital</v>
          </cell>
          <cell r="C258" t="str">
            <v>Gas</v>
          </cell>
          <cell r="D258" t="str">
            <v>GO-MEA</v>
          </cell>
          <cell r="E258" t="str">
            <v>Gas Operations - Main Extension/Joint Trench</v>
          </cell>
          <cell r="F258" t="str">
            <v>REMOVE</v>
          </cell>
          <cell r="G258" t="str">
            <v>REMOVE</v>
          </cell>
          <cell r="H258" t="str">
            <v>GO-MEA \ REMOVE</v>
          </cell>
          <cell r="I258"/>
          <cell r="J258" t="str">
            <v>GASGEN</v>
          </cell>
          <cell r="K258" t="str">
            <v>R</v>
          </cell>
          <cell r="L258" t="str">
            <v>REMOVE</v>
          </cell>
          <cell r="M258" t="str">
            <v>N</v>
          </cell>
        </row>
        <row r="259">
          <cell r="A259" t="str">
            <v>GASGEN</v>
          </cell>
          <cell r="B259" t="str">
            <v>Gas Capital</v>
          </cell>
          <cell r="C259" t="str">
            <v>Gas</v>
          </cell>
          <cell r="D259" t="str">
            <v>GO-MISC</v>
          </cell>
          <cell r="E259" t="str">
            <v>Gas Operations - Miscellaneous</v>
          </cell>
          <cell r="F259" t="str">
            <v>MISC</v>
          </cell>
          <cell r="G259" t="str">
            <v>MISCELLANEOUS</v>
          </cell>
          <cell r="H259" t="str">
            <v>GO-MISC \ MISC</v>
          </cell>
          <cell r="I259"/>
          <cell r="J259" t="str">
            <v>GASGEN</v>
          </cell>
          <cell r="K259" t="str">
            <v>I</v>
          </cell>
          <cell r="L259" t="str">
            <v>MISCELLANEOUS</v>
          </cell>
          <cell r="M259" t="str">
            <v>N</v>
          </cell>
        </row>
        <row r="260">
          <cell r="A260" t="str">
            <v>GASGEN</v>
          </cell>
          <cell r="B260" t="str">
            <v>Gas Capital</v>
          </cell>
          <cell r="C260" t="str">
            <v>Gas</v>
          </cell>
          <cell r="D260" t="str">
            <v>GO-PRI</v>
          </cell>
          <cell r="E260" t="str">
            <v>Gas Operations - Pressure Improvement</v>
          </cell>
          <cell r="F260" t="str">
            <v>INSTLARPRJ</v>
          </cell>
          <cell r="G260" t="str">
            <v>INSTALL LARGE PROJECT</v>
          </cell>
          <cell r="H260" t="str">
            <v>GO-PRI \ INSTLARPRJ</v>
          </cell>
          <cell r="I260"/>
          <cell r="J260" t="str">
            <v>GASGEN</v>
          </cell>
          <cell r="K260" t="str">
            <v>I</v>
          </cell>
          <cell r="L260" t="str">
            <v>INSTALL LARGE PROJECT</v>
          </cell>
          <cell r="M260" t="str">
            <v>N</v>
          </cell>
        </row>
        <row r="261">
          <cell r="A261" t="str">
            <v>GASGEN</v>
          </cell>
          <cell r="B261" t="str">
            <v>Gas Capital</v>
          </cell>
          <cell r="C261" t="str">
            <v>Gas</v>
          </cell>
          <cell r="D261" t="str">
            <v>GO-PRI</v>
          </cell>
          <cell r="E261" t="str">
            <v>Gas Operations - Pressure Improvement</v>
          </cell>
          <cell r="F261" t="str">
            <v>INSTPRI</v>
          </cell>
          <cell r="G261" t="str">
            <v>INSTALL PRI PROJECT</v>
          </cell>
          <cell r="H261" t="str">
            <v>GO-PRI \ INSTPRI</v>
          </cell>
          <cell r="I261"/>
          <cell r="J261" t="str">
            <v>GASGEN</v>
          </cell>
          <cell r="K261" t="str">
            <v>I</v>
          </cell>
          <cell r="L261" t="str">
            <v>INSTALL PRI PROJECT</v>
          </cell>
          <cell r="M261" t="str">
            <v>N</v>
          </cell>
        </row>
        <row r="262">
          <cell r="A262" t="str">
            <v>GASGEN</v>
          </cell>
          <cell r="B262" t="str">
            <v>Gas Capital</v>
          </cell>
          <cell r="C262" t="str">
            <v>Gas</v>
          </cell>
          <cell r="D262" t="str">
            <v>GO-PRI</v>
          </cell>
          <cell r="E262" t="str">
            <v>Gas Operations - Pressure Improvement</v>
          </cell>
          <cell r="F262" t="str">
            <v>REMOVE</v>
          </cell>
          <cell r="G262" t="str">
            <v>REMOVE</v>
          </cell>
          <cell r="H262" t="str">
            <v>GO-PRI \ REMOVE</v>
          </cell>
          <cell r="I262"/>
          <cell r="J262" t="str">
            <v>GASGEN</v>
          </cell>
          <cell r="K262" t="str">
            <v>R</v>
          </cell>
          <cell r="L262" t="str">
            <v>REMOVE</v>
          </cell>
          <cell r="M262" t="str">
            <v>N</v>
          </cell>
        </row>
        <row r="263">
          <cell r="A263" t="str">
            <v>GASGEN</v>
          </cell>
          <cell r="B263" t="str">
            <v>Gas Capital</v>
          </cell>
          <cell r="C263" t="str">
            <v>Gas</v>
          </cell>
          <cell r="D263" t="str">
            <v>GO-PROPLANT</v>
          </cell>
          <cell r="E263" t="str">
            <v>Gas Operations - Propane Plant, Capital work</v>
          </cell>
          <cell r="F263" t="str">
            <v>INSTALLEQ</v>
          </cell>
          <cell r="G263" t="str">
            <v>INSTALL EQUIPMENT</v>
          </cell>
          <cell r="H263" t="str">
            <v>GO-PROPLANT \ INSTALLEQ</v>
          </cell>
          <cell r="I263"/>
          <cell r="J263" t="str">
            <v>GASGEN</v>
          </cell>
          <cell r="K263" t="str">
            <v>I</v>
          </cell>
          <cell r="L263" t="str">
            <v>INSTALL EQUIPMENT</v>
          </cell>
          <cell r="M263" t="str">
            <v>N</v>
          </cell>
        </row>
        <row r="264">
          <cell r="A264" t="str">
            <v>GASGEN</v>
          </cell>
          <cell r="B264" t="str">
            <v>Gas Capital</v>
          </cell>
          <cell r="C264" t="str">
            <v>Gas</v>
          </cell>
          <cell r="D264" t="str">
            <v>GO-PROPLANT</v>
          </cell>
          <cell r="E264" t="str">
            <v>Gas Operations - Propane Plant, Capital work</v>
          </cell>
          <cell r="F264" t="str">
            <v>PURCHASEEQ</v>
          </cell>
          <cell r="G264" t="str">
            <v>PURCHASE EQUIPMENT</v>
          </cell>
          <cell r="H264" t="str">
            <v>GO-PROPLANT \ PURCHASEEQ</v>
          </cell>
          <cell r="I264"/>
          <cell r="J264" t="str">
            <v>GASGEN</v>
          </cell>
          <cell r="K264" t="str">
            <v>I</v>
          </cell>
          <cell r="L264" t="str">
            <v>PURCHASE EQUIPMENT</v>
          </cell>
          <cell r="M264" t="str">
            <v>N</v>
          </cell>
        </row>
        <row r="265">
          <cell r="A265" t="str">
            <v>GASGEN</v>
          </cell>
          <cell r="B265" t="str">
            <v>Gas Capital</v>
          </cell>
          <cell r="C265" t="str">
            <v>Gas</v>
          </cell>
          <cell r="D265" t="str">
            <v>GO-PROPLANT</v>
          </cell>
          <cell r="E265" t="str">
            <v>Gas Operations - Propane Plant, Capital work</v>
          </cell>
          <cell r="F265" t="str">
            <v>REMOVE</v>
          </cell>
          <cell r="G265" t="str">
            <v>REMOVE</v>
          </cell>
          <cell r="H265" t="str">
            <v>GO-PROPLANT \ REMOVE</v>
          </cell>
          <cell r="I265"/>
          <cell r="J265" t="str">
            <v>GASGEN</v>
          </cell>
          <cell r="K265" t="str">
            <v>R</v>
          </cell>
          <cell r="L265" t="str">
            <v>REMOVE</v>
          </cell>
          <cell r="M265" t="str">
            <v>N</v>
          </cell>
        </row>
        <row r="266">
          <cell r="A266" t="str">
            <v>GASGEN</v>
          </cell>
          <cell r="B266" t="str">
            <v>Gas Capital</v>
          </cell>
          <cell r="C266" t="str">
            <v>Gas</v>
          </cell>
          <cell r="D266" t="str">
            <v>GO-R/W</v>
          </cell>
          <cell r="E266" t="str">
            <v>Gas Operations - Right Of Way</v>
          </cell>
          <cell r="F266" t="str">
            <v>INVESTIGATE</v>
          </cell>
          <cell r="G266" t="str">
            <v>INVESTIGATE RIGHT OF WAY</v>
          </cell>
          <cell r="H266" t="str">
            <v>GO-R/W \ INVESTIGATE</v>
          </cell>
          <cell r="I266"/>
          <cell r="J266" t="str">
            <v>GASGEN</v>
          </cell>
          <cell r="K266" t="str">
            <v>I</v>
          </cell>
          <cell r="L266" t="str">
            <v>INVESTIGATE RIGHT OF WAY</v>
          </cell>
          <cell r="M266" t="str">
            <v>N</v>
          </cell>
        </row>
        <row r="267">
          <cell r="A267" t="str">
            <v>GASGEN</v>
          </cell>
          <cell r="B267" t="str">
            <v>Gas Capital</v>
          </cell>
          <cell r="C267" t="str">
            <v>Gas</v>
          </cell>
          <cell r="D267" t="str">
            <v>GO-R/W</v>
          </cell>
          <cell r="E267" t="str">
            <v>Gas Operations - Right Of Way</v>
          </cell>
          <cell r="F267" t="str">
            <v>PURCHASE</v>
          </cell>
          <cell r="G267" t="str">
            <v>PURCHASE</v>
          </cell>
          <cell r="H267" t="str">
            <v>GO-R/W \ PURCHASE</v>
          </cell>
          <cell r="I267"/>
          <cell r="J267" t="str">
            <v>GASGEN</v>
          </cell>
          <cell r="K267" t="str">
            <v>I</v>
          </cell>
          <cell r="L267" t="str">
            <v>PURCHASE</v>
          </cell>
          <cell r="M267" t="str">
            <v>N</v>
          </cell>
        </row>
        <row r="268">
          <cell r="A268" t="str">
            <v>GASGEN</v>
          </cell>
          <cell r="B268" t="str">
            <v>Gas Capital</v>
          </cell>
          <cell r="C268" t="e">
            <v>#N/A</v>
          </cell>
          <cell r="D268" t="str">
            <v>GO-RESTOR</v>
          </cell>
          <cell r="E268" t="e">
            <v>#N/A</v>
          </cell>
          <cell r="F268" t="str">
            <v>RESTORAT</v>
          </cell>
          <cell r="G268" t="e">
            <v>#N/A</v>
          </cell>
          <cell r="H268" t="str">
            <v>GO-RESTOR \ RESTORAT</v>
          </cell>
          <cell r="I268"/>
          <cell r="J268" t="str">
            <v>GASGEN</v>
          </cell>
          <cell r="K268" t="str">
            <v>I</v>
          </cell>
          <cell r="L268" t="str">
            <v>GAS RESTORATION</v>
          </cell>
          <cell r="M268" t="str">
            <v>N</v>
          </cell>
        </row>
        <row r="269">
          <cell r="A269" t="str">
            <v>GASGEN</v>
          </cell>
          <cell r="B269" t="str">
            <v>Gas Capital</v>
          </cell>
          <cell r="C269" t="str">
            <v>Gas</v>
          </cell>
          <cell r="D269" t="str">
            <v>GO-RPL</v>
          </cell>
          <cell r="E269" t="str">
            <v>Gas Operations - Gas Main Replacement</v>
          </cell>
          <cell r="F269" t="str">
            <v>INSTLARPRJ</v>
          </cell>
          <cell r="G269" t="str">
            <v>INSTALL LARGE PROJECT</v>
          </cell>
          <cell r="H269" t="str">
            <v>GO-RPL \ INSTLARPRJ</v>
          </cell>
          <cell r="I269"/>
          <cell r="J269" t="str">
            <v>GASGEN</v>
          </cell>
          <cell r="K269" t="str">
            <v>I</v>
          </cell>
          <cell r="L269" t="str">
            <v>INSTALL LARGE PROJECT</v>
          </cell>
          <cell r="M269" t="str">
            <v>N</v>
          </cell>
        </row>
        <row r="270">
          <cell r="A270" t="str">
            <v>GASGEN</v>
          </cell>
          <cell r="B270" t="str">
            <v>Gas Capital</v>
          </cell>
          <cell r="C270" t="str">
            <v>Gas</v>
          </cell>
          <cell r="D270" t="str">
            <v>GO-RPL</v>
          </cell>
          <cell r="E270" t="str">
            <v>Gas Operations - Gas Main Replacement</v>
          </cell>
          <cell r="F270" t="str">
            <v>INSTPAV</v>
          </cell>
          <cell r="G270" t="str">
            <v>INSTALL IN PAVEMENT</v>
          </cell>
          <cell r="H270" t="str">
            <v>GO-RPL \ INSTPAV</v>
          </cell>
          <cell r="I270"/>
          <cell r="J270" t="str">
            <v>GASGEN</v>
          </cell>
          <cell r="K270" t="str">
            <v>I</v>
          </cell>
          <cell r="L270" t="str">
            <v>INSTALL IN PAVEMENT</v>
          </cell>
          <cell r="M270" t="str">
            <v>N</v>
          </cell>
        </row>
        <row r="271">
          <cell r="A271" t="str">
            <v>GASGEN</v>
          </cell>
          <cell r="B271" t="str">
            <v>Gas Capital</v>
          </cell>
          <cell r="C271" t="str">
            <v>Gas</v>
          </cell>
          <cell r="D271" t="str">
            <v>GO-RPL</v>
          </cell>
          <cell r="E271" t="str">
            <v>Gas Operations - Gas Main Replacement</v>
          </cell>
          <cell r="F271" t="str">
            <v>INSTSOD</v>
          </cell>
          <cell r="G271" t="str">
            <v>INSTALL IN SOD</v>
          </cell>
          <cell r="H271" t="str">
            <v>GO-RPL \ INSTSOD</v>
          </cell>
          <cell r="I271"/>
          <cell r="J271" t="str">
            <v>GASGEN</v>
          </cell>
          <cell r="K271" t="str">
            <v>I</v>
          </cell>
          <cell r="L271" t="str">
            <v>INSTALL IN SOD</v>
          </cell>
          <cell r="M271" t="str">
            <v>N</v>
          </cell>
        </row>
        <row r="272">
          <cell r="A272" t="str">
            <v>GASGEN</v>
          </cell>
          <cell r="B272" t="str">
            <v>Gas Capital</v>
          </cell>
          <cell r="C272" t="str">
            <v>Gas</v>
          </cell>
          <cell r="D272" t="str">
            <v>GO-RPL</v>
          </cell>
          <cell r="E272" t="str">
            <v>Gas Operations - Gas Main Replacement</v>
          </cell>
          <cell r="F272" t="str">
            <v>REMOVE</v>
          </cell>
          <cell r="G272" t="str">
            <v>REMOVE</v>
          </cell>
          <cell r="H272" t="str">
            <v>GO-RPL \ REMOVE</v>
          </cell>
          <cell r="I272"/>
          <cell r="J272" t="str">
            <v>GASGEN</v>
          </cell>
          <cell r="K272" t="str">
            <v>R</v>
          </cell>
          <cell r="L272" t="str">
            <v>REMOVE</v>
          </cell>
          <cell r="M272" t="str">
            <v>N</v>
          </cell>
        </row>
        <row r="273">
          <cell r="A273" t="str">
            <v>GASGEN</v>
          </cell>
          <cell r="B273" t="str">
            <v>Gas Capital</v>
          </cell>
          <cell r="C273" t="str">
            <v>Gas</v>
          </cell>
          <cell r="D273" t="str">
            <v>GO-SCADA</v>
          </cell>
          <cell r="E273" t="str">
            <v>Gas Operations - SCADA System</v>
          </cell>
          <cell r="F273" t="str">
            <v>INSTALLEQ</v>
          </cell>
          <cell r="G273" t="str">
            <v>INSTALL EQUIPMENT</v>
          </cell>
          <cell r="H273" t="str">
            <v>GO-SCADA \ INSTALLEQ</v>
          </cell>
          <cell r="I273"/>
          <cell r="J273" t="str">
            <v>GASGEN</v>
          </cell>
          <cell r="K273" t="str">
            <v>I</v>
          </cell>
          <cell r="L273" t="str">
            <v>INSTALL EQUIPMENT</v>
          </cell>
          <cell r="M273" t="str">
            <v>N</v>
          </cell>
        </row>
        <row r="274">
          <cell r="A274" t="str">
            <v>GASGEN</v>
          </cell>
          <cell r="B274" t="str">
            <v>Gas Capital</v>
          </cell>
          <cell r="C274" t="str">
            <v>Gas</v>
          </cell>
          <cell r="D274" t="str">
            <v>GO-SCADA</v>
          </cell>
          <cell r="E274" t="str">
            <v>Gas Operations - SCADA System</v>
          </cell>
          <cell r="F274" t="str">
            <v>PURCHASEEQ</v>
          </cell>
          <cell r="G274" t="str">
            <v>PURCHASE EQUIPMENT</v>
          </cell>
          <cell r="H274" t="str">
            <v>GO-SCADA \ PURCHASEEQ</v>
          </cell>
          <cell r="I274"/>
          <cell r="J274" t="str">
            <v>GASGEN</v>
          </cell>
          <cell r="K274" t="str">
            <v>I</v>
          </cell>
          <cell r="L274" t="str">
            <v>PURCHASE EQUIPMENT</v>
          </cell>
          <cell r="M274" t="str">
            <v>N</v>
          </cell>
        </row>
        <row r="275">
          <cell r="A275" t="str">
            <v>GASGEN</v>
          </cell>
          <cell r="B275" t="str">
            <v>Gas Capital</v>
          </cell>
          <cell r="C275" t="str">
            <v>Gas</v>
          </cell>
          <cell r="D275" t="str">
            <v>GO-SCADA</v>
          </cell>
          <cell r="E275" t="str">
            <v>Gas Operations - SCADA System</v>
          </cell>
          <cell r="F275" t="str">
            <v>REMOVE</v>
          </cell>
          <cell r="G275" t="str">
            <v>REMOVE</v>
          </cell>
          <cell r="H275" t="str">
            <v>GO-SCADA \ REMOVE</v>
          </cell>
          <cell r="I275"/>
          <cell r="J275" t="str">
            <v>GASGEN</v>
          </cell>
          <cell r="K275" t="str">
            <v>R</v>
          </cell>
          <cell r="L275" t="str">
            <v>REMOVE</v>
          </cell>
          <cell r="M275" t="str">
            <v>N</v>
          </cell>
        </row>
        <row r="276">
          <cell r="A276" t="str">
            <v>GASGEN</v>
          </cell>
          <cell r="B276" t="str">
            <v>Gas Capital</v>
          </cell>
          <cell r="C276" t="str">
            <v>Gas</v>
          </cell>
          <cell r="D276" t="str">
            <v>GO-SERVICEKY</v>
          </cell>
          <cell r="E276" t="str">
            <v>Gas Operations - Service Work - KY</v>
          </cell>
          <cell r="F276" t="str">
            <v>C-MNEWLRGP</v>
          </cell>
          <cell r="G276" t="str">
            <v>INSTALL NEW C-M SERVICE LARGE PROJECT</v>
          </cell>
          <cell r="H276" t="str">
            <v>GO-SERVICEKY \ C-MNEWLRGP</v>
          </cell>
          <cell r="I276"/>
          <cell r="J276" t="str">
            <v>GASGEN</v>
          </cell>
          <cell r="K276" t="str">
            <v>I</v>
          </cell>
          <cell r="L276" t="str">
            <v>INSTALL NEW C-M SERVICE LARGE PROJECT</v>
          </cell>
          <cell r="M276" t="str">
            <v>N</v>
          </cell>
        </row>
        <row r="277">
          <cell r="A277" t="str">
            <v>GASGEN</v>
          </cell>
          <cell r="B277" t="str">
            <v>Gas Capital</v>
          </cell>
          <cell r="C277" t="str">
            <v>Gas</v>
          </cell>
          <cell r="D277" t="str">
            <v>GO-SERVICEKY</v>
          </cell>
          <cell r="E277" t="str">
            <v>Gas Operations - Service Work - KY</v>
          </cell>
          <cell r="F277" t="str">
            <v>C-MRPLLRGP</v>
          </cell>
          <cell r="G277" t="str">
            <v>INSTALL C-M SERV. FOR RPL, STI, OR PRI PROJECT LARGE PROJECT</v>
          </cell>
          <cell r="H277" t="str">
            <v>GO-SERVICEKY \ C-MRPLLRGP</v>
          </cell>
          <cell r="I277"/>
          <cell r="J277" t="str">
            <v>GASGEN</v>
          </cell>
          <cell r="K277" t="str">
            <v>I</v>
          </cell>
          <cell r="L277" t="str">
            <v>INSTALL C-M SERV. FOR RPL, STI, OR PRI PROJECT LARGE PROJECT</v>
          </cell>
          <cell r="M277" t="str">
            <v>N</v>
          </cell>
        </row>
        <row r="278">
          <cell r="A278" t="str">
            <v>GASGEN</v>
          </cell>
          <cell r="B278" t="str">
            <v>Gas Capital</v>
          </cell>
          <cell r="C278" t="str">
            <v>Gas</v>
          </cell>
          <cell r="D278" t="str">
            <v>GO-SERVICEKY</v>
          </cell>
          <cell r="E278" t="str">
            <v>Gas Operations - Service Work - KY</v>
          </cell>
          <cell r="F278" t="str">
            <v>M-CNEWLRGP</v>
          </cell>
          <cell r="G278" t="str">
            <v>INSTALL NEW M-C SERVICE LARGE PROJECT</v>
          </cell>
          <cell r="H278" t="str">
            <v>GO-SERVICEKY \ M-CNEWLRGP</v>
          </cell>
          <cell r="I278"/>
          <cell r="J278" t="str">
            <v>GASGEN</v>
          </cell>
          <cell r="K278" t="str">
            <v>I</v>
          </cell>
          <cell r="L278" t="str">
            <v>INSTALL NEW M-C SERVICE LARGE PROJECT</v>
          </cell>
          <cell r="M278" t="str">
            <v>N</v>
          </cell>
        </row>
        <row r="279">
          <cell r="A279" t="str">
            <v>GASGEN</v>
          </cell>
          <cell r="B279" t="str">
            <v>Gas Capital</v>
          </cell>
          <cell r="C279" t="str">
            <v>Gas</v>
          </cell>
          <cell r="D279" t="str">
            <v>GO-SERVICEKY</v>
          </cell>
          <cell r="E279" t="str">
            <v>Gas Operations - Service Work - KY</v>
          </cell>
          <cell r="F279" t="str">
            <v>M-CRPLLRGP</v>
          </cell>
          <cell r="G279" t="str">
            <v>INSTALL M-C SERV. FOR RPL, STI, OR PRI PROJECT LARGE PROJECT</v>
          </cell>
          <cell r="H279" t="str">
            <v>GO-SERVICEKY \ M-CRPLLRGP</v>
          </cell>
          <cell r="I279"/>
          <cell r="J279" t="str">
            <v>GASGEN</v>
          </cell>
          <cell r="K279" t="str">
            <v>I</v>
          </cell>
          <cell r="L279" t="str">
            <v>INSTALL M-C SERV. FOR RPL, STI, OR PRI PROJECT LARGE PROJECT</v>
          </cell>
          <cell r="M279" t="str">
            <v>N</v>
          </cell>
        </row>
        <row r="280">
          <cell r="A280" t="str">
            <v>GASGEN</v>
          </cell>
          <cell r="B280" t="str">
            <v>Gas Capital</v>
          </cell>
          <cell r="C280" t="str">
            <v>Gas</v>
          </cell>
          <cell r="D280" t="str">
            <v>GO-SERVICEKY</v>
          </cell>
          <cell r="E280" t="str">
            <v>Gas Operations - Service Work - KY</v>
          </cell>
          <cell r="F280" t="str">
            <v>REMOVE</v>
          </cell>
          <cell r="G280" t="str">
            <v>REMOVE</v>
          </cell>
          <cell r="H280" t="str">
            <v>GO-SERVICEKY \ REMOVE</v>
          </cell>
          <cell r="I280"/>
          <cell r="J280" t="str">
            <v>GASGEN</v>
          </cell>
          <cell r="K280" t="str">
            <v>R</v>
          </cell>
          <cell r="L280" t="str">
            <v>REMOVE</v>
          </cell>
          <cell r="M280" t="str">
            <v>N</v>
          </cell>
        </row>
        <row r="281">
          <cell r="A281" t="str">
            <v>GASGEN</v>
          </cell>
          <cell r="B281" t="str">
            <v>Gas Capital</v>
          </cell>
          <cell r="C281" t="str">
            <v>Gas</v>
          </cell>
          <cell r="D281" t="str">
            <v>GO-SERVICEOH</v>
          </cell>
          <cell r="E281" t="str">
            <v>Gas Operations - Service Work - OH</v>
          </cell>
          <cell r="F281" t="str">
            <v>C-MNEWLRGP</v>
          </cell>
          <cell r="G281" t="str">
            <v>INSTALL NEW C-M SERVICE LARGE PROJECT</v>
          </cell>
          <cell r="H281" t="str">
            <v>GO-SERVICEOH \ C-MNEWLRGP</v>
          </cell>
          <cell r="I281"/>
          <cell r="J281" t="str">
            <v>GASGEN</v>
          </cell>
          <cell r="K281" t="str">
            <v>I</v>
          </cell>
          <cell r="L281" t="str">
            <v>INSTALL NEW C-M SERVICE LARGE PROJECT</v>
          </cell>
          <cell r="M281" t="str">
            <v>N</v>
          </cell>
        </row>
        <row r="282">
          <cell r="A282" t="str">
            <v>GASGEN</v>
          </cell>
          <cell r="B282" t="str">
            <v>Gas Capital</v>
          </cell>
          <cell r="C282" t="str">
            <v>Gas</v>
          </cell>
          <cell r="D282" t="str">
            <v>GO-SERVICEOH</v>
          </cell>
          <cell r="E282" t="str">
            <v>Gas Operations - Service Work - OH</v>
          </cell>
          <cell r="F282" t="str">
            <v>C-MRPLLRGP</v>
          </cell>
          <cell r="G282" t="str">
            <v>INSTALL C-M SERV. FOR RPL, STI, OR PRI PROJECT LARGE PROJECT</v>
          </cell>
          <cell r="H282" t="str">
            <v>GO-SERVICEOH \ C-MRPLLRGP</v>
          </cell>
          <cell r="I282"/>
          <cell r="J282" t="str">
            <v>GASGEN</v>
          </cell>
          <cell r="K282" t="str">
            <v>I</v>
          </cell>
          <cell r="L282" t="str">
            <v>INSTALL C-M SERV. FOR RPL, STI, OR PRI PROJECT LARGE PROJECT</v>
          </cell>
          <cell r="M282" t="str">
            <v>N</v>
          </cell>
        </row>
        <row r="283">
          <cell r="A283" t="str">
            <v>GASGEN</v>
          </cell>
          <cell r="B283" t="str">
            <v>Gas Capital</v>
          </cell>
          <cell r="C283" t="str">
            <v>Gas</v>
          </cell>
          <cell r="D283" t="str">
            <v>GO-SERVICEOH</v>
          </cell>
          <cell r="E283" t="str">
            <v>Gas Operations - Service Work - OH</v>
          </cell>
          <cell r="F283" t="str">
            <v>M-CNEWLRGP</v>
          </cell>
          <cell r="G283" t="str">
            <v>INSTALL NEW M-C SERVICE LARGE PROJECT</v>
          </cell>
          <cell r="H283" t="str">
            <v>GO-SERVICEOH \ M-CNEWLRGP</v>
          </cell>
          <cell r="I283"/>
          <cell r="J283" t="str">
            <v>GASGEN</v>
          </cell>
          <cell r="K283" t="str">
            <v>I</v>
          </cell>
          <cell r="L283" t="str">
            <v>INSTALL NEW M-C SERVICE LARGE PROJECT</v>
          </cell>
          <cell r="M283" t="str">
            <v>N</v>
          </cell>
        </row>
        <row r="284">
          <cell r="A284" t="str">
            <v>GASGEN</v>
          </cell>
          <cell r="B284" t="str">
            <v>Gas Capital</v>
          </cell>
          <cell r="C284" t="str">
            <v>Gas</v>
          </cell>
          <cell r="D284" t="str">
            <v>GO-SERVICEOH</v>
          </cell>
          <cell r="E284" t="str">
            <v>Gas Operations - Service Work - OH</v>
          </cell>
          <cell r="F284" t="str">
            <v>M-CRPLLRGP</v>
          </cell>
          <cell r="G284" t="str">
            <v>INSTALL M-C SERV. FOR RPL, STI, OR PRI PROJECT LARGE PROJECT</v>
          </cell>
          <cell r="H284" t="str">
            <v>GO-SERVICEOH \ M-CRPLLRGP</v>
          </cell>
          <cell r="I284"/>
          <cell r="J284" t="str">
            <v>GASGEN</v>
          </cell>
          <cell r="K284" t="str">
            <v>I</v>
          </cell>
          <cell r="L284" t="str">
            <v>INSTALL M-C SERV. FOR RPL, STI, OR PRI PROJECT LARGE PROJECT</v>
          </cell>
          <cell r="M284" t="str">
            <v>N</v>
          </cell>
        </row>
        <row r="285">
          <cell r="A285" t="str">
            <v>GASGEN</v>
          </cell>
          <cell r="B285" t="str">
            <v>Gas Capital</v>
          </cell>
          <cell r="C285" t="str">
            <v>Gas</v>
          </cell>
          <cell r="D285" t="str">
            <v>GO-SERVICEOH</v>
          </cell>
          <cell r="E285" t="str">
            <v>Gas Operations - Service Work - OH</v>
          </cell>
          <cell r="F285" t="str">
            <v>REMOVE</v>
          </cell>
          <cell r="G285" t="str">
            <v>REMOVE</v>
          </cell>
          <cell r="H285" t="str">
            <v>GO-SERVICEOH \ REMOVE</v>
          </cell>
          <cell r="I285"/>
          <cell r="J285" t="str">
            <v>GASGEN</v>
          </cell>
          <cell r="K285" t="str">
            <v>R</v>
          </cell>
          <cell r="L285" t="str">
            <v>REMOVE</v>
          </cell>
          <cell r="M285" t="str">
            <v>N</v>
          </cell>
        </row>
        <row r="286">
          <cell r="A286" t="str">
            <v>GASGEN</v>
          </cell>
          <cell r="B286" t="str">
            <v>Gas Capital</v>
          </cell>
          <cell r="C286" t="str">
            <v>Gas</v>
          </cell>
          <cell r="D286" t="str">
            <v>GO-STAREG</v>
          </cell>
          <cell r="E286" t="str">
            <v>Gas Operations - Station Regulator</v>
          </cell>
          <cell r="F286" t="str">
            <v>INSTALL</v>
          </cell>
          <cell r="G286" t="str">
            <v>INSTALL</v>
          </cell>
          <cell r="H286" t="str">
            <v>GO-STAREG \ INSTALL</v>
          </cell>
          <cell r="I286"/>
          <cell r="J286" t="str">
            <v>GASGEN</v>
          </cell>
          <cell r="K286" t="str">
            <v>I</v>
          </cell>
          <cell r="L286" t="str">
            <v>INSTALL</v>
          </cell>
          <cell r="M286" t="str">
            <v>N</v>
          </cell>
        </row>
        <row r="287">
          <cell r="A287" t="str">
            <v>GASGEN</v>
          </cell>
          <cell r="B287" t="str">
            <v>Gas Capital</v>
          </cell>
          <cell r="C287" t="str">
            <v>Gas</v>
          </cell>
          <cell r="D287" t="str">
            <v>GO-STAREG</v>
          </cell>
          <cell r="E287" t="str">
            <v>Gas Operations - Station Regulator</v>
          </cell>
          <cell r="F287" t="str">
            <v>REMOVE</v>
          </cell>
          <cell r="G287" t="str">
            <v>REMOVE</v>
          </cell>
          <cell r="H287" t="str">
            <v>GO-STAREG \ REMOVE</v>
          </cell>
          <cell r="I287"/>
          <cell r="J287" t="str">
            <v>GASGEN</v>
          </cell>
          <cell r="K287" t="str">
            <v>R</v>
          </cell>
          <cell r="L287" t="str">
            <v>REMOVE</v>
          </cell>
          <cell r="M287" t="str">
            <v>N</v>
          </cell>
        </row>
        <row r="288">
          <cell r="A288" t="str">
            <v>GASGEN</v>
          </cell>
          <cell r="B288" t="str">
            <v>Gas Capital</v>
          </cell>
          <cell r="C288" t="str">
            <v>Gas</v>
          </cell>
          <cell r="D288" t="str">
            <v>GO-STAREGNB</v>
          </cell>
          <cell r="E288" t="str">
            <v>Gas Operations - Station Regulator New Business</v>
          </cell>
          <cell r="F288" t="str">
            <v>INSTALL</v>
          </cell>
          <cell r="G288" t="str">
            <v>INSTALL</v>
          </cell>
          <cell r="H288" t="str">
            <v>GO-STAREGNB \ INSTALL</v>
          </cell>
          <cell r="I288"/>
          <cell r="J288" t="str">
            <v>GASGEN</v>
          </cell>
          <cell r="K288" t="str">
            <v>I</v>
          </cell>
          <cell r="L288" t="str">
            <v>INSTALL</v>
          </cell>
          <cell r="M288" t="str">
            <v>N</v>
          </cell>
        </row>
        <row r="289">
          <cell r="A289" t="str">
            <v>GASGEN</v>
          </cell>
          <cell r="B289" t="str">
            <v>Gas Capital</v>
          </cell>
          <cell r="C289" t="str">
            <v>Gas</v>
          </cell>
          <cell r="D289" t="str">
            <v>GO-STI</v>
          </cell>
          <cell r="E289" t="str">
            <v>Gas Operations - Street Improvements</v>
          </cell>
          <cell r="F289" t="str">
            <v>INSTLARPRJ</v>
          </cell>
          <cell r="G289" t="str">
            <v>INSTALL LARGE PROJECT</v>
          </cell>
          <cell r="H289" t="str">
            <v>GO-STI \ INSTLARPRJ</v>
          </cell>
          <cell r="I289"/>
          <cell r="J289" t="str">
            <v>GASGEN</v>
          </cell>
          <cell r="K289" t="str">
            <v>I</v>
          </cell>
          <cell r="L289" t="str">
            <v>INSTALL LARGE PROJECT</v>
          </cell>
          <cell r="M289" t="str">
            <v>N</v>
          </cell>
        </row>
        <row r="290">
          <cell r="A290" t="str">
            <v>GASGEN</v>
          </cell>
          <cell r="B290" t="str">
            <v>Gas Capital</v>
          </cell>
          <cell r="C290" t="str">
            <v>Gas</v>
          </cell>
          <cell r="D290" t="str">
            <v>GO-STI</v>
          </cell>
          <cell r="E290" t="str">
            <v>Gas Operations - Street Improvements</v>
          </cell>
          <cell r="F290" t="str">
            <v>INSTPAV</v>
          </cell>
          <cell r="G290" t="str">
            <v>INSTALL IN PAVEMENT</v>
          </cell>
          <cell r="H290" t="str">
            <v>GO-STI \ INSTPAV</v>
          </cell>
          <cell r="I290"/>
          <cell r="J290" t="str">
            <v>GASGEN</v>
          </cell>
          <cell r="K290" t="str">
            <v>I</v>
          </cell>
          <cell r="L290" t="str">
            <v>INSTALL IN PAVEMENT</v>
          </cell>
          <cell r="M290" t="str">
            <v>N</v>
          </cell>
        </row>
        <row r="291">
          <cell r="A291" t="str">
            <v>GASGEN</v>
          </cell>
          <cell r="B291" t="str">
            <v>Gas Capital</v>
          </cell>
          <cell r="C291" t="str">
            <v>Gas</v>
          </cell>
          <cell r="D291" t="str">
            <v>GO-STI</v>
          </cell>
          <cell r="E291" t="str">
            <v>Gas Operations - Street Improvements</v>
          </cell>
          <cell r="F291" t="str">
            <v>INSTSOD</v>
          </cell>
          <cell r="G291" t="str">
            <v>INSTALL IN SOD</v>
          </cell>
          <cell r="H291" t="str">
            <v>GO-STI \ INSTSOD</v>
          </cell>
          <cell r="I291"/>
          <cell r="J291" t="str">
            <v>GASGEN</v>
          </cell>
          <cell r="K291" t="str">
            <v>I</v>
          </cell>
          <cell r="L291" t="str">
            <v>INSTALL IN SOD</v>
          </cell>
          <cell r="M291" t="str">
            <v>N</v>
          </cell>
        </row>
        <row r="292">
          <cell r="A292" t="str">
            <v>GASGEN</v>
          </cell>
          <cell r="B292" t="str">
            <v>Gas Capital</v>
          </cell>
          <cell r="C292" t="str">
            <v>Gas</v>
          </cell>
          <cell r="D292" t="str">
            <v>GO-STI</v>
          </cell>
          <cell r="E292" t="str">
            <v>Gas Operations - Street Improvements</v>
          </cell>
          <cell r="F292" t="str">
            <v>REMOVE</v>
          </cell>
          <cell r="G292" t="str">
            <v>REMOVE</v>
          </cell>
          <cell r="H292" t="str">
            <v>GO-STI \ REMOVE</v>
          </cell>
          <cell r="I292"/>
          <cell r="J292" t="str">
            <v>GASGEN</v>
          </cell>
          <cell r="K292" t="str">
            <v>R</v>
          </cell>
          <cell r="L292" t="str">
            <v>REMOVE</v>
          </cell>
          <cell r="M292" t="str">
            <v>N</v>
          </cell>
        </row>
        <row r="293">
          <cell r="A293" t="str">
            <v>GASGEN</v>
          </cell>
          <cell r="B293" t="str">
            <v>Gas Capital</v>
          </cell>
          <cell r="C293" t="str">
            <v>Gas</v>
          </cell>
          <cell r="D293" t="str">
            <v>GO-STR</v>
          </cell>
          <cell r="E293" t="str">
            <v>Gas Operations - Street Resurfacing</v>
          </cell>
          <cell r="F293" t="str">
            <v>RESURF</v>
          </cell>
          <cell r="G293" t="str">
            <v>STREET RESURFACING PROJECT</v>
          </cell>
          <cell r="H293" t="str">
            <v>GO-STR \ RESURF</v>
          </cell>
          <cell r="I293"/>
          <cell r="J293" t="str">
            <v>GASGEN</v>
          </cell>
          <cell r="K293" t="str">
            <v>I</v>
          </cell>
          <cell r="L293" t="str">
            <v>STREET RESURFACING PROJECT</v>
          </cell>
          <cell r="M293" t="str">
            <v>N</v>
          </cell>
        </row>
        <row r="294">
          <cell r="A294" t="str">
            <v>GEMISCX</v>
          </cell>
          <cell r="B294" t="str">
            <v>Gas O&amp;M</v>
          </cell>
          <cell r="C294" t="str">
            <v>Gas</v>
          </cell>
          <cell r="D294" t="str">
            <v>GO-CLAIMS</v>
          </cell>
          <cell r="E294" t="str">
            <v>Gas Damage Claims</v>
          </cell>
          <cell r="F294" t="str">
            <v>GAS</v>
          </cell>
          <cell r="G294" t="str">
            <v>Gas</v>
          </cell>
          <cell r="H294" t="str">
            <v>GO-CLAIMS \ GAS</v>
          </cell>
          <cell r="I294"/>
          <cell r="J294" t="str">
            <v>GEMISCX</v>
          </cell>
          <cell r="K294" t="str">
            <v>X</v>
          </cell>
          <cell r="L294" t="str">
            <v>Gas</v>
          </cell>
          <cell r="M294" t="str">
            <v>N</v>
          </cell>
        </row>
        <row r="295">
          <cell r="A295" t="str">
            <v>GFACPROT</v>
          </cell>
          <cell r="B295" t="str">
            <v>Gas O&amp;M</v>
          </cell>
          <cell r="C295" t="str">
            <v>Gas</v>
          </cell>
          <cell r="D295" t="str">
            <v>GO-LNLOC</v>
          </cell>
          <cell r="E295" t="str">
            <v>Gas Operations - Location Work</v>
          </cell>
          <cell r="F295" t="str">
            <v>FACPROT</v>
          </cell>
          <cell r="G295" t="str">
            <v>Facility Protection - Contractor Digging Around Lines</v>
          </cell>
          <cell r="H295" t="str">
            <v>GO-LNLOC \ FACPROT</v>
          </cell>
          <cell r="I295"/>
          <cell r="J295" t="str">
            <v>GFACPROT</v>
          </cell>
          <cell r="K295" t="str">
            <v>X</v>
          </cell>
          <cell r="L295" t="str">
            <v>Facility Protection - Contractor Digging Around Lines</v>
          </cell>
          <cell r="M295" t="str">
            <v>N</v>
          </cell>
        </row>
        <row r="296">
          <cell r="A296" t="str">
            <v>GG2610</v>
          </cell>
          <cell r="B296" t="str">
            <v>PD Capital</v>
          </cell>
          <cell r="C296" t="str">
            <v>Carolinas</v>
          </cell>
          <cell r="D296" t="str">
            <v>PD-INTGT</v>
          </cell>
          <cell r="E296" t="str">
            <v>Power Delivery - Integrity</v>
          </cell>
          <cell r="F296" t="str">
            <v>PREP10NCT</v>
          </cell>
          <cell r="G296" t="str">
            <v>Transmission Poles replaced that is not related to Ground Line Inspection: Broken pole NC</v>
          </cell>
          <cell r="H296" t="str">
            <v>PD-INTGT \ PREP10NCT</v>
          </cell>
          <cell r="I296" t="str">
            <v>TPPOLE</v>
          </cell>
          <cell r="J296" t="str">
            <v>GG2610</v>
          </cell>
          <cell r="K296" t="str">
            <v>X</v>
          </cell>
          <cell r="L296" t="str">
            <v>Transmission Poles replaced that is not related to Ground Line Inspection: Broken pole NC</v>
          </cell>
          <cell r="M296" t="str">
            <v>N</v>
          </cell>
        </row>
        <row r="297">
          <cell r="A297" t="str">
            <v>GG2623</v>
          </cell>
          <cell r="B297" t="str">
            <v>PD Capital</v>
          </cell>
          <cell r="C297" t="str">
            <v>Carolinas</v>
          </cell>
          <cell r="D297" t="str">
            <v>PD-INTGT</v>
          </cell>
          <cell r="E297" t="str">
            <v>Power Delivery - Integrity</v>
          </cell>
          <cell r="F297" t="str">
            <v>PREP23NCT</v>
          </cell>
          <cell r="G297" t="str">
            <v>Transmission Poles replaced that is not related to Ground Line Inspection: Broken pole NC</v>
          </cell>
          <cell r="H297" t="str">
            <v>PD-INTGT \ PREP23NCT</v>
          </cell>
          <cell r="I297" t="str">
            <v>TPPOLE</v>
          </cell>
          <cell r="J297" t="str">
            <v>GG2623</v>
          </cell>
          <cell r="K297" t="str">
            <v>X</v>
          </cell>
          <cell r="L297" t="str">
            <v>Transmission Poles replaced that is not related to Ground Line Inspection: Broken pole NC</v>
          </cell>
          <cell r="M297" t="str">
            <v>N</v>
          </cell>
        </row>
        <row r="298">
          <cell r="A298" t="str">
            <v>GG2633</v>
          </cell>
          <cell r="B298" t="str">
            <v>PD Capital</v>
          </cell>
          <cell r="C298" t="str">
            <v>Carolinas</v>
          </cell>
          <cell r="D298" t="str">
            <v>PD-INTGT</v>
          </cell>
          <cell r="E298" t="str">
            <v>Power Delivery - Integrity</v>
          </cell>
          <cell r="F298" t="str">
            <v>PREP33NCT</v>
          </cell>
          <cell r="G298" t="str">
            <v>Transmission Poles replaced that is not related to Ground Line Inspection: Broken pole NC</v>
          </cell>
          <cell r="H298" t="str">
            <v>PD-INTGT \ PREP33NCT</v>
          </cell>
          <cell r="I298" t="str">
            <v>TPPOLE</v>
          </cell>
          <cell r="J298" t="str">
            <v>GG2633</v>
          </cell>
          <cell r="K298" t="str">
            <v>X</v>
          </cell>
          <cell r="L298" t="str">
            <v>Transmission Poles replaced that is not related to Ground Line Inspection: Broken pole NC</v>
          </cell>
          <cell r="M298" t="str">
            <v>N</v>
          </cell>
        </row>
        <row r="299">
          <cell r="A299" t="str">
            <v>GG2644</v>
          </cell>
          <cell r="B299" t="str">
            <v>PD Capital</v>
          </cell>
          <cell r="C299" t="str">
            <v>Carolinas</v>
          </cell>
          <cell r="D299" t="str">
            <v>PD-INTGT</v>
          </cell>
          <cell r="E299" t="str">
            <v>Power Delivery - Integrity</v>
          </cell>
          <cell r="F299" t="str">
            <v>PREP44NCT</v>
          </cell>
          <cell r="G299" t="str">
            <v>Transmission Poles replaced that is not related to Ground Line Inspection: Broken pole NC</v>
          </cell>
          <cell r="H299" t="str">
            <v>PD-INTGT \ PREP44NCT</v>
          </cell>
          <cell r="I299" t="str">
            <v>TPPOLE</v>
          </cell>
          <cell r="J299" t="str">
            <v>GG2644</v>
          </cell>
          <cell r="K299" t="str">
            <v>X</v>
          </cell>
          <cell r="L299" t="str">
            <v>Transmission Poles replaced that is not related to Ground Line Inspection: Broken pole NC</v>
          </cell>
          <cell r="M299" t="str">
            <v>N</v>
          </cell>
        </row>
        <row r="300">
          <cell r="A300" t="str">
            <v>GG2650</v>
          </cell>
          <cell r="B300" t="str">
            <v>PD Capital</v>
          </cell>
          <cell r="C300" t="str">
            <v>Carolinas</v>
          </cell>
          <cell r="D300" t="str">
            <v>PD-INTGT</v>
          </cell>
          <cell r="E300" t="str">
            <v>Power Delivery - Integrity</v>
          </cell>
          <cell r="F300" t="str">
            <v>PREP50NCT</v>
          </cell>
          <cell r="G300" t="str">
            <v>Transmission Poles replaced that is not related to Ground Line Inspection: Broken pole NC</v>
          </cell>
          <cell r="H300" t="str">
            <v>PD-INTGT \ PREP50NCT</v>
          </cell>
          <cell r="I300" t="str">
            <v>TPPOLE</v>
          </cell>
          <cell r="J300" t="str">
            <v>GG2650</v>
          </cell>
          <cell r="K300" t="str">
            <v>X</v>
          </cell>
          <cell r="L300" t="str">
            <v>Transmission Poles replaced that is not related to Ground Line Inspection: Broken pole NC</v>
          </cell>
          <cell r="M300" t="str">
            <v>N</v>
          </cell>
        </row>
        <row r="301">
          <cell r="A301" t="str">
            <v>GG2710</v>
          </cell>
          <cell r="B301" t="str">
            <v>PD Capital</v>
          </cell>
          <cell r="C301" t="str">
            <v>Carolinas</v>
          </cell>
          <cell r="D301" t="str">
            <v>PD-INTGT</v>
          </cell>
          <cell r="E301" t="str">
            <v>Power Delivery - Integrity</v>
          </cell>
          <cell r="F301" t="str">
            <v>PREP10SCT</v>
          </cell>
          <cell r="G301" t="str">
            <v>Transmission Poles replaced that is not related to Ground Line Inspection: Broken pole SC</v>
          </cell>
          <cell r="H301" t="str">
            <v>PD-INTGT \ PREP10SCT</v>
          </cell>
          <cell r="I301" t="str">
            <v>TPPOLE</v>
          </cell>
          <cell r="J301" t="str">
            <v>GG2710</v>
          </cell>
          <cell r="K301" t="str">
            <v>X</v>
          </cell>
          <cell r="L301" t="str">
            <v>Transmission Poles replaced that is not related to Ground Line Inspection: Broken pole SC</v>
          </cell>
          <cell r="M301" t="str">
            <v>N</v>
          </cell>
        </row>
        <row r="302">
          <cell r="A302" t="str">
            <v>GG2723</v>
          </cell>
          <cell r="B302" t="str">
            <v>PD Capital</v>
          </cell>
          <cell r="C302" t="str">
            <v>Carolinas</v>
          </cell>
          <cell r="D302" t="str">
            <v>PD-INTGT</v>
          </cell>
          <cell r="E302" t="str">
            <v>Power Delivery - Integrity</v>
          </cell>
          <cell r="F302" t="str">
            <v>PREP23SCT</v>
          </cell>
          <cell r="G302" t="str">
            <v>Transmission Poles replaced that is not related to Ground Line Inspection: Broken pole SC</v>
          </cell>
          <cell r="H302" t="str">
            <v>PD-INTGT \ PREP23SCT</v>
          </cell>
          <cell r="I302" t="str">
            <v>TPPOLE</v>
          </cell>
          <cell r="J302" t="str">
            <v>GG2723</v>
          </cell>
          <cell r="K302" t="str">
            <v>X</v>
          </cell>
          <cell r="L302" t="str">
            <v>Transmission Poles replaced that is not related to Ground Line Inspection: Broken pole SC</v>
          </cell>
          <cell r="M302" t="str">
            <v>N</v>
          </cell>
        </row>
        <row r="303">
          <cell r="A303" t="str">
            <v>GG2733</v>
          </cell>
          <cell r="B303" t="str">
            <v>PD Capital</v>
          </cell>
          <cell r="C303" t="str">
            <v>Carolinas</v>
          </cell>
          <cell r="D303" t="str">
            <v>PD-INTGT</v>
          </cell>
          <cell r="E303" t="str">
            <v>Power Delivery - Integrity</v>
          </cell>
          <cell r="F303" t="str">
            <v>PREP33SCT</v>
          </cell>
          <cell r="G303" t="str">
            <v>Transmission Poles replaced that is not related to Ground Line Inspection: Broken pole SC</v>
          </cell>
          <cell r="H303" t="str">
            <v>PD-INTGT \ PREP33SCT</v>
          </cell>
          <cell r="I303" t="str">
            <v>TPPOLE</v>
          </cell>
          <cell r="J303" t="str">
            <v>GG2733</v>
          </cell>
          <cell r="K303" t="str">
            <v>X</v>
          </cell>
          <cell r="L303" t="str">
            <v>Transmission Poles replaced that is not related to Ground Line Inspection: Broken pole SC</v>
          </cell>
          <cell r="M303" t="str">
            <v>N</v>
          </cell>
        </row>
        <row r="304">
          <cell r="A304" t="str">
            <v>GG2744</v>
          </cell>
          <cell r="B304" t="str">
            <v>PD Capital</v>
          </cell>
          <cell r="C304" t="str">
            <v>Carolinas</v>
          </cell>
          <cell r="D304" t="str">
            <v>PD-INTGT</v>
          </cell>
          <cell r="E304" t="str">
            <v>Power Delivery - Integrity</v>
          </cell>
          <cell r="F304" t="str">
            <v>PREP44SCT</v>
          </cell>
          <cell r="G304" t="str">
            <v>Transmission Poles replaced that is not related to Ground Line Inspection: Broken pole SC</v>
          </cell>
          <cell r="H304" t="str">
            <v>PD-INTGT \ PREP44SCT</v>
          </cell>
          <cell r="I304" t="str">
            <v>TPPOLE</v>
          </cell>
          <cell r="J304" t="str">
            <v>GG2744</v>
          </cell>
          <cell r="K304" t="str">
            <v>X</v>
          </cell>
          <cell r="L304" t="str">
            <v>Transmission Poles replaced that is not related to Ground Line Inspection: Broken pole SC</v>
          </cell>
          <cell r="M304" t="str">
            <v>N</v>
          </cell>
        </row>
        <row r="305">
          <cell r="A305" t="str">
            <v>GG2750</v>
          </cell>
          <cell r="B305" t="str">
            <v>PD Capital</v>
          </cell>
          <cell r="C305" t="str">
            <v>Carolinas</v>
          </cell>
          <cell r="D305" t="str">
            <v>PD-INTGT</v>
          </cell>
          <cell r="E305" t="str">
            <v>Power Delivery - Integrity</v>
          </cell>
          <cell r="F305" t="str">
            <v>PREP50SCT</v>
          </cell>
          <cell r="G305" t="str">
            <v>Transmission Poles replaced that is not related to Ground Line Inspection: Broken pole SC</v>
          </cell>
          <cell r="H305" t="str">
            <v>PD-INTGT \ PREP50SCT</v>
          </cell>
          <cell r="I305" t="str">
            <v>TPPOLE</v>
          </cell>
          <cell r="J305" t="str">
            <v>GG2750</v>
          </cell>
          <cell r="K305" t="str">
            <v>X</v>
          </cell>
          <cell r="L305" t="str">
            <v>Transmission Poles replaced that is not related to Ground Line Inspection: Broken pole SC</v>
          </cell>
          <cell r="M305" t="str">
            <v>N</v>
          </cell>
        </row>
        <row r="306">
          <cell r="A306" t="str">
            <v>GGAR044NC</v>
          </cell>
          <cell r="B306" t="str">
            <v>PD Veg Mgmt</v>
          </cell>
          <cell r="C306" t="str">
            <v>Veg</v>
          </cell>
          <cell r="D306" t="str">
            <v>PD-TVEGC</v>
          </cell>
          <cell r="E306" t="str">
            <v>Vegetation Management - Tranmission - Capital</v>
          </cell>
          <cell r="F306" t="str">
            <v>TVMFU044NC</v>
          </cell>
          <cell r="G306" t="str">
            <v>Veg Mgmt follow up work identified through an inspection for 44kV</v>
          </cell>
          <cell r="H306" t="str">
            <v>PD-TVEGC \ TVMFU044NC</v>
          </cell>
          <cell r="I306" t="str">
            <v>TCBL100</v>
          </cell>
          <cell r="J306" t="str">
            <v>GGAR044NC</v>
          </cell>
          <cell r="K306" t="str">
            <v>X</v>
          </cell>
          <cell r="L306" t="str">
            <v>Veg Mgmt follow up work identified through an inspection for 44kV NC</v>
          </cell>
          <cell r="M306" t="str">
            <v>N</v>
          </cell>
        </row>
        <row r="307">
          <cell r="A307" t="str">
            <v>GGAR044SC</v>
          </cell>
          <cell r="B307" t="str">
            <v>PD Veg Mgmt</v>
          </cell>
          <cell r="C307" t="str">
            <v>Veg</v>
          </cell>
          <cell r="D307" t="str">
            <v>PD-TVEGC</v>
          </cell>
          <cell r="E307" t="str">
            <v>Vegetation Management - Tranmission - Capital</v>
          </cell>
          <cell r="F307" t="str">
            <v>TVMFU044SC</v>
          </cell>
          <cell r="G307" t="str">
            <v>Veg Mgmt follow up work identified through an inspection for 44kV</v>
          </cell>
          <cell r="H307" t="str">
            <v>PD-TVEGC \ TVMFU044SC</v>
          </cell>
          <cell r="I307" t="str">
            <v>TCBL100</v>
          </cell>
          <cell r="J307" t="str">
            <v>GGAR044SC</v>
          </cell>
          <cell r="K307" t="str">
            <v>X</v>
          </cell>
          <cell r="L307" t="str">
            <v>Veg Mgmt follow up work identified through an inspection for 44kV SC</v>
          </cell>
          <cell r="M307" t="str">
            <v>N</v>
          </cell>
        </row>
        <row r="308">
          <cell r="A308" t="str">
            <v>GGAR069CK</v>
          </cell>
          <cell r="B308" t="str">
            <v>PD Veg Mgmt</v>
          </cell>
          <cell r="C308" t="str">
            <v>Veg</v>
          </cell>
          <cell r="D308" t="str">
            <v>PD-TVEGC</v>
          </cell>
          <cell r="E308" t="str">
            <v>Vegetation Management - Tranmission - Capital</v>
          </cell>
          <cell r="F308" t="str">
            <v>TVMFU69CK</v>
          </cell>
          <cell r="G308" t="str">
            <v>Veg Mgmt follow up work identified through an inspection for 69kV</v>
          </cell>
          <cell r="H308" t="str">
            <v>PD-TVEGC \ TVMFU69CK</v>
          </cell>
          <cell r="I308" t="str">
            <v>TCBL069</v>
          </cell>
          <cell r="J308" t="str">
            <v>GGAR069CK</v>
          </cell>
          <cell r="K308" t="str">
            <v>X</v>
          </cell>
          <cell r="L308" t="str">
            <v>Veg Mgmt follow up work identified through an inspection for 69kV CK</v>
          </cell>
          <cell r="M308" t="str">
            <v>N</v>
          </cell>
        </row>
        <row r="309">
          <cell r="A309" t="str">
            <v>GGAR069NC</v>
          </cell>
          <cell r="B309" t="str">
            <v>PD Veg Mgmt</v>
          </cell>
          <cell r="C309" t="str">
            <v>Veg</v>
          </cell>
          <cell r="D309" t="str">
            <v>PD-TVEGC</v>
          </cell>
          <cell r="E309" t="str">
            <v>Vegetation Management - Tranmission - Capital</v>
          </cell>
          <cell r="F309" t="str">
            <v>TVMFU69NC</v>
          </cell>
          <cell r="G309" t="str">
            <v>Veg Mgmt follow up work identified through an inspection for 69kV</v>
          </cell>
          <cell r="H309" t="str">
            <v>PD-TVEGC \ TVMFU69NC</v>
          </cell>
          <cell r="I309" t="str">
            <v>TCBL069</v>
          </cell>
          <cell r="J309" t="str">
            <v>GGAR069NC</v>
          </cell>
          <cell r="K309" t="str">
            <v>X</v>
          </cell>
          <cell r="L309" t="str">
            <v>Veg Mgmt follow up work identified through an inspection for 69kV NC</v>
          </cell>
          <cell r="M309" t="str">
            <v>N</v>
          </cell>
        </row>
        <row r="310">
          <cell r="A310" t="str">
            <v>GGAR100NC</v>
          </cell>
          <cell r="B310" t="str">
            <v>PD Veg Mgmt</v>
          </cell>
          <cell r="C310" t="str">
            <v>Veg</v>
          </cell>
          <cell r="D310" t="str">
            <v>PD-TVEGC</v>
          </cell>
          <cell r="E310" t="str">
            <v>Vegetation Management - Tranmission - Capital</v>
          </cell>
          <cell r="F310" t="str">
            <v>TVMFU100NC</v>
          </cell>
          <cell r="G310" t="str">
            <v>Veg Mgmt follow up work identified through an inspection for 100kV</v>
          </cell>
          <cell r="H310" t="str">
            <v>PD-TVEGC \ TVMFU100NC</v>
          </cell>
          <cell r="I310" t="str">
            <v>TCBL100</v>
          </cell>
          <cell r="J310" t="str">
            <v>GGAR100NC</v>
          </cell>
          <cell r="K310" t="str">
            <v>X</v>
          </cell>
          <cell r="L310" t="str">
            <v>Veg Mgmt follow up work identified through an inspection for 100kV NC</v>
          </cell>
          <cell r="M310" t="str">
            <v>N</v>
          </cell>
        </row>
        <row r="311">
          <cell r="A311" t="str">
            <v>GGAR100SC</v>
          </cell>
          <cell r="B311" t="str">
            <v>PD Veg Mgmt</v>
          </cell>
          <cell r="C311" t="str">
            <v>Veg</v>
          </cell>
          <cell r="D311" t="str">
            <v>PD-TVEGC</v>
          </cell>
          <cell r="E311" t="str">
            <v>Vegetation Management - Tranmission - Capital</v>
          </cell>
          <cell r="F311" t="str">
            <v>TVMFU100SC</v>
          </cell>
          <cell r="G311" t="str">
            <v>Veg Mgmt follow up work identified through an inspection for 100kV</v>
          </cell>
          <cell r="H311" t="str">
            <v>PD-TVEGC \ TVMFU100SC</v>
          </cell>
          <cell r="I311" t="str">
            <v>TCBL100</v>
          </cell>
          <cell r="J311" t="str">
            <v>GGAR100SC</v>
          </cell>
          <cell r="K311" t="str">
            <v>X</v>
          </cell>
          <cell r="L311" t="str">
            <v>Veg Mgmt follow up work identified through an inspection for 100kV SC</v>
          </cell>
          <cell r="M311" t="str">
            <v>N</v>
          </cell>
        </row>
        <row r="312">
          <cell r="A312" t="str">
            <v>GGAR161NC</v>
          </cell>
          <cell r="B312" t="str">
            <v>PD Veg Mgmt</v>
          </cell>
          <cell r="C312" t="str">
            <v>Veg</v>
          </cell>
          <cell r="D312" t="str">
            <v>PD-TVEGC</v>
          </cell>
          <cell r="E312" t="str">
            <v>Vegetation Management - Tranmission - Capital</v>
          </cell>
          <cell r="F312" t="str">
            <v>TVMFU161NC</v>
          </cell>
          <cell r="G312" t="str">
            <v>Veg Mgmt follow up work identified through an inspection for 161kV</v>
          </cell>
          <cell r="H312" t="str">
            <v>PD-TVEGC \ TVMFU161NC</v>
          </cell>
          <cell r="I312" t="str">
            <v>TCBL161</v>
          </cell>
          <cell r="J312" t="str">
            <v>GGAR161NC</v>
          </cell>
          <cell r="K312" t="str">
            <v>X</v>
          </cell>
          <cell r="L312" t="str">
            <v>Veg Mgmt follow up work identified through an inspection for 161kV NC</v>
          </cell>
          <cell r="M312" t="str">
            <v>N</v>
          </cell>
        </row>
        <row r="313">
          <cell r="A313" t="str">
            <v>GGAR230NC</v>
          </cell>
          <cell r="B313" t="str">
            <v>PD Veg Mgmt</v>
          </cell>
          <cell r="C313" t="str">
            <v>Veg</v>
          </cell>
          <cell r="D313" t="str">
            <v>PD-TVEGC</v>
          </cell>
          <cell r="E313" t="str">
            <v>Vegetation Management - Tranmission - Capital</v>
          </cell>
          <cell r="F313" t="str">
            <v>TVMFU230NC</v>
          </cell>
          <cell r="G313" t="str">
            <v>Veg Mgmt follow up work identified through an inspection for 230kV</v>
          </cell>
          <cell r="H313" t="str">
            <v>PD-TVEGC \ TVMFU230NC</v>
          </cell>
          <cell r="I313" t="str">
            <v>TCBL230</v>
          </cell>
          <cell r="J313" t="str">
            <v>GGAR230NC</v>
          </cell>
          <cell r="K313" t="str">
            <v>X</v>
          </cell>
          <cell r="L313" t="str">
            <v>Veg Mgmt follow up work identified through an inspection for 230kV NC</v>
          </cell>
          <cell r="M313" t="str">
            <v>N</v>
          </cell>
        </row>
        <row r="314">
          <cell r="A314" t="str">
            <v>GGAR230SC</v>
          </cell>
          <cell r="B314" t="str">
            <v>PD Veg Mgmt</v>
          </cell>
          <cell r="C314" t="str">
            <v>Veg</v>
          </cell>
          <cell r="D314" t="str">
            <v>PD-TVEGC</v>
          </cell>
          <cell r="E314" t="str">
            <v>Vegetation Management - Tranmission - Capital</v>
          </cell>
          <cell r="F314" t="str">
            <v>TVMFU230SC</v>
          </cell>
          <cell r="G314" t="str">
            <v>Veg Mgmt follow up work identified through an inspection for 230kV</v>
          </cell>
          <cell r="H314" t="str">
            <v>PD-TVEGC \ TVMFU230SC</v>
          </cell>
          <cell r="I314" t="str">
            <v>TCBL230</v>
          </cell>
          <cell r="J314" t="str">
            <v>GGAR230SC</v>
          </cell>
          <cell r="K314" t="str">
            <v>X</v>
          </cell>
          <cell r="L314" t="str">
            <v>Veg Mgmt follow up work identified through an inspection for 230kV SC</v>
          </cell>
          <cell r="M314" t="str">
            <v>N</v>
          </cell>
        </row>
        <row r="315">
          <cell r="A315" t="str">
            <v>GGAR525NC</v>
          </cell>
          <cell r="B315" t="str">
            <v>PD Veg Mgmt</v>
          </cell>
          <cell r="C315" t="str">
            <v>Veg</v>
          </cell>
          <cell r="D315" t="str">
            <v>PD-TVEGC</v>
          </cell>
          <cell r="E315" t="str">
            <v>Vegetation Management - Tranmission - Capital</v>
          </cell>
          <cell r="F315" t="str">
            <v>TVMFU525NC</v>
          </cell>
          <cell r="G315" t="str">
            <v>Veg Mgmt follow up work identified through an inspection for 525kV</v>
          </cell>
          <cell r="H315" t="str">
            <v>PD-TVEGC \ TVMFU525NC</v>
          </cell>
          <cell r="I315" t="str">
            <v>TCBL525</v>
          </cell>
          <cell r="J315" t="str">
            <v>GGAR525NC</v>
          </cell>
          <cell r="K315" t="str">
            <v>X</v>
          </cell>
          <cell r="L315" t="str">
            <v>Veg Mgmt follow up work identified through an inspection for 525kV NC</v>
          </cell>
          <cell r="M315" t="str">
            <v>N</v>
          </cell>
        </row>
        <row r="316">
          <cell r="A316" t="str">
            <v>GGAR525SC</v>
          </cell>
          <cell r="B316" t="str">
            <v>PD Veg Mgmt</v>
          </cell>
          <cell r="C316" t="str">
            <v>Veg</v>
          </cell>
          <cell r="D316" t="str">
            <v>PD-TVEGC</v>
          </cell>
          <cell r="E316" t="str">
            <v>Vegetation Management - Tranmission - Capital</v>
          </cell>
          <cell r="F316" t="str">
            <v>TVMFU525SC</v>
          </cell>
          <cell r="G316" t="str">
            <v>Veg Mgmt follow up work identified through an inspection for 525kV</v>
          </cell>
          <cell r="H316" t="str">
            <v>PD-TVEGC \ TVMFU525SC</v>
          </cell>
          <cell r="I316" t="str">
            <v>TCBL525</v>
          </cell>
          <cell r="J316" t="str">
            <v>GGAR525SC</v>
          </cell>
          <cell r="K316" t="str">
            <v>X</v>
          </cell>
          <cell r="L316" t="str">
            <v>Veg Mgmt follow up work identified through an inspection for 525kV SC</v>
          </cell>
          <cell r="M316" t="str">
            <v>N</v>
          </cell>
        </row>
        <row r="317">
          <cell r="A317" t="str">
            <v>GGBL044NC</v>
          </cell>
          <cell r="B317" t="str">
            <v>PD Veg Mgmt</v>
          </cell>
          <cell r="C317" t="str">
            <v>Veg</v>
          </cell>
          <cell r="D317" t="str">
            <v>PD-TVEGC</v>
          </cell>
          <cell r="E317" t="str">
            <v>Vegetation Management - Tranmission - Capital</v>
          </cell>
          <cell r="F317" t="str">
            <v>TBASE044NC</v>
          </cell>
          <cell r="G317" t="str">
            <v>Baseline Danger Tree program for 100kV</v>
          </cell>
          <cell r="H317" t="str">
            <v>PD-TVEGC \ TBASE044NC</v>
          </cell>
          <cell r="I317" t="str">
            <v>TCBL100</v>
          </cell>
          <cell r="J317" t="str">
            <v>GGBL044NC</v>
          </cell>
          <cell r="K317" t="str">
            <v>X</v>
          </cell>
          <cell r="L317" t="str">
            <v>Baseline Danger Tree program for 100kV NC</v>
          </cell>
          <cell r="M317" t="str">
            <v>N</v>
          </cell>
        </row>
        <row r="318">
          <cell r="A318" t="str">
            <v>GGBL044SC</v>
          </cell>
          <cell r="B318" t="str">
            <v>PD Veg Mgmt</v>
          </cell>
          <cell r="C318" t="str">
            <v>Veg</v>
          </cell>
          <cell r="D318" t="str">
            <v>PD-TVEGC</v>
          </cell>
          <cell r="E318" t="str">
            <v>Vegetation Management - Tranmission - Capital</v>
          </cell>
          <cell r="F318" t="str">
            <v>TBASE044SC</v>
          </cell>
          <cell r="G318" t="str">
            <v>Baseline Danger Tree program for 100kV</v>
          </cell>
          <cell r="H318" t="str">
            <v>PD-TVEGC \ TBASE044SC</v>
          </cell>
          <cell r="I318" t="str">
            <v>TCBL100</v>
          </cell>
          <cell r="J318" t="str">
            <v>GGBL044SC</v>
          </cell>
          <cell r="K318" t="str">
            <v>X</v>
          </cell>
          <cell r="L318" t="str">
            <v>Baseline Danger Tree program for 100kV SC</v>
          </cell>
          <cell r="M318" t="str">
            <v>N</v>
          </cell>
        </row>
        <row r="319">
          <cell r="A319" t="str">
            <v>GGBL100NC</v>
          </cell>
          <cell r="B319" t="str">
            <v>PD Veg Mgmt</v>
          </cell>
          <cell r="C319" t="str">
            <v>Veg</v>
          </cell>
          <cell r="D319" t="str">
            <v>PD-TVEGC</v>
          </cell>
          <cell r="E319" t="str">
            <v>Vegetation Management - Tranmission - Capital</v>
          </cell>
          <cell r="F319" t="str">
            <v>TBASE100NC</v>
          </cell>
          <cell r="G319" t="str">
            <v>Baseline Danger Tree program for 100kV</v>
          </cell>
          <cell r="H319" t="str">
            <v>PD-TVEGC \ TBASE100NC</v>
          </cell>
          <cell r="I319" t="str">
            <v>TCBL100</v>
          </cell>
          <cell r="J319" t="str">
            <v>GGBL100NC</v>
          </cell>
          <cell r="K319" t="str">
            <v>X</v>
          </cell>
          <cell r="L319" t="str">
            <v>Baseline Danger Tree program for 100kV NC</v>
          </cell>
          <cell r="M319" t="str">
            <v>N</v>
          </cell>
        </row>
        <row r="320">
          <cell r="A320" t="str">
            <v>GGBL100SC</v>
          </cell>
          <cell r="B320" t="str">
            <v>PD Veg Mgmt</v>
          </cell>
          <cell r="C320" t="str">
            <v>Veg</v>
          </cell>
          <cell r="D320" t="str">
            <v>PD-TVEGC</v>
          </cell>
          <cell r="E320" t="str">
            <v>Vegetation Management - Tranmission - Capital</v>
          </cell>
          <cell r="F320" t="str">
            <v>TBASE100SC</v>
          </cell>
          <cell r="G320" t="str">
            <v>Baseline Danger Tree program for 100kV</v>
          </cell>
          <cell r="H320" t="str">
            <v>PD-TVEGC \ TBASE100SC</v>
          </cell>
          <cell r="I320" t="str">
            <v>TCBL100</v>
          </cell>
          <cell r="J320" t="str">
            <v>GGBL100SC</v>
          </cell>
          <cell r="K320" t="str">
            <v>X</v>
          </cell>
          <cell r="L320" t="str">
            <v>Baseline Danger Tree program for 100kV SC</v>
          </cell>
          <cell r="M320" t="str">
            <v>N</v>
          </cell>
        </row>
        <row r="321">
          <cell r="A321" t="str">
            <v>GGBL161NC</v>
          </cell>
          <cell r="B321" t="str">
            <v>PD Veg Mgmt</v>
          </cell>
          <cell r="C321" t="str">
            <v>Veg</v>
          </cell>
          <cell r="D321" t="str">
            <v>PD-TVEGC</v>
          </cell>
          <cell r="E321" t="str">
            <v>Vegetation Management - Tranmission - Capital</v>
          </cell>
          <cell r="F321" t="str">
            <v>TBASE161NC</v>
          </cell>
          <cell r="G321" t="str">
            <v>Baseline Danger Tree program for 161kV</v>
          </cell>
          <cell r="H321" t="str">
            <v>PD-TVEGC \ TBASE161NC</v>
          </cell>
          <cell r="I321" t="str">
            <v>TCBL161</v>
          </cell>
          <cell r="J321" t="str">
            <v>GGBL161NC</v>
          </cell>
          <cell r="K321" t="str">
            <v>X</v>
          </cell>
          <cell r="L321" t="str">
            <v>Baseline Danger Tree program for 161kV NC</v>
          </cell>
          <cell r="M321" t="str">
            <v>N</v>
          </cell>
        </row>
        <row r="322">
          <cell r="A322" t="str">
            <v>GGBL230NC</v>
          </cell>
          <cell r="B322" t="str">
            <v>PD Veg Mgmt</v>
          </cell>
          <cell r="C322" t="str">
            <v>Veg</v>
          </cell>
          <cell r="D322" t="str">
            <v>PD-TVEGC</v>
          </cell>
          <cell r="E322" t="str">
            <v>Vegetation Management - Tranmission - Capital</v>
          </cell>
          <cell r="F322" t="str">
            <v>TBASE230NC</v>
          </cell>
          <cell r="G322" t="str">
            <v>Baseline Danger Tree program for 230kV</v>
          </cell>
          <cell r="H322" t="str">
            <v>PD-TVEGC \ TBASE230NC</v>
          </cell>
          <cell r="I322" t="str">
            <v>TCBL230</v>
          </cell>
          <cell r="J322" t="str">
            <v>GGBL230NC</v>
          </cell>
          <cell r="K322" t="str">
            <v>X</v>
          </cell>
          <cell r="L322" t="str">
            <v>Baseline Danger Tree program for 230kV NC</v>
          </cell>
          <cell r="M322" t="str">
            <v>N</v>
          </cell>
        </row>
        <row r="323">
          <cell r="A323" t="str">
            <v>GGBL230SC</v>
          </cell>
          <cell r="B323" t="str">
            <v>PD Veg Mgmt</v>
          </cell>
          <cell r="C323" t="str">
            <v>Veg</v>
          </cell>
          <cell r="D323" t="str">
            <v>PD-TVEGC</v>
          </cell>
          <cell r="E323" t="str">
            <v>Vegetation Management - Tranmission - Capital</v>
          </cell>
          <cell r="F323" t="str">
            <v>TBASE230SC</v>
          </cell>
          <cell r="G323" t="str">
            <v>Baseline Danger Tree program for 230kV</v>
          </cell>
          <cell r="H323" t="str">
            <v>PD-TVEGC \ TBASE230SC</v>
          </cell>
          <cell r="I323" t="str">
            <v>TCBL230</v>
          </cell>
          <cell r="J323" t="str">
            <v>GGBL230SC</v>
          </cell>
          <cell r="K323" t="str">
            <v>X</v>
          </cell>
          <cell r="L323" t="str">
            <v>Baseline Danger Tree program for 230kV SC</v>
          </cell>
          <cell r="M323" t="str">
            <v>N</v>
          </cell>
        </row>
        <row r="324">
          <cell r="A324" t="str">
            <v>GGBL525NC</v>
          </cell>
          <cell r="B324" t="str">
            <v>PD Veg Mgmt</v>
          </cell>
          <cell r="C324" t="str">
            <v>Veg</v>
          </cell>
          <cell r="D324" t="str">
            <v>PD-TVEGC</v>
          </cell>
          <cell r="E324" t="str">
            <v>Vegetation Management - Tranmission - Capital</v>
          </cell>
          <cell r="F324" t="str">
            <v>TBASE525NC</v>
          </cell>
          <cell r="G324" t="str">
            <v>Baseline Danger Tree program for 525kV</v>
          </cell>
          <cell r="H324" t="str">
            <v>PD-TVEGC \ TBASE525NC</v>
          </cell>
          <cell r="I324" t="str">
            <v>TCBL525</v>
          </cell>
          <cell r="J324" t="str">
            <v>GGBL525NC</v>
          </cell>
          <cell r="K324" t="str">
            <v>X</v>
          </cell>
          <cell r="L324" t="str">
            <v>Baseline Danger Tree program for 525kV NC</v>
          </cell>
          <cell r="M324" t="str">
            <v>N</v>
          </cell>
        </row>
        <row r="325">
          <cell r="A325" t="str">
            <v>GGBL525SC</v>
          </cell>
          <cell r="B325" t="str">
            <v>PD Veg Mgmt</v>
          </cell>
          <cell r="C325" t="str">
            <v>Veg</v>
          </cell>
          <cell r="D325" t="str">
            <v>PD-TVEGC</v>
          </cell>
          <cell r="E325" t="str">
            <v>Vegetation Management - Tranmission - Capital</v>
          </cell>
          <cell r="F325" t="str">
            <v>TBASE525SC</v>
          </cell>
          <cell r="G325" t="str">
            <v>Baseline Danger Tree program for 525kV</v>
          </cell>
          <cell r="H325" t="str">
            <v>PD-TVEGC \ TBASE525SC</v>
          </cell>
          <cell r="I325" t="str">
            <v>TCBL525</v>
          </cell>
          <cell r="J325" t="str">
            <v>GGBL525SC</v>
          </cell>
          <cell r="K325" t="str">
            <v>X</v>
          </cell>
          <cell r="L325" t="str">
            <v>Baseline Danger Tree program for 525kV SC</v>
          </cell>
          <cell r="M325" t="str">
            <v>N</v>
          </cell>
        </row>
        <row r="326">
          <cell r="A326" t="str">
            <v>GGBL69CK</v>
          </cell>
          <cell r="B326" t="str">
            <v>PD Veg Mgmt</v>
          </cell>
          <cell r="C326" t="str">
            <v>Veg</v>
          </cell>
          <cell r="D326" t="str">
            <v>PD-TVEGC</v>
          </cell>
          <cell r="E326" t="str">
            <v>Vegetation Management - Tranmission - Capital</v>
          </cell>
          <cell r="F326" t="str">
            <v>TBASE69CK</v>
          </cell>
          <cell r="G326" t="str">
            <v>Baseline Danger Tree program for 69kV</v>
          </cell>
          <cell r="H326" t="str">
            <v>PD-TVEGC \ TBASE69CK</v>
          </cell>
          <cell r="I326" t="str">
            <v>TCBL69</v>
          </cell>
          <cell r="J326" t="str">
            <v>GGBL69CK</v>
          </cell>
          <cell r="K326" t="str">
            <v>X</v>
          </cell>
          <cell r="L326" t="str">
            <v>Baseline Danger Tree program for 69kV CK</v>
          </cell>
          <cell r="M326" t="str">
            <v>N</v>
          </cell>
        </row>
        <row r="327">
          <cell r="A327" t="str">
            <v>GGBL69NC</v>
          </cell>
          <cell r="B327" t="str">
            <v>PD Veg Mgmt</v>
          </cell>
          <cell r="C327" t="str">
            <v>Veg</v>
          </cell>
          <cell r="D327" t="str">
            <v>PD-TVEGC</v>
          </cell>
          <cell r="E327" t="str">
            <v>Vegetation Management - Tranmission - Capital</v>
          </cell>
          <cell r="F327" t="str">
            <v>TBASE69NC</v>
          </cell>
          <cell r="G327" t="str">
            <v>Baseline Danger Tree program for 69kV</v>
          </cell>
          <cell r="H327" t="str">
            <v>PD-TVEGC \ TBASE69NC</v>
          </cell>
          <cell r="I327" t="str">
            <v>TCBL69</v>
          </cell>
          <cell r="J327" t="str">
            <v>GGBL69NC</v>
          </cell>
          <cell r="K327" t="str">
            <v>X</v>
          </cell>
          <cell r="L327" t="str">
            <v>Baseline Danger Tree program for 69kV NC</v>
          </cell>
          <cell r="M327" t="str">
            <v>N</v>
          </cell>
        </row>
        <row r="328">
          <cell r="A328" t="str">
            <v>GHSEBILL</v>
          </cell>
          <cell r="B328" t="str">
            <v>Gas Capital</v>
          </cell>
          <cell r="C328" t="str">
            <v>Gas</v>
          </cell>
          <cell r="D328" t="str">
            <v>GO-VAC</v>
          </cell>
          <cell r="E328" t="str">
            <v>Gas Operations - Street Vacation</v>
          </cell>
          <cell r="F328" t="str">
            <v>STRVAC</v>
          </cell>
          <cell r="G328" t="str">
            <v>STREET VACATION</v>
          </cell>
          <cell r="H328" t="str">
            <v>GO-VAC \ STRVAC</v>
          </cell>
          <cell r="I328"/>
          <cell r="J328" t="str">
            <v>GHSEBILL</v>
          </cell>
          <cell r="K328" t="str">
            <v>X</v>
          </cell>
          <cell r="L328" t="str">
            <v>STREET VACATION</v>
          </cell>
          <cell r="M328" t="str">
            <v>N</v>
          </cell>
        </row>
        <row r="329">
          <cell r="A329" t="str">
            <v>GLIPD</v>
          </cell>
          <cell r="B329" t="str">
            <v>PD O&amp;M</v>
          </cell>
          <cell r="C329" t="str">
            <v>MW</v>
          </cell>
          <cell r="D329" t="str">
            <v>PD-GLDINSP</v>
          </cell>
          <cell r="E329" t="str">
            <v>Ground Line Distribution Inspection/Maintenance</v>
          </cell>
          <cell r="F329" t="str">
            <v>DINSP</v>
          </cell>
          <cell r="G329" t="str">
            <v>Inspection - Distribution</v>
          </cell>
          <cell r="H329" t="str">
            <v>PD-GLDINSP \ DINSP</v>
          </cell>
          <cell r="I329" t="str">
            <v>GLIPD</v>
          </cell>
          <cell r="J329" t="str">
            <v>GLIPD</v>
          </cell>
          <cell r="K329" t="str">
            <v>X</v>
          </cell>
          <cell r="L329" t="str">
            <v>Inspection - Distribution</v>
          </cell>
          <cell r="M329" t="str">
            <v>N</v>
          </cell>
        </row>
        <row r="330">
          <cell r="A330" t="str">
            <v>GLIPT</v>
          </cell>
          <cell r="B330" t="str">
            <v>PD O&amp;M</v>
          </cell>
          <cell r="C330" t="str">
            <v>MW</v>
          </cell>
          <cell r="D330" t="str">
            <v>PD-GLTINSP</v>
          </cell>
          <cell r="E330" t="str">
            <v>Ground Line Transmission Inspection/Maintenance</v>
          </cell>
          <cell r="F330" t="str">
            <v>TINSP</v>
          </cell>
          <cell r="G330" t="str">
            <v>Inspection - Transmission</v>
          </cell>
          <cell r="H330" t="str">
            <v>PD-GLTINSP \ TINSP</v>
          </cell>
          <cell r="I330" t="str">
            <v>GLIPT</v>
          </cell>
          <cell r="J330" t="str">
            <v>GLIPT</v>
          </cell>
          <cell r="K330" t="str">
            <v>X</v>
          </cell>
          <cell r="L330" t="str">
            <v>Ground Line Inspection - Transmission</v>
          </cell>
          <cell r="M330" t="str">
            <v>N</v>
          </cell>
        </row>
        <row r="331">
          <cell r="A331" t="str">
            <v>GLMPD</v>
          </cell>
          <cell r="B331" t="str">
            <v>PD O&amp;M</v>
          </cell>
          <cell r="C331" t="str">
            <v>MW</v>
          </cell>
          <cell r="D331" t="str">
            <v>PD-GLDINSP</v>
          </cell>
          <cell r="E331" t="str">
            <v>Ground Line Distribution Inspection/Maintenance</v>
          </cell>
          <cell r="F331" t="str">
            <v>DMAINT</v>
          </cell>
          <cell r="G331" t="str">
            <v>Maintenance - Distribution</v>
          </cell>
          <cell r="H331" t="str">
            <v>PD-GLDINSP \ DMAINT</v>
          </cell>
          <cell r="I331" t="str">
            <v>GLMPD</v>
          </cell>
          <cell r="J331" t="str">
            <v>GLMPD</v>
          </cell>
          <cell r="K331" t="str">
            <v>X</v>
          </cell>
          <cell r="L331" t="str">
            <v>Maintenance - Distribution</v>
          </cell>
          <cell r="M331" t="str">
            <v>N</v>
          </cell>
        </row>
        <row r="332">
          <cell r="A332" t="str">
            <v>GLMPT</v>
          </cell>
          <cell r="B332" t="str">
            <v>PD O&amp;M</v>
          </cell>
          <cell r="C332" t="str">
            <v>MW</v>
          </cell>
          <cell r="D332" t="str">
            <v>PD-GLTINSP</v>
          </cell>
          <cell r="E332" t="str">
            <v>Ground Line Transmission Inspection/Maintenance</v>
          </cell>
          <cell r="F332" t="str">
            <v>TMAINT</v>
          </cell>
          <cell r="G332" t="str">
            <v>Maintenance - Transmission</v>
          </cell>
          <cell r="H332" t="str">
            <v>PD-GLTINSP \ TMAINT</v>
          </cell>
          <cell r="I332" t="str">
            <v>GLMPT</v>
          </cell>
          <cell r="J332" t="str">
            <v>GLMPT</v>
          </cell>
          <cell r="K332" t="str">
            <v>X</v>
          </cell>
          <cell r="L332" t="str">
            <v>Ground Line Maintenance - Transmission</v>
          </cell>
          <cell r="M332" t="str">
            <v>N</v>
          </cell>
        </row>
        <row r="333">
          <cell r="A333" t="str">
            <v>GLPRDIN</v>
          </cell>
          <cell r="B333" t="str">
            <v>PD Capital</v>
          </cell>
          <cell r="C333" t="str">
            <v>MW</v>
          </cell>
          <cell r="D333" t="str">
            <v>PD-INTGT</v>
          </cell>
          <cell r="E333" t="str">
            <v>Power Delivery - Integrity</v>
          </cell>
          <cell r="F333" t="str">
            <v>PLNSREPDIN</v>
          </cell>
          <cell r="G333" t="str">
            <v>Distribution Poles replaced that is due to Ground Line Inspection IN</v>
          </cell>
          <cell r="H333" t="str">
            <v>PD-INTGT \ PLNSREPDIN</v>
          </cell>
          <cell r="I333" t="str">
            <v>RLP</v>
          </cell>
          <cell r="J333" t="str">
            <v>GLPRDIN</v>
          </cell>
          <cell r="K333" t="str">
            <v>I</v>
          </cell>
          <cell r="L333" t="str">
            <v>Distribution Poles replaced that is due to Ground Line Inspection IN</v>
          </cell>
          <cell r="M333" t="str">
            <v>N</v>
          </cell>
        </row>
        <row r="334">
          <cell r="A334" t="str">
            <v>GLPRDKY</v>
          </cell>
          <cell r="B334" t="str">
            <v>PD Capital</v>
          </cell>
          <cell r="C334" t="str">
            <v>MW</v>
          </cell>
          <cell r="D334" t="str">
            <v>PD-INTGT</v>
          </cell>
          <cell r="E334" t="str">
            <v>Power Delivery - Integrity</v>
          </cell>
          <cell r="F334" t="str">
            <v>PLNSREPDKY</v>
          </cell>
          <cell r="G334" t="str">
            <v>Distribution Poles replaced that is due to Ground Line Inspection KY</v>
          </cell>
          <cell r="H334" t="str">
            <v>PD-INTGT \ PLNSREPDKY</v>
          </cell>
          <cell r="I334" t="str">
            <v>RLP</v>
          </cell>
          <cell r="J334" t="str">
            <v>GLPRDKY</v>
          </cell>
          <cell r="K334" t="str">
            <v>I</v>
          </cell>
          <cell r="L334" t="str">
            <v>Distribution Poles replaced that is due to Ground Line Inspection KY</v>
          </cell>
          <cell r="M334" t="str">
            <v>N</v>
          </cell>
        </row>
        <row r="335">
          <cell r="A335" t="str">
            <v>GLPRDOH</v>
          </cell>
          <cell r="B335" t="str">
            <v>PD Capital</v>
          </cell>
          <cell r="C335" t="str">
            <v>MW</v>
          </cell>
          <cell r="D335" t="str">
            <v>PD-INTGT</v>
          </cell>
          <cell r="E335" t="str">
            <v>Power Delivery - Integrity</v>
          </cell>
          <cell r="F335" t="str">
            <v>PLNSREPDOH</v>
          </cell>
          <cell r="G335" t="str">
            <v>Distribution Poles replaced that is due to Ground Line Inspection OH</v>
          </cell>
          <cell r="H335" t="str">
            <v>PD-INTGT \ PLNSREPDOH</v>
          </cell>
          <cell r="I335" t="str">
            <v>RLP</v>
          </cell>
          <cell r="J335" t="str">
            <v>GLPRDOH</v>
          </cell>
          <cell r="K335" t="str">
            <v>I</v>
          </cell>
          <cell r="L335" t="str">
            <v>Distribution Poles replaced that is due to Ground Line Inspection OH</v>
          </cell>
          <cell r="M335" t="str">
            <v>N</v>
          </cell>
        </row>
        <row r="336">
          <cell r="A336" t="str">
            <v>GLPRTIN</v>
          </cell>
          <cell r="B336" t="str">
            <v>PD Capital</v>
          </cell>
          <cell r="C336" t="str">
            <v>MW</v>
          </cell>
          <cell r="D336" t="str">
            <v>PD-INTGT</v>
          </cell>
          <cell r="E336" t="str">
            <v>Power Delivery - Integrity</v>
          </cell>
          <cell r="F336" t="str">
            <v>PINSREPTIN</v>
          </cell>
          <cell r="G336" t="str">
            <v>Ground Line Inspection - T - IN</v>
          </cell>
          <cell r="H336" t="str">
            <v>PD-INTGT \ PINSREPTIN</v>
          </cell>
          <cell r="I336" t="str">
            <v>LIPT</v>
          </cell>
          <cell r="J336" t="str">
            <v>GLPRTIN</v>
          </cell>
          <cell r="K336" t="str">
            <v>I</v>
          </cell>
          <cell r="L336" t="str">
            <v>Ground Line Inspection - T - IN</v>
          </cell>
          <cell r="M336" t="str">
            <v>N</v>
          </cell>
        </row>
        <row r="337">
          <cell r="A337" t="str">
            <v>GLPRTKY</v>
          </cell>
          <cell r="B337" t="str">
            <v>PD Capital</v>
          </cell>
          <cell r="C337" t="str">
            <v>MW</v>
          </cell>
          <cell r="D337" t="str">
            <v>PD-INTGT</v>
          </cell>
          <cell r="E337" t="str">
            <v>Power Delivery - Integrity</v>
          </cell>
          <cell r="F337" t="str">
            <v>PINSREPTKY</v>
          </cell>
          <cell r="G337" t="str">
            <v>Ground Line Inspection - T - KY</v>
          </cell>
          <cell r="H337" t="str">
            <v>PD-INTGT \ PINSREPTKY</v>
          </cell>
          <cell r="I337" t="str">
            <v>LIPT</v>
          </cell>
          <cell r="J337" t="str">
            <v>GLPRTKY</v>
          </cell>
          <cell r="K337" t="str">
            <v>I</v>
          </cell>
          <cell r="L337" t="str">
            <v>Ground Line Inspection - T - KY</v>
          </cell>
          <cell r="M337" t="str">
            <v>N</v>
          </cell>
        </row>
        <row r="338">
          <cell r="A338" t="str">
            <v>GLPRTOH</v>
          </cell>
          <cell r="B338" t="str">
            <v>PD Capital</v>
          </cell>
          <cell r="C338" t="str">
            <v>MW</v>
          </cell>
          <cell r="D338" t="str">
            <v>PD-INTGT</v>
          </cell>
          <cell r="E338" t="str">
            <v>Power Delivery - Integrity</v>
          </cell>
          <cell r="F338" t="str">
            <v>PINSREPTOH</v>
          </cell>
          <cell r="G338" t="str">
            <v>Ground Line Inspection - T - OH</v>
          </cell>
          <cell r="H338" t="str">
            <v>PD-INTGT \ PINSREPTOH</v>
          </cell>
          <cell r="I338" t="str">
            <v>LIPT</v>
          </cell>
          <cell r="J338" t="str">
            <v>GLPRTOH</v>
          </cell>
          <cell r="K338" t="str">
            <v>I</v>
          </cell>
          <cell r="L338" t="str">
            <v>Ground Line Inspection - T - OH</v>
          </cell>
          <cell r="M338" t="str">
            <v>N</v>
          </cell>
        </row>
        <row r="339">
          <cell r="A339" t="str">
            <v>GMCBMP</v>
          </cell>
          <cell r="B339" t="str">
            <v>Gas O&amp;M</v>
          </cell>
          <cell r="C339" t="str">
            <v>Gas</v>
          </cell>
          <cell r="D339" t="str">
            <v>GO-PM</v>
          </cell>
          <cell r="E339" t="str">
            <v>Gas Operations - Preventative Maintenance</v>
          </cell>
          <cell r="F339" t="str">
            <v>GMCBMP</v>
          </cell>
          <cell r="G339" t="str">
            <v>Cast Iron Bare Steel prevenative maint</v>
          </cell>
          <cell r="H339" t="str">
            <v>GO-PM \ GMCBMP</v>
          </cell>
          <cell r="I339"/>
          <cell r="J339" t="str">
            <v>GMCBMP</v>
          </cell>
          <cell r="K339" t="str">
            <v>X</v>
          </cell>
          <cell r="L339" t="str">
            <v>Cast Iron Bare Steel prevenative maint</v>
          </cell>
          <cell r="M339" t="str">
            <v>N</v>
          </cell>
        </row>
        <row r="340">
          <cell r="A340" t="str">
            <v>GMLMCA</v>
          </cell>
          <cell r="B340" t="str">
            <v>Gas O&amp;M</v>
          </cell>
          <cell r="C340" t="str">
            <v>Gas</v>
          </cell>
          <cell r="D340" t="str">
            <v>GO-PREMW</v>
          </cell>
          <cell r="E340" t="str">
            <v>Gas Operations - Premise Work</v>
          </cell>
          <cell r="F340" t="str">
            <v>GMLMCA</v>
          </cell>
          <cell r="G340" t="str">
            <v>Large Meter Age Change</v>
          </cell>
          <cell r="H340" t="str">
            <v>GO-PREMW \ GMLMCA</v>
          </cell>
          <cell r="I340"/>
          <cell r="J340" t="str">
            <v>GMLMCA</v>
          </cell>
          <cell r="K340" t="str">
            <v>X</v>
          </cell>
          <cell r="L340" t="str">
            <v>Large Meter Age Change</v>
          </cell>
          <cell r="M340" t="str">
            <v>N</v>
          </cell>
        </row>
        <row r="341">
          <cell r="A341" t="str">
            <v>GMOCM</v>
          </cell>
          <cell r="B341" t="str">
            <v>Gas O&amp;M</v>
          </cell>
          <cell r="C341" t="str">
            <v>Gas</v>
          </cell>
          <cell r="D341" t="str">
            <v>GO-INSP</v>
          </cell>
          <cell r="E341" t="str">
            <v>Gas Operations - Inspections</v>
          </cell>
          <cell r="F341" t="str">
            <v>GMOCM</v>
          </cell>
          <cell r="G341" t="str">
            <v>Bridge Inspections</v>
          </cell>
          <cell r="H341" t="str">
            <v>GO-INSP \ GMOCM</v>
          </cell>
          <cell r="I341"/>
          <cell r="J341" t="str">
            <v>GMOCM</v>
          </cell>
          <cell r="K341" t="str">
            <v>X</v>
          </cell>
          <cell r="L341" t="str">
            <v>Bridge Inspections</v>
          </cell>
          <cell r="M341" t="str">
            <v>N</v>
          </cell>
        </row>
        <row r="342">
          <cell r="A342" t="str">
            <v>GMOMP</v>
          </cell>
          <cell r="B342" t="str">
            <v>Gas O&amp;M</v>
          </cell>
          <cell r="C342" t="str">
            <v>Gas</v>
          </cell>
          <cell r="D342" t="str">
            <v>GO-INSP</v>
          </cell>
          <cell r="E342" t="str">
            <v>Gas Operations - Inspections</v>
          </cell>
          <cell r="F342" t="str">
            <v>LINPTR</v>
          </cell>
          <cell r="G342" t="str">
            <v>Line Patrol</v>
          </cell>
          <cell r="H342" t="str">
            <v>GO-INSP \ LINPTR</v>
          </cell>
          <cell r="I342"/>
          <cell r="J342" t="str">
            <v>GMOMP</v>
          </cell>
          <cell r="K342" t="str">
            <v>X</v>
          </cell>
          <cell r="L342" t="str">
            <v>Line Patrol</v>
          </cell>
          <cell r="M342" t="str">
            <v>N</v>
          </cell>
        </row>
        <row r="343">
          <cell r="A343" t="str">
            <v>GMOMP</v>
          </cell>
          <cell r="B343" t="str">
            <v>Gas O&amp;M</v>
          </cell>
          <cell r="C343" t="str">
            <v>Gas</v>
          </cell>
          <cell r="D343" t="str">
            <v>GO-PM</v>
          </cell>
          <cell r="E343" t="str">
            <v>Gas Operations - Preventative Maintenance</v>
          </cell>
          <cell r="F343" t="str">
            <v>GMOMP</v>
          </cell>
          <cell r="G343" t="str">
            <v xml:space="preserve">Main other preventative maint. Paint coat </v>
          </cell>
          <cell r="H343" t="str">
            <v>GO-PM \ GMOMP</v>
          </cell>
          <cell r="I343"/>
          <cell r="J343" t="str">
            <v>GMOMP</v>
          </cell>
          <cell r="K343" t="str">
            <v>X</v>
          </cell>
          <cell r="L343" t="str">
            <v>Main other preventative maint. Paint coat</v>
          </cell>
          <cell r="M343" t="str">
            <v>N</v>
          </cell>
        </row>
        <row r="344">
          <cell r="A344" t="str">
            <v>GMOOSE</v>
          </cell>
          <cell r="B344" t="str">
            <v>Gas O&amp;M</v>
          </cell>
          <cell r="C344" t="e">
            <v>#N/A</v>
          </cell>
          <cell r="D344" t="str">
            <v>GO-OPREQ</v>
          </cell>
          <cell r="E344" t="e">
            <v>#N/A</v>
          </cell>
          <cell r="F344" t="str">
            <v>GMOOSE</v>
          </cell>
          <cell r="G344" t="e">
            <v>#N/A</v>
          </cell>
          <cell r="H344" t="str">
            <v>GO-OPREQ \ GMOOSE</v>
          </cell>
          <cell r="I344"/>
          <cell r="J344" t="str">
            <v>GMOOSE</v>
          </cell>
          <cell r="K344" t="str">
            <v>X</v>
          </cell>
          <cell r="L344" t="str">
            <v>Pump Drips</v>
          </cell>
          <cell r="M344" t="str">
            <v>N</v>
          </cell>
        </row>
        <row r="345">
          <cell r="A345" t="str">
            <v>GMSMCA</v>
          </cell>
          <cell r="B345" t="str">
            <v>Gas O&amp;M</v>
          </cell>
          <cell r="C345" t="str">
            <v>Gas</v>
          </cell>
          <cell r="D345" t="str">
            <v>GO-PREMW</v>
          </cell>
          <cell r="E345" t="str">
            <v>Gas Operations - Premise Work</v>
          </cell>
          <cell r="F345" t="str">
            <v>GMSMCA</v>
          </cell>
          <cell r="G345" t="str">
            <v>Small Meter Age Change</v>
          </cell>
          <cell r="H345" t="str">
            <v>GO-PREMW \ GMSMCA</v>
          </cell>
          <cell r="I345"/>
          <cell r="J345" t="str">
            <v>GMSMCA</v>
          </cell>
          <cell r="K345" t="str">
            <v>X</v>
          </cell>
          <cell r="L345" t="str">
            <v>Small Meter Age Change</v>
          </cell>
          <cell r="M345" t="str">
            <v>N</v>
          </cell>
        </row>
        <row r="346">
          <cell r="A346" t="str">
            <v>GMSMCA</v>
          </cell>
          <cell r="B346" t="e">
            <v>#N/A</v>
          </cell>
          <cell r="C346" t="e">
            <v>#N/A</v>
          </cell>
          <cell r="D346" t="str">
            <v>GO-SERVICEKY</v>
          </cell>
          <cell r="E346" t="e">
            <v>#N/A</v>
          </cell>
          <cell r="F346" t="str">
            <v>MTRCHANGE</v>
          </cell>
          <cell r="G346" t="e">
            <v>#N/A</v>
          </cell>
          <cell r="H346" t="str">
            <v>GO-SERVICEKY \ MTRCHANGE</v>
          </cell>
          <cell r="I346"/>
          <cell r="J346" t="str">
            <v>GMSMCA</v>
          </cell>
          <cell r="K346" t="str">
            <v>X</v>
          </cell>
          <cell r="L346" t="str">
            <v>Change Out Meter</v>
          </cell>
          <cell r="M346" t="str">
            <v>N</v>
          </cell>
        </row>
        <row r="347">
          <cell r="A347" t="str">
            <v>GMSMCA</v>
          </cell>
          <cell r="B347" t="e">
            <v>#N/A</v>
          </cell>
          <cell r="C347" t="e">
            <v>#N/A</v>
          </cell>
          <cell r="D347" t="str">
            <v>GO-SERVICEOH</v>
          </cell>
          <cell r="E347" t="e">
            <v>#N/A</v>
          </cell>
          <cell r="F347" t="str">
            <v>MTRCHANGE</v>
          </cell>
          <cell r="G347" t="e">
            <v>#N/A</v>
          </cell>
          <cell r="H347" t="str">
            <v>GO-SERVICEOH \ MTRCHANGE</v>
          </cell>
          <cell r="I347"/>
          <cell r="J347" t="str">
            <v>GMSMCA</v>
          </cell>
          <cell r="K347" t="str">
            <v>X</v>
          </cell>
          <cell r="L347" t="str">
            <v>Change Out Meter</v>
          </cell>
          <cell r="M347" t="str">
            <v>N</v>
          </cell>
        </row>
        <row r="348">
          <cell r="A348" t="str">
            <v>GMSMOVE</v>
          </cell>
          <cell r="B348" t="str">
            <v>Gas O&amp;M</v>
          </cell>
          <cell r="C348" t="str">
            <v>Gas</v>
          </cell>
          <cell r="D348" t="str">
            <v>GO-RELOC</v>
          </cell>
          <cell r="E348" t="str">
            <v>Gas Operations - Relocation of Gas Facility</v>
          </cell>
          <cell r="F348" t="str">
            <v>GMSGMOVE</v>
          </cell>
          <cell r="G348" t="str">
            <v>Move a meter</v>
          </cell>
          <cell r="H348" t="str">
            <v>GO-RELOC \ GMSGMOVE</v>
          </cell>
          <cell r="I348"/>
          <cell r="J348" t="str">
            <v>GMSMOVE</v>
          </cell>
          <cell r="K348" t="str">
            <v>X</v>
          </cell>
          <cell r="L348" t="str">
            <v>Move a meter</v>
          </cell>
          <cell r="M348" t="str">
            <v>N</v>
          </cell>
        </row>
        <row r="349">
          <cell r="A349" t="str">
            <v>GPURGAS</v>
          </cell>
          <cell r="B349" t="str">
            <v>Gas O&amp;M</v>
          </cell>
          <cell r="C349" t="str">
            <v>Gas</v>
          </cell>
          <cell r="D349" t="str">
            <v>GO-PURGA</v>
          </cell>
          <cell r="E349" t="str">
            <v>Gas Operations - Purchase Gas</v>
          </cell>
          <cell r="F349" t="str">
            <v>CALTS</v>
          </cell>
          <cell r="G349" t="str">
            <v>Calibrate and test</v>
          </cell>
          <cell r="H349" t="str">
            <v>GO-PURGA \ CALTS</v>
          </cell>
          <cell r="I349"/>
          <cell r="J349" t="str">
            <v>GPURGAS</v>
          </cell>
          <cell r="K349" t="str">
            <v>X</v>
          </cell>
          <cell r="L349" t="str">
            <v>Calibrate and test</v>
          </cell>
          <cell r="M349" t="str">
            <v>N</v>
          </cell>
        </row>
        <row r="350">
          <cell r="A350" t="str">
            <v>HPPMT</v>
          </cell>
          <cell r="B350" t="str">
            <v>PD O&amp;M</v>
          </cell>
          <cell r="C350" t="str">
            <v>Carolinas</v>
          </cell>
          <cell r="D350" t="str">
            <v>PD-CPREM</v>
          </cell>
          <cell r="E350" t="str">
            <v>Customer Inquiry investigation &amp; repair (non-outage related)</v>
          </cell>
          <cell r="F350" t="str">
            <v>HOUSEPP C</v>
          </cell>
          <cell r="G350" t="str">
            <v>House power panel repair Carolinas</v>
          </cell>
          <cell r="H350" t="str">
            <v>PD-CPREM \ HOUSEPP C</v>
          </cell>
          <cell r="I350" t="str">
            <v>HPPMT</v>
          </cell>
          <cell r="J350" t="str">
            <v>HPPMT</v>
          </cell>
          <cell r="K350" t="str">
            <v>X</v>
          </cell>
          <cell r="L350" t="str">
            <v>House power panel repair Carolinas</v>
          </cell>
          <cell r="M350" t="str">
            <v>N</v>
          </cell>
        </row>
        <row r="351">
          <cell r="A351" t="str">
            <v>IBATMMO</v>
          </cell>
          <cell r="B351" t="str">
            <v>PD O&amp;M</v>
          </cell>
          <cell r="C351" t="str">
            <v>MW</v>
          </cell>
          <cell r="D351" t="str">
            <v>PD-IBAT</v>
          </cell>
          <cell r="E351" t="e">
            <v>#N/A</v>
          </cell>
          <cell r="F351" t="str">
            <v>MOD</v>
          </cell>
          <cell r="G351" t="e">
            <v>#N/A</v>
          </cell>
          <cell r="H351" t="str">
            <v>PD-IBAT \ MOD</v>
          </cell>
          <cell r="I351" t="str">
            <v>BATMO</v>
          </cell>
          <cell r="J351" t="str">
            <v>IBATMMO</v>
          </cell>
          <cell r="K351" t="str">
            <v>X</v>
          </cell>
          <cell r="L351" t="str">
            <v>Modification</v>
          </cell>
          <cell r="M351" t="str">
            <v>N</v>
          </cell>
        </row>
        <row r="352">
          <cell r="A352" t="str">
            <v>IBATMMO</v>
          </cell>
          <cell r="B352" t="str">
            <v>PD O&amp;M</v>
          </cell>
          <cell r="C352" t="str">
            <v>MW</v>
          </cell>
          <cell r="D352" t="str">
            <v>PD-ICHG</v>
          </cell>
          <cell r="E352" t="e">
            <v>#N/A</v>
          </cell>
          <cell r="F352" t="str">
            <v>MOD</v>
          </cell>
          <cell r="G352" t="e">
            <v>#N/A</v>
          </cell>
          <cell r="H352" t="str">
            <v>PD-ICHG \ MOD</v>
          </cell>
          <cell r="I352" t="str">
            <v>BATMO</v>
          </cell>
          <cell r="J352" t="str">
            <v>IBATMMO</v>
          </cell>
          <cell r="K352" t="str">
            <v>X</v>
          </cell>
          <cell r="L352" t="str">
            <v>Modification</v>
          </cell>
          <cell r="M352" t="str">
            <v>N</v>
          </cell>
        </row>
        <row r="353">
          <cell r="A353" t="str">
            <v>IBATMPM</v>
          </cell>
          <cell r="B353" t="str">
            <v>PD O&amp;M</v>
          </cell>
          <cell r="C353" t="str">
            <v>MW</v>
          </cell>
          <cell r="D353" t="str">
            <v>PD-IBAT</v>
          </cell>
          <cell r="E353" t="e">
            <v>#N/A</v>
          </cell>
          <cell r="F353" t="str">
            <v>PM</v>
          </cell>
          <cell r="G353" t="e">
            <v>#N/A</v>
          </cell>
          <cell r="H353" t="str">
            <v>PD-IBAT \ PM</v>
          </cell>
          <cell r="I353" t="str">
            <v>BATPM</v>
          </cell>
          <cell r="J353" t="str">
            <v>IBATMPM</v>
          </cell>
          <cell r="K353" t="str">
            <v>X</v>
          </cell>
          <cell r="L353" t="str">
            <v>Preventative Maintenance</v>
          </cell>
          <cell r="M353" t="str">
            <v>N</v>
          </cell>
        </row>
        <row r="354">
          <cell r="A354" t="str">
            <v>IBATMPM</v>
          </cell>
          <cell r="B354" t="str">
            <v>PD O&amp;M</v>
          </cell>
          <cell r="C354" t="str">
            <v>MW</v>
          </cell>
          <cell r="D354" t="str">
            <v>PD-ICHG</v>
          </cell>
          <cell r="E354" t="e">
            <v>#N/A</v>
          </cell>
          <cell r="F354" t="str">
            <v>PM</v>
          </cell>
          <cell r="G354" t="e">
            <v>#N/A</v>
          </cell>
          <cell r="H354" t="str">
            <v>PD-ICHG \ PM</v>
          </cell>
          <cell r="I354" t="str">
            <v>BATPM</v>
          </cell>
          <cell r="J354" t="str">
            <v>IBATMPM</v>
          </cell>
          <cell r="K354" t="str">
            <v>X</v>
          </cell>
          <cell r="L354" t="str">
            <v>Preventative Maintenance</v>
          </cell>
          <cell r="M354" t="str">
            <v>N</v>
          </cell>
        </row>
        <row r="355">
          <cell r="A355" t="str">
            <v>IBATMRPR</v>
          </cell>
          <cell r="B355" t="str">
            <v>PD O&amp;M</v>
          </cell>
          <cell r="C355" t="str">
            <v>MW</v>
          </cell>
          <cell r="D355" t="str">
            <v>PD-IBAT</v>
          </cell>
          <cell r="E355" t="e">
            <v>#N/A</v>
          </cell>
          <cell r="F355" t="str">
            <v>RPR</v>
          </cell>
          <cell r="G355" t="e">
            <v>#N/A</v>
          </cell>
          <cell r="H355" t="str">
            <v>PD-IBAT \ RPR</v>
          </cell>
          <cell r="I355" t="str">
            <v>BATRP</v>
          </cell>
          <cell r="J355" t="str">
            <v>IBATMRPR</v>
          </cell>
          <cell r="K355" t="str">
            <v>X</v>
          </cell>
          <cell r="L355" t="str">
            <v>Repair</v>
          </cell>
          <cell r="M355" t="str">
            <v>N</v>
          </cell>
        </row>
        <row r="356">
          <cell r="A356" t="str">
            <v>IBATMRPR</v>
          </cell>
          <cell r="B356" t="str">
            <v>PD O&amp;M</v>
          </cell>
          <cell r="C356" t="str">
            <v>MW</v>
          </cell>
          <cell r="D356" t="str">
            <v>PD-ICHG</v>
          </cell>
          <cell r="E356" t="e">
            <v>#N/A</v>
          </cell>
          <cell r="F356" t="str">
            <v>RPR</v>
          </cell>
          <cell r="G356" t="e">
            <v>#N/A</v>
          </cell>
          <cell r="H356" t="str">
            <v>PD-ICHG \ RPR</v>
          </cell>
          <cell r="I356" t="str">
            <v>BATRP</v>
          </cell>
          <cell r="J356" t="str">
            <v>IBATMRPR</v>
          </cell>
          <cell r="K356" t="str">
            <v>X</v>
          </cell>
          <cell r="L356" t="str">
            <v>Repair</v>
          </cell>
          <cell r="M356" t="str">
            <v>N</v>
          </cell>
        </row>
        <row r="357">
          <cell r="A357" t="str">
            <v>IBRKMMO</v>
          </cell>
          <cell r="B357" t="str">
            <v>PD O&amp;M</v>
          </cell>
          <cell r="C357" t="str">
            <v>MW</v>
          </cell>
          <cell r="D357" t="str">
            <v>PD-IBRK</v>
          </cell>
          <cell r="E357" t="e">
            <v>#N/A</v>
          </cell>
          <cell r="F357" t="str">
            <v>MOD</v>
          </cell>
          <cell r="G357" t="e">
            <v>#N/A</v>
          </cell>
          <cell r="H357" t="str">
            <v>PD-IBRK \ MOD</v>
          </cell>
          <cell r="I357" t="str">
            <v>BRKMO</v>
          </cell>
          <cell r="J357" t="str">
            <v>IBRKMMO</v>
          </cell>
          <cell r="K357" t="str">
            <v>X</v>
          </cell>
          <cell r="L357" t="str">
            <v>Modification</v>
          </cell>
          <cell r="M357" t="str">
            <v>N</v>
          </cell>
        </row>
        <row r="358">
          <cell r="A358" t="str">
            <v>IBRKMPM</v>
          </cell>
          <cell r="B358" t="str">
            <v>PD O&amp;M</v>
          </cell>
          <cell r="C358" t="str">
            <v>MW</v>
          </cell>
          <cell r="D358" t="str">
            <v>PD-IBRK</v>
          </cell>
          <cell r="E358" t="e">
            <v>#N/A</v>
          </cell>
          <cell r="F358" t="str">
            <v>PM</v>
          </cell>
          <cell r="G358" t="e">
            <v>#N/A</v>
          </cell>
          <cell r="H358" t="str">
            <v>PD-IBRK \ PM</v>
          </cell>
          <cell r="I358" t="str">
            <v>BRKPM</v>
          </cell>
          <cell r="J358" t="str">
            <v>IBRKMPM</v>
          </cell>
          <cell r="K358" t="str">
            <v>X</v>
          </cell>
          <cell r="L358" t="str">
            <v>Preventative Maintenance</v>
          </cell>
          <cell r="M358" t="str">
            <v>N</v>
          </cell>
        </row>
        <row r="359">
          <cell r="A359" t="str">
            <v>IBRKMRPR</v>
          </cell>
          <cell r="B359" t="str">
            <v>PD O&amp;M</v>
          </cell>
          <cell r="C359" t="str">
            <v>MW</v>
          </cell>
          <cell r="D359" t="str">
            <v>PD-IBRK</v>
          </cell>
          <cell r="E359" t="e">
            <v>#N/A</v>
          </cell>
          <cell r="F359" t="str">
            <v>RPR</v>
          </cell>
          <cell r="G359" t="e">
            <v>#N/A</v>
          </cell>
          <cell r="H359" t="str">
            <v>PD-IBRK \ RPR</v>
          </cell>
          <cell r="I359" t="str">
            <v>BRKRP</v>
          </cell>
          <cell r="J359" t="str">
            <v>IBRKMRPR</v>
          </cell>
          <cell r="K359" t="str">
            <v>X</v>
          </cell>
          <cell r="L359" t="str">
            <v>Repair</v>
          </cell>
          <cell r="M359" t="str">
            <v>N</v>
          </cell>
        </row>
        <row r="360">
          <cell r="A360" t="str">
            <v>ICAPMMO</v>
          </cell>
          <cell r="B360" t="str">
            <v>PD O&amp;M</v>
          </cell>
          <cell r="C360" t="str">
            <v>MW</v>
          </cell>
          <cell r="D360" t="str">
            <v>PD-ICAP</v>
          </cell>
          <cell r="E360" t="e">
            <v>#N/A</v>
          </cell>
          <cell r="F360" t="str">
            <v>MOD</v>
          </cell>
          <cell r="G360" t="e">
            <v>#N/A</v>
          </cell>
          <cell r="H360" t="str">
            <v>PD-ICAP \ MOD</v>
          </cell>
          <cell r="I360" t="str">
            <v>CAPMO</v>
          </cell>
          <cell r="J360" t="str">
            <v>ICAPMMO</v>
          </cell>
          <cell r="K360" t="str">
            <v>X</v>
          </cell>
          <cell r="L360" t="str">
            <v>Modification</v>
          </cell>
          <cell r="M360" t="str">
            <v>N</v>
          </cell>
        </row>
        <row r="361">
          <cell r="A361" t="str">
            <v>ICAPMPM</v>
          </cell>
          <cell r="B361" t="str">
            <v>PD O&amp;M</v>
          </cell>
          <cell r="C361" t="str">
            <v>MW</v>
          </cell>
          <cell r="D361" t="str">
            <v>PD-ICAP</v>
          </cell>
          <cell r="E361" t="e">
            <v>#N/A</v>
          </cell>
          <cell r="F361" t="str">
            <v>PM</v>
          </cell>
          <cell r="G361" t="e">
            <v>#N/A</v>
          </cell>
          <cell r="H361" t="str">
            <v>PD-ICAP \ PM</v>
          </cell>
          <cell r="I361" t="str">
            <v>CAPPM</v>
          </cell>
          <cell r="J361" t="str">
            <v>ICAPMPM</v>
          </cell>
          <cell r="K361" t="str">
            <v>X</v>
          </cell>
          <cell r="L361" t="str">
            <v>Preventative Maintenance</v>
          </cell>
          <cell r="M361" t="str">
            <v>N</v>
          </cell>
        </row>
        <row r="362">
          <cell r="A362" t="str">
            <v>ICAPMRPR</v>
          </cell>
          <cell r="B362" t="str">
            <v>PD O&amp;M</v>
          </cell>
          <cell r="C362" t="str">
            <v>MW</v>
          </cell>
          <cell r="D362" t="str">
            <v>PD-ICAP</v>
          </cell>
          <cell r="E362" t="e">
            <v>#N/A</v>
          </cell>
          <cell r="F362" t="str">
            <v>RPR</v>
          </cell>
          <cell r="G362" t="e">
            <v>#N/A</v>
          </cell>
          <cell r="H362" t="str">
            <v>PD-ICAP \ RPR</v>
          </cell>
          <cell r="I362" t="str">
            <v>CAPRP</v>
          </cell>
          <cell r="J362" t="str">
            <v>ICAPMRPR</v>
          </cell>
          <cell r="K362" t="str">
            <v>X</v>
          </cell>
          <cell r="L362" t="str">
            <v>Repair</v>
          </cell>
          <cell r="M362" t="str">
            <v>N</v>
          </cell>
        </row>
        <row r="363">
          <cell r="A363" t="str">
            <v>IEQM</v>
          </cell>
          <cell r="B363" t="str">
            <v>PD O&amp;M</v>
          </cell>
          <cell r="C363" t="str">
            <v>MW</v>
          </cell>
          <cell r="D363" t="str">
            <v>PD-IINF</v>
          </cell>
          <cell r="E363" t="e">
            <v>#N/A</v>
          </cell>
          <cell r="F363" t="str">
            <v>PM</v>
          </cell>
          <cell r="G363" t="e">
            <v>#N/A</v>
          </cell>
          <cell r="H363" t="str">
            <v>PD-IINF \ PM</v>
          </cell>
          <cell r="I363" t="str">
            <v>EQM</v>
          </cell>
          <cell r="J363" t="str">
            <v>IEQM</v>
          </cell>
          <cell r="K363" t="str">
            <v>X</v>
          </cell>
          <cell r="L363" t="str">
            <v>Preventative Maintenance</v>
          </cell>
          <cell r="M363" t="str">
            <v>N</v>
          </cell>
        </row>
        <row r="364">
          <cell r="A364" t="str">
            <v>IEQMMO</v>
          </cell>
          <cell r="B364" t="str">
            <v>PD O&amp;M</v>
          </cell>
          <cell r="C364" t="str">
            <v>MW</v>
          </cell>
          <cell r="D364" t="str">
            <v>PD-IEQM</v>
          </cell>
          <cell r="E364" t="e">
            <v>#N/A</v>
          </cell>
          <cell r="F364" t="str">
            <v>MOD</v>
          </cell>
          <cell r="G364" t="e">
            <v>#N/A</v>
          </cell>
          <cell r="H364" t="str">
            <v>PD-IEQM \ MOD</v>
          </cell>
          <cell r="I364" t="str">
            <v>SUBEQMO</v>
          </cell>
          <cell r="J364" t="str">
            <v>IEQMMO</v>
          </cell>
          <cell r="K364" t="str">
            <v>X</v>
          </cell>
          <cell r="L364" t="str">
            <v>Modification</v>
          </cell>
          <cell r="M364" t="str">
            <v>N</v>
          </cell>
        </row>
        <row r="365">
          <cell r="A365" t="str">
            <v>IEQMPM</v>
          </cell>
          <cell r="B365" t="str">
            <v>PD O&amp;M</v>
          </cell>
          <cell r="C365" t="str">
            <v>MW</v>
          </cell>
          <cell r="D365" t="str">
            <v>PD-IEQM</v>
          </cell>
          <cell r="E365" t="e">
            <v>#N/A</v>
          </cell>
          <cell r="F365" t="str">
            <v>PM</v>
          </cell>
          <cell r="G365" t="e">
            <v>#N/A</v>
          </cell>
          <cell r="H365" t="str">
            <v>PD-IEQM \ PM</v>
          </cell>
          <cell r="I365" t="str">
            <v>SUBEQPM</v>
          </cell>
          <cell r="J365" t="str">
            <v>IEQMPM</v>
          </cell>
          <cell r="K365" t="str">
            <v>X</v>
          </cell>
          <cell r="L365" t="str">
            <v>Preventative Maintenance</v>
          </cell>
          <cell r="M365" t="str">
            <v>N</v>
          </cell>
        </row>
        <row r="366">
          <cell r="A366" t="str">
            <v>IEQMRPR</v>
          </cell>
          <cell r="B366" t="str">
            <v>PD O&amp;M</v>
          </cell>
          <cell r="C366" t="str">
            <v>MW</v>
          </cell>
          <cell r="D366" t="str">
            <v>PD-IEQM</v>
          </cell>
          <cell r="E366" t="e">
            <v>#N/A</v>
          </cell>
          <cell r="F366" t="str">
            <v>RPR</v>
          </cell>
          <cell r="G366" t="e">
            <v>#N/A</v>
          </cell>
          <cell r="H366" t="str">
            <v>PD-IEQM \ RPR</v>
          </cell>
          <cell r="I366" t="str">
            <v>SUBEQRP</v>
          </cell>
          <cell r="J366" t="str">
            <v>IEQMRPR</v>
          </cell>
          <cell r="K366" t="str">
            <v>X</v>
          </cell>
          <cell r="L366" t="str">
            <v>Repair</v>
          </cell>
          <cell r="M366" t="str">
            <v>N</v>
          </cell>
        </row>
        <row r="367">
          <cell r="A367" t="str">
            <v>IMPNGM</v>
          </cell>
          <cell r="B367" t="str">
            <v>Gas O&amp;M</v>
          </cell>
          <cell r="C367" t="str">
            <v>Gas</v>
          </cell>
          <cell r="D367" t="str">
            <v>GO-PIMP</v>
          </cell>
          <cell r="E367" t="str">
            <v>Gas Operations - Pipeline Integrity Management Program</v>
          </cell>
          <cell r="F367" t="str">
            <v>IMPNGM</v>
          </cell>
          <cell r="G367" t="str">
            <v>Integrity Management Natural Gas - Maintenance</v>
          </cell>
          <cell r="H367" t="str">
            <v>GO-PIMP \ IMPNGM</v>
          </cell>
          <cell r="I367"/>
          <cell r="J367" t="str">
            <v>IMPNGM</v>
          </cell>
          <cell r="K367" t="str">
            <v>X</v>
          </cell>
          <cell r="L367" t="str">
            <v>Integrity Management Natural Gas - Maintenance</v>
          </cell>
          <cell r="M367" t="str">
            <v>N</v>
          </cell>
        </row>
        <row r="368">
          <cell r="A368" t="str">
            <v>IMPNGO</v>
          </cell>
          <cell r="B368" t="str">
            <v>Gas O&amp;M</v>
          </cell>
          <cell r="C368" t="str">
            <v>Gas</v>
          </cell>
          <cell r="D368" t="str">
            <v>GO-PIMP</v>
          </cell>
          <cell r="E368" t="str">
            <v>Gas Operations - Pipeline Integrity Management Program</v>
          </cell>
          <cell r="F368" t="str">
            <v>IMPNGO</v>
          </cell>
          <cell r="G368" t="str">
            <v>Integrity Management Natural Gas - Operations</v>
          </cell>
          <cell r="H368" t="str">
            <v>GO-PIMP \ IMPNGO</v>
          </cell>
          <cell r="I368"/>
          <cell r="J368" t="str">
            <v>IMPNGO</v>
          </cell>
          <cell r="K368" t="str">
            <v>X</v>
          </cell>
          <cell r="L368" t="str">
            <v>Integrity Management Natural Gas - Operations</v>
          </cell>
          <cell r="M368" t="str">
            <v>N</v>
          </cell>
        </row>
        <row r="369">
          <cell r="A369" t="str">
            <v>IMTRMMO</v>
          </cell>
          <cell r="B369" t="str">
            <v>PD O&amp;M</v>
          </cell>
          <cell r="C369" t="str">
            <v>MW</v>
          </cell>
          <cell r="D369" t="str">
            <v>PD-IMTR</v>
          </cell>
          <cell r="E369" t="e">
            <v>#N/A</v>
          </cell>
          <cell r="F369" t="str">
            <v>MOD</v>
          </cell>
          <cell r="G369" t="e">
            <v>#N/A</v>
          </cell>
          <cell r="H369" t="str">
            <v>PD-IMTR \ MOD</v>
          </cell>
          <cell r="I369" t="str">
            <v>MTRMO</v>
          </cell>
          <cell r="J369" t="str">
            <v>IMTRMMO</v>
          </cell>
          <cell r="K369" t="str">
            <v>X</v>
          </cell>
          <cell r="L369" t="str">
            <v>Modification</v>
          </cell>
          <cell r="M369" t="str">
            <v>N</v>
          </cell>
        </row>
        <row r="370">
          <cell r="A370" t="str">
            <v>IMTRMPM</v>
          </cell>
          <cell r="B370" t="str">
            <v>PD O&amp;M</v>
          </cell>
          <cell r="C370" t="str">
            <v>MW</v>
          </cell>
          <cell r="D370" t="str">
            <v>PD-IMTR</v>
          </cell>
          <cell r="E370" t="e">
            <v>#N/A</v>
          </cell>
          <cell r="F370" t="str">
            <v>PM</v>
          </cell>
          <cell r="G370" t="e">
            <v>#N/A</v>
          </cell>
          <cell r="H370" t="str">
            <v>PD-IMTR \ PM</v>
          </cell>
          <cell r="I370" t="str">
            <v>MTRPM</v>
          </cell>
          <cell r="J370" t="str">
            <v>IMTRMPM</v>
          </cell>
          <cell r="K370" t="str">
            <v>X</v>
          </cell>
          <cell r="L370" t="str">
            <v>Preventative Maintenance</v>
          </cell>
          <cell r="M370" t="str">
            <v>N</v>
          </cell>
        </row>
        <row r="371">
          <cell r="A371" t="str">
            <v>IMTRMRPR</v>
          </cell>
          <cell r="B371" t="str">
            <v>PD O&amp;M</v>
          </cell>
          <cell r="C371" t="str">
            <v>MW</v>
          </cell>
          <cell r="D371" t="str">
            <v>PD-IMTR</v>
          </cell>
          <cell r="E371" t="e">
            <v>#N/A</v>
          </cell>
          <cell r="F371" t="str">
            <v>RPR</v>
          </cell>
          <cell r="G371" t="e">
            <v>#N/A</v>
          </cell>
          <cell r="H371" t="str">
            <v>PD-IMTR \ RPR</v>
          </cell>
          <cell r="I371" t="str">
            <v>MTRRP</v>
          </cell>
          <cell r="J371" t="str">
            <v>IMTRMRPR</v>
          </cell>
          <cell r="K371" t="str">
            <v>X</v>
          </cell>
          <cell r="L371" t="str">
            <v>Repair</v>
          </cell>
          <cell r="M371" t="str">
            <v>N</v>
          </cell>
        </row>
        <row r="372">
          <cell r="A372" t="str">
            <v>INFIPD</v>
          </cell>
          <cell r="B372" t="str">
            <v>PD O&amp;M</v>
          </cell>
          <cell r="C372" t="str">
            <v>MW</v>
          </cell>
          <cell r="D372" t="str">
            <v>PD-INFRA</v>
          </cell>
          <cell r="E372" t="str">
            <v>Infrared Ckt</v>
          </cell>
          <cell r="F372" t="str">
            <v>INFREDINMW</v>
          </cell>
          <cell r="G372" t="str">
            <v>Infrared Ckt Inspection Midwest</v>
          </cell>
          <cell r="H372" t="str">
            <v>PD-INFRA \ INFREDINMW</v>
          </cell>
          <cell r="I372" t="str">
            <v>IRCKTMT</v>
          </cell>
          <cell r="J372" t="str">
            <v>INFIPD</v>
          </cell>
          <cell r="K372" t="str">
            <v>X</v>
          </cell>
          <cell r="L372" t="str">
            <v>Infrared Ckt Inspection Midwest</v>
          </cell>
          <cell r="M372" t="str">
            <v>N</v>
          </cell>
        </row>
        <row r="373">
          <cell r="A373" t="str">
            <v>INSTSNCCG</v>
          </cell>
          <cell r="B373" t="str">
            <v>Gas Capital</v>
          </cell>
          <cell r="C373" t="str">
            <v>Gas</v>
          </cell>
          <cell r="D373" t="str">
            <v>GO-SERVICE</v>
          </cell>
          <cell r="E373" t="str">
            <v xml:space="preserve">Gas Operations - Service Work </v>
          </cell>
          <cell r="F373" t="str">
            <v>INSTSNCCG</v>
          </cell>
          <cell r="G373" t="str">
            <v>Install Meter and Regulator Set Less Than 3" - Commercial</v>
          </cell>
          <cell r="H373" t="str">
            <v>GO-SERVICE \ INSTSNCCG</v>
          </cell>
          <cell r="I373"/>
          <cell r="J373" t="str">
            <v>INSTSNCCG</v>
          </cell>
          <cell r="K373" t="str">
            <v>X</v>
          </cell>
          <cell r="L373" t="str">
            <v>Install Meter and Regulator Set Less Than 3" - Commercial</v>
          </cell>
          <cell r="M373" t="str">
            <v>N</v>
          </cell>
        </row>
        <row r="374">
          <cell r="A374" t="str">
            <v>INSTSNCCG</v>
          </cell>
          <cell r="B374" t="str">
            <v>Gas Capital</v>
          </cell>
          <cell r="C374" t="str">
            <v>Gas</v>
          </cell>
          <cell r="D374" t="str">
            <v>GO-SERVICEKY</v>
          </cell>
          <cell r="E374" t="str">
            <v>Gas Operations - Service Work - KY</v>
          </cell>
          <cell r="F374" t="str">
            <v>INSTALL M&amp;R</v>
          </cell>
          <cell r="G374" t="str">
            <v>INSTALL METER AND REGULATOR SET</v>
          </cell>
          <cell r="H374" t="str">
            <v>GO-SERVICEKY \ INSTALL M&amp;R</v>
          </cell>
          <cell r="I374"/>
          <cell r="J374" t="str">
            <v>INSTSNCCG</v>
          </cell>
          <cell r="K374" t="str">
            <v>X</v>
          </cell>
          <cell r="L374" t="str">
            <v>INSTALL METER AND REGULATOR SET</v>
          </cell>
          <cell r="M374" t="str">
            <v>N</v>
          </cell>
        </row>
        <row r="375">
          <cell r="A375" t="str">
            <v>INSTSNCCG</v>
          </cell>
          <cell r="B375" t="str">
            <v>Gas Capital</v>
          </cell>
          <cell r="C375" t="str">
            <v>Gas</v>
          </cell>
          <cell r="D375" t="str">
            <v>GO-SERVICEKY</v>
          </cell>
          <cell r="E375" t="str">
            <v>Gas Operations - Service Work - KY</v>
          </cell>
          <cell r="F375" t="str">
            <v>REPLACE M&amp;R</v>
          </cell>
          <cell r="G375" t="str">
            <v>REPLACE METER AND REGULATOR SET</v>
          </cell>
          <cell r="H375" t="str">
            <v>GO-SERVICEKY \ REPLACE M&amp;R</v>
          </cell>
          <cell r="I375"/>
          <cell r="J375" t="str">
            <v>INSTSNCCG</v>
          </cell>
          <cell r="K375" t="str">
            <v>X</v>
          </cell>
          <cell r="L375" t="str">
            <v>REPLACE METER AND REGULATOR SET</v>
          </cell>
          <cell r="M375" t="str">
            <v>N</v>
          </cell>
        </row>
        <row r="376">
          <cell r="A376" t="str">
            <v>INSTSNCCG</v>
          </cell>
          <cell r="B376" t="str">
            <v>Gas Capital</v>
          </cell>
          <cell r="C376" t="str">
            <v>Gas</v>
          </cell>
          <cell r="D376" t="str">
            <v>GO-SERVICEOH</v>
          </cell>
          <cell r="E376" t="str">
            <v>Gas Operations - Service Work - OH</v>
          </cell>
          <cell r="F376" t="str">
            <v>INSTALL M&amp;R</v>
          </cell>
          <cell r="G376" t="str">
            <v>INSTALL METER AND REGULATOR SET</v>
          </cell>
          <cell r="H376" t="str">
            <v>GO-SERVICEOH \ INSTALL M&amp;R</v>
          </cell>
          <cell r="I376"/>
          <cell r="J376" t="str">
            <v>INSTSNCCG</v>
          </cell>
          <cell r="K376" t="str">
            <v>X</v>
          </cell>
          <cell r="L376" t="str">
            <v>INSTALL METER AND REGULATOR SET</v>
          </cell>
          <cell r="M376" t="str">
            <v>N</v>
          </cell>
        </row>
        <row r="377">
          <cell r="A377" t="str">
            <v>INSTSNCCG</v>
          </cell>
          <cell r="B377" t="str">
            <v>Gas Capital</v>
          </cell>
          <cell r="C377" t="str">
            <v>Gas</v>
          </cell>
          <cell r="D377" t="str">
            <v>GO-SERVICEOH</v>
          </cell>
          <cell r="E377" t="str">
            <v>Gas Operations - Service Work - OH</v>
          </cell>
          <cell r="F377" t="str">
            <v>REPLACE M&amp;R</v>
          </cell>
          <cell r="G377" t="str">
            <v>REPLACE METER AND REGULATOR SET</v>
          </cell>
          <cell r="H377" t="str">
            <v>GO-SERVICEOH \ REPLACE M&amp;R</v>
          </cell>
          <cell r="I377"/>
          <cell r="J377" t="str">
            <v>INSTSNCCG</v>
          </cell>
          <cell r="K377" t="str">
            <v>X</v>
          </cell>
          <cell r="L377" t="str">
            <v>REPLACE METER AND REGULATOR SET</v>
          </cell>
          <cell r="M377" t="str">
            <v>N</v>
          </cell>
        </row>
        <row r="378">
          <cell r="A378" t="str">
            <v>INSTSNRCG</v>
          </cell>
          <cell r="B378" t="str">
            <v>Gas Capital</v>
          </cell>
          <cell r="C378" t="str">
            <v>Gas</v>
          </cell>
          <cell r="D378" t="str">
            <v>GO-SERVICE</v>
          </cell>
          <cell r="E378" t="str">
            <v>Gas Operations - Service Work</v>
          </cell>
          <cell r="F378" t="str">
            <v>INSTSNRCG</v>
          </cell>
          <cell r="G378" t="str">
            <v>Install Meter and Regulator Set Less Than 3" - Residential</v>
          </cell>
          <cell r="H378" t="str">
            <v>GO-SERVICE \ INSTSNRCG</v>
          </cell>
          <cell r="I378"/>
          <cell r="J378" t="str">
            <v>INSTSNRCG</v>
          </cell>
          <cell r="K378" t="str">
            <v>X</v>
          </cell>
          <cell r="L378" t="str">
            <v>Install Meter and Regulator Set Less Than 3" - Residential</v>
          </cell>
          <cell r="M378" t="str">
            <v>N</v>
          </cell>
        </row>
        <row r="379">
          <cell r="A379" t="str">
            <v>IOSMHM</v>
          </cell>
          <cell r="B379" t="str">
            <v>PD Veg Mgmt</v>
          </cell>
          <cell r="C379" t="str">
            <v>Veg</v>
          </cell>
          <cell r="D379" t="str">
            <v>PD-SUBVM</v>
          </cell>
          <cell r="E379" t="str">
            <v>Vegetation Management - Substation - O&amp;M</v>
          </cell>
          <cell r="F379" t="str">
            <v>SUBVMCUST</v>
          </cell>
          <cell r="G379" t="str">
            <v>Sub VM Customer station bare ground herbicide and mowing</v>
          </cell>
          <cell r="H379" t="str">
            <v>PD-SUBVM \ SUBVMCUST</v>
          </cell>
          <cell r="I379" t="str">
            <v>RWISTA</v>
          </cell>
          <cell r="J379" t="str">
            <v>IOSMHM</v>
          </cell>
          <cell r="K379" t="str">
            <v>X</v>
          </cell>
          <cell r="L379" t="str">
            <v>Sub VM Customer station bare ground herbicide and mowing</v>
          </cell>
          <cell r="M379" t="str">
            <v>N</v>
          </cell>
        </row>
        <row r="380">
          <cell r="A380" t="str">
            <v>IOSMMO</v>
          </cell>
          <cell r="B380" t="str">
            <v>PD O&amp;M</v>
          </cell>
          <cell r="C380" t="str">
            <v>MW</v>
          </cell>
          <cell r="D380" t="str">
            <v>PD-IOSM</v>
          </cell>
          <cell r="E380" t="e">
            <v>#N/A</v>
          </cell>
          <cell r="F380" t="str">
            <v>MOD</v>
          </cell>
          <cell r="G380" t="e">
            <v>#N/A</v>
          </cell>
          <cell r="H380" t="str">
            <v>PD-IOSM \ MOD</v>
          </cell>
          <cell r="I380" t="str">
            <v>SUBSTMO</v>
          </cell>
          <cell r="J380" t="str">
            <v>IOSMMO</v>
          </cell>
          <cell r="K380" t="str">
            <v>X</v>
          </cell>
          <cell r="L380" t="str">
            <v>Modification</v>
          </cell>
          <cell r="M380" t="str">
            <v>N</v>
          </cell>
        </row>
        <row r="381">
          <cell r="A381" t="str">
            <v>IOSMPM</v>
          </cell>
          <cell r="B381" t="str">
            <v>PD O&amp;M</v>
          </cell>
          <cell r="C381" t="str">
            <v>MW</v>
          </cell>
          <cell r="D381" t="str">
            <v>PD-IOSM</v>
          </cell>
          <cell r="E381" t="e">
            <v>#N/A</v>
          </cell>
          <cell r="F381" t="str">
            <v>PM</v>
          </cell>
          <cell r="G381" t="e">
            <v>#N/A</v>
          </cell>
          <cell r="H381" t="str">
            <v>PD-IOSM \ PM</v>
          </cell>
          <cell r="I381" t="str">
            <v>SUBSTPM</v>
          </cell>
          <cell r="J381" t="str">
            <v>IOSMPM</v>
          </cell>
          <cell r="K381" t="str">
            <v>X</v>
          </cell>
          <cell r="L381" t="str">
            <v>Preventative Maintenance</v>
          </cell>
          <cell r="M381" t="str">
            <v>N</v>
          </cell>
        </row>
        <row r="382">
          <cell r="A382" t="str">
            <v>IOSMRPR</v>
          </cell>
          <cell r="B382" t="str">
            <v>PD O&amp;M</v>
          </cell>
          <cell r="C382" t="str">
            <v>MW</v>
          </cell>
          <cell r="D382" t="str">
            <v>PD-IOSM</v>
          </cell>
          <cell r="E382" t="e">
            <v>#N/A</v>
          </cell>
          <cell r="F382" t="str">
            <v>RPR</v>
          </cell>
          <cell r="G382" t="e">
            <v>#N/A</v>
          </cell>
          <cell r="H382" t="str">
            <v>PD-IOSM \ RPR</v>
          </cell>
          <cell r="I382" t="str">
            <v>SUBSTRP</v>
          </cell>
          <cell r="J382" t="str">
            <v>IOSMRPR</v>
          </cell>
          <cell r="K382" t="str">
            <v>X</v>
          </cell>
          <cell r="L382" t="str">
            <v>Repair</v>
          </cell>
          <cell r="M382" t="str">
            <v>N</v>
          </cell>
        </row>
        <row r="383">
          <cell r="A383" t="str">
            <v>IPORTABLE</v>
          </cell>
          <cell r="B383" t="str">
            <v>PD O&amp;M</v>
          </cell>
          <cell r="C383" t="str">
            <v>MW</v>
          </cell>
          <cell r="D383" t="str">
            <v>PD-IPORT</v>
          </cell>
          <cell r="E383" t="e">
            <v>#N/A</v>
          </cell>
          <cell r="F383" t="str">
            <v>PORTABLE</v>
          </cell>
          <cell r="G383" t="e">
            <v>#N/A</v>
          </cell>
          <cell r="H383" t="str">
            <v>PD-IPORT \ PORTABLE</v>
          </cell>
          <cell r="I383" t="str">
            <v>SUBPRO</v>
          </cell>
          <cell r="J383" t="str">
            <v>IPORTABLE</v>
          </cell>
          <cell r="K383" t="str">
            <v>X</v>
          </cell>
          <cell r="L383" t="str">
            <v>Portable</v>
          </cell>
          <cell r="M383" t="str">
            <v>N</v>
          </cell>
        </row>
        <row r="384">
          <cell r="A384" t="str">
            <v>IRCKTINS</v>
          </cell>
          <cell r="B384" t="str">
            <v>PD O&amp;M</v>
          </cell>
          <cell r="C384" t="str">
            <v>MW</v>
          </cell>
          <cell r="D384" t="str">
            <v>PD-INFRA</v>
          </cell>
          <cell r="E384" t="e">
            <v>#N/A</v>
          </cell>
          <cell r="F384" t="str">
            <v>INFREDIN</v>
          </cell>
          <cell r="G384" t="e">
            <v>#N/A</v>
          </cell>
          <cell r="H384" t="str">
            <v>PD-INFRA \ INFREDIN</v>
          </cell>
          <cell r="I384" t="str">
            <v>IRCKTMT</v>
          </cell>
          <cell r="J384" t="str">
            <v>IRCKTINS</v>
          </cell>
          <cell r="K384" t="str">
            <v>X</v>
          </cell>
          <cell r="L384" t="str">
            <v>Infrared Ckt Inspection</v>
          </cell>
          <cell r="M384" t="str">
            <v>N</v>
          </cell>
        </row>
        <row r="385">
          <cell r="A385" t="str">
            <v>IRCKTMT</v>
          </cell>
          <cell r="B385" t="str">
            <v>PD O&amp;M</v>
          </cell>
          <cell r="C385" t="str">
            <v>Carolinas</v>
          </cell>
          <cell r="D385" t="str">
            <v>PD-INFRA</v>
          </cell>
          <cell r="E385" t="str">
            <v>Infrared Ckt</v>
          </cell>
          <cell r="F385" t="str">
            <v>INFREDMTC</v>
          </cell>
          <cell r="G385" t="str">
            <v>Infrared Ckt Maintenance Carolinas</v>
          </cell>
          <cell r="H385" t="str">
            <v>PD-INFRA \ INFREDMTC</v>
          </cell>
          <cell r="I385" t="str">
            <v>IRCKTMT</v>
          </cell>
          <cell r="J385" t="str">
            <v>IRCKTMT</v>
          </cell>
          <cell r="K385" t="str">
            <v>X</v>
          </cell>
          <cell r="L385" t="str">
            <v>Infrared Ckt Maintenance Carolinas</v>
          </cell>
          <cell r="M385" t="str">
            <v>N</v>
          </cell>
        </row>
        <row r="386">
          <cell r="A386" t="str">
            <v>IRLYMMO</v>
          </cell>
          <cell r="B386" t="str">
            <v>PD O&amp;M</v>
          </cell>
          <cell r="C386" t="str">
            <v>MW</v>
          </cell>
          <cell r="D386" t="str">
            <v>PD-IRLY</v>
          </cell>
          <cell r="E386" t="e">
            <v>#N/A</v>
          </cell>
          <cell r="F386" t="str">
            <v>MOD</v>
          </cell>
          <cell r="G386" t="e">
            <v>#N/A</v>
          </cell>
          <cell r="H386" t="str">
            <v>PD-IRLY \ MOD</v>
          </cell>
          <cell r="I386" t="str">
            <v>RLYMO</v>
          </cell>
          <cell r="J386" t="str">
            <v>IRLYMMO</v>
          </cell>
          <cell r="K386" t="str">
            <v>X</v>
          </cell>
          <cell r="L386" t="str">
            <v>Modification</v>
          </cell>
          <cell r="M386" t="str">
            <v>N</v>
          </cell>
        </row>
        <row r="387">
          <cell r="A387" t="str">
            <v>IRLYMPM</v>
          </cell>
          <cell r="B387" t="str">
            <v>PD O&amp;M</v>
          </cell>
          <cell r="C387" t="str">
            <v>MW</v>
          </cell>
          <cell r="D387" t="str">
            <v>PD-IRLY</v>
          </cell>
          <cell r="E387" t="e">
            <v>#N/A</v>
          </cell>
          <cell r="F387" t="str">
            <v>PM</v>
          </cell>
          <cell r="G387" t="e">
            <v>#N/A</v>
          </cell>
          <cell r="H387" t="str">
            <v>PD-IRLY \ PM</v>
          </cell>
          <cell r="I387" t="str">
            <v>RLYPM</v>
          </cell>
          <cell r="J387" t="str">
            <v>IRLYMPM</v>
          </cell>
          <cell r="K387" t="str">
            <v>X</v>
          </cell>
          <cell r="L387" t="str">
            <v>Preventative Maintenance</v>
          </cell>
          <cell r="M387" t="str">
            <v>N</v>
          </cell>
        </row>
        <row r="388">
          <cell r="A388" t="str">
            <v>IRLYMRPR</v>
          </cell>
          <cell r="B388" t="str">
            <v>PD O&amp;M</v>
          </cell>
          <cell r="C388" t="str">
            <v>MW</v>
          </cell>
          <cell r="D388" t="str">
            <v>PD-IRLY</v>
          </cell>
          <cell r="E388" t="e">
            <v>#N/A</v>
          </cell>
          <cell r="F388" t="str">
            <v>RPR</v>
          </cell>
          <cell r="G388" t="e">
            <v>#N/A</v>
          </cell>
          <cell r="H388" t="str">
            <v>PD-IRLY \ RPR</v>
          </cell>
          <cell r="I388" t="str">
            <v>RLYRP</v>
          </cell>
          <cell r="J388" t="str">
            <v>IRLYMRPR</v>
          </cell>
          <cell r="K388" t="str">
            <v>X</v>
          </cell>
          <cell r="L388" t="str">
            <v>Repair</v>
          </cell>
          <cell r="M388" t="str">
            <v>N</v>
          </cell>
        </row>
        <row r="389">
          <cell r="A389" t="str">
            <v>ISIN</v>
          </cell>
          <cell r="B389" t="str">
            <v>PD O&amp;M</v>
          </cell>
          <cell r="C389" t="str">
            <v>MW</v>
          </cell>
          <cell r="D389" t="str">
            <v>PD-ISIN</v>
          </cell>
          <cell r="E389" t="e">
            <v>#N/A</v>
          </cell>
          <cell r="F389" t="str">
            <v>INSP</v>
          </cell>
          <cell r="G389" t="e">
            <v>#N/A</v>
          </cell>
          <cell r="H389" t="str">
            <v>PD-ISIN \ INSP</v>
          </cell>
          <cell r="I389" t="str">
            <v>SUBINSP</v>
          </cell>
          <cell r="J389" t="str">
            <v>ISIN</v>
          </cell>
          <cell r="K389" t="str">
            <v>X</v>
          </cell>
          <cell r="L389" t="str">
            <v>Inspection</v>
          </cell>
          <cell r="M389" t="str">
            <v>N</v>
          </cell>
        </row>
        <row r="390">
          <cell r="A390" t="str">
            <v>ITRFMMO</v>
          </cell>
          <cell r="B390" t="str">
            <v>PD O&amp;M</v>
          </cell>
          <cell r="C390" t="str">
            <v>MW</v>
          </cell>
          <cell r="D390" t="str">
            <v>PD-ITRF</v>
          </cell>
          <cell r="E390" t="e">
            <v>#N/A</v>
          </cell>
          <cell r="F390" t="str">
            <v>MOD</v>
          </cell>
          <cell r="G390" t="e">
            <v>#N/A</v>
          </cell>
          <cell r="H390" t="str">
            <v>PD-ITRF \ MOD</v>
          </cell>
          <cell r="I390" t="str">
            <v>TRANFMO</v>
          </cell>
          <cell r="J390" t="str">
            <v>ITRFMMO</v>
          </cell>
          <cell r="K390" t="str">
            <v>X</v>
          </cell>
          <cell r="L390" t="str">
            <v>Modification</v>
          </cell>
          <cell r="M390" t="str">
            <v>N</v>
          </cell>
        </row>
        <row r="391">
          <cell r="A391" t="str">
            <v>ITRFMPM</v>
          </cell>
          <cell r="B391" t="str">
            <v>PD O&amp;M</v>
          </cell>
          <cell r="C391" t="str">
            <v>MW</v>
          </cell>
          <cell r="D391" t="str">
            <v>PD-ITRF</v>
          </cell>
          <cell r="E391" t="e">
            <v>#N/A</v>
          </cell>
          <cell r="F391" t="str">
            <v>PM</v>
          </cell>
          <cell r="G391" t="e">
            <v>#N/A</v>
          </cell>
          <cell r="H391" t="str">
            <v>PD-ITRF \ PM</v>
          </cell>
          <cell r="I391" t="str">
            <v>TRANFPM</v>
          </cell>
          <cell r="J391" t="str">
            <v>ITRFMPM</v>
          </cell>
          <cell r="K391" t="str">
            <v>X</v>
          </cell>
          <cell r="L391" t="str">
            <v>Preventative Maintenance</v>
          </cell>
          <cell r="M391" t="str">
            <v>N</v>
          </cell>
        </row>
        <row r="392">
          <cell r="A392" t="str">
            <v>ITRFMRPR</v>
          </cell>
          <cell r="B392" t="str">
            <v>PD O&amp;M</v>
          </cell>
          <cell r="C392" t="str">
            <v>MW</v>
          </cell>
          <cell r="D392" t="str">
            <v>PD-ITRF</v>
          </cell>
          <cell r="E392" t="e">
            <v>#N/A</v>
          </cell>
          <cell r="F392" t="str">
            <v>RPR</v>
          </cell>
          <cell r="G392" t="e">
            <v>#N/A</v>
          </cell>
          <cell r="H392" t="str">
            <v>PD-ITRF \ RPR</v>
          </cell>
          <cell r="I392" t="str">
            <v>TRANFRP</v>
          </cell>
          <cell r="J392" t="str">
            <v>ITRFMRPR</v>
          </cell>
          <cell r="K392" t="str">
            <v>X</v>
          </cell>
          <cell r="L392" t="str">
            <v>Repair</v>
          </cell>
          <cell r="M392" t="str">
            <v>N</v>
          </cell>
        </row>
        <row r="393">
          <cell r="A393" t="str">
            <v>KOTCC</v>
          </cell>
          <cell r="B393" t="str">
            <v>Gas O&amp;M</v>
          </cell>
          <cell r="C393" t="str">
            <v>Gas</v>
          </cell>
          <cell r="D393" t="str">
            <v>GO-INSP</v>
          </cell>
          <cell r="E393" t="str">
            <v>Gas Operations - Inspections</v>
          </cell>
          <cell r="F393" t="str">
            <v>KOTCC</v>
          </cell>
          <cell r="G393" t="str">
            <v>Walk KO Lines</v>
          </cell>
          <cell r="H393" t="str">
            <v>GO-INSP \ KOTCC</v>
          </cell>
          <cell r="I393"/>
          <cell r="J393" t="str">
            <v>KOTCC</v>
          </cell>
          <cell r="K393" t="str">
            <v>X</v>
          </cell>
          <cell r="L393" t="str">
            <v>Walk KO Lines</v>
          </cell>
          <cell r="M393" t="str">
            <v>N</v>
          </cell>
        </row>
        <row r="394">
          <cell r="A394" t="str">
            <v>KOTMAINT</v>
          </cell>
          <cell r="B394" t="str">
            <v>Gas O&amp;M</v>
          </cell>
          <cell r="C394" t="str">
            <v>Gas</v>
          </cell>
          <cell r="D394" t="str">
            <v>GO-MC</v>
          </cell>
          <cell r="E394" t="str">
            <v>Gas Operations - Maintenance Corrective</v>
          </cell>
          <cell r="F394" t="str">
            <v>KOTMAINT</v>
          </cell>
          <cell r="G394" t="str">
            <v>Corrective Maint on KOT</v>
          </cell>
          <cell r="H394" t="str">
            <v>GO-MC \ KOTMAINT</v>
          </cell>
          <cell r="I394"/>
          <cell r="J394" t="str">
            <v>KOTMAINT</v>
          </cell>
          <cell r="K394" t="str">
            <v>X</v>
          </cell>
          <cell r="L394" t="str">
            <v>Corrective Maint on KOT</v>
          </cell>
          <cell r="M394" t="str">
            <v>N</v>
          </cell>
        </row>
        <row r="395">
          <cell r="A395" t="str">
            <v>LEAKANAL</v>
          </cell>
          <cell r="B395" t="str">
            <v>Gas O&amp;M</v>
          </cell>
          <cell r="C395" t="str">
            <v>Gas</v>
          </cell>
          <cell r="D395" t="str">
            <v>GO-INSP</v>
          </cell>
          <cell r="E395" t="str">
            <v>Gas Operations - Inspections</v>
          </cell>
          <cell r="F395" t="str">
            <v>LEAKANAL</v>
          </cell>
          <cell r="G395" t="str">
            <v>Leak Analysis</v>
          </cell>
          <cell r="H395" t="str">
            <v>GO-INSP \ LEAKANAL</v>
          </cell>
          <cell r="I395"/>
          <cell r="J395" t="str">
            <v>LEAKANAL</v>
          </cell>
          <cell r="K395" t="str">
            <v>X</v>
          </cell>
          <cell r="L395" t="str">
            <v>Leak Analysis</v>
          </cell>
          <cell r="M395" t="str">
            <v>N</v>
          </cell>
        </row>
        <row r="396">
          <cell r="A396" t="str">
            <v>LEAKANAL</v>
          </cell>
          <cell r="B396" t="str">
            <v>Gas O&amp;M</v>
          </cell>
          <cell r="C396" t="str">
            <v>Gas</v>
          </cell>
          <cell r="D396" t="str">
            <v>GO-LEAK</v>
          </cell>
          <cell r="E396" t="str">
            <v>Gas Operations - Leak Repair</v>
          </cell>
          <cell r="F396" t="str">
            <v>LEAKANAL</v>
          </cell>
          <cell r="G396" t="str">
            <v>Corrective Maintenance Leak Analysis</v>
          </cell>
          <cell r="H396" t="str">
            <v>GO-LEAK \ LEAKANAL</v>
          </cell>
          <cell r="I396"/>
          <cell r="J396" t="str">
            <v>LEAKANAL</v>
          </cell>
          <cell r="K396" t="str">
            <v>X</v>
          </cell>
          <cell r="L396" t="str">
            <v>Corrective Maintenance Leak Analysis</v>
          </cell>
          <cell r="M396" t="str">
            <v>N</v>
          </cell>
        </row>
        <row r="397">
          <cell r="A397" t="str">
            <v>LIPINS</v>
          </cell>
          <cell r="B397" t="str">
            <v>PD O&amp;M</v>
          </cell>
          <cell r="C397" t="str">
            <v>MW</v>
          </cell>
          <cell r="D397" t="str">
            <v>PD-PINSP</v>
          </cell>
          <cell r="E397" t="str">
            <v>Distribution Line Inspection Program</v>
          </cell>
          <cell r="F397" t="str">
            <v>POLE INSP</v>
          </cell>
          <cell r="G397" t="str">
            <v>Line Inspection Program -- Inspect Dist Lines</v>
          </cell>
          <cell r="H397" t="str">
            <v>PD-PINSP \ POLE INSP</v>
          </cell>
          <cell r="I397" t="str">
            <v>LIPINS</v>
          </cell>
          <cell r="J397" t="str">
            <v>LIPINS</v>
          </cell>
          <cell r="K397" t="str">
            <v>X</v>
          </cell>
          <cell r="L397" t="str">
            <v>Line Inspection Program -- Inspect Dist Lines</v>
          </cell>
          <cell r="M397" t="str">
            <v>N</v>
          </cell>
        </row>
        <row r="398">
          <cell r="A398" t="str">
            <v>LIPMT</v>
          </cell>
          <cell r="B398" t="str">
            <v>PD O&amp;M</v>
          </cell>
          <cell r="C398" t="str">
            <v>MW</v>
          </cell>
          <cell r="D398" t="str">
            <v>PD-PINSP</v>
          </cell>
          <cell r="E398" t="e">
            <v>#N/A</v>
          </cell>
          <cell r="F398" t="str">
            <v>POLEMAIN</v>
          </cell>
          <cell r="G398" t="e">
            <v>#N/A</v>
          </cell>
          <cell r="H398" t="str">
            <v>PD-PINSP \ POLEMAIN</v>
          </cell>
          <cell r="I398" t="str">
            <v>LIPMT</v>
          </cell>
          <cell r="J398" t="str">
            <v>LIPMT</v>
          </cell>
          <cell r="K398" t="str">
            <v>X</v>
          </cell>
          <cell r="L398" t="str">
            <v>Line Inspection Program -- Maintenance of Dist Line</v>
          </cell>
          <cell r="M398" t="str">
            <v>N</v>
          </cell>
        </row>
        <row r="399">
          <cell r="A399" t="str">
            <v>LKREPCIBS</v>
          </cell>
          <cell r="B399" t="str">
            <v>Gas O&amp;M</v>
          </cell>
          <cell r="C399" t="str">
            <v>Gas</v>
          </cell>
          <cell r="D399" t="str">
            <v>GO-MC</v>
          </cell>
          <cell r="E399" t="str">
            <v>Gas Operations - Maintenance Corrective</v>
          </cell>
          <cell r="F399" t="str">
            <v>LKREPCIBS</v>
          </cell>
          <cell r="G399" t="str">
            <v>Maintenance Corrective - Cast Iron and Bare Steel</v>
          </cell>
          <cell r="H399" t="str">
            <v>GO-MC \ LKREPCIBS</v>
          </cell>
          <cell r="I399"/>
          <cell r="J399" t="str">
            <v>LKREPCIBS</v>
          </cell>
          <cell r="K399" t="str">
            <v>X</v>
          </cell>
          <cell r="L399" t="str">
            <v>Maintenance Corrective - Cast Iron and Bare Steel</v>
          </cell>
          <cell r="M399" t="str">
            <v>N</v>
          </cell>
        </row>
        <row r="400">
          <cell r="A400" t="str">
            <v>LKREPOTH</v>
          </cell>
          <cell r="B400" t="str">
            <v>Gas O&amp;M</v>
          </cell>
          <cell r="C400" t="str">
            <v>Gas</v>
          </cell>
          <cell r="D400" t="str">
            <v>GO-LEAK</v>
          </cell>
          <cell r="E400" t="str">
            <v>Gas Operations - Leak Repair</v>
          </cell>
          <cell r="F400" t="str">
            <v>GRADE 1</v>
          </cell>
          <cell r="G400" t="str">
            <v>Corrective Maintenance Mains - Grade 1</v>
          </cell>
          <cell r="H400" t="str">
            <v>GO-LEAK \ GRADE 1</v>
          </cell>
          <cell r="I400"/>
          <cell r="J400" t="str">
            <v>LKREPOTH</v>
          </cell>
          <cell r="K400" t="str">
            <v>X</v>
          </cell>
          <cell r="L400" t="str">
            <v>Corrective Maintenance Mains - Grade 1</v>
          </cell>
          <cell r="M400" t="str">
            <v>N</v>
          </cell>
        </row>
        <row r="401">
          <cell r="A401" t="str">
            <v>LKREPOTH</v>
          </cell>
          <cell r="B401" t="str">
            <v>Gas O&amp;M</v>
          </cell>
          <cell r="C401" t="str">
            <v>Gas</v>
          </cell>
          <cell r="D401" t="str">
            <v>GO-LEAK</v>
          </cell>
          <cell r="E401" t="str">
            <v>Gas Operations - Leak Repair</v>
          </cell>
          <cell r="F401" t="str">
            <v>GRADE 2</v>
          </cell>
          <cell r="G401" t="str">
            <v>Corrective Maintenance Mains - Grade 2</v>
          </cell>
          <cell r="H401" t="str">
            <v>GO-LEAK \ GRADE 2</v>
          </cell>
          <cell r="I401"/>
          <cell r="J401" t="str">
            <v>LKREPOTH</v>
          </cell>
          <cell r="K401" t="str">
            <v>X</v>
          </cell>
          <cell r="L401" t="str">
            <v>Corrective Maintenance Mains - Grade 2</v>
          </cell>
          <cell r="M401" t="str">
            <v>N</v>
          </cell>
        </row>
        <row r="402">
          <cell r="A402" t="str">
            <v>LKREPOTH</v>
          </cell>
          <cell r="B402" t="str">
            <v>Gas O&amp;M</v>
          </cell>
          <cell r="C402" t="str">
            <v>Gas</v>
          </cell>
          <cell r="D402" t="str">
            <v>GO-MC</v>
          </cell>
          <cell r="E402" t="str">
            <v>Gas Operations - Maintenance Corrective</v>
          </cell>
          <cell r="F402" t="str">
            <v>LKREPOTH</v>
          </cell>
          <cell r="G402" t="str">
            <v xml:space="preserve">Maintenance Corrective - Other </v>
          </cell>
          <cell r="H402" t="str">
            <v>GO-MC \ LKREPOTH</v>
          </cell>
          <cell r="I402"/>
          <cell r="J402" t="str">
            <v>LKREPOTH</v>
          </cell>
          <cell r="K402" t="str">
            <v>X</v>
          </cell>
          <cell r="L402" t="str">
            <v>Maintenance Corrective - Other</v>
          </cell>
          <cell r="M402" t="str">
            <v>N</v>
          </cell>
        </row>
        <row r="403">
          <cell r="A403" t="str">
            <v>LOADSWCH</v>
          </cell>
          <cell r="B403" t="str">
            <v>PD O&amp;M</v>
          </cell>
          <cell r="C403" t="str">
            <v>MW</v>
          </cell>
          <cell r="D403" t="str">
            <v>PD-SWTCH</v>
          </cell>
          <cell r="E403" t="str">
            <v>Misc. Switching Procedures</v>
          </cell>
          <cell r="F403" t="str">
            <v>LOADSWTCH</v>
          </cell>
          <cell r="G403" t="str">
            <v>Misc. Switching Procedures</v>
          </cell>
          <cell r="H403" t="str">
            <v>PD-SWTCH \ LOADSWTCH</v>
          </cell>
          <cell r="I403"/>
          <cell r="J403" t="str">
            <v>LOADSWCH</v>
          </cell>
          <cell r="K403" t="str">
            <v>X</v>
          </cell>
          <cell r="L403" t="str">
            <v>MISC. SWITCHING PROCEDURES</v>
          </cell>
          <cell r="M403" t="str">
            <v>N</v>
          </cell>
        </row>
        <row r="404">
          <cell r="A404" t="str">
            <v>MANHD</v>
          </cell>
          <cell r="B404" t="str">
            <v>PD O&amp;M</v>
          </cell>
          <cell r="C404" t="str">
            <v>MW</v>
          </cell>
          <cell r="D404" t="str">
            <v>PD-INSP</v>
          </cell>
          <cell r="E404" t="e">
            <v>#N/A</v>
          </cell>
          <cell r="F404" t="str">
            <v>D MANHOLE</v>
          </cell>
          <cell r="G404" t="e">
            <v>#N/A</v>
          </cell>
          <cell r="H404" t="str">
            <v>PD-INSP \ D MANHOLE</v>
          </cell>
          <cell r="I404"/>
          <cell r="J404" t="str">
            <v>MANHD</v>
          </cell>
          <cell r="K404" t="str">
            <v>X</v>
          </cell>
          <cell r="L404" t="str">
            <v>D MANHOLE INSPECTIONS AND MAINTENANCE (NETWORK)</v>
          </cell>
          <cell r="M404" t="str">
            <v>N</v>
          </cell>
        </row>
        <row r="405">
          <cell r="A405" t="str">
            <v>MANHT</v>
          </cell>
          <cell r="B405" t="str">
            <v>PD O&amp;M</v>
          </cell>
          <cell r="C405" t="str">
            <v>MW</v>
          </cell>
          <cell r="D405" t="str">
            <v>PD-INSP</v>
          </cell>
          <cell r="E405" t="e">
            <v>#N/A</v>
          </cell>
          <cell r="F405" t="str">
            <v>T MANHOLE</v>
          </cell>
          <cell r="G405" t="e">
            <v>#N/A</v>
          </cell>
          <cell r="H405" t="str">
            <v>PD-INSP \ T MANHOLE</v>
          </cell>
          <cell r="I405"/>
          <cell r="J405" t="str">
            <v>MANHT</v>
          </cell>
          <cell r="K405" t="str">
            <v>X</v>
          </cell>
          <cell r="L405" t="str">
            <v>T MANHOLE INSPECTIONS AND MAINTENANCE (NETWORK)</v>
          </cell>
          <cell r="M405" t="str">
            <v>N</v>
          </cell>
        </row>
        <row r="406">
          <cell r="A406" t="str">
            <v>MCAP10</v>
          </cell>
          <cell r="B406" t="str">
            <v>Gas Capital</v>
          </cell>
          <cell r="C406" t="str">
            <v>Gas</v>
          </cell>
          <cell r="D406" t="str">
            <v>GO-SERVICEOH</v>
          </cell>
          <cell r="E406" t="str">
            <v>Gas Operations - Service Work - OH</v>
          </cell>
          <cell r="F406" t="str">
            <v>M-C AMRP</v>
          </cell>
          <cell r="G406" t="str">
            <v>INSTALL M-C SERVICE FOR CEX PROJECT</v>
          </cell>
          <cell r="H406" t="str">
            <v>GO-SERVICEOH \ M-C AMRP</v>
          </cell>
          <cell r="I406"/>
          <cell r="J406" t="str">
            <v>MCAP10</v>
          </cell>
          <cell r="K406" t="str">
            <v>I</v>
          </cell>
          <cell r="L406" t="str">
            <v>INSTALL M-C SERVICE FOR CEX PROJECT</v>
          </cell>
          <cell r="M406" t="str">
            <v>N</v>
          </cell>
        </row>
        <row r="407">
          <cell r="A407" t="str">
            <v>MCAP10</v>
          </cell>
          <cell r="B407" t="str">
            <v>Gas Capital</v>
          </cell>
          <cell r="C407" t="str">
            <v>Gas</v>
          </cell>
          <cell r="D407" t="str">
            <v>GO-SERVICEOH</v>
          </cell>
          <cell r="E407" t="str">
            <v>Gas Operations - Service Work - OH</v>
          </cell>
          <cell r="F407" t="str">
            <v>R-M-C AMRP</v>
          </cell>
          <cell r="G407" t="str">
            <v>REMOVE M-C SERVICE FOR CEX PROJECT</v>
          </cell>
          <cell r="H407" t="str">
            <v>GO-SERVICEOH \ R-M-C AMRP</v>
          </cell>
          <cell r="I407"/>
          <cell r="J407" t="str">
            <v>MCAP10</v>
          </cell>
          <cell r="K407" t="str">
            <v>R</v>
          </cell>
          <cell r="L407" t="str">
            <v>REMOVE M-C SERVICE FOR CEX PROJECT</v>
          </cell>
          <cell r="M407" t="str">
            <v>N</v>
          </cell>
        </row>
        <row r="408">
          <cell r="A408" t="str">
            <v>MCAP70</v>
          </cell>
          <cell r="B408" t="str">
            <v>Gas Capital</v>
          </cell>
          <cell r="C408" t="str">
            <v>Gas</v>
          </cell>
          <cell r="D408" t="str">
            <v>GO-SERVICEKY</v>
          </cell>
          <cell r="E408" t="str">
            <v>Gas Operations - Service Work - KY</v>
          </cell>
          <cell r="F408" t="str">
            <v>M-C AMRP</v>
          </cell>
          <cell r="G408" t="str">
            <v>INSTALL M-C SERVICE FOR CEX PROJECT</v>
          </cell>
          <cell r="H408" t="str">
            <v>GO-SERVICEKY \ M-C AMRP</v>
          </cell>
          <cell r="I408"/>
          <cell r="J408" t="str">
            <v>MCAP70</v>
          </cell>
          <cell r="K408" t="str">
            <v>I</v>
          </cell>
          <cell r="L408" t="str">
            <v>INSTALL M-C SERVICE FOR CEX PROJECT</v>
          </cell>
          <cell r="M408" t="str">
            <v>N</v>
          </cell>
        </row>
        <row r="409">
          <cell r="A409" t="str">
            <v>MCAP70</v>
          </cell>
          <cell r="B409" t="str">
            <v>Gas Capital</v>
          </cell>
          <cell r="C409" t="str">
            <v>Gas</v>
          </cell>
          <cell r="D409" t="str">
            <v>GO-SERVICEKY</v>
          </cell>
          <cell r="E409" t="str">
            <v>Gas Operations - Service Work - KY</v>
          </cell>
          <cell r="F409" t="str">
            <v>R-M-C AMRP</v>
          </cell>
          <cell r="G409" t="str">
            <v>REMOVE M-C SERVICE FOR CEX PROJECT</v>
          </cell>
          <cell r="H409" t="str">
            <v>GO-SERVICEKY \ R-M-C AMRP</v>
          </cell>
          <cell r="I409"/>
          <cell r="J409" t="str">
            <v>MCAP70</v>
          </cell>
          <cell r="K409" t="str">
            <v>R</v>
          </cell>
          <cell r="L409" t="str">
            <v>REMOVE M-C SERVICE FOR CEX PROJECT</v>
          </cell>
          <cell r="M409" t="str">
            <v>N</v>
          </cell>
        </row>
        <row r="410">
          <cell r="A410" t="str">
            <v>MCNP10</v>
          </cell>
          <cell r="B410" t="str">
            <v>Gas Capital</v>
          </cell>
          <cell r="C410" t="str">
            <v>Gas</v>
          </cell>
          <cell r="D410" t="str">
            <v>GO-SERVICEOH</v>
          </cell>
          <cell r="E410" t="str">
            <v>Gas Operations - Service Work - OH</v>
          </cell>
          <cell r="F410" t="str">
            <v>M-CNEW&lt;3"PL</v>
          </cell>
          <cell r="G410" t="str">
            <v>INSTALL NEW M-C SERVICE LESS THAN 3"</v>
          </cell>
          <cell r="H410" t="str">
            <v>GO-SERVICEOH \ M-CNEW&lt;3"PL</v>
          </cell>
          <cell r="I410"/>
          <cell r="J410" t="str">
            <v>MCNP10</v>
          </cell>
          <cell r="K410" t="str">
            <v>I</v>
          </cell>
          <cell r="L410" t="str">
            <v>INSTALL NEW M-C SERVICE LESS THAN 3"</v>
          </cell>
          <cell r="M410" t="str">
            <v>N</v>
          </cell>
        </row>
        <row r="411">
          <cell r="A411" t="str">
            <v>MCNP70</v>
          </cell>
          <cell r="B411" t="str">
            <v>Gas Capital</v>
          </cell>
          <cell r="C411" t="str">
            <v>Gas</v>
          </cell>
          <cell r="D411" t="str">
            <v>GO-SERVICEKY</v>
          </cell>
          <cell r="E411" t="str">
            <v>Gas Operations - Service Work - KY</v>
          </cell>
          <cell r="F411" t="str">
            <v>M-CNEW&lt;3"PL</v>
          </cell>
          <cell r="G411" t="str">
            <v>INSTALL NEW M-C SERVICE LESS THAN 3"</v>
          </cell>
          <cell r="H411" t="str">
            <v>GO-SERVICEKY \ M-CNEW&lt;3"PL</v>
          </cell>
          <cell r="I411"/>
          <cell r="J411" t="str">
            <v>MCNP70</v>
          </cell>
          <cell r="K411" t="str">
            <v>I</v>
          </cell>
          <cell r="L411" t="str">
            <v>INSTALL NEW M-C SERVICE LESS THAN 3"</v>
          </cell>
          <cell r="M411" t="str">
            <v>N</v>
          </cell>
        </row>
        <row r="412">
          <cell r="A412" t="str">
            <v>MCNS10</v>
          </cell>
          <cell r="B412" t="str">
            <v>Gas Capital</v>
          </cell>
          <cell r="C412" t="str">
            <v>Gas</v>
          </cell>
          <cell r="D412" t="str">
            <v>GO-SERVICEOH</v>
          </cell>
          <cell r="E412" t="str">
            <v>Gas Operations - Service Work - OH</v>
          </cell>
          <cell r="F412" t="str">
            <v>M-CNEW&lt;3"ST</v>
          </cell>
          <cell r="G412" t="str">
            <v>INSTALL NEW M-C SERVICE LESS THAN 3"</v>
          </cell>
          <cell r="H412" t="str">
            <v>GO-SERVICEOH \ M-CNEW&lt;3"ST</v>
          </cell>
          <cell r="I412"/>
          <cell r="J412" t="str">
            <v>MCNS10</v>
          </cell>
          <cell r="K412" t="str">
            <v>I</v>
          </cell>
          <cell r="L412" t="str">
            <v>INSTALL NEW M-C SERVICE LESS THAN 3"</v>
          </cell>
          <cell r="M412" t="str">
            <v>N</v>
          </cell>
        </row>
        <row r="413">
          <cell r="A413" t="str">
            <v>MCNS70</v>
          </cell>
          <cell r="B413" t="str">
            <v>Gas Capital</v>
          </cell>
          <cell r="C413" t="str">
            <v>Gas</v>
          </cell>
          <cell r="D413" t="str">
            <v>GO-SERVICEKY</v>
          </cell>
          <cell r="E413" t="str">
            <v>Gas Operations - Service Work - KY</v>
          </cell>
          <cell r="F413" t="str">
            <v>M-CNEW&lt;3"ST</v>
          </cell>
          <cell r="G413" t="str">
            <v>INSTALL NEW M-C SERVICE LESS THAN 3"</v>
          </cell>
          <cell r="H413" t="str">
            <v>GO-SERVICEKY \ M-CNEW&lt;3"ST</v>
          </cell>
          <cell r="I413"/>
          <cell r="J413" t="str">
            <v>MCNS70</v>
          </cell>
          <cell r="K413" t="str">
            <v>I</v>
          </cell>
          <cell r="L413" t="str">
            <v>INSTALL NEW M-C SERVICE LESS THAN 3"</v>
          </cell>
          <cell r="M413" t="str">
            <v>N</v>
          </cell>
        </row>
        <row r="414">
          <cell r="A414" t="str">
            <v>MCRP10</v>
          </cell>
          <cell r="B414" t="str">
            <v>Gas Capital</v>
          </cell>
          <cell r="C414" t="str">
            <v>Gas</v>
          </cell>
          <cell r="D414" t="str">
            <v>GO-SERVICEOH</v>
          </cell>
          <cell r="E414" t="str">
            <v>Gas Operations - Service Work - OH</v>
          </cell>
          <cell r="F414" t="str">
            <v>M-CRPL&lt;3"PL</v>
          </cell>
          <cell r="G414" t="str">
            <v>INSTALL PLASTIC M-C SERV. FOR RPL, STI, OR PRI PROJECT LESS THAN 3"</v>
          </cell>
          <cell r="H414" t="str">
            <v>GO-SERVICEOH \ M-CRPL&lt;3"PL</v>
          </cell>
          <cell r="I414"/>
          <cell r="J414" t="str">
            <v>MCRP10</v>
          </cell>
          <cell r="K414" t="str">
            <v>I</v>
          </cell>
          <cell r="L414" t="str">
            <v>INSTALL PLASTIC M-C SERV. FOR RPL, STI, OR PRI PROJECT LESS THAN 3"</v>
          </cell>
          <cell r="M414" t="str">
            <v>N</v>
          </cell>
        </row>
        <row r="415">
          <cell r="A415" t="str">
            <v>MCRP10</v>
          </cell>
          <cell r="B415" t="str">
            <v>Gas Capital</v>
          </cell>
          <cell r="C415" t="str">
            <v>Gas</v>
          </cell>
          <cell r="D415" t="str">
            <v>GO-SERVICEOH</v>
          </cell>
          <cell r="E415" t="str">
            <v>Gas Operations - Service Work - OH</v>
          </cell>
          <cell r="F415" t="str">
            <v>MCRP10</v>
          </cell>
          <cell r="G415" t="str">
            <v>Abandon Service M-C  Ohio</v>
          </cell>
          <cell r="H415" t="str">
            <v>GO-SERVICEOH \ MCRP10</v>
          </cell>
          <cell r="I415"/>
          <cell r="J415" t="str">
            <v>MCRP10</v>
          </cell>
          <cell r="K415" t="str">
            <v>R</v>
          </cell>
          <cell r="L415" t="str">
            <v>Abandon Service M-C Ohio</v>
          </cell>
          <cell r="M415" t="str">
            <v>N</v>
          </cell>
        </row>
        <row r="416">
          <cell r="A416" t="str">
            <v>MCRP10</v>
          </cell>
          <cell r="B416" t="str">
            <v>Gas Capital</v>
          </cell>
          <cell r="C416" t="str">
            <v>Gas</v>
          </cell>
          <cell r="D416" t="str">
            <v>GO-SERVICEOH</v>
          </cell>
          <cell r="E416" t="str">
            <v>Gas Operations - Service Work - OH</v>
          </cell>
          <cell r="F416" t="str">
            <v>R-M-CR&lt;3"PL</v>
          </cell>
          <cell r="G416" t="str">
            <v>REMOVE M-C SERV. FOR RPL, STI, OR PRI PROJECT LESS THAN 3"</v>
          </cell>
          <cell r="H416" t="str">
            <v>GO-SERVICEOH \ R-M-CR&lt;3"PL</v>
          </cell>
          <cell r="I416"/>
          <cell r="J416" t="str">
            <v>MCRP10</v>
          </cell>
          <cell r="K416" t="str">
            <v>R</v>
          </cell>
          <cell r="L416" t="str">
            <v>REMOVE M-C SERV. FOR RPL, STI, OR PRI PROJECT LESS THAN 3"</v>
          </cell>
          <cell r="M416" t="str">
            <v>N</v>
          </cell>
        </row>
        <row r="417">
          <cell r="A417" t="str">
            <v>MCRP70</v>
          </cell>
          <cell r="B417" t="str">
            <v>Gas Capital</v>
          </cell>
          <cell r="C417" t="str">
            <v>Gas</v>
          </cell>
          <cell r="D417" t="str">
            <v>GO-SERVICEKY</v>
          </cell>
          <cell r="E417" t="str">
            <v>Gas Operations - Service Work - KY</v>
          </cell>
          <cell r="F417" t="str">
            <v>M-CRPL&lt;3"PL</v>
          </cell>
          <cell r="G417" t="str">
            <v>INSTALL PLASTIC M-C SERV. FOR RPL, STI, OR PRI PROJECT LESS THAN 3"</v>
          </cell>
          <cell r="H417" t="str">
            <v>GO-SERVICEKY \ M-CRPL&lt;3"PL</v>
          </cell>
          <cell r="I417"/>
          <cell r="J417" t="str">
            <v>MCRP70</v>
          </cell>
          <cell r="K417" t="str">
            <v>I</v>
          </cell>
          <cell r="L417" t="str">
            <v>INSTALL PLASTIC M-C SERV. FOR RPL, STI, OR PRI PROJECT LESS THAN 3"</v>
          </cell>
          <cell r="M417" t="str">
            <v>N</v>
          </cell>
        </row>
        <row r="418">
          <cell r="A418" t="str">
            <v>MCRP70</v>
          </cell>
          <cell r="B418" t="str">
            <v>Gas Capital</v>
          </cell>
          <cell r="C418" t="str">
            <v>Gas</v>
          </cell>
          <cell r="D418" t="str">
            <v>GO-SERVICEKY</v>
          </cell>
          <cell r="E418" t="str">
            <v>Gas Operations - Service Work - KY</v>
          </cell>
          <cell r="F418" t="str">
            <v>MCRP70</v>
          </cell>
          <cell r="G418" t="str">
            <v>Abandon Service M-C Kentucky</v>
          </cell>
          <cell r="H418" t="str">
            <v>GO-SERVICEKY \ MCRP70</v>
          </cell>
          <cell r="I418"/>
          <cell r="J418" t="str">
            <v>MCRP70</v>
          </cell>
          <cell r="K418" t="str">
            <v>R</v>
          </cell>
          <cell r="L418" t="str">
            <v>Abandon Service M-C Kentucky</v>
          </cell>
          <cell r="M418" t="str">
            <v>N</v>
          </cell>
        </row>
        <row r="419">
          <cell r="A419" t="str">
            <v>MCRP70</v>
          </cell>
          <cell r="B419" t="str">
            <v>Gas Capital</v>
          </cell>
          <cell r="C419" t="str">
            <v>Gas</v>
          </cell>
          <cell r="D419" t="str">
            <v>GO-SERVICEKY</v>
          </cell>
          <cell r="E419" t="str">
            <v>Gas Operations - Service Work - KY</v>
          </cell>
          <cell r="F419" t="str">
            <v>R-M-CR&lt;3"PL</v>
          </cell>
          <cell r="G419" t="str">
            <v>REMOVE M-C SERV. FOR RPL, STI, OR PRI PROJECT LESS THAN 3"</v>
          </cell>
          <cell r="H419" t="str">
            <v>GO-SERVICEKY \ R-M-CR&lt;3"PL</v>
          </cell>
          <cell r="I419"/>
          <cell r="J419" t="str">
            <v>MCRP70</v>
          </cell>
          <cell r="K419" t="str">
            <v>R</v>
          </cell>
          <cell r="L419" t="str">
            <v>REMOVE M-C SERV. FOR RPL, STI, OR PRI PROJECT LESS THAN 3"</v>
          </cell>
          <cell r="M419" t="str">
            <v>N</v>
          </cell>
        </row>
        <row r="420">
          <cell r="A420" t="str">
            <v>MCRS10</v>
          </cell>
          <cell r="B420" t="str">
            <v>Gas Capital</v>
          </cell>
          <cell r="C420" t="str">
            <v>Gas</v>
          </cell>
          <cell r="D420" t="str">
            <v>GO-SERVICEOH</v>
          </cell>
          <cell r="E420" t="str">
            <v>Gas Operations - Service Work - OH</v>
          </cell>
          <cell r="F420" t="str">
            <v>M-CRPL&lt;3"ST</v>
          </cell>
          <cell r="G420" t="str">
            <v>INSTALL STEEL M-C SERV. FOR RPL, STI, OR PRI PROJECT LESS THAN 3"</v>
          </cell>
          <cell r="H420" t="str">
            <v>GO-SERVICEOH \ M-CRPL&lt;3"ST</v>
          </cell>
          <cell r="I420"/>
          <cell r="J420" t="str">
            <v>MCRS10</v>
          </cell>
          <cell r="K420" t="str">
            <v>I</v>
          </cell>
          <cell r="L420" t="str">
            <v>INSTALL STEEL M-C SERV. FOR RPL, STI, OR PRI PROJECT LESS THAN 3"</v>
          </cell>
          <cell r="M420" t="str">
            <v>N</v>
          </cell>
        </row>
        <row r="421">
          <cell r="A421" t="str">
            <v>MCRS10</v>
          </cell>
          <cell r="B421" t="str">
            <v>Gas Capital</v>
          </cell>
          <cell r="C421" t="str">
            <v>Gas</v>
          </cell>
          <cell r="D421" t="str">
            <v>GO-SERVICEOH</v>
          </cell>
          <cell r="E421" t="str">
            <v>Gas Operations - Service Work - OH</v>
          </cell>
          <cell r="F421" t="str">
            <v>R-M-CR&lt;3"ST</v>
          </cell>
          <cell r="G421" t="str">
            <v>REMOVE M-C SERV. FOR RPL, STI, OR PRI PROJECT LESS THAN 3"</v>
          </cell>
          <cell r="H421" t="str">
            <v>GO-SERVICEOH \ R-M-CR&lt;3"ST</v>
          </cell>
          <cell r="I421"/>
          <cell r="J421" t="str">
            <v>MCRS10</v>
          </cell>
          <cell r="K421" t="str">
            <v>R</v>
          </cell>
          <cell r="L421" t="str">
            <v>REMOVE M-C SERV. FOR RPL, STI, OR PRI PROJECT LESS THAN 3"</v>
          </cell>
          <cell r="M421" t="str">
            <v>N</v>
          </cell>
        </row>
        <row r="422">
          <cell r="A422" t="str">
            <v>MCRS70</v>
          </cell>
          <cell r="B422" t="str">
            <v>Gas Capital</v>
          </cell>
          <cell r="C422" t="str">
            <v>Gas</v>
          </cell>
          <cell r="D422" t="str">
            <v>GO-SERVICEKY</v>
          </cell>
          <cell r="E422" t="str">
            <v>Gas Operations - Service Work - KY</v>
          </cell>
          <cell r="F422" t="str">
            <v>M-CRPL&lt;3"ST</v>
          </cell>
          <cell r="G422" t="str">
            <v>INSTALL STEEL M-C SERV. FOR RPL, STI, OR PRI PROJECT LESS THAN 3"</v>
          </cell>
          <cell r="H422" t="str">
            <v>GO-SERVICEKY \ M-CRPL&lt;3"ST</v>
          </cell>
          <cell r="I422"/>
          <cell r="J422" t="str">
            <v>MCRS70</v>
          </cell>
          <cell r="K422" t="str">
            <v>I</v>
          </cell>
          <cell r="L422" t="str">
            <v>INSTALL STEEL M-C SERV. FOR RPL, STI, OR PRI PROJECT LESS THAN 3"</v>
          </cell>
          <cell r="M422" t="str">
            <v>N</v>
          </cell>
        </row>
        <row r="423">
          <cell r="A423" t="str">
            <v>MCRS70</v>
          </cell>
          <cell r="B423" t="str">
            <v>Gas Capital</v>
          </cell>
          <cell r="C423" t="str">
            <v>Gas</v>
          </cell>
          <cell r="D423" t="str">
            <v>GO-SERVICEKY</v>
          </cell>
          <cell r="E423" t="str">
            <v>Gas Operations - Service Work - KY</v>
          </cell>
          <cell r="F423" t="str">
            <v>R-M-CR&lt;3"ST</v>
          </cell>
          <cell r="G423" t="str">
            <v>REMOVE M-C SERV. FOR RPL, STI, OR PRI PROJECT LESS THAN 3"</v>
          </cell>
          <cell r="H423" t="str">
            <v>GO-SERVICEKY \ R-M-CR&lt;3"ST</v>
          </cell>
          <cell r="I423"/>
          <cell r="J423" t="str">
            <v>MCRS70</v>
          </cell>
          <cell r="K423" t="str">
            <v>R</v>
          </cell>
          <cell r="L423" t="str">
            <v>REMOVE M-C SERV. FOR RPL, STI, OR PRI PROJECT LESS THAN 3"</v>
          </cell>
          <cell r="M423" t="str">
            <v>N</v>
          </cell>
        </row>
        <row r="424">
          <cell r="A424" t="str">
            <v>MCSECM</v>
          </cell>
          <cell r="B424" t="str">
            <v>Gas O&amp;M</v>
          </cell>
          <cell r="C424" t="str">
            <v>Gas</v>
          </cell>
          <cell r="D424" t="str">
            <v>GO-MC</v>
          </cell>
          <cell r="E424" t="str">
            <v>Gas Operations - Maintenance Corrective</v>
          </cell>
          <cell r="F424" t="str">
            <v>MCSECM</v>
          </cell>
          <cell r="G424" t="str">
            <v>Install Anodes on C-M Risers and Services</v>
          </cell>
          <cell r="H424" t="str">
            <v>GO-MC \ MCSECM</v>
          </cell>
          <cell r="I424"/>
          <cell r="J424" t="str">
            <v>MCSECM</v>
          </cell>
          <cell r="K424" t="str">
            <v>X</v>
          </cell>
          <cell r="L424" t="str">
            <v>Install Anodes on C-M Risers and Services</v>
          </cell>
          <cell r="M424" t="str">
            <v>N</v>
          </cell>
        </row>
        <row r="425">
          <cell r="A425" t="str">
            <v>MCSEISP</v>
          </cell>
          <cell r="B425" t="str">
            <v>Gas O&amp;M</v>
          </cell>
          <cell r="C425" t="str">
            <v>Gas</v>
          </cell>
          <cell r="D425" t="str">
            <v>GO-INSP</v>
          </cell>
          <cell r="E425" t="str">
            <v>Gas Operations - Inspections</v>
          </cell>
          <cell r="F425" t="str">
            <v>MCSEISP</v>
          </cell>
          <cell r="G425" t="str">
            <v>Non pays/Maint/locating</v>
          </cell>
          <cell r="H425" t="str">
            <v>GO-INSP \ MCSEISP</v>
          </cell>
          <cell r="I425"/>
          <cell r="J425" t="str">
            <v>MCSEISP</v>
          </cell>
          <cell r="K425" t="str">
            <v>X</v>
          </cell>
          <cell r="L425" t="str">
            <v>Non pays/Maint/locating</v>
          </cell>
          <cell r="M425" t="str">
            <v>N</v>
          </cell>
        </row>
        <row r="426">
          <cell r="A426" t="str">
            <v>MCSEMC</v>
          </cell>
          <cell r="B426" t="str">
            <v>Gas O&amp;M</v>
          </cell>
          <cell r="C426" t="str">
            <v>Gas</v>
          </cell>
          <cell r="D426" t="str">
            <v>GO-MC</v>
          </cell>
          <cell r="E426" t="str">
            <v>Gas Operations - Maintenance Corrective</v>
          </cell>
          <cell r="F426" t="str">
            <v>MCSEMC</v>
          </cell>
          <cell r="G426" t="str">
            <v>Corrective Maint. Main to Curb</v>
          </cell>
          <cell r="H426" t="str">
            <v>GO-MC \ MCSEMC</v>
          </cell>
          <cell r="I426"/>
          <cell r="J426" t="str">
            <v>MCSEMC</v>
          </cell>
          <cell r="K426" t="str">
            <v>X</v>
          </cell>
          <cell r="L426" t="str">
            <v>Corrective Maint. Main to Curb</v>
          </cell>
          <cell r="M426" t="str">
            <v>N</v>
          </cell>
        </row>
        <row r="427">
          <cell r="A427" t="str">
            <v>MOIN</v>
          </cell>
          <cell r="B427" t="str">
            <v>PD Capital</v>
          </cell>
          <cell r="C427" t="str">
            <v>MW</v>
          </cell>
          <cell r="D427" t="str">
            <v>PD-OUTR</v>
          </cell>
          <cell r="E427" t="str">
            <v>Power Delivery Outage Restoration</v>
          </cell>
          <cell r="F427" t="str">
            <v>MOUTFUDIN</v>
          </cell>
          <cell r="G427" t="str">
            <v>Distribution work identified during follow-up after major outage event (1,000 customers or more) IN</v>
          </cell>
          <cell r="H427" t="str">
            <v>PD-OUTR \ MOUTFUDIN</v>
          </cell>
          <cell r="I427" t="str">
            <v>ROF</v>
          </cell>
          <cell r="J427" t="str">
            <v>MOIN</v>
          </cell>
          <cell r="K427" t="str">
            <v>I</v>
          </cell>
          <cell r="L427" t="str">
            <v>Distribution work identified during follow-up after major outage event (1,000 customers or more) IN</v>
          </cell>
          <cell r="M427" t="str">
            <v>N</v>
          </cell>
        </row>
        <row r="428">
          <cell r="A428" t="str">
            <v>MOKY</v>
          </cell>
          <cell r="B428" t="str">
            <v>PD Capital</v>
          </cell>
          <cell r="C428" t="str">
            <v>MW</v>
          </cell>
          <cell r="D428" t="str">
            <v>PD-OUTR</v>
          </cell>
          <cell r="E428" t="str">
            <v>Power Delivery Outage Restoration</v>
          </cell>
          <cell r="F428" t="str">
            <v>MOUTFUDKY</v>
          </cell>
          <cell r="G428" t="str">
            <v>Distribution work identified during follow-up after major outage event (1,000 customers or more) KY</v>
          </cell>
          <cell r="H428" t="str">
            <v>PD-OUTR \ MOUTFUDKY</v>
          </cell>
          <cell r="I428" t="str">
            <v>ROF</v>
          </cell>
          <cell r="J428" t="str">
            <v>MOKY</v>
          </cell>
          <cell r="K428" t="str">
            <v>I</v>
          </cell>
          <cell r="L428" t="str">
            <v>Distribution work identified during follow-up after major outage event (1,000 customers or more) KY</v>
          </cell>
          <cell r="M428" t="str">
            <v>N</v>
          </cell>
        </row>
        <row r="429">
          <cell r="A429" t="str">
            <v>MOOH</v>
          </cell>
          <cell r="B429" t="str">
            <v>PD Capital</v>
          </cell>
          <cell r="C429" t="str">
            <v>MW</v>
          </cell>
          <cell r="D429" t="str">
            <v>PD-OUTR</v>
          </cell>
          <cell r="E429" t="str">
            <v>Power Delivery Outage Restoration</v>
          </cell>
          <cell r="F429" t="str">
            <v>MOUTFUDOH</v>
          </cell>
          <cell r="G429" t="str">
            <v>Distribution work identified during follow-up after major outage event (1,000 customers or more) OH</v>
          </cell>
          <cell r="H429" t="str">
            <v>PD-OUTR \ MOUTFUDOH</v>
          </cell>
          <cell r="I429" t="str">
            <v>ROF</v>
          </cell>
          <cell r="J429" t="str">
            <v>MOOH</v>
          </cell>
          <cell r="K429" t="str">
            <v>I</v>
          </cell>
          <cell r="L429" t="str">
            <v>Distribution work identified during follow-up after major outage event (1,000 customers or more) OH</v>
          </cell>
          <cell r="M429" t="str">
            <v>N</v>
          </cell>
        </row>
        <row r="430">
          <cell r="A430" t="str">
            <v>NBIN</v>
          </cell>
          <cell r="B430" t="str">
            <v>PD Capital</v>
          </cell>
          <cell r="C430" t="str">
            <v>MW</v>
          </cell>
          <cell r="D430" t="str">
            <v>PD-C/I</v>
          </cell>
          <cell r="E430" t="str">
            <v>Power Delivery - BE - Commercial / Industrial</v>
          </cell>
          <cell r="F430" t="str">
            <v>PRI/SEC IN</v>
          </cell>
          <cell r="G430" t="str">
            <v>OH or UG primary secondary to commercial / industrial customers. IN</v>
          </cell>
          <cell r="H430" t="str">
            <v>PD-C/I \ PRI/SEC IN</v>
          </cell>
          <cell r="I430" t="str">
            <v>CUSDMW</v>
          </cell>
          <cell r="J430" t="str">
            <v>NBIN</v>
          </cell>
          <cell r="K430" t="str">
            <v>I</v>
          </cell>
          <cell r="L430" t="str">
            <v>OH or UG primary secondary to commercial / industrial customers. IN</v>
          </cell>
          <cell r="M430" t="str">
            <v>N</v>
          </cell>
        </row>
        <row r="431">
          <cell r="A431" t="str">
            <v>NBIN</v>
          </cell>
          <cell r="B431" t="str">
            <v>PD Capital</v>
          </cell>
          <cell r="C431" t="str">
            <v>MW</v>
          </cell>
          <cell r="D431" t="str">
            <v>PD-C/I</v>
          </cell>
          <cell r="E431" t="str">
            <v>Power Delivery - BE - Commercial / Industrial</v>
          </cell>
          <cell r="F431" t="str">
            <v>RELO IN</v>
          </cell>
          <cell r="G431" t="str">
            <v>Service relocation for commercial / industrial customers. IN</v>
          </cell>
          <cell r="H431" t="str">
            <v>PD-C/I \ RELO IN</v>
          </cell>
          <cell r="I431" t="str">
            <v>CUSDMW</v>
          </cell>
          <cell r="J431" t="str">
            <v>NBIN</v>
          </cell>
          <cell r="K431" t="str">
            <v>I</v>
          </cell>
          <cell r="L431" t="str">
            <v>Service relocation for commercial / industrial customers. IN</v>
          </cell>
          <cell r="M431" t="str">
            <v>N</v>
          </cell>
        </row>
        <row r="432">
          <cell r="A432" t="str">
            <v>NBIN</v>
          </cell>
          <cell r="B432" t="str">
            <v>PD Capital</v>
          </cell>
          <cell r="C432" t="str">
            <v>MW</v>
          </cell>
          <cell r="D432" t="str">
            <v>PD-C/I</v>
          </cell>
          <cell r="E432" t="e">
            <v>#N/A</v>
          </cell>
          <cell r="F432" t="str">
            <v>SERVICEIN</v>
          </cell>
          <cell r="G432" t="e">
            <v>#N/A</v>
          </cell>
          <cell r="H432" t="str">
            <v>PD-C/I \ SERVICEIN</v>
          </cell>
          <cell r="I432" t="str">
            <v>CUSDMW</v>
          </cell>
          <cell r="J432" t="str">
            <v>NBIN</v>
          </cell>
          <cell r="K432" t="str">
            <v>I</v>
          </cell>
          <cell r="L432" t="str">
            <v>SERVICE COMMERCIAL / INDUSTRIAL IN</v>
          </cell>
          <cell r="M432" t="str">
            <v>N</v>
          </cell>
        </row>
        <row r="433">
          <cell r="A433" t="str">
            <v>NBIN</v>
          </cell>
          <cell r="B433" t="str">
            <v>PD Capital</v>
          </cell>
          <cell r="C433" t="str">
            <v>MW</v>
          </cell>
          <cell r="D433" t="str">
            <v>PD-C/I</v>
          </cell>
          <cell r="E433" t="str">
            <v>Power Delivery - BE - Commercial / Industrial</v>
          </cell>
          <cell r="F433" t="str">
            <v>TAP&amp;SETIN</v>
          </cell>
          <cell r="G433" t="str">
            <v>Connection of service conductor and setting of meter  IN</v>
          </cell>
          <cell r="H433" t="str">
            <v>PD-C/I \ TAP&amp;SETIN</v>
          </cell>
          <cell r="I433" t="str">
            <v>CUSDMW</v>
          </cell>
          <cell r="J433" t="str">
            <v>NBIN</v>
          </cell>
          <cell r="K433" t="str">
            <v>I</v>
          </cell>
          <cell r="L433" t="str">
            <v>Connection of service conductor and setting of meter IN</v>
          </cell>
          <cell r="M433" t="str">
            <v>N</v>
          </cell>
        </row>
        <row r="434">
          <cell r="A434" t="str">
            <v>NBIN</v>
          </cell>
          <cell r="B434" t="str">
            <v>PD Capital</v>
          </cell>
          <cell r="C434" t="str">
            <v>MW</v>
          </cell>
          <cell r="D434" t="str">
            <v>PD-EXFAC</v>
          </cell>
          <cell r="E434" t="str">
            <v>Power Delivery - BE - Extra Facilities</v>
          </cell>
          <cell r="F434" t="str">
            <v>EXTRAFACIN</v>
          </cell>
          <cell r="G434" t="str">
            <v>UG/OH Pri &amp; Sec only to C/I customers where extra facilities charges apply INDIANA</v>
          </cell>
          <cell r="H434" t="str">
            <v>PD-EXFAC \ EXTRAFACIN</v>
          </cell>
          <cell r="I434" t="str">
            <v>CUSDMW</v>
          </cell>
          <cell r="J434" t="str">
            <v>NBIN</v>
          </cell>
          <cell r="K434" t="str">
            <v>I</v>
          </cell>
          <cell r="L434" t="str">
            <v>UG/OH Pri &amp; Sec only to C/I customers where extra facilities charges apply IN</v>
          </cell>
          <cell r="M434" t="str">
            <v>N</v>
          </cell>
        </row>
        <row r="435">
          <cell r="A435" t="str">
            <v>NBIN</v>
          </cell>
          <cell r="B435" t="str">
            <v>PD Capital</v>
          </cell>
          <cell r="C435" t="str">
            <v>MW</v>
          </cell>
          <cell r="D435" t="str">
            <v>PD-MFAM</v>
          </cell>
          <cell r="E435" t="str">
            <v>Power Delivery - BE - Multi-Family</v>
          </cell>
          <cell r="F435" t="str">
            <v>PRI/SEC IN</v>
          </cell>
          <cell r="G435" t="str">
            <v>Primary / Secondary Residential IN</v>
          </cell>
          <cell r="H435" t="str">
            <v>PD-MFAM \ PRI/SEC IN</v>
          </cell>
          <cell r="I435" t="str">
            <v>CUSDMW</v>
          </cell>
          <cell r="J435" t="str">
            <v>NBIN</v>
          </cell>
          <cell r="K435" t="str">
            <v>I</v>
          </cell>
          <cell r="L435" t="str">
            <v>Primary / Secondary Residential IN</v>
          </cell>
          <cell r="M435" t="str">
            <v>N</v>
          </cell>
        </row>
        <row r="436">
          <cell r="A436" t="str">
            <v>NBIN</v>
          </cell>
          <cell r="B436" t="str">
            <v>PD Capital</v>
          </cell>
          <cell r="C436" t="str">
            <v>MW</v>
          </cell>
          <cell r="D436" t="str">
            <v>PD-MFAM</v>
          </cell>
          <cell r="E436" t="str">
            <v>Power Delivery - BE - Multi-Family</v>
          </cell>
          <cell r="F436" t="str">
            <v>SERVICEIN</v>
          </cell>
          <cell r="G436" t="str">
            <v>Service Residential IN</v>
          </cell>
          <cell r="H436" t="str">
            <v>PD-MFAM \ SERVICEIN</v>
          </cell>
          <cell r="I436" t="str">
            <v>CUSDMW</v>
          </cell>
          <cell r="J436" t="str">
            <v>NBIN</v>
          </cell>
          <cell r="K436" t="str">
            <v>I</v>
          </cell>
          <cell r="L436" t="str">
            <v>Service Residential IN</v>
          </cell>
          <cell r="M436" t="str">
            <v>N</v>
          </cell>
        </row>
        <row r="437">
          <cell r="A437" t="str">
            <v>NBIN</v>
          </cell>
          <cell r="B437" t="str">
            <v>PD Capital</v>
          </cell>
          <cell r="C437" t="str">
            <v>MW</v>
          </cell>
          <cell r="D437" t="str">
            <v>PD-MFAM</v>
          </cell>
          <cell r="E437" t="str">
            <v>Power Delivery - BE - Multi-Family</v>
          </cell>
          <cell r="F437" t="str">
            <v>TAP&amp;SETIN</v>
          </cell>
          <cell r="G437" t="str">
            <v>Connection of service conductor and setting of meter IN</v>
          </cell>
          <cell r="H437" t="str">
            <v>PD-MFAM \ TAP&amp;SETIN</v>
          </cell>
          <cell r="I437" t="str">
            <v>CUSDMW</v>
          </cell>
          <cell r="J437" t="str">
            <v>NBIN</v>
          </cell>
          <cell r="K437" t="str">
            <v>I</v>
          </cell>
          <cell r="L437" t="str">
            <v>Connection of service conductor and setting of meter IN</v>
          </cell>
          <cell r="M437" t="str">
            <v>N</v>
          </cell>
        </row>
        <row r="438">
          <cell r="A438" t="str">
            <v>NBIN</v>
          </cell>
          <cell r="B438" t="str">
            <v>PD Capital</v>
          </cell>
          <cell r="C438" t="str">
            <v>MW</v>
          </cell>
          <cell r="D438" t="str">
            <v>PD-NEWCS</v>
          </cell>
          <cell r="E438" t="str">
            <v>Power Delivery - BE</v>
          </cell>
          <cell r="F438" t="str">
            <v>VEG MAN IN</v>
          </cell>
          <cell r="G438" t="str">
            <v>Vegetation Management IN</v>
          </cell>
          <cell r="H438" t="str">
            <v>PD-NEWCS \ VEG MAN IN</v>
          </cell>
          <cell r="I438" t="str">
            <v>CUSDMW</v>
          </cell>
          <cell r="J438" t="str">
            <v>NBIN</v>
          </cell>
          <cell r="K438" t="str">
            <v>I</v>
          </cell>
          <cell r="L438" t="str">
            <v>Vegetation Management IN</v>
          </cell>
          <cell r="M438" t="str">
            <v>N</v>
          </cell>
        </row>
        <row r="439">
          <cell r="A439" t="str">
            <v>NBIN</v>
          </cell>
          <cell r="B439" t="str">
            <v>PD Capital</v>
          </cell>
          <cell r="C439" t="str">
            <v>MW</v>
          </cell>
          <cell r="D439" t="str">
            <v>PD-OFFPR</v>
          </cell>
          <cell r="E439" t="str">
            <v>Power Delivery - BE - Off Premise</v>
          </cell>
          <cell r="F439" t="str">
            <v>OFFPREMIN</v>
          </cell>
          <cell r="G439" t="str">
            <v>Off Premise Work IN</v>
          </cell>
          <cell r="H439" t="str">
            <v>PD-OFFPR \ OFFPREMIN</v>
          </cell>
          <cell r="I439" t="str">
            <v>CUSDMW</v>
          </cell>
          <cell r="J439" t="str">
            <v>NBIN</v>
          </cell>
          <cell r="K439" t="str">
            <v>I</v>
          </cell>
          <cell r="L439" t="str">
            <v>Off Premise Work IN</v>
          </cell>
          <cell r="M439" t="str">
            <v>N</v>
          </cell>
        </row>
        <row r="440">
          <cell r="A440" t="str">
            <v>NBIN</v>
          </cell>
          <cell r="B440" t="str">
            <v>PD Capital</v>
          </cell>
          <cell r="C440" t="str">
            <v>MW</v>
          </cell>
          <cell r="D440" t="str">
            <v>PD-RES</v>
          </cell>
          <cell r="E440" t="str">
            <v>Power Delivery - BE - Residential</v>
          </cell>
          <cell r="F440" t="str">
            <v>PRI/SEC IN</v>
          </cell>
          <cell r="G440" t="str">
            <v>Primary / Secondary Residential IN</v>
          </cell>
          <cell r="H440" t="str">
            <v>PD-RES \ PRI/SEC IN</v>
          </cell>
          <cell r="I440" t="str">
            <v>CUSDMW</v>
          </cell>
          <cell r="J440" t="str">
            <v>NBIN</v>
          </cell>
          <cell r="K440" t="str">
            <v>I</v>
          </cell>
          <cell r="L440" t="str">
            <v>Primary / Secondary Residential IN</v>
          </cell>
          <cell r="M440" t="str">
            <v>N</v>
          </cell>
        </row>
        <row r="441">
          <cell r="A441" t="str">
            <v>NBIN</v>
          </cell>
          <cell r="B441" t="str">
            <v>PD Capital</v>
          </cell>
          <cell r="C441" t="str">
            <v>MW</v>
          </cell>
          <cell r="D441" t="str">
            <v>PD-RES</v>
          </cell>
          <cell r="E441" t="str">
            <v>Power Delivery - BE - Residential</v>
          </cell>
          <cell r="F441" t="str">
            <v>RELOUPGIN</v>
          </cell>
          <cell r="G441" t="str">
            <v>Customer requested relocation or upgrade (load, location, OH to UG conversion) IN</v>
          </cell>
          <cell r="H441" t="str">
            <v>PD-RES \ RELOUPGIN</v>
          </cell>
          <cell r="I441" t="str">
            <v>CUSDMW</v>
          </cell>
          <cell r="J441" t="str">
            <v>NBIN</v>
          </cell>
          <cell r="K441" t="str">
            <v>I</v>
          </cell>
          <cell r="L441" t="str">
            <v>Customer requested relocation or upgrade (load, location, OH to UG conversion) IN</v>
          </cell>
          <cell r="M441" t="str">
            <v>N</v>
          </cell>
        </row>
        <row r="442">
          <cell r="A442" t="str">
            <v>NBIN</v>
          </cell>
          <cell r="B442" t="str">
            <v>PD Capital</v>
          </cell>
          <cell r="C442" t="str">
            <v>MW</v>
          </cell>
          <cell r="D442" t="str">
            <v>PD-RES</v>
          </cell>
          <cell r="E442" t="str">
            <v>Power Delivery - BE - Residential</v>
          </cell>
          <cell r="F442" t="str">
            <v>SERVICEIN</v>
          </cell>
          <cell r="G442" t="str">
            <v>Service Residential IN</v>
          </cell>
          <cell r="H442" t="str">
            <v>PD-RES \ SERVICEIN</v>
          </cell>
          <cell r="I442" t="str">
            <v>CUSDMW</v>
          </cell>
          <cell r="J442" t="str">
            <v>NBIN</v>
          </cell>
          <cell r="K442" t="str">
            <v>I</v>
          </cell>
          <cell r="L442" t="str">
            <v>Service Residential IN</v>
          </cell>
          <cell r="M442" t="str">
            <v>N</v>
          </cell>
        </row>
        <row r="443">
          <cell r="A443" t="str">
            <v>NBIN</v>
          </cell>
          <cell r="B443" t="str">
            <v>PD Capital</v>
          </cell>
          <cell r="C443" t="str">
            <v>MW</v>
          </cell>
          <cell r="D443" t="str">
            <v>PD-RES</v>
          </cell>
          <cell r="E443" t="str">
            <v>Power Delivery - BE - Residential</v>
          </cell>
          <cell r="F443" t="str">
            <v>TAP&amp;SETIN</v>
          </cell>
          <cell r="G443" t="str">
            <v>Connection of service conductor and setting of meter IN</v>
          </cell>
          <cell r="H443" t="str">
            <v>PD-RES \ TAP&amp;SETIN</v>
          </cell>
          <cell r="I443" t="str">
            <v>CUSDMW</v>
          </cell>
          <cell r="J443" t="str">
            <v>NBIN</v>
          </cell>
          <cell r="K443" t="str">
            <v>I</v>
          </cell>
          <cell r="L443" t="str">
            <v>Connection of service conductor and setting of meter IN</v>
          </cell>
          <cell r="M443" t="str">
            <v>N</v>
          </cell>
        </row>
        <row r="444">
          <cell r="A444" t="str">
            <v>NBKY</v>
          </cell>
          <cell r="B444" t="str">
            <v>PD Capital</v>
          </cell>
          <cell r="C444" t="str">
            <v>MW</v>
          </cell>
          <cell r="D444" t="str">
            <v>PD-C/I</v>
          </cell>
          <cell r="E444" t="str">
            <v>Power Delivery - BE - Commercial / Industrial</v>
          </cell>
          <cell r="F444" t="str">
            <v>PRI/SEC KY</v>
          </cell>
          <cell r="G444" t="str">
            <v>OH or UG primary secondary to commercial / industrial customers. KY</v>
          </cell>
          <cell r="H444" t="str">
            <v>PD-C/I \ PRI/SEC KY</v>
          </cell>
          <cell r="I444" t="str">
            <v>CUSDMW</v>
          </cell>
          <cell r="J444" t="str">
            <v>NBKY</v>
          </cell>
          <cell r="K444" t="str">
            <v>I</v>
          </cell>
          <cell r="L444" t="str">
            <v>OH or UG primary secondary to commercial / industrial customers. KY</v>
          </cell>
          <cell r="M444" t="str">
            <v>N</v>
          </cell>
        </row>
        <row r="445">
          <cell r="A445" t="str">
            <v>NBKY</v>
          </cell>
          <cell r="B445" t="str">
            <v>PD Capital</v>
          </cell>
          <cell r="C445" t="str">
            <v>MW</v>
          </cell>
          <cell r="D445" t="str">
            <v>PD-C/I</v>
          </cell>
          <cell r="E445" t="str">
            <v>Power Delivery - BE - Commercial / Industrial</v>
          </cell>
          <cell r="F445" t="str">
            <v>RELO KY</v>
          </cell>
          <cell r="G445" t="str">
            <v>Service relocation for commercial / industrial customers. KY</v>
          </cell>
          <cell r="H445" t="str">
            <v>PD-C/I \ RELO KY</v>
          </cell>
          <cell r="I445" t="str">
            <v>CUSDMW</v>
          </cell>
          <cell r="J445" t="str">
            <v>NBKY</v>
          </cell>
          <cell r="K445" t="str">
            <v>I</v>
          </cell>
          <cell r="L445" t="str">
            <v>Service relocation for commercial / industrial customers. KY</v>
          </cell>
          <cell r="M445" t="str">
            <v>N</v>
          </cell>
        </row>
        <row r="446">
          <cell r="A446" t="str">
            <v>NBKY</v>
          </cell>
          <cell r="B446" t="str">
            <v>PD Capital</v>
          </cell>
          <cell r="C446" t="str">
            <v>MW</v>
          </cell>
          <cell r="D446" t="str">
            <v>PD-C/I</v>
          </cell>
          <cell r="E446" t="e">
            <v>#N/A</v>
          </cell>
          <cell r="F446" t="str">
            <v>SERVICEKY</v>
          </cell>
          <cell r="G446" t="e">
            <v>#N/A</v>
          </cell>
          <cell r="H446" t="str">
            <v>PD-C/I \ SERVICEKY</v>
          </cell>
          <cell r="I446" t="str">
            <v>CUSDMW</v>
          </cell>
          <cell r="J446" t="str">
            <v>NBKY</v>
          </cell>
          <cell r="K446" t="str">
            <v>I</v>
          </cell>
          <cell r="L446" t="str">
            <v>SERVICE COMMERCIAL / INDUSTRIAL KY</v>
          </cell>
          <cell r="M446" t="str">
            <v>N</v>
          </cell>
        </row>
        <row r="447">
          <cell r="A447" t="str">
            <v>NBKY</v>
          </cell>
          <cell r="B447" t="str">
            <v>PD Capital</v>
          </cell>
          <cell r="C447" t="str">
            <v>MW</v>
          </cell>
          <cell r="D447" t="str">
            <v>PD-C/I</v>
          </cell>
          <cell r="E447" t="str">
            <v>Power Delivery - BE - Commercial / Industrial</v>
          </cell>
          <cell r="F447" t="str">
            <v>TAP&amp;SETKY</v>
          </cell>
          <cell r="G447" t="str">
            <v>Connection of service conductor and setting of meter  KY</v>
          </cell>
          <cell r="H447" t="str">
            <v>PD-C/I \ TAP&amp;SETKY</v>
          </cell>
          <cell r="I447" t="str">
            <v>CUSDMW</v>
          </cell>
          <cell r="J447" t="str">
            <v>NBKY</v>
          </cell>
          <cell r="K447" t="str">
            <v>I</v>
          </cell>
          <cell r="L447" t="str">
            <v>Connection of service conductor and setting of meter KY</v>
          </cell>
          <cell r="M447" t="str">
            <v>N</v>
          </cell>
        </row>
        <row r="448">
          <cell r="A448" t="str">
            <v>NBKY</v>
          </cell>
          <cell r="B448" t="str">
            <v>PD Capital</v>
          </cell>
          <cell r="C448" t="str">
            <v>MW</v>
          </cell>
          <cell r="D448" t="str">
            <v>PD-EXFAC</v>
          </cell>
          <cell r="E448" t="str">
            <v>Power Delivery - BE - Extra Facilities</v>
          </cell>
          <cell r="F448" t="str">
            <v>EXTRAFACKY</v>
          </cell>
          <cell r="G448" t="str">
            <v>UG/OH Pri &amp; Sec only to C/I customers where extra facilities charges apply KY</v>
          </cell>
          <cell r="H448" t="str">
            <v>PD-EXFAC \ EXTRAFACKY</v>
          </cell>
          <cell r="I448" t="str">
            <v>CUSDMW</v>
          </cell>
          <cell r="J448" t="str">
            <v>NBKY</v>
          </cell>
          <cell r="K448" t="str">
            <v>I</v>
          </cell>
          <cell r="L448" t="str">
            <v>UG/OH Pri &amp; Sec only to C/I customers where extra facilities charges apply KY</v>
          </cell>
          <cell r="M448" t="str">
            <v>N</v>
          </cell>
        </row>
        <row r="449">
          <cell r="A449" t="str">
            <v>NBKY</v>
          </cell>
          <cell r="B449" t="str">
            <v>PD Capital</v>
          </cell>
          <cell r="C449" t="str">
            <v>MW</v>
          </cell>
          <cell r="D449" t="str">
            <v>PD-MFAM</v>
          </cell>
          <cell r="E449" t="str">
            <v>Power Delivery - BE - Multi-Family</v>
          </cell>
          <cell r="F449" t="str">
            <v>PRI/SEC KY</v>
          </cell>
          <cell r="G449" t="str">
            <v>Primary / Secondary Residential KY</v>
          </cell>
          <cell r="H449" t="str">
            <v>PD-MFAM \ PRI/SEC KY</v>
          </cell>
          <cell r="I449" t="str">
            <v>CUSDMW</v>
          </cell>
          <cell r="J449" t="str">
            <v>NBKY</v>
          </cell>
          <cell r="K449" t="str">
            <v>I</v>
          </cell>
          <cell r="L449" t="str">
            <v>Primary / Secondary Residential KY</v>
          </cell>
          <cell r="M449" t="str">
            <v>N</v>
          </cell>
        </row>
        <row r="450">
          <cell r="A450" t="str">
            <v>NBKY</v>
          </cell>
          <cell r="B450" t="str">
            <v>PD Capital</v>
          </cell>
          <cell r="C450" t="str">
            <v>MW</v>
          </cell>
          <cell r="D450" t="str">
            <v>PD-MFAM</v>
          </cell>
          <cell r="E450" t="str">
            <v>Power Delivery - BE - Multi-Family</v>
          </cell>
          <cell r="F450" t="str">
            <v>SERVICEKY</v>
          </cell>
          <cell r="G450" t="str">
            <v>Service Residential KY</v>
          </cell>
          <cell r="H450" t="str">
            <v>PD-MFAM \ SERVICEKY</v>
          </cell>
          <cell r="I450" t="str">
            <v>CUSDMW</v>
          </cell>
          <cell r="J450" t="str">
            <v>NBKY</v>
          </cell>
          <cell r="K450" t="str">
            <v>I</v>
          </cell>
          <cell r="L450" t="str">
            <v>Service Residential KY</v>
          </cell>
          <cell r="M450" t="str">
            <v>N</v>
          </cell>
        </row>
        <row r="451">
          <cell r="A451" t="str">
            <v>NBKY</v>
          </cell>
          <cell r="B451" t="str">
            <v>PD Capital</v>
          </cell>
          <cell r="C451" t="str">
            <v>MW</v>
          </cell>
          <cell r="D451" t="str">
            <v>PD-MFAM</v>
          </cell>
          <cell r="E451" t="str">
            <v>Power Delivery - BE - Multi-Family</v>
          </cell>
          <cell r="F451" t="str">
            <v>TAP&amp;SETKY</v>
          </cell>
          <cell r="G451" t="str">
            <v>Connection of service conductor and setting of meter KY</v>
          </cell>
          <cell r="H451" t="str">
            <v>PD-MFAM \ TAP&amp;SETKY</v>
          </cell>
          <cell r="I451" t="str">
            <v>CUSDMW</v>
          </cell>
          <cell r="J451" t="str">
            <v>NBKY</v>
          </cell>
          <cell r="K451" t="str">
            <v>I</v>
          </cell>
          <cell r="L451" t="str">
            <v>Connection of service conductor and setting of meter KY</v>
          </cell>
          <cell r="M451" t="str">
            <v>N</v>
          </cell>
        </row>
        <row r="452">
          <cell r="A452" t="str">
            <v>NBKY</v>
          </cell>
          <cell r="B452" t="str">
            <v>PD Capital</v>
          </cell>
          <cell r="C452" t="str">
            <v>MW</v>
          </cell>
          <cell r="D452" t="str">
            <v>PD-NEWCS</v>
          </cell>
          <cell r="E452" t="str">
            <v>Power Delivery - BE</v>
          </cell>
          <cell r="F452" t="str">
            <v>VEG MAN KY</v>
          </cell>
          <cell r="G452" t="str">
            <v>Vegetation Management KY</v>
          </cell>
          <cell r="H452" t="str">
            <v>PD-NEWCS \ VEG MAN KY</v>
          </cell>
          <cell r="I452" t="str">
            <v>CUSDMW</v>
          </cell>
          <cell r="J452" t="str">
            <v>NBKY</v>
          </cell>
          <cell r="K452" t="str">
            <v>I</v>
          </cell>
          <cell r="L452" t="str">
            <v>Vegetation Management KY</v>
          </cell>
          <cell r="M452" t="str">
            <v>N</v>
          </cell>
        </row>
        <row r="453">
          <cell r="A453" t="str">
            <v>NBKY</v>
          </cell>
          <cell r="B453" t="str">
            <v>PD Capital</v>
          </cell>
          <cell r="C453" t="str">
            <v>MW</v>
          </cell>
          <cell r="D453" t="str">
            <v>PD-OFFPR</v>
          </cell>
          <cell r="E453" t="str">
            <v>Power Delivery - BE - Off Premise</v>
          </cell>
          <cell r="F453" t="str">
            <v>OFFPREMKY</v>
          </cell>
          <cell r="G453" t="str">
            <v>Off Premise Work KY</v>
          </cell>
          <cell r="H453" t="str">
            <v>PD-OFFPR \ OFFPREMKY</v>
          </cell>
          <cell r="I453" t="str">
            <v>CUSDMW</v>
          </cell>
          <cell r="J453" t="str">
            <v>NBKY</v>
          </cell>
          <cell r="K453" t="str">
            <v>I</v>
          </cell>
          <cell r="L453" t="str">
            <v>Off Premise Work KY</v>
          </cell>
          <cell r="M453" t="str">
            <v>N</v>
          </cell>
        </row>
        <row r="454">
          <cell r="A454" t="str">
            <v>NBKY</v>
          </cell>
          <cell r="B454" t="str">
            <v>PD Capital</v>
          </cell>
          <cell r="C454" t="str">
            <v>MW</v>
          </cell>
          <cell r="D454" t="str">
            <v>PD-RES</v>
          </cell>
          <cell r="E454" t="str">
            <v>Power Delivery - BE - Residential</v>
          </cell>
          <cell r="F454" t="str">
            <v>PRI/SEC KY</v>
          </cell>
          <cell r="G454" t="str">
            <v>Primary / Secondary Residential KY</v>
          </cell>
          <cell r="H454" t="str">
            <v>PD-RES \ PRI/SEC KY</v>
          </cell>
          <cell r="I454" t="str">
            <v>CUSDMW</v>
          </cell>
          <cell r="J454" t="str">
            <v>NBKY</v>
          </cell>
          <cell r="K454" t="str">
            <v>I</v>
          </cell>
          <cell r="L454" t="str">
            <v>Primary / Secondary Residential KY</v>
          </cell>
          <cell r="M454" t="str">
            <v>N</v>
          </cell>
        </row>
        <row r="455">
          <cell r="A455" t="str">
            <v>NBKY</v>
          </cell>
          <cell r="B455" t="str">
            <v>PD Capital</v>
          </cell>
          <cell r="C455" t="str">
            <v>MW</v>
          </cell>
          <cell r="D455" t="str">
            <v>PD-RES</v>
          </cell>
          <cell r="E455" t="str">
            <v>Power Delivery - BE - Residential</v>
          </cell>
          <cell r="F455" t="str">
            <v>RELOUPGKY</v>
          </cell>
          <cell r="G455" t="str">
            <v>Customer requested relocation or upgrade (load, location, OH to UG conversion) KY</v>
          </cell>
          <cell r="H455" t="str">
            <v>PD-RES \ RELOUPGKY</v>
          </cell>
          <cell r="I455" t="str">
            <v>CUSDMW</v>
          </cell>
          <cell r="J455" t="str">
            <v>NBKY</v>
          </cell>
          <cell r="K455" t="str">
            <v>I</v>
          </cell>
          <cell r="L455" t="str">
            <v>Customer requested relocation or upgrade (load, location, OH to UG conversion) KY</v>
          </cell>
          <cell r="M455" t="str">
            <v>N</v>
          </cell>
        </row>
        <row r="456">
          <cell r="A456" t="str">
            <v>NBKY</v>
          </cell>
          <cell r="B456" t="str">
            <v>PD Capital</v>
          </cell>
          <cell r="C456" t="str">
            <v>MW</v>
          </cell>
          <cell r="D456" t="str">
            <v>PD-RES</v>
          </cell>
          <cell r="E456" t="str">
            <v>Power Delivery - BE - Residential</v>
          </cell>
          <cell r="F456" t="str">
            <v>SERVICEKY</v>
          </cell>
          <cell r="G456" t="str">
            <v>Service Residential KY</v>
          </cell>
          <cell r="H456" t="str">
            <v>PD-RES \ SERVICEKY</v>
          </cell>
          <cell r="I456" t="str">
            <v>CUSDMW</v>
          </cell>
          <cell r="J456" t="str">
            <v>NBKY</v>
          </cell>
          <cell r="K456" t="str">
            <v>I</v>
          </cell>
          <cell r="L456" t="str">
            <v>Service Residential KY</v>
          </cell>
          <cell r="M456" t="str">
            <v>N</v>
          </cell>
        </row>
        <row r="457">
          <cell r="A457" t="str">
            <v>NBKY</v>
          </cell>
          <cell r="B457" t="str">
            <v>PD Capital</v>
          </cell>
          <cell r="C457" t="str">
            <v>MW</v>
          </cell>
          <cell r="D457" t="str">
            <v>PD-RES</v>
          </cell>
          <cell r="E457" t="str">
            <v>Power Delivery - BE - Residential</v>
          </cell>
          <cell r="F457" t="str">
            <v>TAP&amp;SETKY</v>
          </cell>
          <cell r="G457" t="str">
            <v>Connection of service conductor and setting of meter KY</v>
          </cell>
          <cell r="H457" t="str">
            <v>PD-RES \ TAP&amp;SETKY</v>
          </cell>
          <cell r="I457" t="str">
            <v>CUSDMW</v>
          </cell>
          <cell r="J457" t="str">
            <v>NBKY</v>
          </cell>
          <cell r="K457" t="str">
            <v>I</v>
          </cell>
          <cell r="L457" t="str">
            <v>Connection of service conductor and setting of meter KY</v>
          </cell>
          <cell r="M457" t="str">
            <v>N</v>
          </cell>
        </row>
        <row r="458">
          <cell r="A458" t="str">
            <v>NBOH</v>
          </cell>
          <cell r="B458" t="str">
            <v>PD Capital</v>
          </cell>
          <cell r="C458" t="str">
            <v>MW</v>
          </cell>
          <cell r="D458" t="str">
            <v>PD-C/I</v>
          </cell>
          <cell r="E458" t="str">
            <v>Power Delivery - BE - Commercial / Industrial</v>
          </cell>
          <cell r="F458" t="str">
            <v>PRI/SEC OH</v>
          </cell>
          <cell r="G458" t="str">
            <v>OH or UG primary secondary to commercial / industrial customers.</v>
          </cell>
          <cell r="H458" t="str">
            <v>PD-C/I \ PRI/SEC OH</v>
          </cell>
          <cell r="I458" t="str">
            <v>CUSDMW</v>
          </cell>
          <cell r="J458" t="str">
            <v>NBOH</v>
          </cell>
          <cell r="K458" t="str">
            <v>I</v>
          </cell>
          <cell r="L458" t="str">
            <v>OH or UG primary secondary to commercial / industrial customers.</v>
          </cell>
          <cell r="M458" t="str">
            <v>N</v>
          </cell>
        </row>
        <row r="459">
          <cell r="A459" t="str">
            <v>NBOH</v>
          </cell>
          <cell r="B459" t="str">
            <v>PD Capital</v>
          </cell>
          <cell r="C459" t="str">
            <v>MW</v>
          </cell>
          <cell r="D459" t="str">
            <v>PD-C/I</v>
          </cell>
          <cell r="E459" t="str">
            <v>Power Delivery - BE - Commercial / Industrial</v>
          </cell>
          <cell r="F459" t="str">
            <v>RELO OH</v>
          </cell>
          <cell r="G459" t="str">
            <v>Service relocation for commercial / industrial customers. OH</v>
          </cell>
          <cell r="H459" t="str">
            <v>PD-C/I \ RELO OH</v>
          </cell>
          <cell r="I459" t="str">
            <v>CUSDMW</v>
          </cell>
          <cell r="J459" t="str">
            <v>NBOH</v>
          </cell>
          <cell r="K459" t="str">
            <v>I</v>
          </cell>
          <cell r="L459" t="str">
            <v>Service relocation for commercial / industrial customers. OH</v>
          </cell>
          <cell r="M459" t="str">
            <v>N</v>
          </cell>
        </row>
        <row r="460">
          <cell r="A460" t="str">
            <v>NBOH</v>
          </cell>
          <cell r="B460" t="str">
            <v>PD Capital</v>
          </cell>
          <cell r="C460" t="str">
            <v>MW</v>
          </cell>
          <cell r="D460" t="str">
            <v>PD-C/I</v>
          </cell>
          <cell r="E460" t="e">
            <v>#N/A</v>
          </cell>
          <cell r="F460" t="str">
            <v>SERVICEOH</v>
          </cell>
          <cell r="G460" t="e">
            <v>#N/A</v>
          </cell>
          <cell r="H460" t="str">
            <v>PD-C/I \ SERVICEOH</v>
          </cell>
          <cell r="I460" t="str">
            <v>CUSDMW</v>
          </cell>
          <cell r="J460" t="str">
            <v>NBOH</v>
          </cell>
          <cell r="K460" t="str">
            <v>I</v>
          </cell>
          <cell r="L460" t="str">
            <v>SERVICE COMMERCIAL / INDUSTRIAL OH</v>
          </cell>
          <cell r="M460" t="str">
            <v>N</v>
          </cell>
        </row>
        <row r="461">
          <cell r="A461" t="str">
            <v>NBOH</v>
          </cell>
          <cell r="B461" t="str">
            <v>PD Capital</v>
          </cell>
          <cell r="C461" t="str">
            <v>MW</v>
          </cell>
          <cell r="D461" t="str">
            <v>PD-C/I</v>
          </cell>
          <cell r="E461" t="str">
            <v>Power Delivery - BE - Commercial / Industrial</v>
          </cell>
          <cell r="F461" t="str">
            <v>TAP&amp;SETOH</v>
          </cell>
          <cell r="G461" t="str">
            <v>Connection of service conductor and setting of meter  OH</v>
          </cell>
          <cell r="H461" t="str">
            <v>PD-C/I \ TAP&amp;SETOH</v>
          </cell>
          <cell r="I461" t="str">
            <v>CUSDMW</v>
          </cell>
          <cell r="J461" t="str">
            <v>NBOH</v>
          </cell>
          <cell r="K461" t="str">
            <v>I</v>
          </cell>
          <cell r="L461" t="str">
            <v>Connection of service conductor and setting of meter OH</v>
          </cell>
          <cell r="M461" t="str">
            <v>N</v>
          </cell>
        </row>
        <row r="462">
          <cell r="A462" t="str">
            <v>NBOH</v>
          </cell>
          <cell r="B462" t="str">
            <v>PD Capital</v>
          </cell>
          <cell r="C462" t="str">
            <v>MW</v>
          </cell>
          <cell r="D462" t="str">
            <v>PD-EXFAC</v>
          </cell>
          <cell r="E462" t="str">
            <v>Power Delivery - BE - Extra Facilities</v>
          </cell>
          <cell r="F462" t="str">
            <v>EXTRAFACOH</v>
          </cell>
          <cell r="G462" t="str">
            <v>UG/OH Pri &amp; Sec only to C/I customers where extra facilities charges apply OH</v>
          </cell>
          <cell r="H462" t="str">
            <v>PD-EXFAC \ EXTRAFACOH</v>
          </cell>
          <cell r="I462" t="str">
            <v>CUSDMW</v>
          </cell>
          <cell r="J462" t="str">
            <v>NBOH</v>
          </cell>
          <cell r="K462" t="str">
            <v>I</v>
          </cell>
          <cell r="L462" t="str">
            <v>UG/OH Pri &amp; Sec only to C/I customers where extra facilities charges apply OH</v>
          </cell>
          <cell r="M462" t="str">
            <v>N</v>
          </cell>
        </row>
        <row r="463">
          <cell r="A463" t="str">
            <v>NBOH</v>
          </cell>
          <cell r="B463" t="str">
            <v>PD Capital</v>
          </cell>
          <cell r="C463" t="str">
            <v>MW</v>
          </cell>
          <cell r="D463" t="str">
            <v>PD-MFAM</v>
          </cell>
          <cell r="E463" t="str">
            <v>Power Delivery - BE - Multi-Family</v>
          </cell>
          <cell r="F463" t="str">
            <v>PRI/SEC OH</v>
          </cell>
          <cell r="G463" t="str">
            <v>Primary / Secondary Residential OH</v>
          </cell>
          <cell r="H463" t="str">
            <v>PD-MFAM \ PRI/SEC OH</v>
          </cell>
          <cell r="I463" t="str">
            <v>CUSDMW</v>
          </cell>
          <cell r="J463" t="str">
            <v>NBOH</v>
          </cell>
          <cell r="K463" t="str">
            <v>I</v>
          </cell>
          <cell r="L463" t="str">
            <v>Primary / Secondary Residential OH</v>
          </cell>
          <cell r="M463" t="str">
            <v>N</v>
          </cell>
        </row>
        <row r="464">
          <cell r="A464" t="str">
            <v>NBOH</v>
          </cell>
          <cell r="B464" t="str">
            <v>PD Capital</v>
          </cell>
          <cell r="C464" t="str">
            <v>MW</v>
          </cell>
          <cell r="D464" t="str">
            <v>PD-MFAM</v>
          </cell>
          <cell r="E464" t="str">
            <v>Power Delivery - BE - Multi-Family</v>
          </cell>
          <cell r="F464" t="str">
            <v>SERVICEOH</v>
          </cell>
          <cell r="G464" t="str">
            <v>Service Resdential OH</v>
          </cell>
          <cell r="H464" t="str">
            <v>PD-MFAM \ SERVICEOH</v>
          </cell>
          <cell r="I464" t="str">
            <v>CUSDMW</v>
          </cell>
          <cell r="J464" t="str">
            <v>NBOH</v>
          </cell>
          <cell r="K464" t="str">
            <v>I</v>
          </cell>
          <cell r="L464" t="str">
            <v>Service Resdential OH</v>
          </cell>
          <cell r="M464" t="str">
            <v>N</v>
          </cell>
        </row>
        <row r="465">
          <cell r="A465" t="str">
            <v>NBOH</v>
          </cell>
          <cell r="B465" t="str">
            <v>PD Capital</v>
          </cell>
          <cell r="C465" t="str">
            <v>MW</v>
          </cell>
          <cell r="D465" t="str">
            <v>PD-MFAM</v>
          </cell>
          <cell r="E465" t="str">
            <v>Power Delivery - BE - Multi-Family</v>
          </cell>
          <cell r="F465" t="str">
            <v>TAP&amp;SETOH</v>
          </cell>
          <cell r="G465" t="str">
            <v>Connection of service conductor and setting of meter OH</v>
          </cell>
          <cell r="H465" t="str">
            <v>PD-MFAM \ TAP&amp;SETOH</v>
          </cell>
          <cell r="I465" t="str">
            <v>CUSDMW</v>
          </cell>
          <cell r="J465" t="str">
            <v>NBOH</v>
          </cell>
          <cell r="K465" t="str">
            <v>I</v>
          </cell>
          <cell r="L465" t="str">
            <v>Connection of service conductor and setting of meter OH</v>
          </cell>
          <cell r="M465" t="str">
            <v>N</v>
          </cell>
        </row>
        <row r="466">
          <cell r="A466" t="str">
            <v>NBOH</v>
          </cell>
          <cell r="B466" t="str">
            <v>PD Capital</v>
          </cell>
          <cell r="C466" t="str">
            <v>MW</v>
          </cell>
          <cell r="D466" t="str">
            <v>PD-NEWCS</v>
          </cell>
          <cell r="E466" t="str">
            <v>Power Delivery - BE</v>
          </cell>
          <cell r="F466" t="str">
            <v>VEG MAN OH</v>
          </cell>
          <cell r="G466" t="str">
            <v>Vegetation Management OH</v>
          </cell>
          <cell r="H466" t="str">
            <v>PD-NEWCS \ VEG MAN OH</v>
          </cell>
          <cell r="I466" t="str">
            <v>CUSDMW</v>
          </cell>
          <cell r="J466" t="str">
            <v>NBOH</v>
          </cell>
          <cell r="K466" t="str">
            <v>I</v>
          </cell>
          <cell r="L466" t="str">
            <v>Vegetation Management OH</v>
          </cell>
          <cell r="M466" t="str">
            <v>N</v>
          </cell>
        </row>
        <row r="467">
          <cell r="A467" t="str">
            <v>NBOH</v>
          </cell>
          <cell r="B467" t="str">
            <v>PD Capital</v>
          </cell>
          <cell r="C467" t="str">
            <v>MW</v>
          </cell>
          <cell r="D467" t="str">
            <v>PD-OFFPR</v>
          </cell>
          <cell r="E467" t="str">
            <v>Power Delivery - BE - Off Premise</v>
          </cell>
          <cell r="F467" t="str">
            <v>OFFPREMOH</v>
          </cell>
          <cell r="G467" t="str">
            <v>Off Premise Work OH</v>
          </cell>
          <cell r="H467" t="str">
            <v>PD-OFFPR \ OFFPREMOH</v>
          </cell>
          <cell r="I467" t="str">
            <v>CUSDMW</v>
          </cell>
          <cell r="J467" t="str">
            <v>NBOH</v>
          </cell>
          <cell r="K467" t="str">
            <v>I</v>
          </cell>
          <cell r="L467" t="str">
            <v>Off Premise Work OH</v>
          </cell>
          <cell r="M467" t="str">
            <v>N</v>
          </cell>
        </row>
        <row r="468">
          <cell r="A468" t="str">
            <v>NBOH</v>
          </cell>
          <cell r="B468" t="str">
            <v>PD Capital</v>
          </cell>
          <cell r="C468" t="str">
            <v>MW</v>
          </cell>
          <cell r="D468" t="str">
            <v>PD-RES</v>
          </cell>
          <cell r="E468" t="str">
            <v>Power Delivery - BE - Residential</v>
          </cell>
          <cell r="F468" t="str">
            <v>PRI/SEC OH</v>
          </cell>
          <cell r="G468" t="str">
            <v>Primary / Secondary Residential OH</v>
          </cell>
          <cell r="H468" t="str">
            <v>PD-RES \ PRI/SEC OH</v>
          </cell>
          <cell r="I468" t="str">
            <v>CUSDMW</v>
          </cell>
          <cell r="J468" t="str">
            <v>NBOH</v>
          </cell>
          <cell r="K468" t="str">
            <v>I</v>
          </cell>
          <cell r="L468" t="str">
            <v>Primary / Secondary Residential OH</v>
          </cell>
          <cell r="M468" t="str">
            <v>N</v>
          </cell>
        </row>
        <row r="469">
          <cell r="A469" t="str">
            <v>NBOH</v>
          </cell>
          <cell r="B469" t="str">
            <v>PD Capital</v>
          </cell>
          <cell r="C469" t="str">
            <v>MW</v>
          </cell>
          <cell r="D469" t="str">
            <v>PD-RES</v>
          </cell>
          <cell r="E469" t="str">
            <v>Power Delivery - BE - Residential</v>
          </cell>
          <cell r="F469" t="str">
            <v>RELOUPGOH</v>
          </cell>
          <cell r="G469" t="str">
            <v>Customer requested relocation or upgrade (load, location, OH to UG conversion) OH</v>
          </cell>
          <cell r="H469" t="str">
            <v>PD-RES \ RELOUPGOH</v>
          </cell>
          <cell r="I469" t="str">
            <v>CUSDMW</v>
          </cell>
          <cell r="J469" t="str">
            <v>NBOH</v>
          </cell>
          <cell r="K469" t="str">
            <v>I</v>
          </cell>
          <cell r="L469" t="str">
            <v>Customer requested relocation or upgrade (load, location, OH to UG conversion) OH</v>
          </cell>
          <cell r="M469" t="str">
            <v>N</v>
          </cell>
        </row>
        <row r="470">
          <cell r="A470" t="str">
            <v>NBOH</v>
          </cell>
          <cell r="B470" t="str">
            <v>PD Capital</v>
          </cell>
          <cell r="C470" t="str">
            <v>MW</v>
          </cell>
          <cell r="D470" t="str">
            <v>PD-RES</v>
          </cell>
          <cell r="E470" t="str">
            <v>Power Delivery - BE - Residential</v>
          </cell>
          <cell r="F470" t="str">
            <v>SERVICEOH</v>
          </cell>
          <cell r="G470" t="str">
            <v>Service Resdential OH</v>
          </cell>
          <cell r="H470" t="str">
            <v>PD-RES \ SERVICEOH</v>
          </cell>
          <cell r="I470" t="str">
            <v>CUSDMW</v>
          </cell>
          <cell r="J470" t="str">
            <v>NBOH</v>
          </cell>
          <cell r="K470" t="str">
            <v>I</v>
          </cell>
          <cell r="L470" t="str">
            <v>Service Resdential OH</v>
          </cell>
          <cell r="M470" t="str">
            <v>N</v>
          </cell>
        </row>
        <row r="471">
          <cell r="A471" t="str">
            <v>NBOH</v>
          </cell>
          <cell r="B471" t="str">
            <v>PD Capital</v>
          </cell>
          <cell r="C471" t="str">
            <v>MW</v>
          </cell>
          <cell r="D471" t="str">
            <v>PD-RES</v>
          </cell>
          <cell r="E471" t="str">
            <v>Power Delivery - BE - Residential</v>
          </cell>
          <cell r="F471" t="str">
            <v>TAP&amp;SETOH</v>
          </cell>
          <cell r="G471" t="str">
            <v>Connection of service conductor and setting of meter. OH</v>
          </cell>
          <cell r="H471" t="str">
            <v>PD-RES \ TAP&amp;SETOH</v>
          </cell>
          <cell r="I471" t="str">
            <v>CUSDMW</v>
          </cell>
          <cell r="J471" t="str">
            <v>NBOH</v>
          </cell>
          <cell r="K471" t="str">
            <v>I</v>
          </cell>
          <cell r="L471" t="str">
            <v>Connection of service conductor and setting of meter OH</v>
          </cell>
          <cell r="M471" t="str">
            <v>N</v>
          </cell>
        </row>
        <row r="472">
          <cell r="A472" t="str">
            <v>NEWCAPIN</v>
          </cell>
          <cell r="B472" t="str">
            <v>PD Capital</v>
          </cell>
          <cell r="C472" t="str">
            <v>MW</v>
          </cell>
          <cell r="D472" t="str">
            <v>PD-SCAP</v>
          </cell>
          <cell r="E472" t="str">
            <v>Power Delivery - System Capacity</v>
          </cell>
          <cell r="F472" t="str">
            <v>CAPAC IN</v>
          </cell>
          <cell r="G472" t="str">
            <v>Install New capacitors from studies or for increased capacitor KVARs, no "Program" association IN</v>
          </cell>
          <cell r="H472" t="str">
            <v>PD-SCAP \ CAPAC IN</v>
          </cell>
          <cell r="I472" t="str">
            <v>NEWCAP</v>
          </cell>
          <cell r="J472" t="str">
            <v>NEWCAPIN</v>
          </cell>
          <cell r="K472" t="str">
            <v>I</v>
          </cell>
          <cell r="L472" t="str">
            <v>Install New capacitors from studies or for increased capacitor KVARs, no "Program" association IN</v>
          </cell>
          <cell r="M472" t="str">
            <v>N</v>
          </cell>
        </row>
        <row r="473">
          <cell r="A473" t="str">
            <v>NEWCAPKY</v>
          </cell>
          <cell r="B473" t="str">
            <v>PD Capital</v>
          </cell>
          <cell r="C473" t="str">
            <v>MW</v>
          </cell>
          <cell r="D473" t="str">
            <v>PD-SCAP</v>
          </cell>
          <cell r="E473" t="str">
            <v>Power Delivery - System Capacity</v>
          </cell>
          <cell r="F473" t="str">
            <v>CAPAC KY</v>
          </cell>
          <cell r="G473" t="str">
            <v>Install New capacitors determined by studies or for increases to existing capacitor KVARs KY</v>
          </cell>
          <cell r="H473" t="str">
            <v>PD-SCAP \ CAPAC KY</v>
          </cell>
          <cell r="I473" t="str">
            <v>NEWCAP</v>
          </cell>
          <cell r="J473" t="str">
            <v>NEWCAPKY</v>
          </cell>
          <cell r="K473" t="str">
            <v>I</v>
          </cell>
          <cell r="L473" t="str">
            <v>Install New capacitors determined by studies or for increases to existing capacitor KVARs KY</v>
          </cell>
          <cell r="M473" t="str">
            <v>N</v>
          </cell>
        </row>
        <row r="474">
          <cell r="A474" t="str">
            <v>NEWCAPOH</v>
          </cell>
          <cell r="B474" t="str">
            <v>PD Capital</v>
          </cell>
          <cell r="C474" t="str">
            <v>MW</v>
          </cell>
          <cell r="D474" t="str">
            <v>PD-SCAP</v>
          </cell>
          <cell r="E474" t="str">
            <v>Power Delivery - System Capacity</v>
          </cell>
          <cell r="F474" t="str">
            <v>CAPAC OH</v>
          </cell>
          <cell r="G474" t="str">
            <v>Install New capacitors from studies or for increased capacitor KVARs, no "Program" association OH</v>
          </cell>
          <cell r="H474" t="str">
            <v>PD-SCAP \ CAPAC OH</v>
          </cell>
          <cell r="I474" t="str">
            <v>NEWCAP</v>
          </cell>
          <cell r="J474" t="str">
            <v>NEWCAPOH</v>
          </cell>
          <cell r="K474" t="str">
            <v>I</v>
          </cell>
          <cell r="L474" t="str">
            <v>Install New capacitors from studies or for increased capacitor KVARs, no "Program" association OH</v>
          </cell>
          <cell r="M474" t="str">
            <v>N</v>
          </cell>
        </row>
        <row r="475">
          <cell r="A475" t="str">
            <v>NONOLE</v>
          </cell>
          <cell r="B475" t="str">
            <v>PD O&amp;M</v>
          </cell>
          <cell r="C475" t="str">
            <v>MW</v>
          </cell>
          <cell r="D475" t="str">
            <v>PD-NONOLE</v>
          </cell>
          <cell r="E475" t="str">
            <v>NON-OLE Light inspections &amp; repair -- Changing bulbs/photo control</v>
          </cell>
          <cell r="F475" t="str">
            <v>INSPREP MW</v>
          </cell>
          <cell r="G475" t="str">
            <v>NON-OLE Light inspections &amp; repair -- Changing bulbs/photo control Midwest</v>
          </cell>
          <cell r="H475" t="str">
            <v>PD-NONOLE \ INSPREP MW</v>
          </cell>
          <cell r="I475" t="str">
            <v>NONOLE</v>
          </cell>
          <cell r="J475" t="str">
            <v>NONOLE</v>
          </cell>
          <cell r="K475" t="str">
            <v>X</v>
          </cell>
          <cell r="L475" t="str">
            <v>NON-OLE Light inspections &amp; repair -- Changing bulbs/photo control Midwest</v>
          </cell>
          <cell r="M475" t="str">
            <v>N</v>
          </cell>
        </row>
        <row r="476">
          <cell r="A476" t="str">
            <v>NTUPIN</v>
          </cell>
          <cell r="B476" t="str">
            <v>PD Capital</v>
          </cell>
          <cell r="C476" t="str">
            <v>MW</v>
          </cell>
          <cell r="D476" t="str">
            <v>PD-RELIA</v>
          </cell>
          <cell r="E476" t="str">
            <v>Power Delivery - Reliability</v>
          </cell>
          <cell r="F476" t="str">
            <v>DTUG IN</v>
          </cell>
          <cell r="G476" t="str">
            <v>Downtown UG Reliability -- Vault Replacement IN</v>
          </cell>
          <cell r="H476" t="str">
            <v>PD-RELIA \ DTUG IN</v>
          </cell>
          <cell r="I476" t="str">
            <v>RTG</v>
          </cell>
          <cell r="J476" t="str">
            <v>NTUPIN</v>
          </cell>
          <cell r="K476" t="str">
            <v>I</v>
          </cell>
          <cell r="L476" t="str">
            <v>Downtown UG Reliability -- Vault Replacement IN</v>
          </cell>
          <cell r="M476" t="str">
            <v>N</v>
          </cell>
        </row>
        <row r="477">
          <cell r="A477" t="str">
            <v>NTUPKY</v>
          </cell>
          <cell r="B477" t="str">
            <v>PD Capital</v>
          </cell>
          <cell r="C477" t="str">
            <v>MW</v>
          </cell>
          <cell r="D477" t="str">
            <v>PD-RELIA</v>
          </cell>
          <cell r="E477" t="str">
            <v>Power Delivery - Reliability</v>
          </cell>
          <cell r="F477" t="str">
            <v>DTUG KY</v>
          </cell>
          <cell r="G477" t="str">
            <v>Downtown UG Reliability -- Vault Replacement KY</v>
          </cell>
          <cell r="H477" t="str">
            <v>PD-RELIA \ DTUG KY</v>
          </cell>
          <cell r="I477" t="str">
            <v>RTG</v>
          </cell>
          <cell r="J477" t="str">
            <v>NTUPKY</v>
          </cell>
          <cell r="K477" t="str">
            <v>I</v>
          </cell>
          <cell r="L477" t="str">
            <v>Downtown UG Reliability -- Vault Replacement KY</v>
          </cell>
          <cell r="M477" t="str">
            <v>N</v>
          </cell>
        </row>
        <row r="478">
          <cell r="A478" t="str">
            <v>NTUPOH</v>
          </cell>
          <cell r="B478" t="str">
            <v>PD Capital</v>
          </cell>
          <cell r="C478" t="str">
            <v>MW</v>
          </cell>
          <cell r="D478" t="str">
            <v>PD-RELIA</v>
          </cell>
          <cell r="E478" t="str">
            <v>Power Delivery - Reliability</v>
          </cell>
          <cell r="F478" t="str">
            <v>DTUG OH</v>
          </cell>
          <cell r="G478" t="str">
            <v>Downtown UG Reliability -- Vault Replacement OH</v>
          </cell>
          <cell r="H478" t="str">
            <v>PD-RELIA \ DTUG OH</v>
          </cell>
          <cell r="I478" t="str">
            <v>RTG</v>
          </cell>
          <cell r="J478" t="str">
            <v>NTUPOH</v>
          </cell>
          <cell r="K478" t="str">
            <v>I</v>
          </cell>
          <cell r="L478" t="str">
            <v>Downtown UG Reliability -- Vault Replacement OH</v>
          </cell>
          <cell r="M478" t="str">
            <v>N</v>
          </cell>
        </row>
        <row r="479">
          <cell r="A479" t="str">
            <v>OLE</v>
          </cell>
          <cell r="B479" t="str">
            <v>PD O&amp;M</v>
          </cell>
          <cell r="C479" t="str">
            <v>MW</v>
          </cell>
          <cell r="D479" t="str">
            <v>PD-OLE</v>
          </cell>
          <cell r="E479" t="str">
            <v>OLE Light inspections &amp; repair -- Changing bulbs/photo control</v>
          </cell>
          <cell r="F479" t="str">
            <v>INSPREP MW</v>
          </cell>
          <cell r="G479" t="str">
            <v>OLE Light inspections &amp; repair -- Changing bulbs/photo control Midwest</v>
          </cell>
          <cell r="H479" t="str">
            <v>PD-OLE \ INSPREP MW</v>
          </cell>
          <cell r="I479" t="str">
            <v>OLE</v>
          </cell>
          <cell r="J479" t="str">
            <v>OLE</v>
          </cell>
          <cell r="K479" t="str">
            <v>X</v>
          </cell>
          <cell r="L479" t="str">
            <v>OLE Light inspections &amp; repair -- Changing bulbs/photo control Midwest</v>
          </cell>
          <cell r="M479" t="str">
            <v>N</v>
          </cell>
        </row>
        <row r="480">
          <cell r="A480" t="str">
            <v>OLE09IN</v>
          </cell>
          <cell r="B480" t="str">
            <v>PD Capital</v>
          </cell>
          <cell r="C480" t="str">
            <v>MW</v>
          </cell>
          <cell r="D480" t="str">
            <v>PD-LIGHT</v>
          </cell>
          <cell r="E480" t="str">
            <v>Power Delivery - MW Lighting</v>
          </cell>
          <cell r="F480" t="str">
            <v>OLE IN</v>
          </cell>
          <cell r="G480" t="str">
            <v>OLE Lighting - IN</v>
          </cell>
          <cell r="H480" t="str">
            <v>PD-LIGHT \ OLE IN</v>
          </cell>
          <cell r="I480" t="str">
            <v>LTMWOLE</v>
          </cell>
          <cell r="J480" t="str">
            <v>OLE09IN</v>
          </cell>
          <cell r="K480" t="str">
            <v>I</v>
          </cell>
          <cell r="L480" t="str">
            <v>OLE Lighting - IN</v>
          </cell>
          <cell r="M480" t="str">
            <v>N</v>
          </cell>
        </row>
        <row r="481">
          <cell r="A481" t="str">
            <v>OLE09KY</v>
          </cell>
          <cell r="B481" t="str">
            <v>PD Capital</v>
          </cell>
          <cell r="C481" t="str">
            <v>MW</v>
          </cell>
          <cell r="D481" t="str">
            <v>PD-LIGHT</v>
          </cell>
          <cell r="E481" t="str">
            <v>Power Delivery - MW Lighting</v>
          </cell>
          <cell r="F481" t="str">
            <v>OLE KY</v>
          </cell>
          <cell r="G481" t="str">
            <v>OLE Lighting - KY</v>
          </cell>
          <cell r="H481" t="str">
            <v>PD-LIGHT \ OLE KY</v>
          </cell>
          <cell r="I481" t="str">
            <v>LTMWOLE</v>
          </cell>
          <cell r="J481" t="str">
            <v>OLE09KY</v>
          </cell>
          <cell r="K481" t="str">
            <v>I</v>
          </cell>
          <cell r="L481" t="str">
            <v>OLE Lighting - KY</v>
          </cell>
          <cell r="M481" t="str">
            <v>N</v>
          </cell>
        </row>
        <row r="482">
          <cell r="A482" t="str">
            <v>OLE09OH</v>
          </cell>
          <cell r="B482" t="str">
            <v>PD Capital</v>
          </cell>
          <cell r="C482" t="str">
            <v>MW</v>
          </cell>
          <cell r="D482" t="str">
            <v>PD-LIGHT</v>
          </cell>
          <cell r="E482" t="str">
            <v>Power Delivery - MW Lighting</v>
          </cell>
          <cell r="F482" t="str">
            <v>OLE OH</v>
          </cell>
          <cell r="G482" t="str">
            <v>OLE Lighting - OH</v>
          </cell>
          <cell r="H482" t="str">
            <v>PD-LIGHT \ OLE OH</v>
          </cell>
          <cell r="I482" t="str">
            <v>LTMWOLE</v>
          </cell>
          <cell r="J482" t="str">
            <v>OLE09OH</v>
          </cell>
          <cell r="K482" t="str">
            <v>I</v>
          </cell>
          <cell r="L482" t="str">
            <v>OLE Lighting - OH</v>
          </cell>
          <cell r="M482" t="str">
            <v>N</v>
          </cell>
        </row>
        <row r="483">
          <cell r="A483" t="str">
            <v>OLE09RPIN</v>
          </cell>
          <cell r="B483" t="str">
            <v>PD Capital</v>
          </cell>
          <cell r="C483" t="str">
            <v>MW</v>
          </cell>
          <cell r="D483" t="str">
            <v>PD-LIGHT</v>
          </cell>
          <cell r="E483" t="str">
            <v>Power Delivery - MW Lighting</v>
          </cell>
          <cell r="F483" t="str">
            <v>OLE REPLIN</v>
          </cell>
          <cell r="G483" t="str">
            <v>OLE Lighting Replacement - IN</v>
          </cell>
          <cell r="H483" t="str">
            <v>PD-LIGHT \ OLE REPLIN</v>
          </cell>
          <cell r="I483" t="str">
            <v>LTOLERP</v>
          </cell>
          <cell r="J483" t="str">
            <v>OLE09RPIN</v>
          </cell>
          <cell r="K483" t="str">
            <v>I</v>
          </cell>
          <cell r="L483" t="str">
            <v>OLE Lighting Replacement - IN</v>
          </cell>
          <cell r="M483" t="str">
            <v>N</v>
          </cell>
        </row>
        <row r="484">
          <cell r="A484" t="str">
            <v>OLE09RPKY</v>
          </cell>
          <cell r="B484" t="str">
            <v>PD Capital</v>
          </cell>
          <cell r="C484" t="str">
            <v>MW</v>
          </cell>
          <cell r="D484" t="str">
            <v>PD-LIGHT</v>
          </cell>
          <cell r="E484" t="str">
            <v>Power Delivery - MW Lighting</v>
          </cell>
          <cell r="F484" t="str">
            <v>OLE REPLKY</v>
          </cell>
          <cell r="G484" t="str">
            <v>OLE Lighting Replacement - KY</v>
          </cell>
          <cell r="H484" t="str">
            <v>PD-LIGHT \ OLE REPLKY</v>
          </cell>
          <cell r="I484" t="str">
            <v>LTOLERP</v>
          </cell>
          <cell r="J484" t="str">
            <v>OLE09RPKY</v>
          </cell>
          <cell r="K484" t="str">
            <v>I</v>
          </cell>
          <cell r="L484" t="str">
            <v>OLE Lighting Replacement - KY</v>
          </cell>
          <cell r="M484" t="str">
            <v>N</v>
          </cell>
        </row>
        <row r="485">
          <cell r="A485" t="str">
            <v>OLE09RPOH</v>
          </cell>
          <cell r="B485" t="str">
            <v>PD Capital</v>
          </cell>
          <cell r="C485" t="str">
            <v>MW</v>
          </cell>
          <cell r="D485" t="str">
            <v>PD-LIGHT</v>
          </cell>
          <cell r="E485" t="str">
            <v>Power Delivery - MW Lighting</v>
          </cell>
          <cell r="F485" t="str">
            <v>OLE REPL</v>
          </cell>
          <cell r="G485" t="str">
            <v>OLE Lighting Replacement - OH</v>
          </cell>
          <cell r="H485" t="str">
            <v>PD-LIGHT \ OLE REPL</v>
          </cell>
          <cell r="I485" t="str">
            <v>LTOLERP</v>
          </cell>
          <cell r="J485" t="str">
            <v>OLE09RPOH</v>
          </cell>
          <cell r="K485" t="str">
            <v>I</v>
          </cell>
          <cell r="L485" t="str">
            <v>OLE Lighting Replacement - OH</v>
          </cell>
          <cell r="M485" t="str">
            <v>N</v>
          </cell>
        </row>
        <row r="486">
          <cell r="A486" t="str">
            <v>OLUGREP</v>
          </cell>
          <cell r="B486" t="str">
            <v>PD O&amp;M</v>
          </cell>
          <cell r="C486" t="str">
            <v>Carolinas</v>
          </cell>
          <cell r="D486" t="str">
            <v>PD-LREP</v>
          </cell>
          <cell r="E486" t="str">
            <v xml:space="preserve">Light Repair </v>
          </cell>
          <cell r="F486" t="str">
            <v>OLUGREPC</v>
          </cell>
          <cell r="G486" t="str">
            <v>Outdoor Light UG Cable Repair Carolinas</v>
          </cell>
          <cell r="H486" t="str">
            <v>PD-LREP \ OLUGREPC</v>
          </cell>
          <cell r="I486" t="str">
            <v>OLUGREP</v>
          </cell>
          <cell r="J486" t="str">
            <v>OLUGREP</v>
          </cell>
          <cell r="K486" t="str">
            <v>X</v>
          </cell>
          <cell r="L486" t="str">
            <v>Outdoor Light UG Cable Repair Carolinas</v>
          </cell>
          <cell r="M486" t="str">
            <v>N</v>
          </cell>
        </row>
        <row r="487">
          <cell r="A487" t="str">
            <v>ORDIN</v>
          </cell>
          <cell r="B487" t="str">
            <v>PD Capital</v>
          </cell>
          <cell r="C487" t="str">
            <v>MW</v>
          </cell>
          <cell r="D487" t="str">
            <v>PD-OUTR</v>
          </cell>
          <cell r="E487" t="str">
            <v>Power Delivery Outage Restoration</v>
          </cell>
          <cell r="F487" t="str">
            <v>OUTCAPDIN</v>
          </cell>
          <cell r="G487" t="str">
            <v>Distribution work to get service restored to customers when they have lost power (lights are out) IN</v>
          </cell>
          <cell r="H487" t="str">
            <v>PD-OUTR \ OUTCAPDIN</v>
          </cell>
          <cell r="I487" t="str">
            <v>OUT</v>
          </cell>
          <cell r="J487" t="str">
            <v>ORDIN</v>
          </cell>
          <cell r="K487" t="str">
            <v>I</v>
          </cell>
          <cell r="L487" t="str">
            <v>Distribution work to get service restored to customers when they have lost power (lights are out) IN</v>
          </cell>
          <cell r="M487" t="str">
            <v>N</v>
          </cell>
        </row>
        <row r="488">
          <cell r="A488" t="str">
            <v>ORDKY</v>
          </cell>
          <cell r="B488" t="str">
            <v>PD Capital</v>
          </cell>
          <cell r="C488" t="str">
            <v>MW</v>
          </cell>
          <cell r="D488" t="str">
            <v>PD-OUTR</v>
          </cell>
          <cell r="E488" t="str">
            <v>Power Delivery Outage Restoration</v>
          </cell>
          <cell r="F488" t="str">
            <v>OUTCAPDKY</v>
          </cell>
          <cell r="G488" t="str">
            <v>Distribution work to get service restored to customers when they have lost power (lights are out) KY</v>
          </cell>
          <cell r="H488" t="str">
            <v>PD-OUTR \ OUTCAPDKY</v>
          </cell>
          <cell r="I488" t="str">
            <v>OUT</v>
          </cell>
          <cell r="J488" t="str">
            <v>ORDKY</v>
          </cell>
          <cell r="K488" t="str">
            <v>I</v>
          </cell>
          <cell r="L488" t="str">
            <v>Distribution work to get service restored to customers when they have lost power (lights are out) KY</v>
          </cell>
          <cell r="M488" t="str">
            <v>N</v>
          </cell>
        </row>
        <row r="489">
          <cell r="A489" t="str">
            <v>ORDOH</v>
          </cell>
          <cell r="B489" t="str">
            <v>PD Capital</v>
          </cell>
          <cell r="C489" t="str">
            <v>MW</v>
          </cell>
          <cell r="D489" t="str">
            <v>PD-OUTR</v>
          </cell>
          <cell r="E489" t="str">
            <v>Power Delivery Outage Restoration</v>
          </cell>
          <cell r="F489" t="str">
            <v>OUTCAPDOH</v>
          </cell>
          <cell r="G489" t="str">
            <v>Distribution work to get service restored to customers when they have lost power (lights are out) OH</v>
          </cell>
          <cell r="H489" t="str">
            <v>PD-OUTR \ OUTCAPDOH</v>
          </cell>
          <cell r="I489" t="str">
            <v>OUT</v>
          </cell>
          <cell r="J489" t="str">
            <v>ORDOH</v>
          </cell>
          <cell r="K489" t="str">
            <v>I</v>
          </cell>
          <cell r="L489" t="str">
            <v>Distribution work to get service restored to customers when they have lost power (lights are out) OH</v>
          </cell>
          <cell r="M489" t="str">
            <v>N</v>
          </cell>
        </row>
        <row r="490">
          <cell r="A490" t="str">
            <v>ORTIN</v>
          </cell>
          <cell r="B490" t="str">
            <v>PD Capital</v>
          </cell>
          <cell r="C490" t="str">
            <v>MW</v>
          </cell>
          <cell r="D490" t="str">
            <v>PD-OUTR</v>
          </cell>
          <cell r="E490" t="str">
            <v>Power Delivery Outage Restoration</v>
          </cell>
          <cell r="F490" t="str">
            <v>OUTCAPTIN</v>
          </cell>
          <cell r="G490" t="str">
            <v>Transmission work to get service restored to customers when they have lost power (lights are out) IN</v>
          </cell>
          <cell r="H490" t="str">
            <v>PD-OUTR \ OUTCAPTIN</v>
          </cell>
          <cell r="I490" t="str">
            <v>TLINOUT</v>
          </cell>
          <cell r="J490" t="str">
            <v>ORTIN</v>
          </cell>
          <cell r="K490" t="str">
            <v>I</v>
          </cell>
          <cell r="L490" t="str">
            <v>Transmission work to get service restored to customers when they have lost power (lights are out) IN</v>
          </cell>
          <cell r="M490" t="str">
            <v>N</v>
          </cell>
        </row>
        <row r="491">
          <cell r="A491" t="str">
            <v>ORTOH</v>
          </cell>
          <cell r="B491" t="str">
            <v>PD Capital</v>
          </cell>
          <cell r="C491" t="str">
            <v>MW</v>
          </cell>
          <cell r="D491" t="str">
            <v>PD-OUTR</v>
          </cell>
          <cell r="E491" t="str">
            <v>Power Delivery Outage Restoration</v>
          </cell>
          <cell r="F491" t="str">
            <v>OUTCAPTKY</v>
          </cell>
          <cell r="G491" t="str">
            <v>Transmission work to get service restored to customers when they have lost power (lights are out) KY</v>
          </cell>
          <cell r="H491" t="str">
            <v>PD-OUTR \ OUTCAPTKY</v>
          </cell>
          <cell r="I491" t="str">
            <v>TLINOUT</v>
          </cell>
          <cell r="J491" t="str">
            <v>ORTOH</v>
          </cell>
          <cell r="K491" t="str">
            <v>I</v>
          </cell>
          <cell r="L491" t="str">
            <v>Transmission work to get service restored to customers when they have lost power (lights are out) KY</v>
          </cell>
          <cell r="M491" t="str">
            <v>N</v>
          </cell>
        </row>
        <row r="492">
          <cell r="A492" t="str">
            <v>ORTOH</v>
          </cell>
          <cell r="B492" t="str">
            <v>PD Capital</v>
          </cell>
          <cell r="C492" t="str">
            <v>MW</v>
          </cell>
          <cell r="D492" t="str">
            <v>PD-OUTR</v>
          </cell>
          <cell r="E492" t="str">
            <v>Power Delivery Outage Restoration</v>
          </cell>
          <cell r="F492" t="str">
            <v>OUTCAPTOH</v>
          </cell>
          <cell r="G492" t="str">
            <v>Transmission work to get service restored to customers when they have lost power (lights are out) OH</v>
          </cell>
          <cell r="H492" t="str">
            <v>PD-OUTR \ OUTCAPTOH</v>
          </cell>
          <cell r="I492" t="str">
            <v>TLINOUT</v>
          </cell>
          <cell r="J492" t="str">
            <v>ORTOH</v>
          </cell>
          <cell r="K492" t="str">
            <v>I</v>
          </cell>
          <cell r="L492" t="str">
            <v>Transmission work to get service restored to customers when they have lost power (lights are out) OH</v>
          </cell>
          <cell r="M492" t="str">
            <v>N</v>
          </cell>
        </row>
        <row r="493">
          <cell r="A493" t="str">
            <v>OTOINT</v>
          </cell>
          <cell r="B493" t="str">
            <v>PD O&amp;M</v>
          </cell>
          <cell r="C493" t="str">
            <v>MW</v>
          </cell>
          <cell r="D493" t="str">
            <v>PD-INTPM</v>
          </cell>
          <cell r="E493" t="e">
            <v>#N/A</v>
          </cell>
          <cell r="F493" t="str">
            <v>PM</v>
          </cell>
          <cell r="G493" t="e">
            <v>#N/A</v>
          </cell>
          <cell r="H493" t="str">
            <v>PD-INTPM \ PM</v>
          </cell>
          <cell r="I493" t="str">
            <v>OTOINT</v>
          </cell>
          <cell r="J493" t="str">
            <v>OTOINT</v>
          </cell>
          <cell r="K493" t="str">
            <v>X</v>
          </cell>
          <cell r="L493" t="str">
            <v>Preventative Maintenance</v>
          </cell>
          <cell r="M493" t="str">
            <v>N</v>
          </cell>
        </row>
        <row r="494">
          <cell r="A494" t="str">
            <v>OUTFI</v>
          </cell>
          <cell r="B494" t="str">
            <v>PD O&amp;M</v>
          </cell>
          <cell r="C494" t="str">
            <v>MW</v>
          </cell>
          <cell r="D494" t="str">
            <v>PD-IOUT</v>
          </cell>
          <cell r="E494" t="e">
            <v>#N/A</v>
          </cell>
          <cell r="F494" t="str">
            <v>OUTF</v>
          </cell>
          <cell r="G494" t="e">
            <v>#N/A</v>
          </cell>
          <cell r="H494" t="str">
            <v>PD-IOUT \ OUTF</v>
          </cell>
          <cell r="I494" t="str">
            <v>OUTFI</v>
          </cell>
          <cell r="J494" t="str">
            <v>OUTFI</v>
          </cell>
          <cell r="K494" t="str">
            <v>X</v>
          </cell>
          <cell r="L494" t="str">
            <v>Outage Follow-up</v>
          </cell>
          <cell r="M494" t="str">
            <v>N</v>
          </cell>
        </row>
        <row r="495">
          <cell r="A495" t="str">
            <v>OUTFO</v>
          </cell>
          <cell r="B495" t="str">
            <v>PD O&amp;M</v>
          </cell>
          <cell r="C495" t="str">
            <v>MW</v>
          </cell>
          <cell r="D495" t="str">
            <v>PD-OUTFU</v>
          </cell>
          <cell r="E495" t="str">
            <v>Outage Followup-O&amp;M Restore System to state prior to outage</v>
          </cell>
          <cell r="F495" t="str">
            <v>OUT FU OH</v>
          </cell>
          <cell r="G495" t="str">
            <v>OH Outage Followup-O&amp;M Restore System to state prior to outage</v>
          </cell>
          <cell r="H495" t="str">
            <v>PD-OUTFU \ OUT FU OH</v>
          </cell>
          <cell r="I495" t="str">
            <v>OUTFO</v>
          </cell>
          <cell r="J495" t="str">
            <v>OUTFO</v>
          </cell>
          <cell r="K495" t="str">
            <v>X</v>
          </cell>
          <cell r="L495" t="str">
            <v>Outage Followup-O&amp;M Restore System to state prior to outage OH</v>
          </cell>
          <cell r="M495" t="str">
            <v>N</v>
          </cell>
        </row>
        <row r="496">
          <cell r="A496" t="str">
            <v>OUTFR</v>
          </cell>
          <cell r="B496" t="str">
            <v>PD O&amp;M</v>
          </cell>
          <cell r="C496" t="str">
            <v>MW</v>
          </cell>
          <cell r="D496" t="str">
            <v>PD-ROUT</v>
          </cell>
          <cell r="E496" t="e">
            <v>#N/A</v>
          </cell>
          <cell r="F496" t="str">
            <v>OUTF</v>
          </cell>
          <cell r="G496" t="e">
            <v>#N/A</v>
          </cell>
          <cell r="H496" t="str">
            <v>PD-ROUT \ OUTF</v>
          </cell>
          <cell r="I496" t="str">
            <v>OUTFR</v>
          </cell>
          <cell r="J496" t="str">
            <v>OUTFR</v>
          </cell>
          <cell r="K496" t="str">
            <v>X</v>
          </cell>
          <cell r="L496" t="str">
            <v>Outage Follow-up</v>
          </cell>
          <cell r="M496" t="str">
            <v>N</v>
          </cell>
        </row>
        <row r="497">
          <cell r="A497" t="str">
            <v>OUTFR</v>
          </cell>
          <cell r="B497" t="str">
            <v>PD O&amp;M</v>
          </cell>
          <cell r="C497" t="str">
            <v>MW</v>
          </cell>
          <cell r="D497" t="str">
            <v>PD-ROUT</v>
          </cell>
          <cell r="E497" t="e">
            <v>#N/A</v>
          </cell>
          <cell r="F497" t="str">
            <v>OUTF</v>
          </cell>
          <cell r="G497" t="e">
            <v>#N/A</v>
          </cell>
          <cell r="H497" t="str">
            <v>PD-ROUT \ OUTF</v>
          </cell>
          <cell r="I497"/>
          <cell r="J497" t="str">
            <v>OUTFR</v>
          </cell>
          <cell r="K497" t="str">
            <v>X</v>
          </cell>
          <cell r="L497" t="str">
            <v>RETURNING EQUIP TO IT'S ORIG STATE FOLLOWING AN OUTAGE OR ALARM IN A DISTRIBUTION SUBSTATION</v>
          </cell>
          <cell r="M497" t="str">
            <v>N</v>
          </cell>
        </row>
        <row r="498">
          <cell r="A498" t="str">
            <v>OUTFT</v>
          </cell>
          <cell r="B498" t="str">
            <v>PD O&amp;M</v>
          </cell>
          <cell r="C498" t="str">
            <v>MW</v>
          </cell>
          <cell r="D498" t="str">
            <v>PD-TOUT</v>
          </cell>
          <cell r="E498" t="e">
            <v>#N/A</v>
          </cell>
          <cell r="F498" t="str">
            <v>OUTF</v>
          </cell>
          <cell r="G498" t="e">
            <v>#N/A</v>
          </cell>
          <cell r="H498" t="str">
            <v>PD-TOUT \ OUTF</v>
          </cell>
          <cell r="I498" t="str">
            <v>OUTFT</v>
          </cell>
          <cell r="J498" t="str">
            <v>OUTFT</v>
          </cell>
          <cell r="K498" t="str">
            <v>X</v>
          </cell>
          <cell r="L498" t="str">
            <v>Outage Follow-up</v>
          </cell>
          <cell r="M498" t="str">
            <v>N</v>
          </cell>
        </row>
        <row r="499">
          <cell r="A499" t="str">
            <v>OUTFT</v>
          </cell>
          <cell r="B499" t="str">
            <v>PD O&amp;M</v>
          </cell>
          <cell r="C499" t="str">
            <v>MW</v>
          </cell>
          <cell r="D499" t="str">
            <v>PD-TOUT</v>
          </cell>
          <cell r="E499" t="e">
            <v>#N/A</v>
          </cell>
          <cell r="F499" t="str">
            <v>OUTF</v>
          </cell>
          <cell r="G499" t="e">
            <v>#N/A</v>
          </cell>
          <cell r="H499" t="str">
            <v>PD-TOUT \ OUTF</v>
          </cell>
          <cell r="I499"/>
          <cell r="J499" t="str">
            <v>OUTFT</v>
          </cell>
          <cell r="K499" t="str">
            <v>X</v>
          </cell>
          <cell r="L499" t="str">
            <v>RETURNING EQUIP TO IT'S ORIG STATE FOLLOWING AN OUTAGE OR ALARM IN A TRANSMISSION SUBSTATION</v>
          </cell>
          <cell r="M499" t="str">
            <v>N</v>
          </cell>
        </row>
        <row r="500">
          <cell r="A500" t="str">
            <v>OUTFTL</v>
          </cell>
          <cell r="B500" t="str">
            <v>PD O&amp;M</v>
          </cell>
          <cell r="C500" t="str">
            <v>MW</v>
          </cell>
          <cell r="D500" t="str">
            <v>PD-TLINS</v>
          </cell>
          <cell r="E500" t="str">
            <v>T Lines</v>
          </cell>
          <cell r="F500" t="str">
            <v>OUTF</v>
          </cell>
          <cell r="G500" t="str">
            <v>Outage Follow-up</v>
          </cell>
          <cell r="H500" t="str">
            <v>PD-TLINS \ OUTF</v>
          </cell>
          <cell r="I500" t="str">
            <v>OUTFTL</v>
          </cell>
          <cell r="J500" t="str">
            <v>OUTFTL</v>
          </cell>
          <cell r="K500" t="str">
            <v>X</v>
          </cell>
          <cell r="L500" t="str">
            <v>Outage Follow-up</v>
          </cell>
          <cell r="M500" t="str">
            <v>N</v>
          </cell>
        </row>
        <row r="501">
          <cell r="A501" t="str">
            <v>OUTFUP</v>
          </cell>
          <cell r="B501" t="str">
            <v>PD O&amp;M</v>
          </cell>
          <cell r="C501" t="str">
            <v>MW</v>
          </cell>
          <cell r="D501" t="str">
            <v>PD-OUTFU</v>
          </cell>
          <cell r="E501" t="str">
            <v>Outage Followup-O&amp;M Restore System to state prior to outage</v>
          </cell>
          <cell r="F501" t="str">
            <v>OUTFUUGPRI</v>
          </cell>
          <cell r="G501" t="str">
            <v>UG Outage Followup-Primary-O&amp;M Restore System to state prior to outage</v>
          </cell>
          <cell r="H501" t="str">
            <v>PD-OUTFU \ OUTFUUGPRI</v>
          </cell>
          <cell r="I501" t="str">
            <v>OUTFUP</v>
          </cell>
          <cell r="J501" t="str">
            <v>OUTFUP</v>
          </cell>
          <cell r="K501" t="str">
            <v>X</v>
          </cell>
          <cell r="L501" t="str">
            <v>UG Outage Followup-Primary-O&amp;M Restore System to state prior to outage</v>
          </cell>
          <cell r="M501" t="str">
            <v>N</v>
          </cell>
        </row>
        <row r="502">
          <cell r="A502" t="str">
            <v>OUTFUS</v>
          </cell>
          <cell r="B502" t="str">
            <v>PD O&amp;M</v>
          </cell>
          <cell r="C502" t="str">
            <v>MW</v>
          </cell>
          <cell r="D502" t="str">
            <v>PD-OUTFU</v>
          </cell>
          <cell r="E502" t="str">
            <v>Outage Followup-O&amp;M Restore System to state prior to outage</v>
          </cell>
          <cell r="F502" t="str">
            <v>OUTFUUGSEC</v>
          </cell>
          <cell r="G502" t="str">
            <v>UG Outage Followup-Secondary-O&amp;M Restore System to state prior to outage</v>
          </cell>
          <cell r="H502" t="str">
            <v>PD-OUTFU \ OUTFUUGSEC</v>
          </cell>
          <cell r="I502" t="str">
            <v>OUTFUS</v>
          </cell>
          <cell r="J502" t="str">
            <v>OUTFUS</v>
          </cell>
          <cell r="K502" t="str">
            <v>X</v>
          </cell>
          <cell r="L502" t="str">
            <v>UG Outage Followup-Secondary-O&amp;M Restore System to state prior to outage</v>
          </cell>
          <cell r="M502" t="str">
            <v>N</v>
          </cell>
        </row>
        <row r="503">
          <cell r="A503" t="str">
            <v>OUTIT</v>
          </cell>
          <cell r="B503" t="str">
            <v>PD O&amp;M</v>
          </cell>
          <cell r="C503" t="str">
            <v>MW</v>
          </cell>
          <cell r="D503" t="str">
            <v>PD-IOUT</v>
          </cell>
          <cell r="E503" t="e">
            <v>#N/A</v>
          </cell>
          <cell r="F503" t="str">
            <v>OUT</v>
          </cell>
          <cell r="G503" t="e">
            <v>#N/A</v>
          </cell>
          <cell r="H503" t="str">
            <v>PD-IOUT \ OUT</v>
          </cell>
          <cell r="I503" t="str">
            <v>OUTIT</v>
          </cell>
          <cell r="J503" t="str">
            <v>OUTIT</v>
          </cell>
          <cell r="K503" t="str">
            <v>X</v>
          </cell>
          <cell r="L503" t="str">
            <v>Outage</v>
          </cell>
          <cell r="M503" t="str">
            <v>N</v>
          </cell>
        </row>
        <row r="504">
          <cell r="A504" t="str">
            <v>OUTRT</v>
          </cell>
          <cell r="B504" t="str">
            <v>PD O&amp;M</v>
          </cell>
          <cell r="C504" t="str">
            <v>MW</v>
          </cell>
          <cell r="D504" t="str">
            <v>PD-ROUT</v>
          </cell>
          <cell r="E504" t="e">
            <v>#N/A</v>
          </cell>
          <cell r="F504" t="str">
            <v>OUT</v>
          </cell>
          <cell r="G504" t="e">
            <v>#N/A</v>
          </cell>
          <cell r="H504" t="str">
            <v>PD-ROUT \ OUT</v>
          </cell>
          <cell r="I504" t="str">
            <v>OUTRT</v>
          </cell>
          <cell r="J504" t="str">
            <v>OUTRT</v>
          </cell>
          <cell r="K504" t="str">
            <v>X</v>
          </cell>
          <cell r="L504" t="str">
            <v>Outage</v>
          </cell>
          <cell r="M504" t="str">
            <v>N</v>
          </cell>
        </row>
        <row r="505">
          <cell r="A505" t="str">
            <v>OUTT</v>
          </cell>
          <cell r="B505" t="str">
            <v>PD O&amp;M</v>
          </cell>
          <cell r="C505" t="str">
            <v>MW</v>
          </cell>
          <cell r="D505" t="str">
            <v>PD-TOUT</v>
          </cell>
          <cell r="E505" t="str">
            <v>Outage Transmssion Battery, Meter, Relay</v>
          </cell>
          <cell r="F505" t="str">
            <v>OUT</v>
          </cell>
          <cell r="G505" t="str">
            <v>Outage</v>
          </cell>
          <cell r="H505" t="str">
            <v>PD-TOUT \ OUT</v>
          </cell>
          <cell r="I505" t="str">
            <v>OUTT</v>
          </cell>
          <cell r="J505" t="str">
            <v>OUTT</v>
          </cell>
          <cell r="K505" t="str">
            <v>X</v>
          </cell>
          <cell r="L505" t="str">
            <v>Outage</v>
          </cell>
          <cell r="M505" t="str">
            <v>N</v>
          </cell>
        </row>
        <row r="506">
          <cell r="A506" t="str">
            <v>OUTTL</v>
          </cell>
          <cell r="B506" t="str">
            <v>PD O&amp;M</v>
          </cell>
          <cell r="C506" t="str">
            <v>MW</v>
          </cell>
          <cell r="D506" t="str">
            <v>PD-TLINS</v>
          </cell>
          <cell r="E506" t="str">
            <v>T Lines</v>
          </cell>
          <cell r="F506" t="str">
            <v>OUT</v>
          </cell>
          <cell r="G506" t="str">
            <v>Outage</v>
          </cell>
          <cell r="H506" t="str">
            <v>PD-TLINS \ OUT</v>
          </cell>
          <cell r="I506" t="str">
            <v>TLINRP</v>
          </cell>
          <cell r="J506" t="str">
            <v>OUTTL</v>
          </cell>
          <cell r="K506" t="str">
            <v>X</v>
          </cell>
          <cell r="L506" t="str">
            <v>Outage</v>
          </cell>
          <cell r="M506" t="str">
            <v>N</v>
          </cell>
        </row>
        <row r="507">
          <cell r="A507" t="str">
            <v>PADEQ</v>
          </cell>
          <cell r="B507" t="str">
            <v>PD O&amp;M</v>
          </cell>
          <cell r="C507" t="str">
            <v>MW</v>
          </cell>
          <cell r="D507" t="str">
            <v>PD-MAINT</v>
          </cell>
          <cell r="E507" t="str">
            <v>Equipment Maintenance</v>
          </cell>
          <cell r="F507" t="str">
            <v>SME MAIT MW</v>
          </cell>
          <cell r="G507" t="str">
            <v>Surface Equip Maintenance Midwest</v>
          </cell>
          <cell r="H507" t="str">
            <v>PD-MAINT \ SME MAIT MW</v>
          </cell>
          <cell r="I507" t="str">
            <v>PADEQ</v>
          </cell>
          <cell r="J507" t="str">
            <v>PADEQ</v>
          </cell>
          <cell r="K507" t="str">
            <v>X</v>
          </cell>
          <cell r="L507" t="str">
            <v>Surface Equip Maintenance Midwest</v>
          </cell>
          <cell r="M507" t="str">
            <v>N</v>
          </cell>
        </row>
        <row r="508">
          <cell r="A508" t="str">
            <v>PCSMHM</v>
          </cell>
          <cell r="B508" t="str">
            <v>PD Veg Mgmt</v>
          </cell>
          <cell r="C508" t="str">
            <v>Veg</v>
          </cell>
          <cell r="D508" t="str">
            <v>PD-SUBVM</v>
          </cell>
          <cell r="E508" t="str">
            <v>Vegetation Management - Substation - O&amp;M</v>
          </cell>
          <cell r="F508" t="str">
            <v>SUBVMPCS</v>
          </cell>
          <cell r="G508" t="str">
            <v>Sub VM PCS site bare ground herbicide and mowing</v>
          </cell>
          <cell r="H508" t="str">
            <v>PD-SUBVM \ SUBVMPCS</v>
          </cell>
          <cell r="I508" t="str">
            <v>DCSMNT</v>
          </cell>
          <cell r="J508" t="str">
            <v>PCSMHM</v>
          </cell>
          <cell r="K508" t="str">
            <v>X</v>
          </cell>
          <cell r="L508" t="str">
            <v>Sub VM PCS site bare ground herbicide and mowing</v>
          </cell>
          <cell r="M508" t="str">
            <v>N</v>
          </cell>
        </row>
        <row r="509">
          <cell r="A509" t="str">
            <v>PILCIN</v>
          </cell>
          <cell r="B509" t="str">
            <v>PD Capital</v>
          </cell>
          <cell r="C509" t="str">
            <v>MW</v>
          </cell>
          <cell r="D509" t="str">
            <v>PD-INTGT</v>
          </cell>
          <cell r="E509" t="str">
            <v>Power Delivery - Integrity</v>
          </cell>
          <cell r="F509" t="str">
            <v>DW/PILCIN</v>
          </cell>
          <cell r="G509" t="str">
            <v>Underground cable replacement Drainwire/PILC IN</v>
          </cell>
          <cell r="H509" t="str">
            <v>PD-INTGT \ DW/PILCIN</v>
          </cell>
          <cell r="I509" t="str">
            <v>DWA</v>
          </cell>
          <cell r="J509" t="str">
            <v>PILCIN</v>
          </cell>
          <cell r="K509" t="str">
            <v>I</v>
          </cell>
          <cell r="L509" t="str">
            <v>Underground cable replacement Drainwire/PILC IN</v>
          </cell>
          <cell r="M509" t="str">
            <v>N</v>
          </cell>
        </row>
        <row r="510">
          <cell r="A510" t="str">
            <v>PILCINS</v>
          </cell>
          <cell r="B510" t="str">
            <v>PD O&amp;M</v>
          </cell>
          <cell r="C510" t="str">
            <v>MW</v>
          </cell>
          <cell r="D510" t="str">
            <v>PD-INSP</v>
          </cell>
          <cell r="E510" t="e">
            <v>#N/A</v>
          </cell>
          <cell r="F510" t="str">
            <v>TEST PILC</v>
          </cell>
          <cell r="G510" t="e">
            <v>#N/A</v>
          </cell>
          <cell r="H510" t="str">
            <v>PD-INSP \ TEST PILC</v>
          </cell>
          <cell r="I510"/>
          <cell r="J510" t="str">
            <v>PILCINS</v>
          </cell>
          <cell r="K510" t="str">
            <v>X</v>
          </cell>
          <cell r="L510" t="str">
            <v>TESTING OF PILC CABLE</v>
          </cell>
          <cell r="M510" t="str">
            <v>N</v>
          </cell>
        </row>
        <row r="511">
          <cell r="A511" t="str">
            <v>PILCKY</v>
          </cell>
          <cell r="B511" t="str">
            <v>PD Capital</v>
          </cell>
          <cell r="C511" t="str">
            <v>MW</v>
          </cell>
          <cell r="D511" t="str">
            <v>PD-INTGT</v>
          </cell>
          <cell r="E511" t="str">
            <v>Power Delivery - Integrity</v>
          </cell>
          <cell r="F511" t="str">
            <v>DW/PILCKY</v>
          </cell>
          <cell r="G511" t="str">
            <v>Underground cable replacement Drainwire/PILC KY</v>
          </cell>
          <cell r="H511" t="str">
            <v>PD-INTGT \ DW/PILCKY</v>
          </cell>
          <cell r="I511" t="str">
            <v>DWA</v>
          </cell>
          <cell r="J511" t="str">
            <v>PILCKY</v>
          </cell>
          <cell r="K511" t="str">
            <v>I</v>
          </cell>
          <cell r="L511" t="str">
            <v>Underground cable replacement Drainwire/PILC KY</v>
          </cell>
          <cell r="M511" t="str">
            <v>N</v>
          </cell>
        </row>
        <row r="512">
          <cell r="A512" t="str">
            <v>PILCM</v>
          </cell>
          <cell r="B512" t="str">
            <v>PD O&amp;M</v>
          </cell>
          <cell r="C512" t="str">
            <v>MW</v>
          </cell>
          <cell r="D512" t="str">
            <v>PD-PILC</v>
          </cell>
          <cell r="E512" t="e">
            <v>#N/A</v>
          </cell>
          <cell r="F512" t="str">
            <v>RPR</v>
          </cell>
          <cell r="G512" t="e">
            <v>#N/A</v>
          </cell>
          <cell r="H512" t="str">
            <v>PD-PILC \ RPR</v>
          </cell>
          <cell r="I512"/>
          <cell r="J512" t="str">
            <v>PILCM</v>
          </cell>
          <cell r="K512" t="str">
            <v>X</v>
          </cell>
          <cell r="L512" t="str">
            <v>REPAIR RELATED TO TANDELTA EQUIP TESTING ON PILC TYPE CABLE</v>
          </cell>
          <cell r="M512" t="str">
            <v>N</v>
          </cell>
        </row>
        <row r="513">
          <cell r="A513" t="str">
            <v>PILCOH</v>
          </cell>
          <cell r="B513" t="str">
            <v>PD Capital</v>
          </cell>
          <cell r="C513" t="str">
            <v>MW</v>
          </cell>
          <cell r="D513" t="str">
            <v>PD-INTGT</v>
          </cell>
          <cell r="E513" t="str">
            <v>Power Delivery - Integrity</v>
          </cell>
          <cell r="F513" t="str">
            <v>DW/PILCOH</v>
          </cell>
          <cell r="G513" t="str">
            <v>Underground cable replacement Drainwire/PILC OH</v>
          </cell>
          <cell r="H513" t="str">
            <v>PD-INTGT \ DW/PILCOH</v>
          </cell>
          <cell r="I513" t="str">
            <v>DWA</v>
          </cell>
          <cell r="J513" t="str">
            <v>PILCOH</v>
          </cell>
          <cell r="K513" t="str">
            <v>I</v>
          </cell>
          <cell r="L513" t="str">
            <v>Underground cable replacement Drainwire/PILC OH</v>
          </cell>
          <cell r="M513" t="str">
            <v>N</v>
          </cell>
        </row>
        <row r="514">
          <cell r="A514" t="str">
            <v>PLUGREP</v>
          </cell>
          <cell r="B514" t="str">
            <v>PD O&amp;M</v>
          </cell>
          <cell r="C514" t="str">
            <v>Carolinas</v>
          </cell>
          <cell r="D514" t="str">
            <v>PD-LREP</v>
          </cell>
          <cell r="E514" t="str">
            <v xml:space="preserve">Light Repair </v>
          </cell>
          <cell r="F514" t="str">
            <v>PLUGREPC</v>
          </cell>
          <cell r="G514" t="str">
            <v>Public Light UG Cable Repair Carolinas</v>
          </cell>
          <cell r="H514" t="str">
            <v>PD-LREP \ PLUGREPC</v>
          </cell>
          <cell r="I514" t="str">
            <v>PLUGREP</v>
          </cell>
          <cell r="J514" t="str">
            <v>PLUGREP</v>
          </cell>
          <cell r="K514" t="str">
            <v>X</v>
          </cell>
          <cell r="L514" t="str">
            <v>Public Light UG Cable Repair Carolinas</v>
          </cell>
          <cell r="M514" t="str">
            <v>N</v>
          </cell>
        </row>
        <row r="515">
          <cell r="A515" t="str">
            <v>PPCC</v>
          </cell>
          <cell r="B515" t="str">
            <v>Gas O&amp;M</v>
          </cell>
          <cell r="C515" t="str">
            <v>Gas</v>
          </cell>
          <cell r="D515" t="str">
            <v>GO-PROPN</v>
          </cell>
          <cell r="E515" t="str">
            <v>Gas Operations - Propane Work, O&amp;M work</v>
          </cell>
          <cell r="F515" t="str">
            <v>PPCC</v>
          </cell>
          <cell r="G515" t="str">
            <v>Propane Code Compliance</v>
          </cell>
          <cell r="H515" t="str">
            <v>GO-PROPN \ PPCC</v>
          </cell>
          <cell r="I515"/>
          <cell r="J515" t="str">
            <v>PPCC</v>
          </cell>
          <cell r="K515" t="str">
            <v>X</v>
          </cell>
          <cell r="L515" t="str">
            <v>Propane Code Compliance</v>
          </cell>
          <cell r="M515" t="str">
            <v>N</v>
          </cell>
        </row>
        <row r="516">
          <cell r="A516" t="str">
            <v>PPCT</v>
          </cell>
          <cell r="B516" t="str">
            <v>Gas O&amp;M</v>
          </cell>
          <cell r="C516" t="str">
            <v>Gas</v>
          </cell>
          <cell r="D516" t="str">
            <v>GO-PROPN</v>
          </cell>
          <cell r="E516" t="str">
            <v>Gas Operations - Propane Work, O&amp;M work</v>
          </cell>
          <cell r="F516" t="str">
            <v>PPCT</v>
          </cell>
          <cell r="G516" t="str">
            <v>Propane Calibrate and Test</v>
          </cell>
          <cell r="H516" t="str">
            <v>GO-PROPN \ PPCT</v>
          </cell>
          <cell r="I516"/>
          <cell r="J516" t="str">
            <v>PPCT</v>
          </cell>
          <cell r="K516" t="str">
            <v>X</v>
          </cell>
          <cell r="L516" t="str">
            <v>Propane Calibrate and Test</v>
          </cell>
          <cell r="M516" t="str">
            <v>N</v>
          </cell>
        </row>
        <row r="517">
          <cell r="A517" t="str">
            <v>PPLRCK</v>
          </cell>
          <cell r="B517" t="str">
            <v>PD Capital</v>
          </cell>
          <cell r="C517" t="str">
            <v>Carolinas</v>
          </cell>
          <cell r="D517" t="str">
            <v>PD-INTGT</v>
          </cell>
          <cell r="E517" t="str">
            <v>Power Delivery - Integrity</v>
          </cell>
          <cell r="F517" t="str">
            <v>POLEPULLCK</v>
          </cell>
          <cell r="G517" t="str">
            <v>Pole Pull CK</v>
          </cell>
          <cell r="H517" t="str">
            <v>PD-INTGT \ POLEPULLCK</v>
          </cell>
          <cell r="I517" t="str">
            <v>PPL</v>
          </cell>
          <cell r="J517" t="str">
            <v>PPLRCK</v>
          </cell>
          <cell r="K517" t="str">
            <v>X</v>
          </cell>
          <cell r="L517" t="str">
            <v>Pole Pull CK</v>
          </cell>
          <cell r="M517" t="str">
            <v>N</v>
          </cell>
        </row>
        <row r="518">
          <cell r="A518" t="str">
            <v>PPLRNC</v>
          </cell>
          <cell r="B518" t="str">
            <v>PD Capital</v>
          </cell>
          <cell r="C518" t="str">
            <v>Carolinas</v>
          </cell>
          <cell r="D518" t="str">
            <v>PD-INTGT</v>
          </cell>
          <cell r="E518" t="str">
            <v>Power Delivery - Integrity</v>
          </cell>
          <cell r="F518" t="str">
            <v>POLEPULLNC</v>
          </cell>
          <cell r="G518" t="str">
            <v>Pole Pull NC</v>
          </cell>
          <cell r="H518" t="str">
            <v>PD-INTGT \ POLEPULLNC</v>
          </cell>
          <cell r="I518" t="str">
            <v>PPL</v>
          </cell>
          <cell r="J518" t="str">
            <v>PPLRNC</v>
          </cell>
          <cell r="K518" t="str">
            <v>X</v>
          </cell>
          <cell r="L518" t="str">
            <v>Pole Pull NC</v>
          </cell>
          <cell r="M518" t="str">
            <v>N</v>
          </cell>
        </row>
        <row r="519">
          <cell r="A519" t="str">
            <v>PPLRSC</v>
          </cell>
          <cell r="B519" t="str">
            <v>PD Capital</v>
          </cell>
          <cell r="C519" t="str">
            <v>Carolinas</v>
          </cell>
          <cell r="D519" t="str">
            <v>PD-INTGT</v>
          </cell>
          <cell r="E519" t="str">
            <v>Power Delivery - Integrity</v>
          </cell>
          <cell r="F519" t="str">
            <v>POLEPULLSC</v>
          </cell>
          <cell r="G519" t="str">
            <v>Pole Pull SC</v>
          </cell>
          <cell r="H519" t="str">
            <v>PD-INTGT \ POLEPULLSC</v>
          </cell>
          <cell r="I519" t="str">
            <v>PPL</v>
          </cell>
          <cell r="J519" t="str">
            <v>PPLRSC</v>
          </cell>
          <cell r="K519" t="str">
            <v>X</v>
          </cell>
          <cell r="L519" t="str">
            <v>Pole Pull SC</v>
          </cell>
          <cell r="M519" t="str">
            <v>N</v>
          </cell>
        </row>
        <row r="520">
          <cell r="A520" t="str">
            <v>PPMC</v>
          </cell>
          <cell r="B520" t="str">
            <v>Gas O&amp;M</v>
          </cell>
          <cell r="C520" t="str">
            <v>Gas</v>
          </cell>
          <cell r="D520" t="str">
            <v>GO-PROPN</v>
          </cell>
          <cell r="E520" t="str">
            <v>Gas Operations - Propane Work, O&amp;M work</v>
          </cell>
          <cell r="F520" t="str">
            <v>PPMC</v>
          </cell>
          <cell r="G520" t="str">
            <v>Propane Maintenance Corrective</v>
          </cell>
          <cell r="H520" t="str">
            <v>GO-PROPN \ PPMC</v>
          </cell>
          <cell r="I520"/>
          <cell r="J520" t="str">
            <v>PPMC</v>
          </cell>
          <cell r="K520" t="str">
            <v>X</v>
          </cell>
          <cell r="L520" t="str">
            <v>Propane Maintenance Corrective</v>
          </cell>
          <cell r="M520" t="str">
            <v>N</v>
          </cell>
        </row>
        <row r="521">
          <cell r="A521" t="str">
            <v>PPMP</v>
          </cell>
          <cell r="B521" t="str">
            <v>Gas O&amp;M</v>
          </cell>
          <cell r="C521" t="str">
            <v>Gas</v>
          </cell>
          <cell r="D521" t="str">
            <v>GO-PROPN</v>
          </cell>
          <cell r="E521" t="str">
            <v>Gas Operations - Propane Work, O&amp;M work</v>
          </cell>
          <cell r="F521" t="str">
            <v>PPMP</v>
          </cell>
          <cell r="G521" t="str">
            <v>Propane Maintenance Preventative</v>
          </cell>
          <cell r="H521" t="str">
            <v>GO-PROPN \ PPMP</v>
          </cell>
          <cell r="I521"/>
          <cell r="J521" t="str">
            <v>PPMP</v>
          </cell>
          <cell r="K521" t="str">
            <v>X</v>
          </cell>
          <cell r="L521" t="str">
            <v>Propane Maintenance Preventative</v>
          </cell>
          <cell r="M521" t="str">
            <v>N</v>
          </cell>
        </row>
        <row r="522">
          <cell r="A522" t="str">
            <v>PPOSE</v>
          </cell>
          <cell r="B522" t="str">
            <v>Gas O&amp;M</v>
          </cell>
          <cell r="C522" t="str">
            <v>Gas</v>
          </cell>
          <cell r="D522" t="str">
            <v>GO-PROPN</v>
          </cell>
          <cell r="E522" t="str">
            <v>Gas Operations - Propane Work, O&amp;M work</v>
          </cell>
          <cell r="F522" t="str">
            <v>PPOSE</v>
          </cell>
          <cell r="G522" t="str">
            <v>Propane Operate Equipment</v>
          </cell>
          <cell r="H522" t="str">
            <v>GO-PROPN \ PPOSE</v>
          </cell>
          <cell r="I522"/>
          <cell r="J522" t="str">
            <v>PPOSE</v>
          </cell>
          <cell r="K522" t="str">
            <v>X</v>
          </cell>
          <cell r="L522" t="str">
            <v>Propane Operate Equipment</v>
          </cell>
          <cell r="M522" t="str">
            <v>N</v>
          </cell>
        </row>
        <row r="523">
          <cell r="A523" t="str">
            <v>PQINS</v>
          </cell>
          <cell r="B523" t="str">
            <v>PD O&amp;M</v>
          </cell>
          <cell r="C523" t="str">
            <v>MW</v>
          </cell>
          <cell r="D523" t="str">
            <v>PD-PQ</v>
          </cell>
          <cell r="E523" t="str">
            <v>PQ Inquiries Investigation/Repair --voltage flucutations, equip</v>
          </cell>
          <cell r="F523" t="str">
            <v>PQ INQ</v>
          </cell>
          <cell r="G523" t="str">
            <v>PQ Inquiries Investigation/Repair --voltage flucutations, equip</v>
          </cell>
          <cell r="H523" t="str">
            <v>PD-PQ \ PQ INQ</v>
          </cell>
          <cell r="I523" t="str">
            <v>PQINS</v>
          </cell>
          <cell r="J523" t="str">
            <v>PQINS</v>
          </cell>
          <cell r="K523" t="str">
            <v>X</v>
          </cell>
          <cell r="L523" t="str">
            <v>PQ Inquiries Investigation/Repair --voltage flucutations, equip</v>
          </cell>
          <cell r="M523" t="str">
            <v>N</v>
          </cell>
        </row>
        <row r="524">
          <cell r="A524" t="str">
            <v>PRDIN</v>
          </cell>
          <cell r="B524" t="str">
            <v>PD Capital</v>
          </cell>
          <cell r="C524" t="str">
            <v>MW</v>
          </cell>
          <cell r="D524" t="str">
            <v>PD-INTGT</v>
          </cell>
          <cell r="E524" t="str">
            <v>Power Delivery - Integrity</v>
          </cell>
          <cell r="F524" t="str">
            <v>POLERPODIN</v>
          </cell>
          <cell r="G524" t="str">
            <v>Distribution Poles replaced not related to Ground Line Insp, ie. broken, car wreck, deteriorated IN</v>
          </cell>
          <cell r="H524" t="str">
            <v>PD-INTGT \ POLERPODIN</v>
          </cell>
          <cell r="I524" t="str">
            <v>CSI</v>
          </cell>
          <cell r="J524" t="str">
            <v>PRDIN</v>
          </cell>
          <cell r="K524" t="str">
            <v>I</v>
          </cell>
          <cell r="L524" t="str">
            <v>Distribution Poles replaced not related to Ground Line Insp, ie. broken, car wreck, deteriorated IN</v>
          </cell>
          <cell r="M524" t="str">
            <v>N</v>
          </cell>
        </row>
        <row r="525">
          <cell r="A525" t="str">
            <v>PRDKY</v>
          </cell>
          <cell r="B525" t="str">
            <v>PD Capital</v>
          </cell>
          <cell r="C525" t="str">
            <v>MW</v>
          </cell>
          <cell r="D525" t="str">
            <v>PD-INTGT</v>
          </cell>
          <cell r="E525" t="str">
            <v>Power Delivery - Integrity</v>
          </cell>
          <cell r="F525" t="str">
            <v>POLERPODKY</v>
          </cell>
          <cell r="G525" t="str">
            <v>Distribution Poles replaced not related to Ground Line Insp, ie. broken, car wreck, deteriorated KY</v>
          </cell>
          <cell r="H525" t="str">
            <v>PD-INTGT \ POLERPODKY</v>
          </cell>
          <cell r="I525" t="str">
            <v>CSI</v>
          </cell>
          <cell r="J525" t="str">
            <v>PRDKY</v>
          </cell>
          <cell r="K525" t="str">
            <v>I</v>
          </cell>
          <cell r="L525" t="str">
            <v>Distribution Poles replaced not related to Ground Line Insp, ie. broken, car wreck, deteriorated KY</v>
          </cell>
          <cell r="M525" t="str">
            <v>N</v>
          </cell>
        </row>
        <row r="526">
          <cell r="A526" t="str">
            <v>PRDOH</v>
          </cell>
          <cell r="B526" t="str">
            <v>PD Capital</v>
          </cell>
          <cell r="C526" t="str">
            <v>MW</v>
          </cell>
          <cell r="D526" t="str">
            <v>PD-INTGT</v>
          </cell>
          <cell r="E526" t="str">
            <v>Power Delivery - Integrity</v>
          </cell>
          <cell r="F526" t="str">
            <v>POLERPODOH</v>
          </cell>
          <cell r="G526" t="str">
            <v>Distribution Poles replaced not related to Ground Line Insp, ie. broken, car wreck, deteriorated OH</v>
          </cell>
          <cell r="H526" t="str">
            <v>PD-INTGT \ POLERPODOH</v>
          </cell>
          <cell r="I526" t="str">
            <v>CSI</v>
          </cell>
          <cell r="J526" t="str">
            <v>PRDOH</v>
          </cell>
          <cell r="K526" t="str">
            <v>I</v>
          </cell>
          <cell r="L526" t="str">
            <v>Distribution Poles replaced not related to Ground Line Insp, ie. broken, car wreck, deteriorated OH</v>
          </cell>
          <cell r="M526" t="str">
            <v>N</v>
          </cell>
        </row>
        <row r="527">
          <cell r="A527" t="str">
            <v>PREMRETCM</v>
          </cell>
          <cell r="B527" t="str">
            <v>Gas O&amp;M</v>
          </cell>
          <cell r="C527" t="str">
            <v>Gas</v>
          </cell>
          <cell r="D527" t="str">
            <v>GO-PREMW</v>
          </cell>
          <cell r="E527" t="str">
            <v>Gas Operations - Premise Work</v>
          </cell>
          <cell r="F527" t="str">
            <v>PREMRETCM</v>
          </cell>
          <cell r="G527" t="str">
            <v>Abandon Service C-M Customer Owned</v>
          </cell>
          <cell r="H527" t="str">
            <v>GO-PREMW \ PREMRETCM</v>
          </cell>
          <cell r="I527"/>
          <cell r="J527" t="str">
            <v>PREMRETCM</v>
          </cell>
          <cell r="K527" t="str">
            <v>X</v>
          </cell>
          <cell r="L527" t="str">
            <v>Abandon Service C-M Customer Owned</v>
          </cell>
          <cell r="M527" t="str">
            <v>N</v>
          </cell>
        </row>
        <row r="528">
          <cell r="A528" t="str">
            <v>PRTIN</v>
          </cell>
          <cell r="B528" t="str">
            <v>PD Capital</v>
          </cell>
          <cell r="C528" t="str">
            <v>MW</v>
          </cell>
          <cell r="D528" t="str">
            <v>PD-INTGT</v>
          </cell>
          <cell r="E528" t="str">
            <v>Power Delivery - Integrity</v>
          </cell>
          <cell r="F528" t="str">
            <v>POLERPOTIN</v>
          </cell>
          <cell r="G528" t="str">
            <v>Pole Replacement Other T - IN</v>
          </cell>
          <cell r="H528" t="str">
            <v>PD-INTGT \ POLERPOTIN</v>
          </cell>
          <cell r="I528" t="str">
            <v>TPPOLE</v>
          </cell>
          <cell r="J528" t="str">
            <v>PRTIN</v>
          </cell>
          <cell r="K528" t="str">
            <v>I</v>
          </cell>
          <cell r="L528" t="str">
            <v>Pole Replacement Other T - IN</v>
          </cell>
          <cell r="M528" t="str">
            <v>N</v>
          </cell>
        </row>
        <row r="529">
          <cell r="A529" t="str">
            <v>PRTKY</v>
          </cell>
          <cell r="B529" t="str">
            <v>PD Capital</v>
          </cell>
          <cell r="C529" t="str">
            <v>MW</v>
          </cell>
          <cell r="D529" t="str">
            <v>PD-INTGT</v>
          </cell>
          <cell r="E529" t="str">
            <v>Power Delivery - Integrity</v>
          </cell>
          <cell r="F529" t="str">
            <v>POLERPOTKY</v>
          </cell>
          <cell r="G529" t="str">
            <v>Pole Replacement Other T - KY</v>
          </cell>
          <cell r="H529" t="str">
            <v>PD-INTGT \ POLERPOTKY</v>
          </cell>
          <cell r="I529" t="str">
            <v>TPPOLE</v>
          </cell>
          <cell r="J529" t="str">
            <v>PRTKY</v>
          </cell>
          <cell r="K529" t="str">
            <v>I</v>
          </cell>
          <cell r="L529" t="str">
            <v>Pole Replacement Other T - KY</v>
          </cell>
          <cell r="M529" t="str">
            <v>N</v>
          </cell>
        </row>
        <row r="530">
          <cell r="A530" t="str">
            <v>PRTOH</v>
          </cell>
          <cell r="B530" t="str">
            <v>PD Capital</v>
          </cell>
          <cell r="C530" t="str">
            <v>MW</v>
          </cell>
          <cell r="D530" t="str">
            <v>PD-INTGT</v>
          </cell>
          <cell r="E530" t="str">
            <v>Power Delivery - Integrity</v>
          </cell>
          <cell r="F530" t="str">
            <v>POLERPOTOH</v>
          </cell>
          <cell r="G530" t="str">
            <v>Pole Replacement Other T - OH</v>
          </cell>
          <cell r="H530" t="str">
            <v>PD-INTGT \ POLERPOTOH</v>
          </cell>
          <cell r="I530" t="str">
            <v>TPPOLE</v>
          </cell>
          <cell r="J530" t="str">
            <v>PRTOH</v>
          </cell>
          <cell r="K530" t="str">
            <v>I</v>
          </cell>
          <cell r="L530" t="str">
            <v>Pole Replacement Other T - OH</v>
          </cell>
          <cell r="M530" t="str">
            <v>N</v>
          </cell>
        </row>
        <row r="531">
          <cell r="A531" t="str">
            <v>RBATMMO</v>
          </cell>
          <cell r="B531" t="str">
            <v>PD O&amp;M</v>
          </cell>
          <cell r="C531" t="str">
            <v>MW</v>
          </cell>
          <cell r="D531" t="str">
            <v>PD-RBAT</v>
          </cell>
          <cell r="E531" t="e">
            <v>#N/A</v>
          </cell>
          <cell r="F531" t="str">
            <v>MOD</v>
          </cell>
          <cell r="G531" t="e">
            <v>#N/A</v>
          </cell>
          <cell r="H531" t="str">
            <v>PD-RBAT \ MOD</v>
          </cell>
          <cell r="I531" t="str">
            <v>BATMO</v>
          </cell>
          <cell r="J531" t="str">
            <v>RBATMMO</v>
          </cell>
          <cell r="K531" t="str">
            <v>X</v>
          </cell>
          <cell r="L531" t="str">
            <v>Modification</v>
          </cell>
          <cell r="M531" t="str">
            <v>N</v>
          </cell>
        </row>
        <row r="532">
          <cell r="A532" t="str">
            <v>RBATMMO</v>
          </cell>
          <cell r="B532" t="str">
            <v>PD O&amp;M</v>
          </cell>
          <cell r="C532" t="str">
            <v>MW</v>
          </cell>
          <cell r="D532" t="str">
            <v>PD-RCHG</v>
          </cell>
          <cell r="E532" t="e">
            <v>#N/A</v>
          </cell>
          <cell r="F532" t="str">
            <v>MOD</v>
          </cell>
          <cell r="G532" t="e">
            <v>#N/A</v>
          </cell>
          <cell r="H532" t="str">
            <v>PD-RCHG \ MOD</v>
          </cell>
          <cell r="I532" t="str">
            <v>BATMO</v>
          </cell>
          <cell r="J532" t="str">
            <v>RBATMMO</v>
          </cell>
          <cell r="K532" t="str">
            <v>X</v>
          </cell>
          <cell r="L532" t="str">
            <v>Modification</v>
          </cell>
          <cell r="M532" t="str">
            <v>N</v>
          </cell>
        </row>
        <row r="533">
          <cell r="A533" t="str">
            <v>RBATMPM</v>
          </cell>
          <cell r="B533" t="str">
            <v>PD O&amp;M</v>
          </cell>
          <cell r="C533" t="str">
            <v>MW</v>
          </cell>
          <cell r="D533" t="str">
            <v>PD-RBAT</v>
          </cell>
          <cell r="E533" t="e">
            <v>#N/A</v>
          </cell>
          <cell r="F533" t="str">
            <v>PM</v>
          </cell>
          <cell r="G533" t="e">
            <v>#N/A</v>
          </cell>
          <cell r="H533" t="str">
            <v>PD-RBAT \ PM</v>
          </cell>
          <cell r="I533" t="str">
            <v>BATPM</v>
          </cell>
          <cell r="J533" t="str">
            <v>RBATMPM</v>
          </cell>
          <cell r="K533" t="str">
            <v>X</v>
          </cell>
          <cell r="L533" t="str">
            <v>Preventative Maintenance</v>
          </cell>
          <cell r="M533" t="str">
            <v>N</v>
          </cell>
        </row>
        <row r="534">
          <cell r="A534" t="str">
            <v>RBATMPM</v>
          </cell>
          <cell r="B534" t="str">
            <v>PD O&amp;M</v>
          </cell>
          <cell r="C534" t="str">
            <v>MW</v>
          </cell>
          <cell r="D534" t="str">
            <v>PD-RCHG</v>
          </cell>
          <cell r="E534" t="e">
            <v>#N/A</v>
          </cell>
          <cell r="F534" t="str">
            <v>PM</v>
          </cell>
          <cell r="G534" t="e">
            <v>#N/A</v>
          </cell>
          <cell r="H534" t="str">
            <v>PD-RCHG \ PM</v>
          </cell>
          <cell r="I534" t="str">
            <v>BATPM</v>
          </cell>
          <cell r="J534" t="str">
            <v>RBATMPM</v>
          </cell>
          <cell r="K534" t="str">
            <v>X</v>
          </cell>
          <cell r="L534" t="str">
            <v>Preventative Maintenance</v>
          </cell>
          <cell r="M534" t="str">
            <v>N</v>
          </cell>
        </row>
        <row r="535">
          <cell r="A535" t="str">
            <v>RBATMRPR</v>
          </cell>
          <cell r="B535" t="str">
            <v>PD O&amp;M</v>
          </cell>
          <cell r="C535" t="str">
            <v>MW</v>
          </cell>
          <cell r="D535" t="str">
            <v>PD-RBAT</v>
          </cell>
          <cell r="E535" t="e">
            <v>#N/A</v>
          </cell>
          <cell r="F535" t="str">
            <v>RPR</v>
          </cell>
          <cell r="G535" t="e">
            <v>#N/A</v>
          </cell>
          <cell r="H535" t="str">
            <v>PD-RBAT \ RPR</v>
          </cell>
          <cell r="I535" t="str">
            <v>BATRP</v>
          </cell>
          <cell r="J535" t="str">
            <v>RBATMRPR</v>
          </cell>
          <cell r="K535" t="str">
            <v>X</v>
          </cell>
          <cell r="L535" t="str">
            <v>Repair</v>
          </cell>
          <cell r="M535" t="str">
            <v>N</v>
          </cell>
        </row>
        <row r="536">
          <cell r="A536" t="str">
            <v>RBATMRPR</v>
          </cell>
          <cell r="B536" t="str">
            <v>PD O&amp;M</v>
          </cell>
          <cell r="C536" t="str">
            <v>MW</v>
          </cell>
          <cell r="D536" t="str">
            <v>PD-RCHG</v>
          </cell>
          <cell r="E536" t="e">
            <v>#N/A</v>
          </cell>
          <cell r="F536" t="str">
            <v>RPR</v>
          </cell>
          <cell r="G536" t="e">
            <v>#N/A</v>
          </cell>
          <cell r="H536" t="str">
            <v>PD-RCHG \ RPR</v>
          </cell>
          <cell r="I536" t="str">
            <v>BATRP</v>
          </cell>
          <cell r="J536" t="str">
            <v>RBATMRPR</v>
          </cell>
          <cell r="K536" t="str">
            <v>X</v>
          </cell>
          <cell r="L536" t="str">
            <v>Repair</v>
          </cell>
          <cell r="M536" t="str">
            <v>N</v>
          </cell>
        </row>
        <row r="537">
          <cell r="A537" t="str">
            <v>RBRKMMO</v>
          </cell>
          <cell r="B537" t="str">
            <v>PD O&amp;M</v>
          </cell>
          <cell r="C537" t="str">
            <v>MW</v>
          </cell>
          <cell r="D537" t="str">
            <v>PD-RBRK</v>
          </cell>
          <cell r="E537" t="e">
            <v>#N/A</v>
          </cell>
          <cell r="F537" t="str">
            <v>MOD</v>
          </cell>
          <cell r="G537" t="e">
            <v>#N/A</v>
          </cell>
          <cell r="H537" t="str">
            <v>PD-RBRK \ MOD</v>
          </cell>
          <cell r="I537" t="str">
            <v>BRKMO</v>
          </cell>
          <cell r="J537" t="str">
            <v>RBRKMMO</v>
          </cell>
          <cell r="K537" t="str">
            <v>X</v>
          </cell>
          <cell r="L537" t="str">
            <v>Modification</v>
          </cell>
          <cell r="M537" t="str">
            <v>N</v>
          </cell>
        </row>
        <row r="538">
          <cell r="A538" t="str">
            <v>RBRKMPM</v>
          </cell>
          <cell r="B538" t="str">
            <v>PD O&amp;M</v>
          </cell>
          <cell r="C538" t="str">
            <v>MW</v>
          </cell>
          <cell r="D538" t="str">
            <v>PD-RBRK</v>
          </cell>
          <cell r="E538" t="e">
            <v>#N/A</v>
          </cell>
          <cell r="F538" t="str">
            <v>PM</v>
          </cell>
          <cell r="G538" t="e">
            <v>#N/A</v>
          </cell>
          <cell r="H538" t="str">
            <v>PD-RBRK \ PM</v>
          </cell>
          <cell r="I538" t="str">
            <v>BRKPM</v>
          </cell>
          <cell r="J538" t="str">
            <v>RBRKMPM</v>
          </cell>
          <cell r="K538" t="str">
            <v>X</v>
          </cell>
          <cell r="L538" t="str">
            <v>Preventative Maintenance</v>
          </cell>
          <cell r="M538" t="str">
            <v>N</v>
          </cell>
        </row>
        <row r="539">
          <cell r="A539" t="str">
            <v>RBRKMRPR</v>
          </cell>
          <cell r="B539" t="str">
            <v>PD O&amp;M</v>
          </cell>
          <cell r="C539" t="str">
            <v>MW</v>
          </cell>
          <cell r="D539" t="str">
            <v>PD-RBRK</v>
          </cell>
          <cell r="E539" t="e">
            <v>#N/A</v>
          </cell>
          <cell r="F539" t="str">
            <v>RPR</v>
          </cell>
          <cell r="G539" t="e">
            <v>#N/A</v>
          </cell>
          <cell r="H539" t="str">
            <v>PD-RBRK \ RPR</v>
          </cell>
          <cell r="I539" t="str">
            <v>BRKRP</v>
          </cell>
          <cell r="J539" t="str">
            <v>RBRKMRPR</v>
          </cell>
          <cell r="K539" t="str">
            <v>X</v>
          </cell>
          <cell r="L539" t="str">
            <v>Repair</v>
          </cell>
          <cell r="M539" t="str">
            <v>N</v>
          </cell>
        </row>
        <row r="540">
          <cell r="A540" t="str">
            <v>RCAPMMO</v>
          </cell>
          <cell r="B540" t="str">
            <v>PD O&amp;M</v>
          </cell>
          <cell r="C540" t="str">
            <v>MW</v>
          </cell>
          <cell r="D540" t="str">
            <v>PD-RCAP</v>
          </cell>
          <cell r="E540" t="e">
            <v>#N/A</v>
          </cell>
          <cell r="F540" t="str">
            <v>MOD</v>
          </cell>
          <cell r="G540" t="e">
            <v>#N/A</v>
          </cell>
          <cell r="H540" t="str">
            <v>PD-RCAP \ MOD</v>
          </cell>
          <cell r="I540" t="str">
            <v>CAPMO</v>
          </cell>
          <cell r="J540" t="str">
            <v>RCAPMMO</v>
          </cell>
          <cell r="K540" t="str">
            <v>X</v>
          </cell>
          <cell r="L540" t="str">
            <v>Modification</v>
          </cell>
          <cell r="M540" t="str">
            <v>N</v>
          </cell>
        </row>
        <row r="541">
          <cell r="A541" t="str">
            <v>RCAPMPM</v>
          </cell>
          <cell r="B541" t="str">
            <v>PD O&amp;M</v>
          </cell>
          <cell r="C541" t="str">
            <v>MW</v>
          </cell>
          <cell r="D541" t="str">
            <v>PD-DSUBCAP</v>
          </cell>
          <cell r="E541" t="str">
            <v>MW Distribution Sub Capacitors - Insp &amp; Maint</v>
          </cell>
          <cell r="F541" t="str">
            <v>INSPMT</v>
          </cell>
          <cell r="G541" t="str">
            <v>Inspection and Maintenance</v>
          </cell>
          <cell r="H541" t="str">
            <v>PD-DSUBCAP \ INSPMT</v>
          </cell>
          <cell r="I541" t="str">
            <v>CAPPM</v>
          </cell>
          <cell r="J541" t="str">
            <v>RCAPMPM</v>
          </cell>
          <cell r="K541" t="str">
            <v>X</v>
          </cell>
          <cell r="L541" t="str">
            <v>Inspection and Maintenance</v>
          </cell>
          <cell r="M541" t="str">
            <v>N</v>
          </cell>
        </row>
        <row r="542">
          <cell r="A542" t="str">
            <v>RCAPMPM</v>
          </cell>
          <cell r="B542" t="str">
            <v>PD O&amp;M</v>
          </cell>
          <cell r="C542" t="str">
            <v>MW</v>
          </cell>
          <cell r="D542" t="str">
            <v>PD-RCAP</v>
          </cell>
          <cell r="E542" t="e">
            <v>#N/A</v>
          </cell>
          <cell r="F542" t="str">
            <v>PM</v>
          </cell>
          <cell r="G542" t="e">
            <v>#N/A</v>
          </cell>
          <cell r="H542" t="str">
            <v>PD-RCAP \ PM</v>
          </cell>
          <cell r="I542" t="str">
            <v>CAPPM</v>
          </cell>
          <cell r="J542" t="str">
            <v>RCAPMPM</v>
          </cell>
          <cell r="K542" t="str">
            <v>X</v>
          </cell>
          <cell r="L542" t="str">
            <v>Preventative Maintenance</v>
          </cell>
          <cell r="M542" t="str">
            <v>N</v>
          </cell>
        </row>
        <row r="543">
          <cell r="A543" t="str">
            <v>RCAPMRPR</v>
          </cell>
          <cell r="B543" t="str">
            <v>PD O&amp;M</v>
          </cell>
          <cell r="C543" t="str">
            <v>MW</v>
          </cell>
          <cell r="D543" t="str">
            <v>PD-DSUBCAPR</v>
          </cell>
          <cell r="E543" t="str">
            <v>MW Distribution Sub Capacitors - Repair</v>
          </cell>
          <cell r="F543" t="str">
            <v>REPAIR</v>
          </cell>
          <cell r="G543" t="str">
            <v>Repair</v>
          </cell>
          <cell r="H543" t="str">
            <v>PD-DSUBCAPR \ REPAIR</v>
          </cell>
          <cell r="I543" t="str">
            <v>CAPRP</v>
          </cell>
          <cell r="J543" t="str">
            <v>RCAPMRPR</v>
          </cell>
          <cell r="K543" t="str">
            <v>X</v>
          </cell>
          <cell r="L543" t="str">
            <v>Repair</v>
          </cell>
          <cell r="M543" t="str">
            <v>N</v>
          </cell>
        </row>
        <row r="544">
          <cell r="A544" t="str">
            <v>RCAPMRPR</v>
          </cell>
          <cell r="B544" t="str">
            <v>PD O&amp;M</v>
          </cell>
          <cell r="C544" t="str">
            <v>MW</v>
          </cell>
          <cell r="D544" t="str">
            <v>PD-RCAP</v>
          </cell>
          <cell r="E544" t="e">
            <v>#N/A</v>
          </cell>
          <cell r="F544" t="str">
            <v>RPR</v>
          </cell>
          <cell r="G544" t="e">
            <v>#N/A</v>
          </cell>
          <cell r="H544" t="str">
            <v>PD-RCAP \ RPR</v>
          </cell>
          <cell r="I544" t="str">
            <v>CAPRP</v>
          </cell>
          <cell r="J544" t="str">
            <v>RCAPMRPR</v>
          </cell>
          <cell r="K544" t="str">
            <v>X</v>
          </cell>
          <cell r="L544" t="str">
            <v>Repair</v>
          </cell>
          <cell r="M544" t="str">
            <v>N</v>
          </cell>
        </row>
        <row r="545">
          <cell r="A545" t="str">
            <v>RCLIN</v>
          </cell>
          <cell r="B545" t="str">
            <v>PD Capital</v>
          </cell>
          <cell r="C545" t="str">
            <v>MW</v>
          </cell>
          <cell r="D545" t="str">
            <v>PD-RELIA</v>
          </cell>
          <cell r="E545" t="str">
            <v>Power Delivery - Reliability</v>
          </cell>
          <cell r="F545" t="str">
            <v>RECLOSERIN</v>
          </cell>
          <cell r="G545" t="str">
            <v>Changeout of reclosers as a ‘Program’ IN</v>
          </cell>
          <cell r="H545" t="str">
            <v>PD-RELIA \ RECLOSERIN</v>
          </cell>
          <cell r="I545" t="str">
            <v>RRR</v>
          </cell>
          <cell r="J545" t="str">
            <v>RCLIN</v>
          </cell>
          <cell r="K545" t="str">
            <v>I</v>
          </cell>
          <cell r="L545" t="str">
            <v>Changeout of reclosers as a Program IN</v>
          </cell>
          <cell r="M545" t="str">
            <v>N</v>
          </cell>
        </row>
        <row r="546">
          <cell r="A546" t="str">
            <v>RCLKY</v>
          </cell>
          <cell r="B546" t="str">
            <v>PD Capital</v>
          </cell>
          <cell r="C546" t="str">
            <v>MW</v>
          </cell>
          <cell r="D546" t="str">
            <v>PD-RELIA</v>
          </cell>
          <cell r="E546" t="str">
            <v>Power Delivery - Reliability</v>
          </cell>
          <cell r="F546" t="str">
            <v>RECLOSERKY</v>
          </cell>
          <cell r="G546" t="str">
            <v>Changeout of reclosers as a ‘Program’ KY</v>
          </cell>
          <cell r="H546" t="str">
            <v>PD-RELIA \ RECLOSERKY</v>
          </cell>
          <cell r="I546" t="str">
            <v>RRR</v>
          </cell>
          <cell r="J546" t="str">
            <v>RCLKY</v>
          </cell>
          <cell r="K546" t="str">
            <v>I</v>
          </cell>
          <cell r="L546" t="str">
            <v>Changeout of reclosers as a Program KY</v>
          </cell>
          <cell r="M546" t="str">
            <v>N</v>
          </cell>
        </row>
        <row r="547">
          <cell r="A547" t="str">
            <v>RCLOH</v>
          </cell>
          <cell r="B547" t="str">
            <v>PD Capital</v>
          </cell>
          <cell r="C547" t="str">
            <v>MW</v>
          </cell>
          <cell r="D547" t="str">
            <v>PD-RELIA</v>
          </cell>
          <cell r="E547" t="str">
            <v>Power Delivery - Reliability</v>
          </cell>
          <cell r="F547" t="str">
            <v>RECLOSEROH</v>
          </cell>
          <cell r="G547" t="str">
            <v>Changeout of reclosers as a ‘Program’ OH</v>
          </cell>
          <cell r="H547" t="str">
            <v>PD-RELIA \ RECLOSEROH</v>
          </cell>
          <cell r="I547" t="str">
            <v>RRR</v>
          </cell>
          <cell r="J547" t="str">
            <v>RCLOH</v>
          </cell>
          <cell r="K547" t="str">
            <v>I</v>
          </cell>
          <cell r="L547" t="str">
            <v>Changeout of reclosers as a Program OH</v>
          </cell>
          <cell r="M547" t="str">
            <v>N</v>
          </cell>
        </row>
        <row r="548">
          <cell r="A548" t="str">
            <v>RCTICK</v>
          </cell>
          <cell r="B548" t="str">
            <v>PD Capital</v>
          </cell>
          <cell r="C548" t="str">
            <v>Carolinas</v>
          </cell>
          <cell r="D548" t="str">
            <v>PD-RELIA</v>
          </cell>
          <cell r="E548" t="str">
            <v>Power Delivery - Reliability</v>
          </cell>
          <cell r="F548" t="str">
            <v>SIEMENCK</v>
          </cell>
          <cell r="G548" t="str">
            <v>Siemen's Regulator Replacements CK</v>
          </cell>
          <cell r="H548" t="str">
            <v>PD-RELIA \ SIEMENCK</v>
          </cell>
          <cell r="I548" t="str">
            <v>RCT</v>
          </cell>
          <cell r="J548" t="str">
            <v>RCTICK</v>
          </cell>
          <cell r="K548" t="str">
            <v>X</v>
          </cell>
          <cell r="L548" t="str">
            <v>Siemen''s Regulator Replacements CK</v>
          </cell>
          <cell r="M548" t="str">
            <v>N</v>
          </cell>
        </row>
        <row r="549">
          <cell r="A549" t="str">
            <v>RCTINC</v>
          </cell>
          <cell r="B549" t="str">
            <v>PD Capital</v>
          </cell>
          <cell r="C549" t="str">
            <v>Carolinas</v>
          </cell>
          <cell r="D549" t="str">
            <v>PD-RELIA</v>
          </cell>
          <cell r="E549" t="str">
            <v>Power Delivery - Reliability</v>
          </cell>
          <cell r="F549" t="str">
            <v>SIEMENNC</v>
          </cell>
          <cell r="G549" t="str">
            <v>Siemen's Regulator Replacements NC</v>
          </cell>
          <cell r="H549" t="str">
            <v>PD-RELIA \ SIEMENNC</v>
          </cell>
          <cell r="I549" t="str">
            <v>RCT</v>
          </cell>
          <cell r="J549" t="str">
            <v>RCTINC</v>
          </cell>
          <cell r="K549" t="str">
            <v>X</v>
          </cell>
          <cell r="L549" t="str">
            <v>Siemen''s Regulator Replacements NC</v>
          </cell>
          <cell r="M549" t="str">
            <v>N</v>
          </cell>
        </row>
        <row r="550">
          <cell r="A550" t="str">
            <v>RCTISC</v>
          </cell>
          <cell r="B550" t="str">
            <v>PD Capital</v>
          </cell>
          <cell r="C550" t="str">
            <v>Carolinas</v>
          </cell>
          <cell r="D550" t="str">
            <v>PD-RELIA</v>
          </cell>
          <cell r="E550" t="str">
            <v>Power Delivery - Reliability</v>
          </cell>
          <cell r="F550" t="str">
            <v>SIEMENSC</v>
          </cell>
          <cell r="G550" t="str">
            <v>Siemen's Regulator Replacements SC</v>
          </cell>
          <cell r="H550" t="str">
            <v>PD-RELIA \ SIEMENSC</v>
          </cell>
          <cell r="I550" t="str">
            <v>RCT</v>
          </cell>
          <cell r="J550" t="str">
            <v>RCTISC</v>
          </cell>
          <cell r="K550" t="str">
            <v>X</v>
          </cell>
          <cell r="L550" t="str">
            <v>Siemen''s Regulator Replacements SC</v>
          </cell>
          <cell r="M550" t="str">
            <v>N</v>
          </cell>
        </row>
        <row r="551">
          <cell r="A551" t="str">
            <v>RCVICK</v>
          </cell>
          <cell r="B551" t="str">
            <v>PD Capital</v>
          </cell>
          <cell r="C551" t="str">
            <v>Carolinas</v>
          </cell>
          <cell r="D551" t="str">
            <v>PD-SCAP</v>
          </cell>
          <cell r="E551" t="str">
            <v>Power Delivery - System Capacity</v>
          </cell>
          <cell r="F551" t="str">
            <v>CAPAC CK</v>
          </cell>
          <cell r="G551" t="str">
            <v>Install New capacitors determined by studies or for increases to existing capacitor KVARs CK</v>
          </cell>
          <cell r="H551" t="str">
            <v>PD-SCAP \ CAPAC CK</v>
          </cell>
          <cell r="I551" t="str">
            <v>RCV</v>
          </cell>
          <cell r="J551" t="str">
            <v>RCVICK</v>
          </cell>
          <cell r="K551" t="str">
            <v>X</v>
          </cell>
          <cell r="L551" t="str">
            <v>Install New capacitors determined by studies or for increases to existing capacitor KVARs CK</v>
          </cell>
          <cell r="M551" t="str">
            <v>N</v>
          </cell>
        </row>
        <row r="552">
          <cell r="A552" t="str">
            <v>RCVINC</v>
          </cell>
          <cell r="B552" t="str">
            <v>PD Capital</v>
          </cell>
          <cell r="C552" t="str">
            <v>Carolinas</v>
          </cell>
          <cell r="D552" t="str">
            <v>PD-SCAP</v>
          </cell>
          <cell r="E552" t="str">
            <v>Power Delivery - System Capacity</v>
          </cell>
          <cell r="F552" t="str">
            <v>CAPAC NC</v>
          </cell>
          <cell r="G552" t="str">
            <v>Install New capacitors determined by studies or for increases to existing capacitor KVARs NC</v>
          </cell>
          <cell r="H552" t="str">
            <v>PD-SCAP \ CAPAC NC</v>
          </cell>
          <cell r="I552" t="str">
            <v>RCV</v>
          </cell>
          <cell r="J552" t="str">
            <v>RCVINC</v>
          </cell>
          <cell r="K552" t="str">
            <v>X</v>
          </cell>
          <cell r="L552" t="str">
            <v>Install New capacitors determined by studies or for increases to existing capacitor KVARs NC</v>
          </cell>
          <cell r="M552" t="str">
            <v>N</v>
          </cell>
        </row>
        <row r="553">
          <cell r="A553" t="str">
            <v>RCVISC</v>
          </cell>
          <cell r="B553" t="str">
            <v>PD Capital</v>
          </cell>
          <cell r="C553" t="str">
            <v>Carolinas</v>
          </cell>
          <cell r="D553" t="str">
            <v>PD-SCAP</v>
          </cell>
          <cell r="E553" t="str">
            <v>Power Delivery - System Capacity</v>
          </cell>
          <cell r="F553" t="str">
            <v>CAPAC SC</v>
          </cell>
          <cell r="G553" t="str">
            <v>Install New capacitors determined by studies or for increases to existing capacitor KVARs SC</v>
          </cell>
          <cell r="H553" t="str">
            <v>PD-SCAP \ CAPAC SC</v>
          </cell>
          <cell r="I553" t="str">
            <v>RCV</v>
          </cell>
          <cell r="J553" t="str">
            <v>RCVISC</v>
          </cell>
          <cell r="K553" t="str">
            <v>X</v>
          </cell>
          <cell r="L553" t="str">
            <v>Install New capacitors determined by studies or for increases to existing capacitor KVARs SC</v>
          </cell>
          <cell r="M553" t="str">
            <v>N</v>
          </cell>
        </row>
        <row r="554">
          <cell r="A554" t="str">
            <v>RECOM</v>
          </cell>
          <cell r="B554" t="str">
            <v>PD O&amp;M</v>
          </cell>
          <cell r="C554" t="str">
            <v>MW</v>
          </cell>
          <cell r="D554" t="str">
            <v>PD-RECLDISP</v>
          </cell>
          <cell r="E554" t="str">
            <v>Distribution Recloser Inspection &amp; Maintenance</v>
          </cell>
          <cell r="F554" t="str">
            <v>DINSPMT</v>
          </cell>
          <cell r="G554" t="str">
            <v>Inspection &amp; Maintenance - Distribution</v>
          </cell>
          <cell r="H554" t="str">
            <v>PD-RECLDISP \ DINSPMT</v>
          </cell>
          <cell r="I554" t="str">
            <v>RECOM</v>
          </cell>
          <cell r="J554" t="str">
            <v>RECOM</v>
          </cell>
          <cell r="K554" t="str">
            <v>X</v>
          </cell>
          <cell r="L554" t="str">
            <v>Inspection &amp; Maintenance - Distribution</v>
          </cell>
          <cell r="M554" t="str">
            <v>N</v>
          </cell>
        </row>
        <row r="555">
          <cell r="A555" t="str">
            <v>REGIN</v>
          </cell>
          <cell r="B555" t="str">
            <v>PD Capital</v>
          </cell>
          <cell r="C555" t="str">
            <v>MW</v>
          </cell>
          <cell r="D555" t="str">
            <v>PD-RELIA</v>
          </cell>
          <cell r="E555" t="str">
            <v>Power Delivery - Reliability</v>
          </cell>
          <cell r="F555" t="str">
            <v>REGUL IN</v>
          </cell>
          <cell r="G555" t="str">
            <v>Changeout of regulators as a ‘Program’ IN</v>
          </cell>
          <cell r="H555" t="str">
            <v>PD-RELIA \ REGUL IN</v>
          </cell>
          <cell r="I555"/>
          <cell r="J555" t="str">
            <v>REGIN</v>
          </cell>
          <cell r="K555" t="str">
            <v>I</v>
          </cell>
          <cell r="L555" t="str">
            <v>Changeout of regulators as a Program IN</v>
          </cell>
          <cell r="M555" t="str">
            <v>N</v>
          </cell>
        </row>
        <row r="556">
          <cell r="A556" t="str">
            <v>REGIN</v>
          </cell>
          <cell r="B556" t="str">
            <v>PD Capital</v>
          </cell>
          <cell r="C556" t="str">
            <v>MW</v>
          </cell>
          <cell r="D556" t="str">
            <v>PD-RELIA</v>
          </cell>
          <cell r="E556" t="str">
            <v>Power Delivery - Reliability</v>
          </cell>
          <cell r="F556" t="str">
            <v>SIEMENIN</v>
          </cell>
          <cell r="G556" t="str">
            <v>Siemen's Regulator Replacements IN</v>
          </cell>
          <cell r="H556" t="str">
            <v>PD-RELIA \ SIEMENIN</v>
          </cell>
          <cell r="I556"/>
          <cell r="J556" t="str">
            <v>REGIN</v>
          </cell>
          <cell r="K556" t="str">
            <v>I</v>
          </cell>
          <cell r="L556" t="str">
            <v>Siemen's Regulator Replacements IN</v>
          </cell>
          <cell r="M556" t="str">
            <v>N</v>
          </cell>
        </row>
        <row r="557">
          <cell r="A557" t="str">
            <v>REGIN</v>
          </cell>
          <cell r="B557" t="str">
            <v>PD Capital</v>
          </cell>
          <cell r="C557" t="str">
            <v>MW</v>
          </cell>
          <cell r="D557" t="str">
            <v>PD-SCAP</v>
          </cell>
          <cell r="E557" t="str">
            <v>Power Delivery - System Capacity</v>
          </cell>
          <cell r="F557" t="str">
            <v>REGUL IN</v>
          </cell>
          <cell r="G557" t="str">
            <v>Changeout of regulators as a ‘Program’ IN</v>
          </cell>
          <cell r="H557" t="str">
            <v>PD-SCAP \ REGUL IN</v>
          </cell>
          <cell r="I557" t="str">
            <v>RGR</v>
          </cell>
          <cell r="J557" t="str">
            <v>REGIN</v>
          </cell>
          <cell r="K557" t="str">
            <v>I</v>
          </cell>
          <cell r="L557" t="str">
            <v>Changeout of regulators as a Program IN</v>
          </cell>
          <cell r="M557" t="str">
            <v>N</v>
          </cell>
        </row>
        <row r="558">
          <cell r="A558" t="str">
            <v>REGKY</v>
          </cell>
          <cell r="B558" t="str">
            <v>PD Capital</v>
          </cell>
          <cell r="C558" t="str">
            <v>MW</v>
          </cell>
          <cell r="D558" t="str">
            <v>PD-RELIA</v>
          </cell>
          <cell r="E558" t="str">
            <v>Power Delivery - Reliability</v>
          </cell>
          <cell r="F558" t="str">
            <v>REGUL KY</v>
          </cell>
          <cell r="G558" t="str">
            <v>Changeout of regulators as a ‘Program’ KY</v>
          </cell>
          <cell r="H558" t="str">
            <v>PD-RELIA \ REGUL KY</v>
          </cell>
          <cell r="I558"/>
          <cell r="J558" t="str">
            <v>REGKY</v>
          </cell>
          <cell r="K558" t="str">
            <v>I</v>
          </cell>
          <cell r="L558" t="str">
            <v>Changeout of regulators as a Program KY</v>
          </cell>
          <cell r="M558" t="str">
            <v>N</v>
          </cell>
        </row>
        <row r="559">
          <cell r="A559" t="str">
            <v>REGKY</v>
          </cell>
          <cell r="B559" t="str">
            <v>PD Capital</v>
          </cell>
          <cell r="C559" t="str">
            <v>MW</v>
          </cell>
          <cell r="D559" t="str">
            <v>PD-RELIA</v>
          </cell>
          <cell r="E559" t="str">
            <v>Power Delivery - Reliability</v>
          </cell>
          <cell r="F559" t="str">
            <v>SIEMENKY</v>
          </cell>
          <cell r="G559" t="str">
            <v>Siemen's Regulator Replacements KY</v>
          </cell>
          <cell r="H559" t="str">
            <v>PD-RELIA \ SIEMENKY</v>
          </cell>
          <cell r="I559"/>
          <cell r="J559" t="str">
            <v>REGKY</v>
          </cell>
          <cell r="K559" t="str">
            <v>I</v>
          </cell>
          <cell r="L559" t="str">
            <v>Siemen''s Regulator Replacements KY</v>
          </cell>
          <cell r="M559" t="str">
            <v>N</v>
          </cell>
        </row>
        <row r="560">
          <cell r="A560" t="str">
            <v>REGKY</v>
          </cell>
          <cell r="B560" t="str">
            <v>PD Capital</v>
          </cell>
          <cell r="C560" t="str">
            <v>MW</v>
          </cell>
          <cell r="D560" t="str">
            <v>PD-SCAP</v>
          </cell>
          <cell r="E560" t="str">
            <v>Power Delivery - System Capacity</v>
          </cell>
          <cell r="F560" t="str">
            <v>REGUL KY</v>
          </cell>
          <cell r="G560" t="str">
            <v>Changeout of regulators as a ‘Program’ KY</v>
          </cell>
          <cell r="H560" t="str">
            <v>PD-SCAP \ REGUL KY</v>
          </cell>
          <cell r="I560" t="str">
            <v>RGR</v>
          </cell>
          <cell r="J560" t="str">
            <v>REGKY</v>
          </cell>
          <cell r="K560" t="str">
            <v>I</v>
          </cell>
          <cell r="L560" t="str">
            <v>Changeout of regulators as a Program KY</v>
          </cell>
          <cell r="M560" t="str">
            <v>N</v>
          </cell>
        </row>
        <row r="561">
          <cell r="A561" t="str">
            <v>REGOH</v>
          </cell>
          <cell r="B561" t="e">
            <v>#N/A</v>
          </cell>
          <cell r="C561" t="e">
            <v>#N/A</v>
          </cell>
          <cell r="D561" t="str">
            <v>PD-RELI</v>
          </cell>
          <cell r="E561" t="e">
            <v>#N/A</v>
          </cell>
          <cell r="F561" t="str">
            <v>SIEMENOH</v>
          </cell>
          <cell r="G561" t="e">
            <v>#N/A</v>
          </cell>
          <cell r="H561" t="str">
            <v>PD-RELI \ SIEMENOH</v>
          </cell>
          <cell r="I561"/>
          <cell r="J561" t="str">
            <v>REGOH</v>
          </cell>
          <cell r="K561"/>
          <cell r="L561" t="str">
            <v>Siemen''s Regulator Replacements OH</v>
          </cell>
          <cell r="M561" t="str">
            <v>N</v>
          </cell>
        </row>
        <row r="562">
          <cell r="A562" t="str">
            <v>REGOH</v>
          </cell>
          <cell r="B562" t="str">
            <v>PD Capital</v>
          </cell>
          <cell r="C562" t="str">
            <v>MW</v>
          </cell>
          <cell r="D562" t="str">
            <v>PD-RELIA</v>
          </cell>
          <cell r="E562" t="str">
            <v>Power Delivery - Reliability</v>
          </cell>
          <cell r="F562" t="str">
            <v>REGUL OH</v>
          </cell>
          <cell r="G562" t="str">
            <v>Changeout of regulators as a ‘Program’ OH</v>
          </cell>
          <cell r="H562" t="str">
            <v>PD-RELIA \ REGUL OH</v>
          </cell>
          <cell r="I562"/>
          <cell r="J562" t="str">
            <v>REGOH</v>
          </cell>
          <cell r="K562" t="str">
            <v>I</v>
          </cell>
          <cell r="L562" t="str">
            <v>Changeout of regulators as a Program OH</v>
          </cell>
          <cell r="M562" t="str">
            <v>N</v>
          </cell>
        </row>
        <row r="563">
          <cell r="A563" t="str">
            <v>REGOH</v>
          </cell>
          <cell r="B563" t="str">
            <v>PD Capital</v>
          </cell>
          <cell r="C563" t="str">
            <v>MW</v>
          </cell>
          <cell r="D563" t="str">
            <v>PD-RELIA</v>
          </cell>
          <cell r="E563" t="str">
            <v>Power Delivery - Reliability</v>
          </cell>
          <cell r="F563" t="str">
            <v>SIEMENOH</v>
          </cell>
          <cell r="G563" t="str">
            <v>Siemen's Regulator Replacements OH</v>
          </cell>
          <cell r="H563" t="str">
            <v>PD-RELIA \ SIEMENOH</v>
          </cell>
          <cell r="I563"/>
          <cell r="J563" t="str">
            <v>REGOH</v>
          </cell>
          <cell r="K563" t="str">
            <v>I</v>
          </cell>
          <cell r="L563" t="str">
            <v>Siemen''s Regulator Replacements OH</v>
          </cell>
          <cell r="M563" t="str">
            <v>N</v>
          </cell>
        </row>
        <row r="564">
          <cell r="A564" t="str">
            <v>REGOH</v>
          </cell>
          <cell r="B564" t="str">
            <v>PD Capital</v>
          </cell>
          <cell r="C564" t="str">
            <v>MW</v>
          </cell>
          <cell r="D564" t="str">
            <v>PD-SCAP</v>
          </cell>
          <cell r="E564" t="str">
            <v>Power Delivery - System Capacity</v>
          </cell>
          <cell r="F564" t="str">
            <v>REGUL OH</v>
          </cell>
          <cell r="G564" t="str">
            <v>Changeout of regulators as a ‘Program’ OH</v>
          </cell>
          <cell r="H564" t="str">
            <v>PD-SCAP \ REGUL OH</v>
          </cell>
          <cell r="I564" t="str">
            <v>RGR</v>
          </cell>
          <cell r="J564" t="str">
            <v>REGOH</v>
          </cell>
          <cell r="K564" t="str">
            <v>I</v>
          </cell>
          <cell r="L564" t="str">
            <v>Changeout of regulators as a Program OH</v>
          </cell>
          <cell r="M564" t="str">
            <v>N</v>
          </cell>
        </row>
        <row r="565">
          <cell r="A565" t="str">
            <v>RELDIN</v>
          </cell>
          <cell r="B565" t="str">
            <v>PD Capital</v>
          </cell>
          <cell r="C565" t="str">
            <v>MW</v>
          </cell>
          <cell r="D565" t="str">
            <v>PD-RELO</v>
          </cell>
          <cell r="E565" t="str">
            <v>Power Delivery - Relocation D</v>
          </cell>
          <cell r="F565" t="str">
            <v>HIGHWAYIN</v>
          </cell>
          <cell r="G565" t="str">
            <v>Highway Relocations IN</v>
          </cell>
          <cell r="H565" t="str">
            <v>PD-RELO \ HIGHWAYIN</v>
          </cell>
          <cell r="I565"/>
          <cell r="J565" t="str">
            <v>RELDIN</v>
          </cell>
          <cell r="K565" t="str">
            <v>I</v>
          </cell>
          <cell r="L565" t="str">
            <v>Highway Relocations IN</v>
          </cell>
          <cell r="M565" t="str">
            <v>N</v>
          </cell>
        </row>
        <row r="566">
          <cell r="A566" t="str">
            <v>RELDIN</v>
          </cell>
          <cell r="B566" t="str">
            <v>PD Capital</v>
          </cell>
          <cell r="C566" t="str">
            <v>MW</v>
          </cell>
          <cell r="D566" t="str">
            <v>PD-RELO</v>
          </cell>
          <cell r="E566" t="str">
            <v>Power Delivery - Relocation D</v>
          </cell>
          <cell r="F566" t="str">
            <v>O UTLY IN</v>
          </cell>
          <cell r="G566" t="str">
            <v>Other Utilities -phone, cable attachments, other utility request IN</v>
          </cell>
          <cell r="H566" t="str">
            <v>PD-RELO \ O UTLY IN</v>
          </cell>
          <cell r="I566"/>
          <cell r="J566" t="str">
            <v>RELDIN</v>
          </cell>
          <cell r="K566" t="str">
            <v>I</v>
          </cell>
          <cell r="L566" t="str">
            <v>Other Utilities -phone, cable attachments, other utility request IN</v>
          </cell>
          <cell r="M566" t="str">
            <v>N</v>
          </cell>
        </row>
        <row r="567">
          <cell r="A567" t="str">
            <v>RELDIN</v>
          </cell>
          <cell r="B567" t="str">
            <v>PD Capital</v>
          </cell>
          <cell r="C567" t="str">
            <v>MW</v>
          </cell>
          <cell r="D567" t="str">
            <v>PD-RELO</v>
          </cell>
          <cell r="E567" t="str">
            <v>Power Delivery - Relocation D</v>
          </cell>
          <cell r="F567" t="str">
            <v>VEG MAN IN</v>
          </cell>
          <cell r="G567" t="str">
            <v>Vegetation Management IN</v>
          </cell>
          <cell r="H567" t="str">
            <v>PD-RELO \ VEG MAN IN</v>
          </cell>
          <cell r="I567"/>
          <cell r="J567" t="str">
            <v>RELDIN</v>
          </cell>
          <cell r="K567" t="str">
            <v>I</v>
          </cell>
          <cell r="L567" t="str">
            <v>Vegetation Management IN</v>
          </cell>
          <cell r="M567" t="str">
            <v>N</v>
          </cell>
        </row>
        <row r="568">
          <cell r="A568" t="str">
            <v>RELDKY</v>
          </cell>
          <cell r="B568" t="str">
            <v>PD Capital</v>
          </cell>
          <cell r="C568" t="str">
            <v>MW</v>
          </cell>
          <cell r="D568" t="str">
            <v>PD-RELO</v>
          </cell>
          <cell r="E568" t="str">
            <v>Power Delivery - Relocation D</v>
          </cell>
          <cell r="F568" t="str">
            <v>HIGHWAYKY</v>
          </cell>
          <cell r="G568" t="str">
            <v>Highway Relocations KY</v>
          </cell>
          <cell r="H568" t="str">
            <v>PD-RELO \ HIGHWAYKY</v>
          </cell>
          <cell r="I568"/>
          <cell r="J568" t="str">
            <v>RELDKY</v>
          </cell>
          <cell r="K568" t="str">
            <v>I</v>
          </cell>
          <cell r="L568" t="str">
            <v>Highway Relocations KY</v>
          </cell>
          <cell r="M568" t="str">
            <v>N</v>
          </cell>
        </row>
        <row r="569">
          <cell r="A569" t="str">
            <v>RELDKY</v>
          </cell>
          <cell r="B569" t="str">
            <v>PD Capital</v>
          </cell>
          <cell r="C569" t="str">
            <v>MW</v>
          </cell>
          <cell r="D569" t="str">
            <v>PD-RELO</v>
          </cell>
          <cell r="E569" t="str">
            <v>Power Delivery - Relocation D</v>
          </cell>
          <cell r="F569" t="str">
            <v>O UTLY KY</v>
          </cell>
          <cell r="G569" t="str">
            <v>Other Utilities -phone, cable attachments, other utility request KY</v>
          </cell>
          <cell r="H569" t="str">
            <v>PD-RELO \ O UTLY KY</v>
          </cell>
          <cell r="I569"/>
          <cell r="J569" t="str">
            <v>RELDKY</v>
          </cell>
          <cell r="K569" t="str">
            <v>I</v>
          </cell>
          <cell r="L569" t="str">
            <v>Other Utilities -phone, cable attachments, other utility request KY</v>
          </cell>
          <cell r="M569" t="str">
            <v>N</v>
          </cell>
        </row>
        <row r="570">
          <cell r="A570" t="str">
            <v>RELDKY</v>
          </cell>
          <cell r="B570" t="str">
            <v>PD Capital</v>
          </cell>
          <cell r="C570" t="str">
            <v>MW</v>
          </cell>
          <cell r="D570" t="str">
            <v>PD-RELO</v>
          </cell>
          <cell r="E570" t="str">
            <v>Power Delivery - Relocation D</v>
          </cell>
          <cell r="F570" t="str">
            <v>VEG MAN KY</v>
          </cell>
          <cell r="G570" t="str">
            <v>Vegetation Management KY</v>
          </cell>
          <cell r="H570" t="str">
            <v>PD-RELO \ VEG MAN KY</v>
          </cell>
          <cell r="I570"/>
          <cell r="J570" t="str">
            <v>RELDKY</v>
          </cell>
          <cell r="K570" t="str">
            <v>I</v>
          </cell>
          <cell r="L570" t="str">
            <v>Vegetation Management KY</v>
          </cell>
          <cell r="M570" t="str">
            <v>N</v>
          </cell>
        </row>
        <row r="571">
          <cell r="A571" t="str">
            <v>RELDOH</v>
          </cell>
          <cell r="B571" t="str">
            <v>PD Capital</v>
          </cell>
          <cell r="C571" t="str">
            <v>MW</v>
          </cell>
          <cell r="D571" t="str">
            <v>PD-RELO</v>
          </cell>
          <cell r="E571" t="str">
            <v>Power Delivery - Relocation D</v>
          </cell>
          <cell r="F571" t="str">
            <v>HIGHWAYOH</v>
          </cell>
          <cell r="G571" t="str">
            <v>Highway Relocations OH</v>
          </cell>
          <cell r="H571" t="str">
            <v>PD-RELO \ HIGHWAYOH</v>
          </cell>
          <cell r="I571"/>
          <cell r="J571" t="str">
            <v>RELDOH</v>
          </cell>
          <cell r="K571" t="str">
            <v>I</v>
          </cell>
          <cell r="L571" t="str">
            <v>Highway Relocations OH</v>
          </cell>
          <cell r="M571" t="str">
            <v>N</v>
          </cell>
        </row>
        <row r="572">
          <cell r="A572" t="str">
            <v>RELDOH</v>
          </cell>
          <cell r="B572" t="str">
            <v>PD Capital</v>
          </cell>
          <cell r="C572" t="str">
            <v>MW</v>
          </cell>
          <cell r="D572" t="str">
            <v>PD-RELO</v>
          </cell>
          <cell r="E572" t="str">
            <v>Power Delivery - Relocation D</v>
          </cell>
          <cell r="F572" t="str">
            <v>O UTLY OH</v>
          </cell>
          <cell r="G572" t="str">
            <v>Other Utilities -phone, cable attachments, other utility request OH</v>
          </cell>
          <cell r="H572" t="str">
            <v>PD-RELO \ O UTLY OH</v>
          </cell>
          <cell r="I572"/>
          <cell r="J572" t="str">
            <v>RELDOH</v>
          </cell>
          <cell r="K572" t="str">
            <v>I</v>
          </cell>
          <cell r="L572" t="str">
            <v>Other Utilities -phone, cable attachments, other utility request OH</v>
          </cell>
          <cell r="M572" t="str">
            <v>N</v>
          </cell>
        </row>
        <row r="573">
          <cell r="A573" t="str">
            <v>RELDOH</v>
          </cell>
          <cell r="B573" t="str">
            <v>PD Capital</v>
          </cell>
          <cell r="C573" t="str">
            <v>MW</v>
          </cell>
          <cell r="D573" t="str">
            <v>PD-RELO</v>
          </cell>
          <cell r="E573" t="str">
            <v>Power Delivery - Relocation D</v>
          </cell>
          <cell r="F573" t="str">
            <v>VEG MAN OH</v>
          </cell>
          <cell r="G573" t="str">
            <v>Vegetation Management OH</v>
          </cell>
          <cell r="H573" t="str">
            <v>PD-RELO \ VEG MAN OH</v>
          </cell>
          <cell r="I573"/>
          <cell r="J573" t="str">
            <v>RELDOH</v>
          </cell>
          <cell r="K573" t="str">
            <v>I</v>
          </cell>
          <cell r="L573" t="str">
            <v>Vegetation Management OH</v>
          </cell>
          <cell r="M573" t="str">
            <v>N</v>
          </cell>
        </row>
        <row r="574">
          <cell r="A574" t="str">
            <v>RELTIN</v>
          </cell>
          <cell r="B574" t="str">
            <v>PD Capital</v>
          </cell>
          <cell r="C574" t="str">
            <v>MW</v>
          </cell>
          <cell r="D574" t="str">
            <v>PD-RELOT</v>
          </cell>
          <cell r="E574" t="str">
            <v>Power Delivery - Relocation T</v>
          </cell>
          <cell r="F574" t="str">
            <v>RELOTIN</v>
          </cell>
          <cell r="G574" t="str">
            <v>Relocations T IN</v>
          </cell>
          <cell r="H574" t="str">
            <v>PD-RELOT \ RELOTIN</v>
          </cell>
          <cell r="I574" t="str">
            <v>HIWAYT</v>
          </cell>
          <cell r="J574" t="str">
            <v>RELTIN</v>
          </cell>
          <cell r="K574" t="str">
            <v>I</v>
          </cell>
          <cell r="L574" t="str">
            <v>Relocations T IN</v>
          </cell>
          <cell r="M574" t="str">
            <v>N</v>
          </cell>
        </row>
        <row r="575">
          <cell r="A575" t="str">
            <v>RELTKY</v>
          </cell>
          <cell r="B575" t="str">
            <v>PD Capital</v>
          </cell>
          <cell r="C575" t="str">
            <v>MW</v>
          </cell>
          <cell r="D575" t="str">
            <v>PD-RELOT</v>
          </cell>
          <cell r="E575" t="str">
            <v>Power Delivery - Relocation T</v>
          </cell>
          <cell r="F575" t="str">
            <v>RELOTKY</v>
          </cell>
          <cell r="G575" t="str">
            <v>Relocations T KY</v>
          </cell>
          <cell r="H575" t="str">
            <v>PD-RELOT \ RELOTKY</v>
          </cell>
          <cell r="I575" t="str">
            <v>HIWAYT</v>
          </cell>
          <cell r="J575" t="str">
            <v>RELTKY</v>
          </cell>
          <cell r="K575" t="str">
            <v>I</v>
          </cell>
          <cell r="L575" t="str">
            <v>Relocations T KY</v>
          </cell>
          <cell r="M575" t="str">
            <v>N</v>
          </cell>
        </row>
        <row r="576">
          <cell r="A576" t="str">
            <v>RELTOH</v>
          </cell>
          <cell r="B576" t="str">
            <v>PD Capital</v>
          </cell>
          <cell r="C576" t="str">
            <v>MW</v>
          </cell>
          <cell r="D576" t="str">
            <v>PD-RELOT</v>
          </cell>
          <cell r="E576" t="str">
            <v>Power Delivery - Relocation T</v>
          </cell>
          <cell r="F576" t="str">
            <v>RELOTOH</v>
          </cell>
          <cell r="G576" t="str">
            <v>Relocations T OH</v>
          </cell>
          <cell r="H576" t="str">
            <v>PD-RELOT \ RELOTOH</v>
          </cell>
          <cell r="I576" t="str">
            <v>HIWAYT</v>
          </cell>
          <cell r="J576" t="str">
            <v>RELTOH</v>
          </cell>
          <cell r="K576" t="str">
            <v>I</v>
          </cell>
          <cell r="L576" t="str">
            <v>Relocations T OH</v>
          </cell>
          <cell r="M576" t="str">
            <v>N</v>
          </cell>
        </row>
        <row r="577">
          <cell r="A577" t="str">
            <v>REQM</v>
          </cell>
          <cell r="B577" t="str">
            <v>PD O&amp;M</v>
          </cell>
          <cell r="C577" t="str">
            <v>MW</v>
          </cell>
          <cell r="D577" t="str">
            <v>PD-RINF</v>
          </cell>
          <cell r="E577" t="e">
            <v>#N/A</v>
          </cell>
          <cell r="F577" t="str">
            <v>PM</v>
          </cell>
          <cell r="G577" t="e">
            <v>#N/A</v>
          </cell>
          <cell r="H577" t="str">
            <v>PD-RINF \ PM</v>
          </cell>
          <cell r="I577" t="str">
            <v>EQM</v>
          </cell>
          <cell r="J577" t="str">
            <v>REQM</v>
          </cell>
          <cell r="K577" t="str">
            <v>X</v>
          </cell>
          <cell r="L577" t="str">
            <v>Preventative Maintenance</v>
          </cell>
          <cell r="M577" t="str">
            <v>N</v>
          </cell>
        </row>
        <row r="578">
          <cell r="A578" t="str">
            <v>REQMMO</v>
          </cell>
          <cell r="B578" t="str">
            <v>PD O&amp;M</v>
          </cell>
          <cell r="C578" t="str">
            <v>MW</v>
          </cell>
          <cell r="D578" t="str">
            <v>PD-REQM</v>
          </cell>
          <cell r="E578" t="e">
            <v>#N/A</v>
          </cell>
          <cell r="F578" t="str">
            <v>MOD</v>
          </cell>
          <cell r="G578" t="e">
            <v>#N/A</v>
          </cell>
          <cell r="H578" t="str">
            <v>PD-REQM \ MOD</v>
          </cell>
          <cell r="I578" t="str">
            <v>SUBEQMO</v>
          </cell>
          <cell r="J578" t="str">
            <v>REQMMO</v>
          </cell>
          <cell r="K578" t="str">
            <v>X</v>
          </cell>
          <cell r="L578" t="str">
            <v>Modification</v>
          </cell>
          <cell r="M578" t="str">
            <v>N</v>
          </cell>
        </row>
        <row r="579">
          <cell r="A579" t="str">
            <v>REQMPM</v>
          </cell>
          <cell r="B579" t="str">
            <v>PD O&amp;M</v>
          </cell>
          <cell r="C579" t="str">
            <v>MW</v>
          </cell>
          <cell r="D579" t="str">
            <v>PD-REQM</v>
          </cell>
          <cell r="E579" t="e">
            <v>#N/A</v>
          </cell>
          <cell r="F579" t="str">
            <v>PM</v>
          </cell>
          <cell r="G579" t="e">
            <v>#N/A</v>
          </cell>
          <cell r="H579" t="str">
            <v>PD-REQM \ PM</v>
          </cell>
          <cell r="I579" t="str">
            <v>SUBEQPM</v>
          </cell>
          <cell r="J579" t="str">
            <v>REQMPM</v>
          </cell>
          <cell r="K579" t="str">
            <v>X</v>
          </cell>
          <cell r="L579" t="str">
            <v>Preventative Maintenance</v>
          </cell>
          <cell r="M579" t="str">
            <v>N</v>
          </cell>
        </row>
        <row r="580">
          <cell r="A580" t="str">
            <v>REQMRPR</v>
          </cell>
          <cell r="B580" t="str">
            <v>PD O&amp;M</v>
          </cell>
          <cell r="C580" t="str">
            <v>MW</v>
          </cell>
          <cell r="D580" t="str">
            <v>PD-REQM</v>
          </cell>
          <cell r="E580" t="e">
            <v>#N/A</v>
          </cell>
          <cell r="F580" t="str">
            <v>RPR</v>
          </cell>
          <cell r="G580" t="e">
            <v>#N/A</v>
          </cell>
          <cell r="H580" t="str">
            <v>PD-REQM \ RPR</v>
          </cell>
          <cell r="I580" t="str">
            <v>SUBEQRP</v>
          </cell>
          <cell r="J580" t="str">
            <v>REQMRPR</v>
          </cell>
          <cell r="K580" t="str">
            <v>X</v>
          </cell>
          <cell r="L580" t="str">
            <v>Repair</v>
          </cell>
          <cell r="M580" t="str">
            <v>N</v>
          </cell>
        </row>
        <row r="581">
          <cell r="A581" t="str">
            <v>REQO</v>
          </cell>
          <cell r="B581" t="str">
            <v>PD O&amp;M</v>
          </cell>
          <cell r="C581" t="str">
            <v>MW</v>
          </cell>
          <cell r="D581" t="str">
            <v>PD-SWTCH</v>
          </cell>
          <cell r="E581" t="e">
            <v>#N/A</v>
          </cell>
          <cell r="F581" t="str">
            <v>DSWTCHMW</v>
          </cell>
          <cell r="G581" t="e">
            <v>#N/A</v>
          </cell>
          <cell r="H581" t="str">
            <v>PD-SWTCH \ DSWTCHMW</v>
          </cell>
          <cell r="I581"/>
          <cell r="J581" t="str">
            <v>REQO</v>
          </cell>
          <cell r="K581" t="str">
            <v>X</v>
          </cell>
          <cell r="L581" t="str">
            <v>SWITCHING IN DISTRIBUTION SUBSTATIONS</v>
          </cell>
          <cell r="M581" t="str">
            <v>N</v>
          </cell>
        </row>
        <row r="582">
          <cell r="A582" t="str">
            <v>RFIICK</v>
          </cell>
          <cell r="B582" t="str">
            <v>PD Capital</v>
          </cell>
          <cell r="C582" t="str">
            <v>Carolinas</v>
          </cell>
          <cell r="D582" t="str">
            <v>PD-RELIA</v>
          </cell>
          <cell r="E582" t="str">
            <v>Power Delivery - Reliability</v>
          </cell>
          <cell r="F582" t="str">
            <v>DECLCIRCK</v>
          </cell>
          <cell r="G582" t="str">
            <v>Declared Circuit Program CK</v>
          </cell>
          <cell r="H582" t="str">
            <v>PD-RELIA \ DECLCIRCK</v>
          </cell>
          <cell r="I582" t="str">
            <v>RFI</v>
          </cell>
          <cell r="J582" t="str">
            <v>RFIICK</v>
          </cell>
          <cell r="K582" t="str">
            <v>X</v>
          </cell>
          <cell r="L582" t="str">
            <v>Declared Circuit Program CK</v>
          </cell>
          <cell r="M582" t="str">
            <v>N</v>
          </cell>
        </row>
        <row r="583">
          <cell r="A583" t="str">
            <v>RFIISC</v>
          </cell>
          <cell r="B583" t="str">
            <v>PD Capital</v>
          </cell>
          <cell r="C583" t="str">
            <v>Carolinas</v>
          </cell>
          <cell r="D583" t="str">
            <v>PD-RELIA</v>
          </cell>
          <cell r="E583" t="str">
            <v>Power Delivery - Reliability</v>
          </cell>
          <cell r="F583" t="str">
            <v>DECLCIRSC</v>
          </cell>
          <cell r="G583" t="str">
            <v>Declared Circuit Program SC</v>
          </cell>
          <cell r="H583" t="str">
            <v>PD-RELIA \ DECLCIRSC</v>
          </cell>
          <cell r="I583" t="str">
            <v>RFI</v>
          </cell>
          <cell r="J583" t="str">
            <v>RFIISC</v>
          </cell>
          <cell r="K583" t="str">
            <v>X</v>
          </cell>
          <cell r="L583" t="str">
            <v>Declared Circuit Program SC</v>
          </cell>
          <cell r="M583" t="str">
            <v>N</v>
          </cell>
        </row>
        <row r="584">
          <cell r="A584" t="str">
            <v>RFINC</v>
          </cell>
          <cell r="B584" t="str">
            <v>PD O&amp;M</v>
          </cell>
          <cell r="C584" t="str">
            <v>MW</v>
          </cell>
          <cell r="D584" t="str">
            <v>PD-RELIA</v>
          </cell>
          <cell r="E584" t="e">
            <v>#N/A</v>
          </cell>
          <cell r="F584" t="str">
            <v>DECLCIRNC</v>
          </cell>
          <cell r="G584" t="e">
            <v>#N/A</v>
          </cell>
          <cell r="H584" t="str">
            <v>PD-RELIA \ DECLCIRNC</v>
          </cell>
          <cell r="I584" t="str">
            <v>RFI</v>
          </cell>
          <cell r="J584" t="str">
            <v>RFINC</v>
          </cell>
          <cell r="K584" t="str">
            <v>X</v>
          </cell>
          <cell r="L584" t="str">
            <v>Declared Circuit Program NC</v>
          </cell>
          <cell r="M584" t="str">
            <v>N</v>
          </cell>
        </row>
        <row r="585">
          <cell r="A585" t="str">
            <v>RFSICK</v>
          </cell>
          <cell r="B585" t="str">
            <v>PD Capital</v>
          </cell>
          <cell r="C585" t="str">
            <v>Carolinas</v>
          </cell>
          <cell r="D585" t="str">
            <v>PD-RELIA</v>
          </cell>
          <cell r="E585" t="str">
            <v>Power Delivery - Reliability</v>
          </cell>
          <cell r="F585" t="str">
            <v>CIR SECTCK</v>
          </cell>
          <cell r="G585" t="str">
            <v>Installation of sectionalizing devices (reclosers, sectionalizers, OVRs, etc) CK</v>
          </cell>
          <cell r="H585" t="str">
            <v>PD-RELIA \ CIR SECTCK</v>
          </cell>
          <cell r="I585" t="str">
            <v>RFS</v>
          </cell>
          <cell r="J585" t="str">
            <v>RFSICK</v>
          </cell>
          <cell r="K585" t="str">
            <v>X</v>
          </cell>
          <cell r="L585" t="str">
            <v>Installation of sectionalizing devices (reclosers, sectionalizers, OVRs, etc) CK</v>
          </cell>
          <cell r="M585" t="str">
            <v>N</v>
          </cell>
        </row>
        <row r="586">
          <cell r="A586" t="str">
            <v>RFSINC</v>
          </cell>
          <cell r="B586" t="str">
            <v>PD O&amp;M</v>
          </cell>
          <cell r="C586" t="str">
            <v>MW</v>
          </cell>
          <cell r="D586" t="str">
            <v>PD-RELIA</v>
          </cell>
          <cell r="E586" t="e">
            <v>#N/A</v>
          </cell>
          <cell r="F586" t="str">
            <v>CIR SECTNC</v>
          </cell>
          <cell r="G586" t="e">
            <v>#N/A</v>
          </cell>
          <cell r="H586" t="str">
            <v>PD-RELIA \ CIR SECTNC</v>
          </cell>
          <cell r="I586" t="str">
            <v>RFS</v>
          </cell>
          <cell r="J586" t="str">
            <v>RFSINC</v>
          </cell>
          <cell r="K586" t="str">
            <v>X</v>
          </cell>
          <cell r="L586" t="str">
            <v>Installation of sectionalizing devices (reclosers, sectionalizers, OVR's, etc) NC</v>
          </cell>
          <cell r="M586" t="str">
            <v>N</v>
          </cell>
        </row>
        <row r="587">
          <cell r="A587" t="str">
            <v>RFSISC</v>
          </cell>
          <cell r="B587" t="str">
            <v>PD Capital</v>
          </cell>
          <cell r="C587" t="str">
            <v>Carolinas</v>
          </cell>
          <cell r="D587" t="str">
            <v>PD-RELIA</v>
          </cell>
          <cell r="E587" t="str">
            <v>Power Delivery - Reliability</v>
          </cell>
          <cell r="F587" t="str">
            <v>CIR SECTSC</v>
          </cell>
          <cell r="G587" t="str">
            <v>Installation of sectionalizing devices (reclosers, sectionalizers, OVRs, etc) SC</v>
          </cell>
          <cell r="H587" t="str">
            <v>PD-RELIA \ CIR SECTSC</v>
          </cell>
          <cell r="I587" t="str">
            <v>RFS</v>
          </cell>
          <cell r="J587" t="str">
            <v>RFSISC</v>
          </cell>
          <cell r="K587" t="str">
            <v>X</v>
          </cell>
          <cell r="L587" t="str">
            <v>Installation of sectionalizing devices (reclosers, sectionalizers, OVRs, etc) SC</v>
          </cell>
          <cell r="M587" t="str">
            <v>N</v>
          </cell>
        </row>
        <row r="588">
          <cell r="A588" t="str">
            <v>RGRICK</v>
          </cell>
          <cell r="B588" t="str">
            <v>PD Capital</v>
          </cell>
          <cell r="C588" t="str">
            <v>Carolinas</v>
          </cell>
          <cell r="D588" t="str">
            <v>PD-RELIA</v>
          </cell>
          <cell r="E588" t="str">
            <v>Power Delivery - Reliability</v>
          </cell>
          <cell r="F588" t="str">
            <v>REGUL CK</v>
          </cell>
          <cell r="G588" t="str">
            <v>Regulator Replacement/repair Not LIP follow-up nor an outage CK</v>
          </cell>
          <cell r="H588" t="str">
            <v>PD-RELIA \ REGUL CK</v>
          </cell>
          <cell r="I588" t="str">
            <v>RGR</v>
          </cell>
          <cell r="J588" t="str">
            <v>RGRICK</v>
          </cell>
          <cell r="K588" t="str">
            <v>X</v>
          </cell>
          <cell r="L588" t="str">
            <v>Regulator Replacement/repair Not LIP follow-up nor an outage CK</v>
          </cell>
          <cell r="M588" t="str">
            <v>N</v>
          </cell>
        </row>
        <row r="589">
          <cell r="A589" t="str">
            <v>RGRINC</v>
          </cell>
          <cell r="B589" t="str">
            <v>PD Capital</v>
          </cell>
          <cell r="C589" t="str">
            <v>Carolinas</v>
          </cell>
          <cell r="D589" t="str">
            <v>PD-RELIA</v>
          </cell>
          <cell r="E589" t="str">
            <v>Power Delivery - Reliability</v>
          </cell>
          <cell r="F589" t="str">
            <v>REGUL NC</v>
          </cell>
          <cell r="G589" t="str">
            <v>Regulator Replacement/repair Not LIP follow-up nor an outage NC</v>
          </cell>
          <cell r="H589" t="str">
            <v>PD-RELIA \ REGUL NC</v>
          </cell>
          <cell r="I589" t="str">
            <v>RGR</v>
          </cell>
          <cell r="J589" t="str">
            <v>RGRINC</v>
          </cell>
          <cell r="K589" t="str">
            <v>X</v>
          </cell>
          <cell r="L589" t="str">
            <v>Regulator Replacement/repair Not LIP follow-up nor an outage NC</v>
          </cell>
          <cell r="M589" t="str">
            <v>N</v>
          </cell>
        </row>
        <row r="590">
          <cell r="A590" t="str">
            <v>RGRISC</v>
          </cell>
          <cell r="B590" t="str">
            <v>PD Capital</v>
          </cell>
          <cell r="C590" t="str">
            <v>Carolinas</v>
          </cell>
          <cell r="D590" t="str">
            <v>PD-RELIA</v>
          </cell>
          <cell r="E590" t="str">
            <v>Power Delivery - Reliability</v>
          </cell>
          <cell r="F590" t="str">
            <v>REGUL SC</v>
          </cell>
          <cell r="G590" t="str">
            <v>Regulator Replacement/repair Not LIP follow-up nor an outage SC</v>
          </cell>
          <cell r="H590" t="str">
            <v>PD-RELIA \ REGUL SC</v>
          </cell>
          <cell r="I590" t="str">
            <v>RGR</v>
          </cell>
          <cell r="J590" t="str">
            <v>RGRISC</v>
          </cell>
          <cell r="K590" t="str">
            <v>X</v>
          </cell>
          <cell r="L590" t="str">
            <v>Regulator Replacement/repair Not LIP follow-up nor an outage SC</v>
          </cell>
          <cell r="M590" t="str">
            <v>N</v>
          </cell>
        </row>
        <row r="591">
          <cell r="A591" t="str">
            <v>RHWICK</v>
          </cell>
          <cell r="B591" t="str">
            <v>PD Capital</v>
          </cell>
          <cell r="C591" t="str">
            <v>Carolinas</v>
          </cell>
          <cell r="D591" t="str">
            <v>PD-RELO</v>
          </cell>
          <cell r="E591" t="str">
            <v>Power Delivery - Relocation D</v>
          </cell>
          <cell r="F591" t="str">
            <v>VEG MAN CK</v>
          </cell>
          <cell r="G591" t="str">
            <v>Vegetation Management CK</v>
          </cell>
          <cell r="H591" t="str">
            <v>PD-RELO \ VEG MAN CK</v>
          </cell>
          <cell r="I591" t="str">
            <v>RHW</v>
          </cell>
          <cell r="J591" t="str">
            <v>RHWICK</v>
          </cell>
          <cell r="K591" t="str">
            <v>X</v>
          </cell>
          <cell r="L591" t="str">
            <v>Vegetation Management CK</v>
          </cell>
          <cell r="M591" t="str">
            <v>N</v>
          </cell>
        </row>
        <row r="592">
          <cell r="A592" t="str">
            <v>RHWINC</v>
          </cell>
          <cell r="B592" t="str">
            <v>PD Capital</v>
          </cell>
          <cell r="C592" t="str">
            <v>Carolinas</v>
          </cell>
          <cell r="D592" t="str">
            <v>PD-RELO</v>
          </cell>
          <cell r="E592" t="str">
            <v>Power Delivery - Relocation D</v>
          </cell>
          <cell r="F592" t="str">
            <v>VEG MAN NC</v>
          </cell>
          <cell r="G592" t="str">
            <v>Vegetation Management NC</v>
          </cell>
          <cell r="H592" t="str">
            <v>PD-RELO \ VEG MAN NC</v>
          </cell>
          <cell r="I592" t="str">
            <v>RHW</v>
          </cell>
          <cell r="J592" t="str">
            <v>RHWINC</v>
          </cell>
          <cell r="K592" t="str">
            <v>X</v>
          </cell>
          <cell r="L592" t="str">
            <v>Vegetation Management NC</v>
          </cell>
          <cell r="M592" t="str">
            <v>N</v>
          </cell>
        </row>
        <row r="593">
          <cell r="A593" t="str">
            <v>RHWISC</v>
          </cell>
          <cell r="B593" t="str">
            <v>PD Capital</v>
          </cell>
          <cell r="C593" t="str">
            <v>Carolinas</v>
          </cell>
          <cell r="D593" t="str">
            <v>PD-RELO</v>
          </cell>
          <cell r="E593" t="str">
            <v>Power Delivery - Relocation D</v>
          </cell>
          <cell r="F593" t="str">
            <v>VEG MAN SC</v>
          </cell>
          <cell r="G593" t="str">
            <v>Vegetation Management SC</v>
          </cell>
          <cell r="H593" t="str">
            <v>PD-RELO \ VEG MAN SC</v>
          </cell>
          <cell r="I593" t="str">
            <v>RHW</v>
          </cell>
          <cell r="J593" t="str">
            <v>RHWISC</v>
          </cell>
          <cell r="K593" t="str">
            <v>X</v>
          </cell>
          <cell r="L593" t="str">
            <v>Vegetation Management SC</v>
          </cell>
          <cell r="M593" t="str">
            <v>N</v>
          </cell>
        </row>
        <row r="594">
          <cell r="A594" t="str">
            <v>RIRICK</v>
          </cell>
          <cell r="B594" t="str">
            <v>PD Capital</v>
          </cell>
          <cell r="C594" t="str">
            <v>Carolinas</v>
          </cell>
          <cell r="D594" t="str">
            <v>PD-RELIA</v>
          </cell>
          <cell r="E594" t="str">
            <v>Power Delivery - Reliability</v>
          </cell>
          <cell r="F594" t="str">
            <v>INFRDREPCK</v>
          </cell>
          <cell r="G594" t="str">
            <v>Infrared Repair Work Capital CK</v>
          </cell>
          <cell r="H594" t="str">
            <v>PD-RELIA \ INFRDREPCK</v>
          </cell>
          <cell r="I594" t="str">
            <v>RIR</v>
          </cell>
          <cell r="J594" t="str">
            <v>RIRICK</v>
          </cell>
          <cell r="K594" t="str">
            <v>X</v>
          </cell>
          <cell r="L594" t="str">
            <v>Infrared Repair Work Capital CK</v>
          </cell>
          <cell r="M594" t="str">
            <v>N</v>
          </cell>
        </row>
        <row r="595">
          <cell r="A595" t="str">
            <v>RIRINC</v>
          </cell>
          <cell r="B595" t="str">
            <v>PD Capital</v>
          </cell>
          <cell r="C595" t="str">
            <v>Carolinas</v>
          </cell>
          <cell r="D595" t="str">
            <v>PD-RELIA</v>
          </cell>
          <cell r="E595" t="str">
            <v>Power Delivery - Reliability</v>
          </cell>
          <cell r="F595" t="str">
            <v>INFRDREPNC</v>
          </cell>
          <cell r="G595" t="str">
            <v>Infrared Repair Work Capital NC</v>
          </cell>
          <cell r="H595" t="str">
            <v>PD-RELIA \ INFRDREPNC</v>
          </cell>
          <cell r="I595" t="str">
            <v>RIR</v>
          </cell>
          <cell r="J595" t="str">
            <v>RIRINC</v>
          </cell>
          <cell r="K595" t="str">
            <v>X</v>
          </cell>
          <cell r="L595" t="str">
            <v>Infrared Repair Work Capital NC</v>
          </cell>
          <cell r="M595" t="str">
            <v>N</v>
          </cell>
        </row>
        <row r="596">
          <cell r="A596" t="str">
            <v>RIRISC</v>
          </cell>
          <cell r="B596" t="str">
            <v>PD Capital</v>
          </cell>
          <cell r="C596" t="str">
            <v>Carolinas</v>
          </cell>
          <cell r="D596" t="str">
            <v>PD-RELIA</v>
          </cell>
          <cell r="E596" t="str">
            <v>Power Delivery - Reliability</v>
          </cell>
          <cell r="F596" t="str">
            <v>INFRDREPSC</v>
          </cell>
          <cell r="G596" t="str">
            <v>Infrared Repair Work Capital SC</v>
          </cell>
          <cell r="H596" t="str">
            <v>PD-RELIA \ INFRDREPSC</v>
          </cell>
          <cell r="I596" t="str">
            <v>RIR</v>
          </cell>
          <cell r="J596" t="str">
            <v>RIRISC</v>
          </cell>
          <cell r="K596" t="str">
            <v>X</v>
          </cell>
          <cell r="L596" t="str">
            <v>Infrared Repair Work Capital SC</v>
          </cell>
          <cell r="M596" t="str">
            <v>N</v>
          </cell>
        </row>
        <row r="597">
          <cell r="A597" t="str">
            <v>RLIN</v>
          </cell>
          <cell r="B597" t="str">
            <v>PD Capital</v>
          </cell>
          <cell r="C597" t="str">
            <v>MW</v>
          </cell>
          <cell r="D597" t="str">
            <v>PD-RELIA</v>
          </cell>
          <cell r="E597" t="str">
            <v>Power Delivery - Reliability</v>
          </cell>
          <cell r="F597" t="str">
            <v>CONDUCTIN</v>
          </cell>
          <cell r="G597" t="str">
            <v>Conductor Integrity IN</v>
          </cell>
          <cell r="H597" t="str">
            <v>PD-RELIA \ CONDUCTIN</v>
          </cell>
          <cell r="I597"/>
          <cell r="J597" t="str">
            <v>RLIN</v>
          </cell>
          <cell r="K597" t="str">
            <v>I</v>
          </cell>
          <cell r="L597" t="str">
            <v>Conductor Integrity IN</v>
          </cell>
          <cell r="M597" t="str">
            <v>N</v>
          </cell>
        </row>
        <row r="598">
          <cell r="A598" t="str">
            <v>RLIN</v>
          </cell>
          <cell r="B598" t="str">
            <v>PD Capital</v>
          </cell>
          <cell r="C598" t="str">
            <v>MW</v>
          </cell>
          <cell r="D598" t="str">
            <v>PD-RELIA</v>
          </cell>
          <cell r="E598" t="str">
            <v>Power Delivery - Reliability</v>
          </cell>
          <cell r="F598" t="str">
            <v>DECLCIRIN</v>
          </cell>
          <cell r="G598" t="str">
            <v>Declared Circuit Program IN</v>
          </cell>
          <cell r="H598" t="str">
            <v>PD-RELIA \ DECLCIRIN</v>
          </cell>
          <cell r="I598"/>
          <cell r="J598" t="str">
            <v>RLIN</v>
          </cell>
          <cell r="K598" t="str">
            <v>I</v>
          </cell>
          <cell r="L598" t="str">
            <v>Declared Circuit Program IN</v>
          </cell>
          <cell r="M598" t="str">
            <v>N</v>
          </cell>
        </row>
        <row r="599">
          <cell r="A599" t="str">
            <v>RLIN</v>
          </cell>
          <cell r="B599" t="str">
            <v>PD Capital</v>
          </cell>
          <cell r="C599" t="str">
            <v>MW</v>
          </cell>
          <cell r="D599" t="str">
            <v>PD-RELIA</v>
          </cell>
          <cell r="E599" t="str">
            <v>Power Delivery - Reliability</v>
          </cell>
          <cell r="F599" t="str">
            <v>INFRDREPIN</v>
          </cell>
          <cell r="G599" t="str">
            <v>Infrared Repair Work Capital IN</v>
          </cell>
          <cell r="H599" t="str">
            <v>PD-RELIA \ INFRDREPIN</v>
          </cell>
          <cell r="I599" t="str">
            <v>RIR</v>
          </cell>
          <cell r="J599" t="str">
            <v>RLIN</v>
          </cell>
          <cell r="K599" t="str">
            <v>I</v>
          </cell>
          <cell r="L599" t="str">
            <v>Infrared Repair Work Capital IN</v>
          </cell>
          <cell r="M599" t="str">
            <v>N</v>
          </cell>
        </row>
        <row r="600">
          <cell r="A600" t="str">
            <v>RLIN</v>
          </cell>
          <cell r="B600" t="str">
            <v>PD Capital</v>
          </cell>
          <cell r="C600" t="str">
            <v>MW</v>
          </cell>
          <cell r="D600" t="str">
            <v>PD-RELIA</v>
          </cell>
          <cell r="E600" t="str">
            <v>Power Delivery - Reliability</v>
          </cell>
          <cell r="F600" t="str">
            <v>INFRDREPIN</v>
          </cell>
          <cell r="G600" t="str">
            <v>Infrared Repair Work Capital IN</v>
          </cell>
          <cell r="H600" t="str">
            <v>PD-RELIA \ INFRDREPIN</v>
          </cell>
          <cell r="I600"/>
          <cell r="J600" t="str">
            <v>RLIN</v>
          </cell>
          <cell r="K600" t="str">
            <v>I</v>
          </cell>
          <cell r="L600" t="str">
            <v>Infrared Repair Work Capital IN</v>
          </cell>
          <cell r="M600" t="str">
            <v>N</v>
          </cell>
        </row>
        <row r="601">
          <cell r="A601" t="str">
            <v>RLIN</v>
          </cell>
          <cell r="B601" t="str">
            <v>PD Capital</v>
          </cell>
          <cell r="C601" t="str">
            <v>MW</v>
          </cell>
          <cell r="D601" t="str">
            <v>PD-RELIA</v>
          </cell>
          <cell r="E601" t="str">
            <v>Power Delivery - Reliability</v>
          </cell>
          <cell r="F601" t="str">
            <v>RELIA ODIN</v>
          </cell>
          <cell r="G601" t="str">
            <v>Replacement Distrib Units of Property Capital equip including:crossarms, arrestors, cutouts, etc. IN</v>
          </cell>
          <cell r="H601" t="str">
            <v>PD-RELIA \ RELIA ODIN</v>
          </cell>
          <cell r="I601"/>
          <cell r="J601" t="str">
            <v>RLIN</v>
          </cell>
          <cell r="K601" t="str">
            <v>I</v>
          </cell>
          <cell r="L601" t="str">
            <v>Replacement Distrib Units of Property Capital equip including:crossarms, arrestors, cutouts, etc. IN</v>
          </cell>
          <cell r="M601" t="str">
            <v>N</v>
          </cell>
        </row>
        <row r="602">
          <cell r="A602" t="str">
            <v>RLKY</v>
          </cell>
          <cell r="B602" t="str">
            <v>PD Capital</v>
          </cell>
          <cell r="C602" t="str">
            <v>MW</v>
          </cell>
          <cell r="D602" t="str">
            <v>PD-RELIA</v>
          </cell>
          <cell r="E602" t="str">
            <v>Power Delivery - Reliability</v>
          </cell>
          <cell r="F602" t="str">
            <v>CONDUCTKY</v>
          </cell>
          <cell r="G602" t="str">
            <v>Conductor Integrity KY</v>
          </cell>
          <cell r="H602" t="str">
            <v>PD-RELIA \ CONDUCTKY</v>
          </cell>
          <cell r="I602"/>
          <cell r="J602" t="str">
            <v>RLKY</v>
          </cell>
          <cell r="K602" t="str">
            <v>I</v>
          </cell>
          <cell r="L602" t="str">
            <v>Conductor Integrity KY</v>
          </cell>
          <cell r="M602" t="str">
            <v>N</v>
          </cell>
        </row>
        <row r="603">
          <cell r="A603" t="str">
            <v>RLKY</v>
          </cell>
          <cell r="B603" t="str">
            <v>PD Capital</v>
          </cell>
          <cell r="C603" t="str">
            <v>MW</v>
          </cell>
          <cell r="D603" t="str">
            <v>PD-RELIA</v>
          </cell>
          <cell r="E603" t="str">
            <v>Power Delivery - Reliability</v>
          </cell>
          <cell r="F603" t="str">
            <v>DECLCIRKY</v>
          </cell>
          <cell r="G603" t="str">
            <v>Declared Circuit Program KY</v>
          </cell>
          <cell r="H603" t="str">
            <v>PD-RELIA \ DECLCIRKY</v>
          </cell>
          <cell r="I603"/>
          <cell r="J603" t="str">
            <v>RLKY</v>
          </cell>
          <cell r="K603" t="str">
            <v>I</v>
          </cell>
          <cell r="L603" t="str">
            <v>Declared Circuit Program KY</v>
          </cell>
          <cell r="M603" t="str">
            <v>N</v>
          </cell>
        </row>
        <row r="604">
          <cell r="A604" t="str">
            <v>RLKY</v>
          </cell>
          <cell r="B604" t="str">
            <v>PD Capital</v>
          </cell>
          <cell r="C604" t="str">
            <v>MW</v>
          </cell>
          <cell r="D604" t="str">
            <v>PD-RELIA</v>
          </cell>
          <cell r="E604" t="str">
            <v>Power Delivery - Reliability</v>
          </cell>
          <cell r="F604" t="str">
            <v>INFRDREPKY</v>
          </cell>
          <cell r="G604" t="str">
            <v>Infrared Repair Work Capital KY</v>
          </cell>
          <cell r="H604" t="str">
            <v>PD-RELIA \ INFRDREPKY</v>
          </cell>
          <cell r="I604"/>
          <cell r="J604" t="str">
            <v>RLKY</v>
          </cell>
          <cell r="K604" t="str">
            <v>I</v>
          </cell>
          <cell r="L604" t="str">
            <v>Infrared Repair Work Capital KY</v>
          </cell>
          <cell r="M604" t="str">
            <v>N</v>
          </cell>
        </row>
        <row r="605">
          <cell r="A605" t="str">
            <v>RLKY</v>
          </cell>
          <cell r="B605" t="str">
            <v>PD Capital</v>
          </cell>
          <cell r="C605" t="str">
            <v>MW</v>
          </cell>
          <cell r="D605" t="str">
            <v>PD-RELIA</v>
          </cell>
          <cell r="E605" t="str">
            <v>Power Delivery - Reliability</v>
          </cell>
          <cell r="F605" t="str">
            <v>RELIA ODKY</v>
          </cell>
          <cell r="G605" t="str">
            <v>Replacement Distrib Units of Property Capital equip including:crossarms, arrestors, cutouts, etc. KY</v>
          </cell>
          <cell r="H605" t="str">
            <v>PD-RELIA \ RELIA ODKY</v>
          </cell>
          <cell r="I605"/>
          <cell r="J605" t="str">
            <v>RLKY</v>
          </cell>
          <cell r="K605"/>
          <cell r="L605" t="str">
            <v>Replacement Distrib Units of Property Capital equip including:crossarms, arrestors, cutouts, etc. KY</v>
          </cell>
          <cell r="M605" t="str">
            <v>N</v>
          </cell>
        </row>
        <row r="606">
          <cell r="A606" t="str">
            <v>RLOH</v>
          </cell>
          <cell r="B606" t="str">
            <v>PD Capital</v>
          </cell>
          <cell r="C606" t="str">
            <v>MW</v>
          </cell>
          <cell r="D606" t="str">
            <v>PD-RELIA</v>
          </cell>
          <cell r="E606" t="str">
            <v>Power Delivery - Reliability</v>
          </cell>
          <cell r="F606" t="str">
            <v>CONDUCTOH</v>
          </cell>
          <cell r="G606" t="str">
            <v>Conductor Integrity OH</v>
          </cell>
          <cell r="H606" t="str">
            <v>PD-RELIA \ CONDUCTOH</v>
          </cell>
          <cell r="I606"/>
          <cell r="J606" t="str">
            <v>RLOH</v>
          </cell>
          <cell r="K606" t="str">
            <v>I</v>
          </cell>
          <cell r="L606" t="str">
            <v>Conductor Integrity OH</v>
          </cell>
          <cell r="M606" t="str">
            <v>N</v>
          </cell>
        </row>
        <row r="607">
          <cell r="A607" t="str">
            <v>RLOH</v>
          </cell>
          <cell r="B607" t="str">
            <v>PD Capital</v>
          </cell>
          <cell r="C607" t="str">
            <v>MW</v>
          </cell>
          <cell r="D607" t="str">
            <v>PD-RELIA</v>
          </cell>
          <cell r="E607" t="str">
            <v>Power Delivery - Reliability</v>
          </cell>
          <cell r="F607" t="str">
            <v>DECLCIROH</v>
          </cell>
          <cell r="G607" t="str">
            <v>Declared Circuit Program OH</v>
          </cell>
          <cell r="H607" t="str">
            <v>PD-RELIA \ DECLCIROH</v>
          </cell>
          <cell r="I607"/>
          <cell r="J607" t="str">
            <v>RLOH</v>
          </cell>
          <cell r="K607" t="str">
            <v>I</v>
          </cell>
          <cell r="L607" t="str">
            <v>Declared Circuit Program OH</v>
          </cell>
          <cell r="M607" t="str">
            <v>N</v>
          </cell>
        </row>
        <row r="608">
          <cell r="A608" t="str">
            <v>RLOH</v>
          </cell>
          <cell r="B608" t="str">
            <v>PD Capital</v>
          </cell>
          <cell r="C608" t="str">
            <v>MW</v>
          </cell>
          <cell r="D608" t="str">
            <v>PD-RELIA</v>
          </cell>
          <cell r="E608" t="str">
            <v>Power Delivery - Reliability</v>
          </cell>
          <cell r="F608" t="str">
            <v>INFRDREPOH</v>
          </cell>
          <cell r="G608" t="str">
            <v>Infrared Repair Work Capital OH</v>
          </cell>
          <cell r="H608" t="str">
            <v>PD-RELIA \ INFRDREPOH</v>
          </cell>
          <cell r="I608" t="str">
            <v>RIR</v>
          </cell>
          <cell r="J608" t="str">
            <v>RLOH</v>
          </cell>
          <cell r="K608" t="str">
            <v>I</v>
          </cell>
          <cell r="L608" t="str">
            <v>Infrared Repair Work Capital OH</v>
          </cell>
          <cell r="M608" t="str">
            <v>N</v>
          </cell>
        </row>
        <row r="609">
          <cell r="A609" t="str">
            <v>RLOH</v>
          </cell>
          <cell r="B609" t="str">
            <v>PD Capital</v>
          </cell>
          <cell r="C609" t="str">
            <v>MW</v>
          </cell>
          <cell r="D609" t="str">
            <v>PD-RELIA</v>
          </cell>
          <cell r="E609" t="str">
            <v>Power Delivery - Reliability</v>
          </cell>
          <cell r="F609" t="str">
            <v>INFRDREPOH</v>
          </cell>
          <cell r="G609" t="str">
            <v>Infrared Repair Work Capital OH</v>
          </cell>
          <cell r="H609" t="str">
            <v>PD-RELIA \ INFRDREPOH</v>
          </cell>
          <cell r="I609"/>
          <cell r="J609" t="str">
            <v>RLOH</v>
          </cell>
          <cell r="K609" t="str">
            <v>I</v>
          </cell>
          <cell r="L609" t="str">
            <v>Infrared Repair Work Capital OH</v>
          </cell>
          <cell r="M609" t="str">
            <v>N</v>
          </cell>
        </row>
        <row r="610">
          <cell r="A610" t="str">
            <v>RLOH</v>
          </cell>
          <cell r="B610" t="str">
            <v>PD Capital</v>
          </cell>
          <cell r="C610" t="str">
            <v>MW</v>
          </cell>
          <cell r="D610" t="str">
            <v>PD-RELIA</v>
          </cell>
          <cell r="E610" t="str">
            <v>Power Delivery - Reliability</v>
          </cell>
          <cell r="F610" t="str">
            <v>RELIA ODOH</v>
          </cell>
          <cell r="G610" t="str">
            <v>Replacement Distrib Units of Property Capital equip including:crossarms, arrestors, cutouts, etc. OH</v>
          </cell>
          <cell r="H610" t="str">
            <v>PD-RELIA \ RELIA ODOH</v>
          </cell>
          <cell r="I610"/>
          <cell r="J610" t="str">
            <v>RLOH</v>
          </cell>
          <cell r="K610" t="str">
            <v>I</v>
          </cell>
          <cell r="L610" t="str">
            <v>Replacement Distrib Units of Property Capital equip including:crossarms, arrestors, cutouts, etc. OH</v>
          </cell>
          <cell r="M610" t="str">
            <v>N</v>
          </cell>
        </row>
        <row r="611">
          <cell r="A611" t="str">
            <v>RLOICK</v>
          </cell>
          <cell r="B611" t="str">
            <v>PD Capital</v>
          </cell>
          <cell r="C611" t="str">
            <v>Carolinas</v>
          </cell>
          <cell r="D611" t="str">
            <v>PD-INTGT</v>
          </cell>
          <cell r="E611" t="str">
            <v>Power Delivery - Integrity</v>
          </cell>
          <cell r="F611" t="str">
            <v>PLNSRPOUCK</v>
          </cell>
          <cell r="G611" t="str">
            <v>Replacement of property other than poles LIP follow-up only CK</v>
          </cell>
          <cell r="H611" t="str">
            <v>PD-INTGT \ PLNSRPOUCK</v>
          </cell>
          <cell r="I611" t="str">
            <v>RLO</v>
          </cell>
          <cell r="J611" t="str">
            <v>RLOICK</v>
          </cell>
          <cell r="K611" t="str">
            <v>X</v>
          </cell>
          <cell r="L611" t="str">
            <v>Replacement of property other than poles LIP follow-up only CK</v>
          </cell>
          <cell r="M611" t="str">
            <v>N</v>
          </cell>
        </row>
        <row r="612">
          <cell r="A612" t="str">
            <v>RLOINC</v>
          </cell>
          <cell r="B612" t="str">
            <v>PD Capital</v>
          </cell>
          <cell r="C612" t="str">
            <v>Carolinas</v>
          </cell>
          <cell r="D612" t="str">
            <v>PD-INTGT</v>
          </cell>
          <cell r="E612" t="str">
            <v>Power Delivery - Integrity</v>
          </cell>
          <cell r="F612" t="str">
            <v>PLNSRPOUNC</v>
          </cell>
          <cell r="G612" t="str">
            <v>Replacement of property other than poles LIP follow-up only NC</v>
          </cell>
          <cell r="H612" t="str">
            <v>PD-INTGT \ PLNSRPOUNC</v>
          </cell>
          <cell r="I612" t="str">
            <v>RLO</v>
          </cell>
          <cell r="J612" t="str">
            <v>RLOINC</v>
          </cell>
          <cell r="K612" t="str">
            <v>X</v>
          </cell>
          <cell r="L612" t="str">
            <v>Replacement of property other than poles LIP follow-up only NC</v>
          </cell>
          <cell r="M612" t="str">
            <v>N</v>
          </cell>
        </row>
        <row r="613">
          <cell r="A613" t="str">
            <v>RLOISC</v>
          </cell>
          <cell r="B613" t="str">
            <v>PD Capital</v>
          </cell>
          <cell r="C613" t="str">
            <v>Carolinas</v>
          </cell>
          <cell r="D613" t="str">
            <v>PD-INTGT</v>
          </cell>
          <cell r="E613" t="str">
            <v>Power Delivery - Integrity</v>
          </cell>
          <cell r="F613" t="str">
            <v>PLNSRPOUSC</v>
          </cell>
          <cell r="G613" t="str">
            <v>Replacement of property other than poles LIP follow-up only SC</v>
          </cell>
          <cell r="H613" t="str">
            <v>PD-INTGT \ PLNSRPOUSC</v>
          </cell>
          <cell r="I613" t="str">
            <v>RLO</v>
          </cell>
          <cell r="J613" t="str">
            <v>RLOISC</v>
          </cell>
          <cell r="K613" t="str">
            <v>X</v>
          </cell>
          <cell r="L613" t="str">
            <v>Replacement of property other than poles LIP follow-up only SC</v>
          </cell>
          <cell r="M613" t="str">
            <v>N</v>
          </cell>
        </row>
        <row r="614">
          <cell r="A614" t="str">
            <v>RLPICK</v>
          </cell>
          <cell r="B614" t="str">
            <v>PD Capital</v>
          </cell>
          <cell r="C614" t="str">
            <v>Carolinas</v>
          </cell>
          <cell r="D614" t="str">
            <v>PD-INTGT</v>
          </cell>
          <cell r="E614" t="str">
            <v>Power Delivery - Integrity</v>
          </cell>
          <cell r="F614" t="str">
            <v>PLNSREPDCK</v>
          </cell>
          <cell r="G614" t="str">
            <v>Distribution Poles replaced LIP follow-up only CK</v>
          </cell>
          <cell r="H614" t="str">
            <v>PD-INTGT \ PLNSREPDCK</v>
          </cell>
          <cell r="I614" t="str">
            <v>RLP</v>
          </cell>
          <cell r="J614" t="str">
            <v>RLPICK</v>
          </cell>
          <cell r="K614" t="str">
            <v>X</v>
          </cell>
          <cell r="L614" t="str">
            <v>Distribution Poles replaced LIP follow-up only CK</v>
          </cell>
          <cell r="M614" t="str">
            <v>N</v>
          </cell>
        </row>
        <row r="615">
          <cell r="A615" t="str">
            <v>RLPISC</v>
          </cell>
          <cell r="B615" t="str">
            <v>PD Capital</v>
          </cell>
          <cell r="C615" t="str">
            <v>Carolinas</v>
          </cell>
          <cell r="D615" t="str">
            <v>PD-INTGT</v>
          </cell>
          <cell r="E615" t="str">
            <v>Power Delivery - Integrity</v>
          </cell>
          <cell r="F615" t="str">
            <v>PLNSREPDSC</v>
          </cell>
          <cell r="G615" t="str">
            <v>Distribution Poles replaced LIP follow-up only SC</v>
          </cell>
          <cell r="H615" t="str">
            <v>PD-INTGT \ PLNSREPDSC</v>
          </cell>
          <cell r="I615" t="str">
            <v>RLP</v>
          </cell>
          <cell r="J615" t="str">
            <v>RLPISC</v>
          </cell>
          <cell r="K615" t="str">
            <v>X</v>
          </cell>
          <cell r="L615" t="str">
            <v>Distribution Poles replaced LIP follow-up only SC</v>
          </cell>
          <cell r="M615" t="str">
            <v>N</v>
          </cell>
        </row>
        <row r="616">
          <cell r="A616" t="str">
            <v>RMEICK</v>
          </cell>
          <cell r="B616" t="str">
            <v>PD Capital</v>
          </cell>
          <cell r="C616" t="str">
            <v>Carolinas</v>
          </cell>
          <cell r="D616" t="str">
            <v>PD-RELIA</v>
          </cell>
          <cell r="E616" t="str">
            <v>Power Delivery - Reliability</v>
          </cell>
          <cell r="F616" t="str">
            <v>MEGA CIRCK</v>
          </cell>
          <cell r="G616" t="str">
            <v>Mega circuit elimination CK</v>
          </cell>
          <cell r="H616" t="str">
            <v>PD-RELIA \ MEGA CIRCK</v>
          </cell>
          <cell r="I616" t="str">
            <v>RME</v>
          </cell>
          <cell r="J616" t="str">
            <v>RMEICK</v>
          </cell>
          <cell r="K616" t="str">
            <v>X</v>
          </cell>
          <cell r="L616" t="str">
            <v>Mega circuit elimination CK</v>
          </cell>
          <cell r="M616" t="str">
            <v>N</v>
          </cell>
        </row>
        <row r="617">
          <cell r="A617" t="str">
            <v>RMEINC</v>
          </cell>
          <cell r="B617" t="str">
            <v>PD Capital</v>
          </cell>
          <cell r="C617" t="str">
            <v>Carolinas</v>
          </cell>
          <cell r="D617" t="str">
            <v>PD-RELIA</v>
          </cell>
          <cell r="E617" t="str">
            <v>Power Delivery - Reliability</v>
          </cell>
          <cell r="F617" t="str">
            <v>MEGA CIRNC</v>
          </cell>
          <cell r="G617" t="str">
            <v>Mega circuit elimination NC</v>
          </cell>
          <cell r="H617" t="str">
            <v>PD-RELIA \ MEGA CIRNC</v>
          </cell>
          <cell r="I617" t="str">
            <v>RME</v>
          </cell>
          <cell r="J617" t="str">
            <v>RMEINC</v>
          </cell>
          <cell r="K617" t="str">
            <v>X</v>
          </cell>
          <cell r="L617" t="str">
            <v>Mega circuit elimination NC</v>
          </cell>
          <cell r="M617" t="str">
            <v>N</v>
          </cell>
        </row>
        <row r="618">
          <cell r="A618" t="str">
            <v>RMEISC</v>
          </cell>
          <cell r="B618" t="str">
            <v>PD Capital</v>
          </cell>
          <cell r="C618" t="str">
            <v>Carolinas</v>
          </cell>
          <cell r="D618" t="str">
            <v>PD-RELIA</v>
          </cell>
          <cell r="E618" t="str">
            <v>Power Delivery - Reliability</v>
          </cell>
          <cell r="F618" t="str">
            <v>MEGA CIRSC</v>
          </cell>
          <cell r="G618" t="str">
            <v>Mega circuit elimination SC</v>
          </cell>
          <cell r="H618" t="str">
            <v>PD-RELIA \ MEGA CIRSC</v>
          </cell>
          <cell r="I618" t="str">
            <v>RME</v>
          </cell>
          <cell r="J618" t="str">
            <v>RMEISC</v>
          </cell>
          <cell r="K618" t="str">
            <v>X</v>
          </cell>
          <cell r="L618" t="str">
            <v>Mega circuit elimination SC</v>
          </cell>
          <cell r="M618" t="str">
            <v>N</v>
          </cell>
        </row>
        <row r="619">
          <cell r="A619" t="str">
            <v>RMTRMMO</v>
          </cell>
          <cell r="B619" t="str">
            <v>PD O&amp;M</v>
          </cell>
          <cell r="C619" t="str">
            <v>MW</v>
          </cell>
          <cell r="D619" t="str">
            <v>PD-RMTR</v>
          </cell>
          <cell r="E619" t="e">
            <v>#N/A</v>
          </cell>
          <cell r="F619" t="str">
            <v>MOD</v>
          </cell>
          <cell r="G619" t="e">
            <v>#N/A</v>
          </cell>
          <cell r="H619" t="str">
            <v>PD-RMTR \ MOD</v>
          </cell>
          <cell r="I619" t="str">
            <v>MTRMO</v>
          </cell>
          <cell r="J619" t="str">
            <v>RMTRMMO</v>
          </cell>
          <cell r="K619" t="str">
            <v>X</v>
          </cell>
          <cell r="L619" t="str">
            <v>Modification</v>
          </cell>
          <cell r="M619" t="str">
            <v>N</v>
          </cell>
        </row>
        <row r="620">
          <cell r="A620" t="str">
            <v>RMTRMPM</v>
          </cell>
          <cell r="B620" t="str">
            <v>PD O&amp;M</v>
          </cell>
          <cell r="C620" t="str">
            <v>MW</v>
          </cell>
          <cell r="D620" t="str">
            <v>PD-RMTR</v>
          </cell>
          <cell r="E620" t="e">
            <v>#N/A</v>
          </cell>
          <cell r="F620" t="str">
            <v>PM</v>
          </cell>
          <cell r="G620" t="e">
            <v>#N/A</v>
          </cell>
          <cell r="H620" t="str">
            <v>PD-RMTR \ PM</v>
          </cell>
          <cell r="I620" t="str">
            <v>MTRPM</v>
          </cell>
          <cell r="J620" t="str">
            <v>RMTRMPM</v>
          </cell>
          <cell r="K620" t="str">
            <v>X</v>
          </cell>
          <cell r="L620" t="str">
            <v>Preventative Maintenance</v>
          </cell>
          <cell r="M620" t="str">
            <v>N</v>
          </cell>
        </row>
        <row r="621">
          <cell r="A621" t="str">
            <v>RMTRMRPR</v>
          </cell>
          <cell r="B621" t="str">
            <v>PD O&amp;M</v>
          </cell>
          <cell r="C621" t="str">
            <v>MW</v>
          </cell>
          <cell r="D621" t="str">
            <v>PD-RMTR</v>
          </cell>
          <cell r="E621" t="e">
            <v>#N/A</v>
          </cell>
          <cell r="F621" t="str">
            <v>RPR</v>
          </cell>
          <cell r="G621" t="e">
            <v>#N/A</v>
          </cell>
          <cell r="H621" t="str">
            <v>PD-RMTR \ RPR</v>
          </cell>
          <cell r="I621" t="str">
            <v>MTRRP</v>
          </cell>
          <cell r="J621" t="str">
            <v>RMTRMRPR</v>
          </cell>
          <cell r="K621" t="str">
            <v>X</v>
          </cell>
          <cell r="L621" t="str">
            <v>Repair</v>
          </cell>
          <cell r="M621" t="str">
            <v>N</v>
          </cell>
        </row>
        <row r="622">
          <cell r="A622" t="str">
            <v>RMVICK</v>
          </cell>
          <cell r="B622" t="str">
            <v>PD Capital</v>
          </cell>
          <cell r="C622" t="str">
            <v>Carolinas</v>
          </cell>
          <cell r="D622" t="str">
            <v>PD-SCAP</v>
          </cell>
          <cell r="E622" t="str">
            <v>Power Delivery - System Capacity</v>
          </cell>
          <cell r="F622" t="str">
            <v>REGUL CK</v>
          </cell>
          <cell r="G622" t="str">
            <v>Install new/ Remove/ Relocations CK</v>
          </cell>
          <cell r="H622" t="str">
            <v>PD-SCAP \ REGUL CK</v>
          </cell>
          <cell r="I622" t="str">
            <v>RMV</v>
          </cell>
          <cell r="J622" t="str">
            <v>RMVICK</v>
          </cell>
          <cell r="K622" t="str">
            <v>X</v>
          </cell>
          <cell r="L622" t="str">
            <v>Install new/ Remove/ Relocations CK</v>
          </cell>
          <cell r="M622" t="str">
            <v>N</v>
          </cell>
        </row>
        <row r="623">
          <cell r="A623" t="str">
            <v>RMVINC</v>
          </cell>
          <cell r="B623" t="str">
            <v>PD Capital</v>
          </cell>
          <cell r="C623" t="str">
            <v>Carolinas</v>
          </cell>
          <cell r="D623" t="str">
            <v>PD-SCAP</v>
          </cell>
          <cell r="E623" t="str">
            <v>Power Delivery - System Capacity</v>
          </cell>
          <cell r="F623" t="str">
            <v>REGUL NC</v>
          </cell>
          <cell r="G623" t="str">
            <v>Install new/ Remove/ Relocations NC</v>
          </cell>
          <cell r="H623" t="str">
            <v>PD-SCAP \ REGUL NC</v>
          </cell>
          <cell r="I623" t="str">
            <v>RMV</v>
          </cell>
          <cell r="J623" t="str">
            <v>RMVINC</v>
          </cell>
          <cell r="K623" t="str">
            <v>X</v>
          </cell>
          <cell r="L623" t="str">
            <v>Install new/ Remove/ Relocations NC</v>
          </cell>
          <cell r="M623" t="str">
            <v>N</v>
          </cell>
        </row>
        <row r="624">
          <cell r="A624" t="str">
            <v>RMVISC</v>
          </cell>
          <cell r="B624" t="str">
            <v>PD Capital</v>
          </cell>
          <cell r="C624" t="str">
            <v>Carolinas</v>
          </cell>
          <cell r="D624" t="str">
            <v>PD-SCAP</v>
          </cell>
          <cell r="E624" t="str">
            <v>Power Delivery - System Capacity</v>
          </cell>
          <cell r="F624" t="str">
            <v>REGUL SC</v>
          </cell>
          <cell r="G624" t="str">
            <v>Install new/ Remove/ Relocations SC</v>
          </cell>
          <cell r="H624" t="str">
            <v>PD-SCAP \ REGUL SC</v>
          </cell>
          <cell r="I624" t="str">
            <v>RMV</v>
          </cell>
          <cell r="J624" t="str">
            <v>RMVISC</v>
          </cell>
          <cell r="K624" t="str">
            <v>X</v>
          </cell>
          <cell r="L624" t="str">
            <v>Install new/ Remove/ Relocations SC</v>
          </cell>
          <cell r="M624" t="str">
            <v>N</v>
          </cell>
        </row>
        <row r="625">
          <cell r="A625" t="str">
            <v>ROCICK</v>
          </cell>
          <cell r="B625" t="str">
            <v>PD Capital</v>
          </cell>
          <cell r="C625" t="str">
            <v>Carolinas</v>
          </cell>
          <cell r="D625" t="str">
            <v>PD-RELIA</v>
          </cell>
          <cell r="E625" t="str">
            <v>Power Delivery - Reliability</v>
          </cell>
          <cell r="F625" t="str">
            <v>CONDUCTCK</v>
          </cell>
          <cell r="G625" t="str">
            <v>Conductor Integrity CK</v>
          </cell>
          <cell r="H625" t="str">
            <v>PD-RELIA \ CONDUCTCK</v>
          </cell>
          <cell r="I625" t="str">
            <v>ROC</v>
          </cell>
          <cell r="J625" t="str">
            <v>ROCICK</v>
          </cell>
          <cell r="K625" t="str">
            <v>X</v>
          </cell>
          <cell r="L625" t="str">
            <v>Conductor Integrity CK</v>
          </cell>
          <cell r="M625" t="str">
            <v>N</v>
          </cell>
        </row>
        <row r="626">
          <cell r="A626" t="str">
            <v>ROCINC</v>
          </cell>
          <cell r="B626" t="str">
            <v>PD Capital</v>
          </cell>
          <cell r="C626" t="str">
            <v>Carolinas</v>
          </cell>
          <cell r="D626" t="str">
            <v>PD-RELIA</v>
          </cell>
          <cell r="E626" t="str">
            <v>Power Delivery - Reliability</v>
          </cell>
          <cell r="F626" t="str">
            <v>CONDUCTNC</v>
          </cell>
          <cell r="G626" t="str">
            <v>Conductor Integrity NC</v>
          </cell>
          <cell r="H626" t="str">
            <v>PD-RELIA \ CONDUCTNC</v>
          </cell>
          <cell r="I626" t="str">
            <v>ROC</v>
          </cell>
          <cell r="J626" t="str">
            <v>ROCINC</v>
          </cell>
          <cell r="K626" t="str">
            <v>X</v>
          </cell>
          <cell r="L626" t="str">
            <v>Conductor Integrity NC</v>
          </cell>
          <cell r="M626" t="str">
            <v>N</v>
          </cell>
        </row>
        <row r="627">
          <cell r="A627" t="str">
            <v>ROCISC</v>
          </cell>
          <cell r="B627" t="str">
            <v>PD Capital</v>
          </cell>
          <cell r="C627" t="str">
            <v>Carolinas</v>
          </cell>
          <cell r="D627" t="str">
            <v>PD-RELIA</v>
          </cell>
          <cell r="E627" t="str">
            <v>Power Delivery - Reliability</v>
          </cell>
          <cell r="F627" t="str">
            <v>CONDUCTSC</v>
          </cell>
          <cell r="G627" t="str">
            <v>Conductor Integrity SC</v>
          </cell>
          <cell r="H627" t="str">
            <v>PD-RELIA \ CONDUCTSC</v>
          </cell>
          <cell r="I627" t="str">
            <v>ROC</v>
          </cell>
          <cell r="J627" t="str">
            <v>ROCISC</v>
          </cell>
          <cell r="K627" t="str">
            <v>X</v>
          </cell>
          <cell r="L627" t="str">
            <v>Conductor Integrity SC</v>
          </cell>
          <cell r="M627" t="str">
            <v>N</v>
          </cell>
        </row>
        <row r="628">
          <cell r="A628" t="str">
            <v>ROFICK</v>
          </cell>
          <cell r="B628" t="str">
            <v>PD Capital</v>
          </cell>
          <cell r="C628" t="str">
            <v>Carolinas</v>
          </cell>
          <cell r="D628" t="str">
            <v>PD-OUTR</v>
          </cell>
          <cell r="E628" t="str">
            <v>Power Delivery Outage Restoration</v>
          </cell>
          <cell r="F628" t="str">
            <v>MOUTFUDCK</v>
          </cell>
          <cell r="G628" t="str">
            <v>All followup after service restored not requiring installation or removal of units of property. CK</v>
          </cell>
          <cell r="H628" t="str">
            <v>PD-OUTR \ MOUTFUDCK</v>
          </cell>
          <cell r="I628" t="str">
            <v>ROF</v>
          </cell>
          <cell r="J628" t="str">
            <v>ROFICK</v>
          </cell>
          <cell r="K628" t="str">
            <v>X</v>
          </cell>
          <cell r="L628" t="str">
            <v>All followup after service restored not requiring installation or removal of units of property. CK</v>
          </cell>
          <cell r="M628" t="str">
            <v>N</v>
          </cell>
        </row>
        <row r="629">
          <cell r="A629" t="str">
            <v>ROFINC</v>
          </cell>
          <cell r="B629" t="str">
            <v>PD Capital</v>
          </cell>
          <cell r="C629" t="str">
            <v>Carolinas</v>
          </cell>
          <cell r="D629" t="str">
            <v>PD-OUTR</v>
          </cell>
          <cell r="E629" t="str">
            <v>Power Delivery Outage Restoration</v>
          </cell>
          <cell r="F629" t="str">
            <v>MOUTFUDNC</v>
          </cell>
          <cell r="G629" t="str">
            <v>All followup after service restored not requiring installation or removal of units of property. NC</v>
          </cell>
          <cell r="H629" t="str">
            <v>PD-OUTR \ MOUTFUDNC</v>
          </cell>
          <cell r="I629" t="str">
            <v>ROF</v>
          </cell>
          <cell r="J629" t="str">
            <v>ROFINC</v>
          </cell>
          <cell r="K629" t="str">
            <v>X</v>
          </cell>
          <cell r="L629" t="str">
            <v>All followup after service restored not requiring installation or removal of units of property. NC</v>
          </cell>
          <cell r="M629" t="str">
            <v>N</v>
          </cell>
        </row>
        <row r="630">
          <cell r="A630" t="str">
            <v>ROFISC</v>
          </cell>
          <cell r="B630" t="str">
            <v>PD Capital</v>
          </cell>
          <cell r="C630" t="str">
            <v>Carolinas</v>
          </cell>
          <cell r="D630" t="str">
            <v>PD-OUTR</v>
          </cell>
          <cell r="E630" t="str">
            <v>Power Delivery Outage Restoration</v>
          </cell>
          <cell r="F630" t="str">
            <v>MOUTFUDSC</v>
          </cell>
          <cell r="G630" t="str">
            <v>All followup after service restored not requiring installation or removal of units of property. SC</v>
          </cell>
          <cell r="H630" t="str">
            <v>PD-OUTR \ MOUTFUDSC</v>
          </cell>
          <cell r="I630" t="str">
            <v>ROF</v>
          </cell>
          <cell r="J630" t="str">
            <v>ROFISC</v>
          </cell>
          <cell r="K630" t="str">
            <v>X</v>
          </cell>
          <cell r="L630" t="str">
            <v>All followup after service restored not requiring installation or removal of units of property. SC</v>
          </cell>
          <cell r="M630" t="str">
            <v>N</v>
          </cell>
        </row>
        <row r="631">
          <cell r="A631" t="str">
            <v>RORICK</v>
          </cell>
          <cell r="B631" t="str">
            <v>PD Capital</v>
          </cell>
          <cell r="C631" t="str">
            <v>Carolinas</v>
          </cell>
          <cell r="D631" t="str">
            <v>PD-RELIA</v>
          </cell>
          <cell r="E631" t="str">
            <v>Power Delivery - Reliability</v>
          </cell>
          <cell r="F631" t="str">
            <v>RELIA ODCK</v>
          </cell>
          <cell r="G631" t="str">
            <v>Replacement/repair of units of property other than poles NOT LIP followup nor an outage CK</v>
          </cell>
          <cell r="H631" t="str">
            <v>PD-RELIA \ RELIA ODCK</v>
          </cell>
          <cell r="I631" t="str">
            <v>ROR</v>
          </cell>
          <cell r="J631" t="str">
            <v>RORICK</v>
          </cell>
          <cell r="K631" t="str">
            <v>X</v>
          </cell>
          <cell r="L631" t="str">
            <v>Replacement/repair of units of property other than poles NOT LIP followup nor an outage CK</v>
          </cell>
          <cell r="M631" t="str">
            <v>N</v>
          </cell>
        </row>
        <row r="632">
          <cell r="A632" t="str">
            <v>RORINC</v>
          </cell>
          <cell r="B632" t="str">
            <v>PD Capital</v>
          </cell>
          <cell r="C632" t="str">
            <v>Carolinas</v>
          </cell>
          <cell r="D632" t="str">
            <v>PD-RELIA</v>
          </cell>
          <cell r="E632" t="str">
            <v>Power Delivery - Reliability</v>
          </cell>
          <cell r="F632" t="str">
            <v>RELIA ODNC</v>
          </cell>
          <cell r="G632" t="str">
            <v>Replacement/repair of units of property other than poles NOT LIP followup nor an outage NC</v>
          </cell>
          <cell r="H632" t="str">
            <v>PD-RELIA \ RELIA ODNC</v>
          </cell>
          <cell r="I632" t="str">
            <v>ROR</v>
          </cell>
          <cell r="J632" t="str">
            <v>RORINC</v>
          </cell>
          <cell r="K632" t="str">
            <v>X</v>
          </cell>
          <cell r="L632" t="str">
            <v>Replacement/repair of units of property other than poles NOT LIP followup nor an outage NC</v>
          </cell>
          <cell r="M632" t="str">
            <v>N</v>
          </cell>
        </row>
        <row r="633">
          <cell r="A633" t="str">
            <v>RORISC</v>
          </cell>
          <cell r="B633" t="str">
            <v>PD Capital</v>
          </cell>
          <cell r="C633" t="str">
            <v>Carolinas</v>
          </cell>
          <cell r="D633" t="str">
            <v>PD-RELIA</v>
          </cell>
          <cell r="E633" t="str">
            <v>Power Delivery - Reliability</v>
          </cell>
          <cell r="F633" t="str">
            <v>RELIA ODSC</v>
          </cell>
          <cell r="G633" t="str">
            <v>Replacement/repair of units of property other than poles NOT LIP followup nor an outage SC</v>
          </cell>
          <cell r="H633" t="str">
            <v>PD-RELIA \ RELIA ODSC</v>
          </cell>
          <cell r="I633" t="str">
            <v>ROR</v>
          </cell>
          <cell r="J633" t="str">
            <v>RORISC</v>
          </cell>
          <cell r="K633" t="str">
            <v>X</v>
          </cell>
          <cell r="L633" t="str">
            <v>Replacement/repair of units of property other than poles NOT LIP followup nor an outage SC</v>
          </cell>
          <cell r="M633" t="str">
            <v>N</v>
          </cell>
        </row>
        <row r="634">
          <cell r="A634" t="str">
            <v>ROSMHM</v>
          </cell>
          <cell r="B634" t="str">
            <v>PD Veg Mgmt</v>
          </cell>
          <cell r="C634" t="str">
            <v>Veg</v>
          </cell>
          <cell r="D634" t="str">
            <v>PD-SUBVM</v>
          </cell>
          <cell r="E634" t="str">
            <v>Vegetation Management - Substation - O&amp;M</v>
          </cell>
          <cell r="F634" t="str">
            <v>SUBVMRETC</v>
          </cell>
          <cell r="G634" t="str">
            <v>Sub VM Retail station bare ground herbicide and mowing Carolinas</v>
          </cell>
          <cell r="H634" t="str">
            <v>PD-SUBVM \ SUBVMRETC</v>
          </cell>
          <cell r="I634" t="str">
            <v>RWRSTA</v>
          </cell>
          <cell r="J634" t="str">
            <v>ROSMHM</v>
          </cell>
          <cell r="K634" t="str">
            <v>X</v>
          </cell>
          <cell r="L634" t="str">
            <v>Sub VM Retail station bare ground herbicide and mowing Carolinas</v>
          </cell>
          <cell r="M634" t="str">
            <v>N</v>
          </cell>
        </row>
        <row r="635">
          <cell r="A635" t="str">
            <v>ROSMMO</v>
          </cell>
          <cell r="B635" t="str">
            <v>PD O&amp;M</v>
          </cell>
          <cell r="C635" t="str">
            <v>MW</v>
          </cell>
          <cell r="D635" t="str">
            <v>PD-ROSM</v>
          </cell>
          <cell r="E635" t="e">
            <v>#N/A</v>
          </cell>
          <cell r="F635" t="str">
            <v>MOD</v>
          </cell>
          <cell r="G635" t="e">
            <v>#N/A</v>
          </cell>
          <cell r="H635" t="str">
            <v>PD-ROSM \ MOD</v>
          </cell>
          <cell r="I635" t="str">
            <v>SUBSTMO</v>
          </cell>
          <cell r="J635" t="str">
            <v>ROSMMO</v>
          </cell>
          <cell r="K635" t="str">
            <v>X</v>
          </cell>
          <cell r="L635" t="str">
            <v>Modification</v>
          </cell>
          <cell r="M635" t="str">
            <v>N</v>
          </cell>
        </row>
        <row r="636">
          <cell r="A636" t="str">
            <v>ROSMMO</v>
          </cell>
          <cell r="B636" t="str">
            <v>PD O&amp;M</v>
          </cell>
          <cell r="C636" t="str">
            <v>MW</v>
          </cell>
          <cell r="D636" t="str">
            <v>PD-ROSM</v>
          </cell>
          <cell r="E636" t="e">
            <v>#N/A</v>
          </cell>
          <cell r="F636" t="str">
            <v>PM</v>
          </cell>
          <cell r="G636" t="e">
            <v>#N/A</v>
          </cell>
          <cell r="H636" t="str">
            <v>PD-ROSM \ PM</v>
          </cell>
          <cell r="I636" t="str">
            <v>SUBSTPM</v>
          </cell>
          <cell r="J636" t="str">
            <v>ROSMMO</v>
          </cell>
          <cell r="K636" t="str">
            <v>X</v>
          </cell>
          <cell r="L636" t="str">
            <v>Preventative Maintenance</v>
          </cell>
          <cell r="M636" t="str">
            <v>N</v>
          </cell>
        </row>
        <row r="637">
          <cell r="A637" t="str">
            <v>ROSMRPR</v>
          </cell>
          <cell r="B637" t="str">
            <v>PD O&amp;M</v>
          </cell>
          <cell r="C637" t="str">
            <v>MW</v>
          </cell>
          <cell r="D637" t="str">
            <v>PD-ROSM</v>
          </cell>
          <cell r="E637" t="e">
            <v>#N/A</v>
          </cell>
          <cell r="F637" t="str">
            <v>RPR</v>
          </cell>
          <cell r="G637" t="e">
            <v>#N/A</v>
          </cell>
          <cell r="H637" t="str">
            <v>PD-ROSM \ RPR</v>
          </cell>
          <cell r="I637" t="str">
            <v>SUBSTRP</v>
          </cell>
          <cell r="J637" t="str">
            <v>ROSMRPR</v>
          </cell>
          <cell r="K637" t="str">
            <v>X</v>
          </cell>
          <cell r="L637" t="str">
            <v>Repair</v>
          </cell>
          <cell r="M637" t="str">
            <v>N</v>
          </cell>
        </row>
        <row r="638">
          <cell r="A638" t="str">
            <v>RPLINC</v>
          </cell>
          <cell r="B638" t="str">
            <v>PD O&amp;M</v>
          </cell>
          <cell r="C638" t="str">
            <v>MW</v>
          </cell>
          <cell r="D638" t="str">
            <v>PD-INTGT</v>
          </cell>
          <cell r="E638" t="str">
            <v>Power Delivery - Integrity</v>
          </cell>
          <cell r="F638" t="str">
            <v>PLNSREPDNC</v>
          </cell>
          <cell r="G638" t="str">
            <v>Distribution Poles replaced LIP follow-up only NC</v>
          </cell>
          <cell r="H638" t="str">
            <v>PD-INTGT \ PLNSREPDNC</v>
          </cell>
          <cell r="I638" t="str">
            <v>RLP</v>
          </cell>
          <cell r="J638" t="str">
            <v>RPLINC</v>
          </cell>
          <cell r="K638" t="str">
            <v>X</v>
          </cell>
          <cell r="L638" t="str">
            <v>Distribution Poles replaced LIP follow-up only NC</v>
          </cell>
          <cell r="M638" t="str">
            <v>N</v>
          </cell>
        </row>
        <row r="639">
          <cell r="A639" t="str">
            <v>RPORTABLE</v>
          </cell>
          <cell r="B639" t="str">
            <v>PD O&amp;M</v>
          </cell>
          <cell r="C639" t="str">
            <v>MW</v>
          </cell>
          <cell r="D639" t="str">
            <v>PD-RPORT</v>
          </cell>
          <cell r="E639" t="e">
            <v>#N/A</v>
          </cell>
          <cell r="F639" t="str">
            <v>PORTABLE</v>
          </cell>
          <cell r="G639" t="e">
            <v>#N/A</v>
          </cell>
          <cell r="H639" t="str">
            <v>PD-RPORT \ PORTABLE</v>
          </cell>
          <cell r="I639"/>
          <cell r="J639" t="str">
            <v>RPORTABLE</v>
          </cell>
          <cell r="K639" t="str">
            <v>X</v>
          </cell>
          <cell r="L639" t="str">
            <v>Portable</v>
          </cell>
          <cell r="M639" t="str">
            <v>N</v>
          </cell>
        </row>
        <row r="640">
          <cell r="A640" t="str">
            <v>RRLYMMO</v>
          </cell>
          <cell r="B640" t="str">
            <v>PD O&amp;M</v>
          </cell>
          <cell r="C640" t="str">
            <v>MW</v>
          </cell>
          <cell r="D640" t="str">
            <v>PD-RRLY</v>
          </cell>
          <cell r="E640" t="e">
            <v>#N/A</v>
          </cell>
          <cell r="F640" t="str">
            <v>MOD</v>
          </cell>
          <cell r="G640" t="e">
            <v>#N/A</v>
          </cell>
          <cell r="H640" t="str">
            <v>PD-RRLY \ MOD</v>
          </cell>
          <cell r="I640" t="str">
            <v>RLYMO</v>
          </cell>
          <cell r="J640" t="str">
            <v>RRLYMMO</v>
          </cell>
          <cell r="K640" t="str">
            <v>X</v>
          </cell>
          <cell r="L640" t="str">
            <v>Modification</v>
          </cell>
          <cell r="M640" t="str">
            <v>N</v>
          </cell>
        </row>
        <row r="641">
          <cell r="A641" t="str">
            <v>RRLYMPM</v>
          </cell>
          <cell r="B641" t="str">
            <v>PD O&amp;M</v>
          </cell>
          <cell r="C641" t="str">
            <v>MW</v>
          </cell>
          <cell r="D641" t="str">
            <v>PD-RRLY</v>
          </cell>
          <cell r="E641" t="e">
            <v>#N/A</v>
          </cell>
          <cell r="F641" t="str">
            <v>PM</v>
          </cell>
          <cell r="G641" t="e">
            <v>#N/A</v>
          </cell>
          <cell r="H641" t="str">
            <v>PD-RRLY \ PM</v>
          </cell>
          <cell r="I641" t="str">
            <v>RLYPM</v>
          </cell>
          <cell r="J641" t="str">
            <v>RRLYMPM</v>
          </cell>
          <cell r="K641" t="str">
            <v>X</v>
          </cell>
          <cell r="L641" t="str">
            <v>Preventative Maintenance</v>
          </cell>
          <cell r="M641" t="str">
            <v>N</v>
          </cell>
        </row>
        <row r="642">
          <cell r="A642" t="str">
            <v>RRLYMRPR</v>
          </cell>
          <cell r="B642" t="str">
            <v>PD O&amp;M</v>
          </cell>
          <cell r="C642" t="str">
            <v>MW</v>
          </cell>
          <cell r="D642" t="str">
            <v>PD-RRLY</v>
          </cell>
          <cell r="E642" t="e">
            <v>#N/A</v>
          </cell>
          <cell r="F642" t="str">
            <v>RPR</v>
          </cell>
          <cell r="G642" t="e">
            <v>#N/A</v>
          </cell>
          <cell r="H642" t="str">
            <v>PD-RRLY \ RPR</v>
          </cell>
          <cell r="I642" t="str">
            <v>RLYRP</v>
          </cell>
          <cell r="J642" t="str">
            <v>RRLYMRPR</v>
          </cell>
          <cell r="K642" t="str">
            <v>X</v>
          </cell>
          <cell r="L642" t="str">
            <v>Repair</v>
          </cell>
          <cell r="M642" t="str">
            <v>N</v>
          </cell>
        </row>
        <row r="643">
          <cell r="A643" t="str">
            <v>RRRICK</v>
          </cell>
          <cell r="B643" t="str">
            <v>PD Capital</v>
          </cell>
          <cell r="C643" t="str">
            <v>Carolinas</v>
          </cell>
          <cell r="D643" t="str">
            <v>PD-RELIA</v>
          </cell>
          <cell r="E643" t="str">
            <v>Power Delivery - Reliability</v>
          </cell>
          <cell r="F643" t="str">
            <v>RECLOSERCK</v>
          </cell>
          <cell r="G643" t="str">
            <v>Recloser Replacement/repair Not LIP follow-up nor an outage CK</v>
          </cell>
          <cell r="H643" t="str">
            <v>PD-RELIA \ RECLOSERCK</v>
          </cell>
          <cell r="I643" t="str">
            <v>RRR</v>
          </cell>
          <cell r="J643" t="str">
            <v>RRRICK</v>
          </cell>
          <cell r="K643" t="str">
            <v>X</v>
          </cell>
          <cell r="L643" t="str">
            <v>Recloser Replacement/repair Not LIP follow-up nor an outage CK</v>
          </cell>
          <cell r="M643" t="str">
            <v>N</v>
          </cell>
        </row>
        <row r="644">
          <cell r="A644" t="str">
            <v>RRRINC</v>
          </cell>
          <cell r="B644" t="str">
            <v>PD Capital</v>
          </cell>
          <cell r="C644" t="str">
            <v>Carolinas</v>
          </cell>
          <cell r="D644" t="str">
            <v>PD-RELIA</v>
          </cell>
          <cell r="E644" t="str">
            <v>Power Delivery - Reliability</v>
          </cell>
          <cell r="F644" t="str">
            <v>RECLOSERNC</v>
          </cell>
          <cell r="G644" t="str">
            <v>Recloser Replacement/repair Not LIP follow-up nor an outage NC</v>
          </cell>
          <cell r="H644" t="str">
            <v>PD-RELIA \ RECLOSERNC</v>
          </cell>
          <cell r="I644" t="str">
            <v>RRR</v>
          </cell>
          <cell r="J644" t="str">
            <v>RRRINC</v>
          </cell>
          <cell r="K644" t="str">
            <v>X</v>
          </cell>
          <cell r="L644" t="str">
            <v>Recloser Replacement/repair Not LIP follow-up nor an outage NC</v>
          </cell>
          <cell r="M644" t="str">
            <v>N</v>
          </cell>
        </row>
        <row r="645">
          <cell r="A645" t="str">
            <v>RRRISC</v>
          </cell>
          <cell r="B645" t="str">
            <v>PD Capital</v>
          </cell>
          <cell r="C645" t="str">
            <v>Carolinas</v>
          </cell>
          <cell r="D645" t="str">
            <v>PD-RELIA</v>
          </cell>
          <cell r="E645" t="str">
            <v>Power Delivery - Reliability</v>
          </cell>
          <cell r="F645" t="str">
            <v>RECLOSERSC</v>
          </cell>
          <cell r="G645" t="str">
            <v>Recloser Replacement/repair Not LIP follow-up nor an outage SC</v>
          </cell>
          <cell r="H645" t="str">
            <v>PD-RELIA \ RECLOSERSC</v>
          </cell>
          <cell r="I645" t="str">
            <v>RRR</v>
          </cell>
          <cell r="J645" t="str">
            <v>RRRISC</v>
          </cell>
          <cell r="K645" t="str">
            <v>X</v>
          </cell>
          <cell r="L645" t="str">
            <v>Recloser Replacement/repair Not LIP follow-up nor an outage SC</v>
          </cell>
          <cell r="M645" t="str">
            <v>N</v>
          </cell>
        </row>
        <row r="646">
          <cell r="A646" t="str">
            <v>RSDCC</v>
          </cell>
          <cell r="B646" t="str">
            <v>Gas O&amp;M</v>
          </cell>
          <cell r="C646" t="str">
            <v>Gas</v>
          </cell>
          <cell r="D646" t="str">
            <v>GO-INSP</v>
          </cell>
          <cell r="E646" t="str">
            <v>Gas Operations - Inspections</v>
          </cell>
          <cell r="F646" t="str">
            <v>RSDCC</v>
          </cell>
          <cell r="G646" t="str">
            <v>Regulator District Inspection</v>
          </cell>
          <cell r="H646" t="str">
            <v>GO-INSP \ RSDCC</v>
          </cell>
          <cell r="I646"/>
          <cell r="J646" t="str">
            <v>RSDCC</v>
          </cell>
          <cell r="K646" t="str">
            <v>X</v>
          </cell>
          <cell r="L646" t="str">
            <v>Regulator District Inspection</v>
          </cell>
          <cell r="M646" t="str">
            <v>N</v>
          </cell>
        </row>
        <row r="647">
          <cell r="A647" t="str">
            <v>RSDMC</v>
          </cell>
          <cell r="B647" t="str">
            <v>Gas O&amp;M</v>
          </cell>
          <cell r="C647" t="str">
            <v>Gas</v>
          </cell>
          <cell r="D647" t="str">
            <v>GO-MC</v>
          </cell>
          <cell r="E647" t="str">
            <v>Gas Operations - Maintenance Corrective</v>
          </cell>
          <cell r="F647" t="str">
            <v>RSDMC</v>
          </cell>
          <cell r="G647" t="str">
            <v>District Regulator Tear Down</v>
          </cell>
          <cell r="H647" t="str">
            <v>GO-MC \ RSDMC</v>
          </cell>
          <cell r="I647"/>
          <cell r="J647" t="str">
            <v>RSDMC</v>
          </cell>
          <cell r="K647" t="str">
            <v>X</v>
          </cell>
          <cell r="L647" t="str">
            <v>District Regulator Tear Down</v>
          </cell>
          <cell r="M647" t="str">
            <v>N</v>
          </cell>
        </row>
        <row r="648">
          <cell r="A648" t="str">
            <v>RSDOSE</v>
          </cell>
          <cell r="B648" t="str">
            <v>Gas O&amp;M</v>
          </cell>
          <cell r="C648" t="str">
            <v>Gas</v>
          </cell>
          <cell r="D648" t="str">
            <v>GO-MC</v>
          </cell>
          <cell r="E648" t="str">
            <v>Gas Operations - Maintenance Corrective</v>
          </cell>
          <cell r="F648" t="str">
            <v>RSDOSE</v>
          </cell>
          <cell r="G648" t="str">
            <v>Pump Pits - District Regulator</v>
          </cell>
          <cell r="H648" t="str">
            <v>GO-MC \ RSDOSE</v>
          </cell>
          <cell r="I648"/>
          <cell r="J648" t="str">
            <v>RSDOSE</v>
          </cell>
          <cell r="K648" t="str">
            <v>X</v>
          </cell>
          <cell r="L648" t="str">
            <v>Pump Pits - District Regulator</v>
          </cell>
          <cell r="M648" t="str">
            <v>N</v>
          </cell>
        </row>
        <row r="649">
          <cell r="A649" t="str">
            <v>RSDOSE</v>
          </cell>
          <cell r="B649" t="str">
            <v>Gas O&amp;M</v>
          </cell>
          <cell r="C649" t="e">
            <v>#N/A</v>
          </cell>
          <cell r="D649" t="str">
            <v>GO-OPREQ</v>
          </cell>
          <cell r="E649" t="e">
            <v>#N/A</v>
          </cell>
          <cell r="F649" t="str">
            <v>RSDOSEPA</v>
          </cell>
          <cell r="G649" t="e">
            <v>#N/A</v>
          </cell>
          <cell r="H649" t="str">
            <v>GO-OPREQ \ RSDOSEPA</v>
          </cell>
          <cell r="I649"/>
          <cell r="J649" t="str">
            <v>RSDOSE</v>
          </cell>
          <cell r="K649" t="str">
            <v>X</v>
          </cell>
          <cell r="L649" t="str">
            <v>Winter / Summer Pressure Adjustments on District Regulator</v>
          </cell>
          <cell r="M649" t="str">
            <v>N</v>
          </cell>
        </row>
        <row r="650">
          <cell r="A650" t="str">
            <v>RSIN</v>
          </cell>
          <cell r="B650" t="str">
            <v>PD O&amp;M</v>
          </cell>
          <cell r="C650" t="str">
            <v>MW</v>
          </cell>
          <cell r="D650" t="str">
            <v>PD-RSIN</v>
          </cell>
          <cell r="E650" t="e">
            <v>#N/A</v>
          </cell>
          <cell r="F650" t="str">
            <v>INSP</v>
          </cell>
          <cell r="G650" t="e">
            <v>#N/A</v>
          </cell>
          <cell r="H650" t="str">
            <v>PD-RSIN \ INSP</v>
          </cell>
          <cell r="I650" t="str">
            <v>SUBINSP</v>
          </cell>
          <cell r="J650" t="str">
            <v>RSIN</v>
          </cell>
          <cell r="K650" t="str">
            <v>X</v>
          </cell>
          <cell r="L650" t="str">
            <v>Inspection</v>
          </cell>
          <cell r="M650" t="str">
            <v>N</v>
          </cell>
        </row>
        <row r="651">
          <cell r="A651" t="str">
            <v>RSRICK</v>
          </cell>
          <cell r="B651" t="str">
            <v>PD Capital</v>
          </cell>
          <cell r="C651" t="str">
            <v>Carolinas</v>
          </cell>
          <cell r="D651" t="str">
            <v>PD-RELIA</v>
          </cell>
          <cell r="E651" t="str">
            <v>Power Delivery - Reliability</v>
          </cell>
          <cell r="F651" t="str">
            <v>OTHER UGCK</v>
          </cell>
          <cell r="G651" t="str">
            <v>Other UG -install/remove/replace units of property not identified by LIP CK</v>
          </cell>
          <cell r="H651" t="str">
            <v>PD-RELIA \ OTHER UGCK</v>
          </cell>
          <cell r="I651" t="str">
            <v>RSR</v>
          </cell>
          <cell r="J651" t="str">
            <v>RSRICK</v>
          </cell>
          <cell r="K651" t="str">
            <v>X</v>
          </cell>
          <cell r="L651" t="str">
            <v>Other UG -install/remove/replace units of property not identified by LIP CK</v>
          </cell>
          <cell r="M651" t="str">
            <v>N</v>
          </cell>
        </row>
        <row r="652">
          <cell r="A652" t="str">
            <v>RSRINC</v>
          </cell>
          <cell r="B652" t="str">
            <v>PD Capital</v>
          </cell>
          <cell r="C652" t="str">
            <v>Carolinas</v>
          </cell>
          <cell r="D652" t="str">
            <v>PD-RELIA</v>
          </cell>
          <cell r="E652" t="str">
            <v>Power Delivery - Reliability</v>
          </cell>
          <cell r="F652" t="str">
            <v>OTHER UGNC</v>
          </cell>
          <cell r="G652" t="str">
            <v>Other UG -install/remove/replace units of property not identified by LIP NC</v>
          </cell>
          <cell r="H652" t="str">
            <v>PD-RELIA \ OTHER UGNC</v>
          </cell>
          <cell r="I652" t="str">
            <v>RSR</v>
          </cell>
          <cell r="J652" t="str">
            <v>RSRINC</v>
          </cell>
          <cell r="K652" t="str">
            <v>X</v>
          </cell>
          <cell r="L652" t="str">
            <v>Other UG -install/remove/replace units of property not identified by LIP NC</v>
          </cell>
          <cell r="M652" t="str">
            <v>N</v>
          </cell>
        </row>
        <row r="653">
          <cell r="A653" t="str">
            <v>RSRISC</v>
          </cell>
          <cell r="B653" t="str">
            <v>PD Capital</v>
          </cell>
          <cell r="C653" t="str">
            <v>Carolinas</v>
          </cell>
          <cell r="D653" t="str">
            <v>PD-RELIA</v>
          </cell>
          <cell r="E653" t="str">
            <v>Power Delivery - Reliability</v>
          </cell>
          <cell r="F653" t="str">
            <v>OTHER UGSC</v>
          </cell>
          <cell r="G653" t="str">
            <v>Other UG -install/remove/replace units of property not identified by LIP SC</v>
          </cell>
          <cell r="H653" t="str">
            <v>PD-RELIA \ OTHER UGSC</v>
          </cell>
          <cell r="I653" t="str">
            <v>RSR</v>
          </cell>
          <cell r="J653" t="str">
            <v>RSRISC</v>
          </cell>
          <cell r="K653" t="str">
            <v>X</v>
          </cell>
          <cell r="L653" t="str">
            <v>Other UG -install/remove/replace units of property not identified by LIP SC</v>
          </cell>
          <cell r="M653" t="str">
            <v>N</v>
          </cell>
        </row>
        <row r="654">
          <cell r="A654" t="str">
            <v>RSSCC</v>
          </cell>
          <cell r="B654" t="str">
            <v>Gas O&amp;M</v>
          </cell>
          <cell r="C654" t="str">
            <v>Gas</v>
          </cell>
          <cell r="D654" t="str">
            <v>GO-INSP</v>
          </cell>
          <cell r="E654" t="str">
            <v>Gas Operations - Inspections</v>
          </cell>
          <cell r="F654" t="str">
            <v>RSSCC</v>
          </cell>
          <cell r="G654" t="str">
            <v>Regulator System Station Inspection</v>
          </cell>
          <cell r="H654" t="str">
            <v>GO-INSP \ RSSCC</v>
          </cell>
          <cell r="I654"/>
          <cell r="J654" t="str">
            <v>RSSCC</v>
          </cell>
          <cell r="K654" t="str">
            <v>X</v>
          </cell>
          <cell r="L654" t="str">
            <v>Regulator System Station Inspection</v>
          </cell>
          <cell r="M654" t="str">
            <v>N</v>
          </cell>
        </row>
        <row r="655">
          <cell r="A655" t="str">
            <v>RSSMC</v>
          </cell>
          <cell r="B655" t="str">
            <v>Gas O&amp;M</v>
          </cell>
          <cell r="C655" t="str">
            <v>Gas</v>
          </cell>
          <cell r="D655" t="str">
            <v>GO-MC</v>
          </cell>
          <cell r="E655" t="str">
            <v>Gas Operations - Maintenance Corrective</v>
          </cell>
          <cell r="F655" t="str">
            <v>RSSMC</v>
          </cell>
          <cell r="G655" t="str">
            <v>System Station Tear Down</v>
          </cell>
          <cell r="H655" t="str">
            <v>GO-MC \ RSSMC</v>
          </cell>
          <cell r="I655"/>
          <cell r="J655" t="str">
            <v>RSSMC</v>
          </cell>
          <cell r="K655" t="str">
            <v>X</v>
          </cell>
          <cell r="L655" t="str">
            <v>System Station Tear Down</v>
          </cell>
          <cell r="M655" t="str">
            <v>N</v>
          </cell>
        </row>
        <row r="656">
          <cell r="A656" t="str">
            <v>RSSOSE</v>
          </cell>
          <cell r="B656" t="str">
            <v>Gas O&amp;M</v>
          </cell>
          <cell r="C656" t="e">
            <v>#N/A</v>
          </cell>
          <cell r="D656" t="str">
            <v>GO-OPREQ</v>
          </cell>
          <cell r="E656" t="e">
            <v>#N/A</v>
          </cell>
          <cell r="F656" t="str">
            <v>RSSOSE</v>
          </cell>
          <cell r="G656" t="e">
            <v>#N/A</v>
          </cell>
          <cell r="H656" t="str">
            <v>GO-OPREQ \ RSSOSE</v>
          </cell>
          <cell r="I656"/>
          <cell r="J656" t="str">
            <v>RSSOSE</v>
          </cell>
          <cell r="K656" t="str">
            <v>X</v>
          </cell>
          <cell r="L656" t="str">
            <v>Winter / Summer Pressure Adjustments on System Station</v>
          </cell>
          <cell r="M656" t="str">
            <v>N</v>
          </cell>
        </row>
        <row r="657">
          <cell r="A657" t="str">
            <v>RSSOSE</v>
          </cell>
          <cell r="B657" t="str">
            <v>Gas O&amp;M</v>
          </cell>
          <cell r="C657" t="str">
            <v>Gas</v>
          </cell>
          <cell r="D657" t="str">
            <v>GO-OPREQMC</v>
          </cell>
          <cell r="E657" t="str">
            <v>Gas Operations - Operate Equipment Maintenance Corrective</v>
          </cell>
          <cell r="F657" t="str">
            <v>RSSOSE</v>
          </cell>
          <cell r="G657" t="str">
            <v>Pump Pits - System Station</v>
          </cell>
          <cell r="H657" t="str">
            <v>GO-OPREQMC \ RSSOSE</v>
          </cell>
          <cell r="I657"/>
          <cell r="J657" t="str">
            <v>RSSOSE</v>
          </cell>
          <cell r="K657" t="str">
            <v>X</v>
          </cell>
          <cell r="L657" t="str">
            <v>Pump Pits - System Station</v>
          </cell>
          <cell r="M657" t="str">
            <v>N</v>
          </cell>
        </row>
        <row r="658">
          <cell r="A658" t="str">
            <v>RTRFMMO</v>
          </cell>
          <cell r="B658" t="str">
            <v>PD O&amp;M</v>
          </cell>
          <cell r="C658" t="str">
            <v>MW</v>
          </cell>
          <cell r="D658" t="str">
            <v>PD-RTRF</v>
          </cell>
          <cell r="E658" t="e">
            <v>#N/A</v>
          </cell>
          <cell r="F658" t="str">
            <v>MOD</v>
          </cell>
          <cell r="G658" t="e">
            <v>#N/A</v>
          </cell>
          <cell r="H658" t="str">
            <v>PD-RTRF \ MOD</v>
          </cell>
          <cell r="I658" t="str">
            <v>TRANFMO</v>
          </cell>
          <cell r="J658" t="str">
            <v>RTRFMMO</v>
          </cell>
          <cell r="K658" t="str">
            <v>X</v>
          </cell>
          <cell r="L658" t="str">
            <v>Modification</v>
          </cell>
          <cell r="M658" t="str">
            <v>N</v>
          </cell>
        </row>
        <row r="659">
          <cell r="A659" t="str">
            <v>RTRFMPM</v>
          </cell>
          <cell r="B659" t="str">
            <v>PD O&amp;M</v>
          </cell>
          <cell r="C659" t="str">
            <v>MW</v>
          </cell>
          <cell r="D659" t="str">
            <v>PD-RTRF</v>
          </cell>
          <cell r="E659" t="e">
            <v>#N/A</v>
          </cell>
          <cell r="F659" t="str">
            <v>PM</v>
          </cell>
          <cell r="G659" t="e">
            <v>#N/A</v>
          </cell>
          <cell r="H659" t="str">
            <v>PD-RTRF \ PM</v>
          </cell>
          <cell r="I659" t="str">
            <v>TRANFPM</v>
          </cell>
          <cell r="J659" t="str">
            <v>RTRFMPM</v>
          </cell>
          <cell r="K659" t="str">
            <v>X</v>
          </cell>
          <cell r="L659" t="str">
            <v>Preventative Maintenance</v>
          </cell>
          <cell r="M659" t="str">
            <v>N</v>
          </cell>
        </row>
        <row r="660">
          <cell r="A660" t="str">
            <v>RTRFMRPR</v>
          </cell>
          <cell r="B660" t="str">
            <v>PD O&amp;M</v>
          </cell>
          <cell r="C660" t="str">
            <v>MW</v>
          </cell>
          <cell r="D660" t="str">
            <v>PD-RTRF</v>
          </cell>
          <cell r="E660" t="e">
            <v>#N/A</v>
          </cell>
          <cell r="F660" t="str">
            <v>RPR</v>
          </cell>
          <cell r="G660" t="e">
            <v>#N/A</v>
          </cell>
          <cell r="H660" t="str">
            <v>PD-RTRF \ RPR</v>
          </cell>
          <cell r="I660" t="str">
            <v>TRANFRP</v>
          </cell>
          <cell r="J660" t="str">
            <v>RTRFMRPR</v>
          </cell>
          <cell r="K660" t="str">
            <v>X</v>
          </cell>
          <cell r="L660" t="str">
            <v>Repair</v>
          </cell>
          <cell r="M660" t="str">
            <v>N</v>
          </cell>
        </row>
        <row r="661">
          <cell r="A661" t="str">
            <v>RTRICK</v>
          </cell>
          <cell r="B661" t="str">
            <v>PD Capital</v>
          </cell>
          <cell r="C661" t="str">
            <v>Carolinas</v>
          </cell>
          <cell r="D661" t="str">
            <v>PD-RELIA</v>
          </cell>
          <cell r="E661" t="str">
            <v>Power Delivery - Reliability</v>
          </cell>
          <cell r="F661" t="str">
            <v>TX CK</v>
          </cell>
          <cell r="G661" t="str">
            <v>Transformers - Replacement Repair NOT LIP follow-up nor an outage CK</v>
          </cell>
          <cell r="H661" t="str">
            <v>PD-RELIA \ TX CK</v>
          </cell>
          <cell r="I661" t="str">
            <v>RTR</v>
          </cell>
          <cell r="J661" t="str">
            <v>RTRICK</v>
          </cell>
          <cell r="K661" t="str">
            <v>X</v>
          </cell>
          <cell r="L661" t="str">
            <v>Transformers - Replacement Repair NOT LIP follow-up nor an outage CK</v>
          </cell>
          <cell r="M661" t="str">
            <v>N</v>
          </cell>
        </row>
        <row r="662">
          <cell r="A662" t="str">
            <v>RTRINC</v>
          </cell>
          <cell r="B662" t="str">
            <v>PD Capital</v>
          </cell>
          <cell r="C662" t="str">
            <v>Carolinas</v>
          </cell>
          <cell r="D662" t="str">
            <v>PD-RELIA</v>
          </cell>
          <cell r="E662" t="str">
            <v>Power Delivery - Reliability</v>
          </cell>
          <cell r="F662" t="str">
            <v>TX NC</v>
          </cell>
          <cell r="G662" t="str">
            <v>Transformers - Replacement Repair NOT LIP follow-up nor an outage NC</v>
          </cell>
          <cell r="H662" t="str">
            <v>PD-RELIA \ TX NC</v>
          </cell>
          <cell r="I662" t="str">
            <v>RTR</v>
          </cell>
          <cell r="J662" t="str">
            <v>RTRINC</v>
          </cell>
          <cell r="K662" t="str">
            <v>X</v>
          </cell>
          <cell r="L662" t="str">
            <v>Transformers - Replacement Repair NOT LIP follow-up nor an outage NC</v>
          </cell>
          <cell r="M662" t="str">
            <v>N</v>
          </cell>
        </row>
        <row r="663">
          <cell r="A663" t="str">
            <v>RTRISC</v>
          </cell>
          <cell r="B663" t="str">
            <v>PD Capital</v>
          </cell>
          <cell r="C663" t="str">
            <v>Carolinas</v>
          </cell>
          <cell r="D663" t="str">
            <v>PD-RELIA</v>
          </cell>
          <cell r="E663" t="str">
            <v>Power Delivery - Reliability</v>
          </cell>
          <cell r="F663" t="str">
            <v>TX SC</v>
          </cell>
          <cell r="G663" t="str">
            <v>Transformers - Replacement Repair NOT LIP follow-up nor an outage SC</v>
          </cell>
          <cell r="H663" t="str">
            <v>PD-RELIA \ TX SC</v>
          </cell>
          <cell r="I663" t="str">
            <v>RTR</v>
          </cell>
          <cell r="J663" t="str">
            <v>RTRISC</v>
          </cell>
          <cell r="K663" t="str">
            <v>X</v>
          </cell>
          <cell r="L663" t="str">
            <v>Transformers - Replacement Repair NOT LIP follow-up nor an outage SC</v>
          </cell>
          <cell r="M663" t="str">
            <v>N</v>
          </cell>
        </row>
        <row r="664">
          <cell r="A664" t="str">
            <v>RUCICK</v>
          </cell>
          <cell r="B664" t="str">
            <v>PD Capital</v>
          </cell>
          <cell r="C664" t="str">
            <v>Carolinas</v>
          </cell>
          <cell r="D664" t="str">
            <v>PD-INTGT</v>
          </cell>
          <cell r="E664" t="str">
            <v>Power Delivery - Integrity</v>
          </cell>
          <cell r="F664" t="str">
            <v>UGCABREPCK</v>
          </cell>
          <cell r="G664" t="str">
            <v>Underground cable replacement -- NOT Lighting System CK</v>
          </cell>
          <cell r="H664" t="str">
            <v>PD-INTGT \ UGCABREPCK</v>
          </cell>
          <cell r="I664" t="str">
            <v>RUC</v>
          </cell>
          <cell r="J664" t="str">
            <v>RUCICK</v>
          </cell>
          <cell r="K664" t="str">
            <v>X</v>
          </cell>
          <cell r="L664" t="str">
            <v>Underground cable replacement -- NOT Lighting System CK</v>
          </cell>
          <cell r="M664" t="str">
            <v>N</v>
          </cell>
        </row>
        <row r="665">
          <cell r="A665" t="str">
            <v>RUCINC</v>
          </cell>
          <cell r="B665" t="str">
            <v>PD Capital</v>
          </cell>
          <cell r="C665" t="str">
            <v>Carolinas</v>
          </cell>
          <cell r="D665" t="str">
            <v>PD-INTGT</v>
          </cell>
          <cell r="E665" t="str">
            <v>Power Delivery - Integrity</v>
          </cell>
          <cell r="F665" t="str">
            <v>UGCABREPNC</v>
          </cell>
          <cell r="G665" t="str">
            <v>Underground cable replacement -- NOT Lighting System NC</v>
          </cell>
          <cell r="H665" t="str">
            <v>PD-INTGT \ UGCABREPNC</v>
          </cell>
          <cell r="I665" t="str">
            <v>RUC</v>
          </cell>
          <cell r="J665" t="str">
            <v>RUCINC</v>
          </cell>
          <cell r="K665" t="str">
            <v>X</v>
          </cell>
          <cell r="L665" t="str">
            <v>Underground cable replacement -- NOT Lighting System NC</v>
          </cell>
          <cell r="M665" t="str">
            <v>N</v>
          </cell>
        </row>
        <row r="666">
          <cell r="A666" t="str">
            <v>RUCISC</v>
          </cell>
          <cell r="B666" t="str">
            <v>PD Capital</v>
          </cell>
          <cell r="C666" t="str">
            <v>Carolinas</v>
          </cell>
          <cell r="D666" t="str">
            <v>PD-INTGT</v>
          </cell>
          <cell r="E666" t="str">
            <v>Power Delivery - Integrity</v>
          </cell>
          <cell r="F666" t="str">
            <v>UGCABREPSC</v>
          </cell>
          <cell r="G666" t="str">
            <v>Underground cable replacement -- NOT Lighting System SC</v>
          </cell>
          <cell r="H666" t="str">
            <v>PD-INTGT \ UGCABREPSC</v>
          </cell>
          <cell r="I666" t="str">
            <v>RUC</v>
          </cell>
          <cell r="J666" t="str">
            <v>RUCISC</v>
          </cell>
          <cell r="K666" t="str">
            <v>X</v>
          </cell>
          <cell r="L666" t="str">
            <v>Underground cable replacement -- NOT Lighting System SC</v>
          </cell>
          <cell r="M666" t="str">
            <v>N</v>
          </cell>
        </row>
        <row r="667">
          <cell r="A667" t="str">
            <v>RULICK</v>
          </cell>
          <cell r="B667" t="str">
            <v>PD Capital</v>
          </cell>
          <cell r="C667" t="str">
            <v>Carolinas</v>
          </cell>
          <cell r="D667" t="str">
            <v>PD-LTREP</v>
          </cell>
          <cell r="E667" t="str">
            <v>Power Delivery - FOC Lighting Replacement</v>
          </cell>
          <cell r="F667" t="str">
            <v>UGL CABLE CK</v>
          </cell>
          <cell r="G667" t="str">
            <v>UG Cable Replacement -Lighting Cable only CK</v>
          </cell>
          <cell r="H667" t="str">
            <v>PD-LTREP \ UGL CABLE CK</v>
          </cell>
          <cell r="I667" t="str">
            <v>RUL</v>
          </cell>
          <cell r="J667" t="str">
            <v>RULICK</v>
          </cell>
          <cell r="K667" t="str">
            <v>X</v>
          </cell>
          <cell r="L667" t="str">
            <v>UG Cable Replacement -Lighting Cable only CK</v>
          </cell>
          <cell r="M667" t="str">
            <v>N</v>
          </cell>
        </row>
        <row r="668">
          <cell r="A668" t="str">
            <v>RULINC</v>
          </cell>
          <cell r="B668" t="str">
            <v>PD Capital</v>
          </cell>
          <cell r="C668" t="str">
            <v>Carolinas</v>
          </cell>
          <cell r="D668" t="str">
            <v>PD-LTREP</v>
          </cell>
          <cell r="E668" t="str">
            <v>Power Delivery - FOC Lighting Replacement</v>
          </cell>
          <cell r="F668" t="str">
            <v>UGL CABLE NC</v>
          </cell>
          <cell r="G668" t="str">
            <v>UG Cable Replacement -Lighting Cable only NC</v>
          </cell>
          <cell r="H668" t="str">
            <v>PD-LTREP \ UGL CABLE NC</v>
          </cell>
          <cell r="I668" t="str">
            <v>RUL</v>
          </cell>
          <cell r="J668" t="str">
            <v>RULINC</v>
          </cell>
          <cell r="K668" t="str">
            <v>X</v>
          </cell>
          <cell r="L668" t="str">
            <v>UG Cable Replacement -Lighting Cable only NC</v>
          </cell>
          <cell r="M668" t="str">
            <v>N</v>
          </cell>
        </row>
        <row r="669">
          <cell r="A669" t="str">
            <v>RULISC</v>
          </cell>
          <cell r="B669" t="str">
            <v>PD Capital</v>
          </cell>
          <cell r="C669" t="str">
            <v>Carolinas</v>
          </cell>
          <cell r="D669" t="str">
            <v>PD-LTREP</v>
          </cell>
          <cell r="E669" t="str">
            <v>Power Delivery - FOC Lighting Replacement</v>
          </cell>
          <cell r="F669" t="str">
            <v>UGL CABLE SC</v>
          </cell>
          <cell r="G669" t="str">
            <v>UG Cable Replacement -Lighting Cable only SC</v>
          </cell>
          <cell r="H669" t="str">
            <v>PD-LTREP \ UGL CABLE SC</v>
          </cell>
          <cell r="I669" t="str">
            <v>RUL</v>
          </cell>
          <cell r="J669" t="str">
            <v>RULISC</v>
          </cell>
          <cell r="K669" t="str">
            <v>X</v>
          </cell>
          <cell r="L669" t="str">
            <v>UG Cable Replacement -Lighting Cable only SC</v>
          </cell>
          <cell r="M669" t="str">
            <v>N</v>
          </cell>
        </row>
        <row r="670">
          <cell r="A670" t="str">
            <v>RWCDICK</v>
          </cell>
          <cell r="B670" t="str">
            <v>PD Veg Mgmt</v>
          </cell>
          <cell r="C670" t="str">
            <v>Carolinas</v>
          </cell>
          <cell r="D670" t="str">
            <v>PD-DVEGC</v>
          </cell>
          <cell r="E670" t="str">
            <v>Vegetation Management - Distribution - Capital</v>
          </cell>
          <cell r="F670" t="str">
            <v>DCIRMAINCK</v>
          </cell>
          <cell r="G670" t="str">
            <v>Veg Mgmt - Distribution routine circuit maintenance.</v>
          </cell>
          <cell r="H670" t="str">
            <v>PD-DVEGC \ DCIRMAINCK</v>
          </cell>
          <cell r="I670" t="str">
            <v>RWCD</v>
          </cell>
          <cell r="J670" t="str">
            <v>RWCDICK</v>
          </cell>
          <cell r="K670" t="str">
            <v>X</v>
          </cell>
          <cell r="L670" t="str">
            <v>Veg Mgmt - Distribution routine circuit maintenance CK</v>
          </cell>
          <cell r="M670" t="str">
            <v>N</v>
          </cell>
        </row>
        <row r="671">
          <cell r="A671" t="str">
            <v>RWCDINC</v>
          </cell>
          <cell r="B671" t="str">
            <v>PD Veg Mgmt</v>
          </cell>
          <cell r="C671" t="str">
            <v>Carolinas</v>
          </cell>
          <cell r="D671" t="str">
            <v>PD-DVEGC</v>
          </cell>
          <cell r="E671" t="str">
            <v>Vegetation Management - Distribution - Capital</v>
          </cell>
          <cell r="F671" t="str">
            <v>DCIRMAINNC</v>
          </cell>
          <cell r="G671" t="str">
            <v>Veg Mgmt - Distribution routine circuit maintenance.</v>
          </cell>
          <cell r="H671" t="str">
            <v>PD-DVEGC \ DCIRMAINNC</v>
          </cell>
          <cell r="I671" t="str">
            <v>RWCD</v>
          </cell>
          <cell r="J671" t="str">
            <v>RWCDINC</v>
          </cell>
          <cell r="K671" t="str">
            <v>X</v>
          </cell>
          <cell r="L671" t="str">
            <v>Veg Mgmt - Distribution routine circuit maintenance NC</v>
          </cell>
          <cell r="M671" t="str">
            <v>N</v>
          </cell>
        </row>
        <row r="672">
          <cell r="A672" t="str">
            <v>RWCDISC</v>
          </cell>
          <cell r="B672" t="str">
            <v>PD Veg Mgmt</v>
          </cell>
          <cell r="C672" t="str">
            <v>Carolinas</v>
          </cell>
          <cell r="D672" t="str">
            <v>PD-DVEGC</v>
          </cell>
          <cell r="E672" t="str">
            <v>Vegetation Management - Distribution - Capital</v>
          </cell>
          <cell r="F672" t="str">
            <v>DCIRMAINSC</v>
          </cell>
          <cell r="G672" t="str">
            <v>Veg Mgmt - Distribution routine circuit maintenance.</v>
          </cell>
          <cell r="H672" t="str">
            <v>PD-DVEGC \ DCIRMAINSC</v>
          </cell>
          <cell r="I672" t="str">
            <v>RWCD</v>
          </cell>
          <cell r="J672" t="str">
            <v>RWCDISC</v>
          </cell>
          <cell r="K672" t="str">
            <v>X</v>
          </cell>
          <cell r="L672" t="str">
            <v>Veg Mgmt - Distribution routine circuit maintenance SC</v>
          </cell>
          <cell r="M672" t="str">
            <v>N</v>
          </cell>
        </row>
        <row r="673">
          <cell r="A673" t="str">
            <v>RWCICK</v>
          </cell>
          <cell r="B673" t="str">
            <v>PD Capital</v>
          </cell>
          <cell r="C673" t="str">
            <v>Carolinas</v>
          </cell>
          <cell r="D673" t="str">
            <v>PD-NEWCS</v>
          </cell>
          <cell r="E673" t="str">
            <v>Power Delivery - BE</v>
          </cell>
          <cell r="F673" t="str">
            <v>VEG MAN CK</v>
          </cell>
          <cell r="G673" t="str">
            <v>Vegetation Management CK</v>
          </cell>
          <cell r="H673" t="str">
            <v>PD-NEWCS \ VEG MAN CK</v>
          </cell>
          <cell r="I673" t="str">
            <v>RWC</v>
          </cell>
          <cell r="J673" t="str">
            <v>RWCICK</v>
          </cell>
          <cell r="K673" t="str">
            <v>X</v>
          </cell>
          <cell r="L673" t="str">
            <v>Vegetation Management CK</v>
          </cell>
          <cell r="M673" t="str">
            <v>N</v>
          </cell>
        </row>
        <row r="674">
          <cell r="A674" t="str">
            <v>RWCINC</v>
          </cell>
          <cell r="B674" t="str">
            <v>PD Capital</v>
          </cell>
          <cell r="C674" t="str">
            <v>Carolinas</v>
          </cell>
          <cell r="D674" t="str">
            <v>PD-NEWCS</v>
          </cell>
          <cell r="E674" t="str">
            <v>Power Delivery - BE</v>
          </cell>
          <cell r="F674" t="str">
            <v>VEG MAN NC</v>
          </cell>
          <cell r="G674" t="str">
            <v>Vegetation Management NC</v>
          </cell>
          <cell r="H674" t="str">
            <v>PD-NEWCS \ VEG MAN NC</v>
          </cell>
          <cell r="I674" t="str">
            <v>RWC</v>
          </cell>
          <cell r="J674" t="str">
            <v>RWCINC</v>
          </cell>
          <cell r="K674" t="str">
            <v>X</v>
          </cell>
          <cell r="L674" t="str">
            <v>Vegetation Management NC</v>
          </cell>
          <cell r="M674" t="str">
            <v>N</v>
          </cell>
        </row>
        <row r="675">
          <cell r="A675" t="str">
            <v>RWCISC</v>
          </cell>
          <cell r="B675" t="str">
            <v>PD Capital</v>
          </cell>
          <cell r="C675" t="str">
            <v>Carolinas</v>
          </cell>
          <cell r="D675" t="str">
            <v>PD-NEWCS</v>
          </cell>
          <cell r="E675" t="str">
            <v>Power Delivery - BE</v>
          </cell>
          <cell r="F675" t="str">
            <v>VEG MAN SC</v>
          </cell>
          <cell r="G675" t="str">
            <v>Vegetation Management SC</v>
          </cell>
          <cell r="H675" t="str">
            <v>PD-NEWCS \ VEG MAN SC</v>
          </cell>
          <cell r="I675" t="str">
            <v>RWC</v>
          </cell>
          <cell r="J675" t="str">
            <v>RWCISC</v>
          </cell>
          <cell r="K675" t="str">
            <v>X</v>
          </cell>
          <cell r="L675" t="str">
            <v>Vegetation Management SC</v>
          </cell>
          <cell r="M675" t="str">
            <v>N</v>
          </cell>
        </row>
        <row r="676">
          <cell r="A676" t="str">
            <v>RWCUCICK</v>
          </cell>
          <cell r="B676" t="str">
            <v>PD Veg Mgmt</v>
          </cell>
          <cell r="C676" t="str">
            <v>Veg</v>
          </cell>
          <cell r="D676" t="str">
            <v>PD-DVEGC</v>
          </cell>
          <cell r="E676" t="str">
            <v>Vegetation Management - Distribution - Capital</v>
          </cell>
          <cell r="F676" t="str">
            <v>DVMFUCUSCK</v>
          </cell>
          <cell r="G676" t="str">
            <v>Vegetation related requests from customers were it is deemed work is necessary.</v>
          </cell>
          <cell r="H676" t="str">
            <v>PD-DVEGC \ DVMFUCUSCK</v>
          </cell>
          <cell r="I676" t="str">
            <v>RWD</v>
          </cell>
          <cell r="J676" t="str">
            <v>RWCUCICK</v>
          </cell>
          <cell r="K676" t="str">
            <v>X</v>
          </cell>
          <cell r="L676" t="str">
            <v>Vegetation related requests from customers were it is deemed work is necessary CK</v>
          </cell>
          <cell r="M676" t="str">
            <v>N</v>
          </cell>
        </row>
        <row r="677">
          <cell r="A677" t="str">
            <v>RWCUCINC</v>
          </cell>
          <cell r="B677" t="str">
            <v>PD Veg Mgmt</v>
          </cell>
          <cell r="C677" t="str">
            <v>Veg</v>
          </cell>
          <cell r="D677" t="str">
            <v>PD-DVEGC</v>
          </cell>
          <cell r="E677" t="str">
            <v>Vegetation Management - Distribution - Capital</v>
          </cell>
          <cell r="F677" t="str">
            <v>DVMFUCUSNC</v>
          </cell>
          <cell r="G677" t="str">
            <v>Vegetation related requests from customers were it is deemed work is necessary.</v>
          </cell>
          <cell r="H677" t="str">
            <v>PD-DVEGC \ DVMFUCUSNC</v>
          </cell>
          <cell r="I677" t="str">
            <v>RWD</v>
          </cell>
          <cell r="J677" t="str">
            <v>RWCUCINC</v>
          </cell>
          <cell r="K677" t="str">
            <v>X</v>
          </cell>
          <cell r="L677" t="str">
            <v>Vegetation related requests from customers were it is deemed work is necessary NC</v>
          </cell>
          <cell r="M677" t="str">
            <v>N</v>
          </cell>
        </row>
        <row r="678">
          <cell r="A678" t="str">
            <v>RWCUCISC</v>
          </cell>
          <cell r="B678" t="str">
            <v>PD Veg Mgmt</v>
          </cell>
          <cell r="C678" t="str">
            <v>Veg</v>
          </cell>
          <cell r="D678" t="str">
            <v>PD-DVEGC</v>
          </cell>
          <cell r="E678" t="str">
            <v>Vegetation Management - Distribution - Capital</v>
          </cell>
          <cell r="F678" t="str">
            <v>DVMFUCUSSC</v>
          </cell>
          <cell r="G678" t="str">
            <v>Vegetation related requests from customers were it is deemed work is necessary.</v>
          </cell>
          <cell r="H678" t="str">
            <v>PD-DVEGC \ DVMFUCUSSC</v>
          </cell>
          <cell r="I678" t="str">
            <v>RWD</v>
          </cell>
          <cell r="J678" t="str">
            <v>RWCUCISC</v>
          </cell>
          <cell r="K678" t="str">
            <v>X</v>
          </cell>
          <cell r="L678" t="str">
            <v>Vegetation related requests from customers were it is deemed work is necessary SC</v>
          </cell>
          <cell r="M678" t="str">
            <v>N</v>
          </cell>
        </row>
        <row r="679">
          <cell r="A679" t="str">
            <v>RWDICK</v>
          </cell>
          <cell r="B679" t="str">
            <v>PD Veg Mgmt</v>
          </cell>
          <cell r="C679" t="str">
            <v>Veg</v>
          </cell>
          <cell r="D679" t="str">
            <v>PD-DVEGC</v>
          </cell>
          <cell r="E679" t="str">
            <v>Vegetation Management - Distribution - Capital</v>
          </cell>
          <cell r="F679" t="str">
            <v>DDANTREECK</v>
          </cell>
          <cell r="G679" t="str">
            <v>Veg Mgmt - Distribution Danger Tree Program</v>
          </cell>
          <cell r="H679" t="str">
            <v>PD-DVEGC \ DDANTREECK</v>
          </cell>
          <cell r="I679" t="str">
            <v>RWD</v>
          </cell>
          <cell r="J679" t="str">
            <v>RWDICK</v>
          </cell>
          <cell r="K679" t="str">
            <v>X</v>
          </cell>
          <cell r="L679" t="str">
            <v>Veg Mgmt - Distribution Danger Tree Program CK</v>
          </cell>
          <cell r="M679" t="str">
            <v>N</v>
          </cell>
        </row>
        <row r="680">
          <cell r="A680" t="str">
            <v>RWDINC</v>
          </cell>
          <cell r="B680" t="str">
            <v>PD Veg Mgmt</v>
          </cell>
          <cell r="C680" t="str">
            <v>Veg</v>
          </cell>
          <cell r="D680" t="str">
            <v>PD-DVEGC</v>
          </cell>
          <cell r="E680" t="str">
            <v>Vegetation Management - Distribution - Capital</v>
          </cell>
          <cell r="F680" t="str">
            <v>DDANTREENC</v>
          </cell>
          <cell r="G680" t="str">
            <v>Veg Mgmt - Distribution Danger Tree Program</v>
          </cell>
          <cell r="H680" t="str">
            <v>PD-DVEGC \ DDANTREENC</v>
          </cell>
          <cell r="I680" t="str">
            <v>RWD</v>
          </cell>
          <cell r="J680" t="str">
            <v>RWDINC</v>
          </cell>
          <cell r="K680" t="str">
            <v>X</v>
          </cell>
          <cell r="L680" t="str">
            <v>Veg Mgmt - Distribution Danger Tree Program NC</v>
          </cell>
          <cell r="M680" t="str">
            <v>N</v>
          </cell>
        </row>
        <row r="681">
          <cell r="A681" t="str">
            <v>RWDISC</v>
          </cell>
          <cell r="B681" t="str">
            <v>PD Veg Mgmt</v>
          </cell>
          <cell r="C681" t="str">
            <v>Veg</v>
          </cell>
          <cell r="D681" t="str">
            <v>PD-DVEGC</v>
          </cell>
          <cell r="E681" t="str">
            <v>Vegetation Management - Distribution - Capital</v>
          </cell>
          <cell r="F681" t="str">
            <v>DDANTREESC</v>
          </cell>
          <cell r="G681" t="str">
            <v>Veg Mgmt - Distribution Danger Tree Program</v>
          </cell>
          <cell r="H681" t="str">
            <v>PD-DVEGC \ DDANTREESC</v>
          </cell>
          <cell r="I681" t="str">
            <v>RWD</v>
          </cell>
          <cell r="J681" t="str">
            <v>RWDISC</v>
          </cell>
          <cell r="K681" t="str">
            <v>X</v>
          </cell>
          <cell r="L681" t="str">
            <v>Veg Mgmt - Distribution Danger Tree Program SC</v>
          </cell>
          <cell r="M681" t="str">
            <v>N</v>
          </cell>
        </row>
        <row r="682">
          <cell r="A682" t="str">
            <v>RWMCUS</v>
          </cell>
          <cell r="B682" t="str">
            <v>PD Veg Mgmt</v>
          </cell>
          <cell r="C682" t="str">
            <v>Veg</v>
          </cell>
          <cell r="D682" t="str">
            <v>PD-DVEGO</v>
          </cell>
          <cell r="E682" t="str">
            <v>Vegetation Management - Distribution - O&amp;M</v>
          </cell>
          <cell r="F682" t="str">
            <v>DVMFUCUSC</v>
          </cell>
          <cell r="G682" t="str">
            <v>Vegetation related requests from customers were it is deemed work is necessary Carolinas</v>
          </cell>
          <cell r="H682" t="str">
            <v>PD-DVEGO \ DVMFUCUSC</v>
          </cell>
          <cell r="I682" t="str">
            <v>RWMNC</v>
          </cell>
          <cell r="J682" t="str">
            <v>RWMCUS</v>
          </cell>
          <cell r="K682" t="str">
            <v>X</v>
          </cell>
          <cell r="L682" t="str">
            <v>Vegetation related requests from customers were it is deemed work is necessary Carolinas</v>
          </cell>
          <cell r="M682" t="str">
            <v>N</v>
          </cell>
        </row>
        <row r="683">
          <cell r="A683" t="str">
            <v>RWMDT</v>
          </cell>
          <cell r="B683" t="str">
            <v>PD Veg Mgmt</v>
          </cell>
          <cell r="C683" t="str">
            <v>Veg</v>
          </cell>
          <cell r="D683" t="str">
            <v>PD-DVEGO</v>
          </cell>
          <cell r="E683" t="str">
            <v>Vegetation Management - Distribution - O&amp;M</v>
          </cell>
          <cell r="F683" t="str">
            <v>DDANTREE</v>
          </cell>
          <cell r="G683" t="str">
            <v>Veg Mgmt - Distribution Danger Tree Program</v>
          </cell>
          <cell r="H683" t="str">
            <v>PD-DVEGO \ DDANTREE</v>
          </cell>
          <cell r="I683" t="str">
            <v>RWMDT</v>
          </cell>
          <cell r="J683" t="str">
            <v>RWMDT</v>
          </cell>
          <cell r="K683" t="str">
            <v>X</v>
          </cell>
          <cell r="L683" t="str">
            <v>Veg Mgmt - Distribution Danger Tree Program</v>
          </cell>
          <cell r="M683" t="str">
            <v>N</v>
          </cell>
        </row>
        <row r="684">
          <cell r="A684" t="str">
            <v>RWMRI</v>
          </cell>
          <cell r="B684" t="str">
            <v>PD Veg Mgmt</v>
          </cell>
          <cell r="C684" t="str">
            <v>Veg</v>
          </cell>
          <cell r="D684" t="str">
            <v>PD-DVEGO</v>
          </cell>
          <cell r="E684" t="str">
            <v>Vegetation Management - Distribution - O&amp;M</v>
          </cell>
          <cell r="F684" t="str">
            <v>DVMFURIC</v>
          </cell>
          <cell r="G684" t="str">
            <v>CAR - Veg related follow up requests from field opers - major outage fu or other R&amp;I requests.</v>
          </cell>
          <cell r="H684" t="str">
            <v>PD-DVEGO \ DVMFURIC</v>
          </cell>
          <cell r="I684" t="str">
            <v>RWMNC</v>
          </cell>
          <cell r="J684" t="str">
            <v>RWMRI</v>
          </cell>
          <cell r="K684" t="str">
            <v>X</v>
          </cell>
          <cell r="L684" t="str">
            <v>Veg related follow up requests from field opers - major outage fu or other R&amp;I requests Carolinas</v>
          </cell>
          <cell r="M684" t="str">
            <v>N</v>
          </cell>
        </row>
        <row r="685">
          <cell r="A685" t="str">
            <v>RWMSUP</v>
          </cell>
          <cell r="B685" t="str">
            <v>PD Veg Mgmt</v>
          </cell>
          <cell r="C685" t="str">
            <v>Veg</v>
          </cell>
          <cell r="D685" t="str">
            <v>PD-DVEGO</v>
          </cell>
          <cell r="E685" t="str">
            <v>Vegetation Management - Distribution - O&amp;M</v>
          </cell>
          <cell r="F685" t="str">
            <v>DRWSUPC</v>
          </cell>
          <cell r="G685" t="str">
            <v>Veg Mgmt expenses such as oversight, expenses, training and other miscellaneous expenses Carolinas</v>
          </cell>
          <cell r="H685" t="str">
            <v>PD-DVEGO \ DRWSUPC</v>
          </cell>
          <cell r="I685" t="str">
            <v>RWMSUP</v>
          </cell>
          <cell r="J685" t="str">
            <v>RWMSUP</v>
          </cell>
          <cell r="K685" t="str">
            <v>X</v>
          </cell>
          <cell r="L685" t="str">
            <v>Veg Mgmt expenses such as oversight, expenses, training and other miscellaneous expenses Carolinas</v>
          </cell>
          <cell r="M685" t="str">
            <v>N</v>
          </cell>
        </row>
        <row r="686">
          <cell r="A686" t="str">
            <v>RWMSYS</v>
          </cell>
          <cell r="B686" t="str">
            <v>PD Veg Mgmt</v>
          </cell>
          <cell r="C686" t="str">
            <v>Veg</v>
          </cell>
          <cell r="D686" t="str">
            <v>PD-DVEGO</v>
          </cell>
          <cell r="E686" t="str">
            <v>Vegetation Management - Distribution - O&amp;M</v>
          </cell>
          <cell r="F686" t="str">
            <v>DVMFUSYS</v>
          </cell>
          <cell r="G686" t="str">
            <v xml:space="preserve">Veg related requests for system improvement projects.  </v>
          </cell>
          <cell r="H686" t="str">
            <v>PD-DVEGO \ DVMFUSYS</v>
          </cell>
          <cell r="I686" t="str">
            <v>RWMNC</v>
          </cell>
          <cell r="J686" t="str">
            <v>RWMSYS</v>
          </cell>
          <cell r="K686" t="str">
            <v>X</v>
          </cell>
          <cell r="L686" t="str">
            <v>Veg related requests for system improvement projects.</v>
          </cell>
          <cell r="M686" t="str">
            <v>N</v>
          </cell>
        </row>
        <row r="687">
          <cell r="A687" t="str">
            <v>RWMTH</v>
          </cell>
          <cell r="B687" t="str">
            <v>PD Veg Mgmt</v>
          </cell>
          <cell r="C687" t="str">
            <v>Veg</v>
          </cell>
          <cell r="D687" t="str">
            <v>PD-DVEGO</v>
          </cell>
          <cell r="E687" t="str">
            <v>Vegetation Management - Distribution - O&amp;M</v>
          </cell>
          <cell r="F687" t="str">
            <v>DHERB</v>
          </cell>
          <cell r="G687" t="str">
            <v>Veg Mgmt - Distribution Herbicide Application</v>
          </cell>
          <cell r="H687" t="str">
            <v>PD-DVEGO \ DHERB</v>
          </cell>
          <cell r="I687" t="str">
            <v>RWMTH</v>
          </cell>
          <cell r="J687" t="str">
            <v>RWMTH</v>
          </cell>
          <cell r="K687" t="str">
            <v>X</v>
          </cell>
          <cell r="L687" t="str">
            <v>Veg Mgmt - Distribution Herbicide Application</v>
          </cell>
          <cell r="M687" t="str">
            <v>N</v>
          </cell>
        </row>
        <row r="688">
          <cell r="A688" t="str">
            <v>RWMTP</v>
          </cell>
          <cell r="B688" t="str">
            <v>PD Veg Mgmt</v>
          </cell>
          <cell r="C688" t="str">
            <v>Veg</v>
          </cell>
          <cell r="D688" t="str">
            <v>PD-DVEGO</v>
          </cell>
          <cell r="E688" t="str">
            <v>Vegetation Management - Distribution - O&amp;M</v>
          </cell>
          <cell r="F688" t="str">
            <v>DCIRMAINC</v>
          </cell>
          <cell r="G688" t="str">
            <v>Veg Mgmt - Distribution routine circuit maintenance Carolinas</v>
          </cell>
          <cell r="H688" t="str">
            <v>PD-DVEGO \ DCIRMAINC</v>
          </cell>
          <cell r="I688" t="str">
            <v>RWMTP</v>
          </cell>
          <cell r="J688" t="str">
            <v>RWMTP</v>
          </cell>
          <cell r="K688" t="str">
            <v>X</v>
          </cell>
          <cell r="L688" t="str">
            <v>Veg Mgmt - Distribution routine circuit maintenance Carolinas</v>
          </cell>
          <cell r="M688" t="str">
            <v>N</v>
          </cell>
        </row>
        <row r="689">
          <cell r="A689" t="str">
            <v>RWRICCK</v>
          </cell>
          <cell r="B689" t="str">
            <v>PD Veg Mgmt</v>
          </cell>
          <cell r="C689" t="str">
            <v>Veg</v>
          </cell>
          <cell r="D689" t="str">
            <v>PD-DVEGC</v>
          </cell>
          <cell r="E689" t="str">
            <v>Vegetation Management - Distribution - Capital</v>
          </cell>
          <cell r="F689" t="str">
            <v>DVMFURICK</v>
          </cell>
          <cell r="G689" t="str">
            <v>Veg related follow up requests from field opers - major outage fu or other R&amp;I requests.</v>
          </cell>
          <cell r="H689" t="str">
            <v>PD-DVEGC \ DVMFURICK</v>
          </cell>
          <cell r="I689" t="str">
            <v>RWD</v>
          </cell>
          <cell r="J689" t="str">
            <v>RWRICCK</v>
          </cell>
          <cell r="K689" t="str">
            <v>X</v>
          </cell>
          <cell r="L689" t="str">
            <v>Veg related follow up requests from field opers - major outage fu or other R&amp;I requestS CK</v>
          </cell>
          <cell r="M689" t="str">
            <v>N</v>
          </cell>
        </row>
        <row r="690">
          <cell r="A690" t="str">
            <v>RWRICK</v>
          </cell>
          <cell r="B690" t="str">
            <v>PD Capital</v>
          </cell>
          <cell r="C690" t="str">
            <v>Carolinas</v>
          </cell>
          <cell r="D690" t="str">
            <v>PD-SCAP</v>
          </cell>
          <cell r="E690" t="str">
            <v>Power Delivery - System Capacity</v>
          </cell>
          <cell r="F690" t="str">
            <v>VEG MAN CK</v>
          </cell>
          <cell r="G690" t="str">
            <v>5 year plan right of way needs CK</v>
          </cell>
          <cell r="H690" t="str">
            <v>PD-SCAP \ VEG MAN CK</v>
          </cell>
          <cell r="I690" t="str">
            <v>RWR</v>
          </cell>
          <cell r="J690" t="str">
            <v>RWRICK</v>
          </cell>
          <cell r="K690" t="str">
            <v>X</v>
          </cell>
          <cell r="L690" t="str">
            <v>5 year plan right of way needs CK</v>
          </cell>
          <cell r="M690" t="str">
            <v>N</v>
          </cell>
        </row>
        <row r="691">
          <cell r="A691" t="str">
            <v>RWRICNC</v>
          </cell>
          <cell r="B691" t="str">
            <v>PD Veg Mgmt</v>
          </cell>
          <cell r="C691" t="str">
            <v>Veg</v>
          </cell>
          <cell r="D691" t="str">
            <v>PD-DVEGC</v>
          </cell>
          <cell r="E691" t="str">
            <v>Vegetation Management - Distribution - Capital</v>
          </cell>
          <cell r="F691" t="str">
            <v>DVMFURINC</v>
          </cell>
          <cell r="G691" t="str">
            <v>Veg related follow up requests from field opers - major outage fu or other R&amp;I requests.</v>
          </cell>
          <cell r="H691" t="str">
            <v>PD-DVEGC \ DVMFURINC</v>
          </cell>
          <cell r="I691" t="str">
            <v>RWD</v>
          </cell>
          <cell r="J691" t="str">
            <v>RWRICNC</v>
          </cell>
          <cell r="K691" t="str">
            <v>X</v>
          </cell>
          <cell r="L691" t="str">
            <v>Veg related follow up requests from field opers - major outage fu or other R&amp;I requests NC</v>
          </cell>
          <cell r="M691" t="str">
            <v>N</v>
          </cell>
        </row>
        <row r="692">
          <cell r="A692" t="str">
            <v>RWRICSC</v>
          </cell>
          <cell r="B692" t="str">
            <v>PD Veg Mgmt</v>
          </cell>
          <cell r="C692" t="str">
            <v>Veg</v>
          </cell>
          <cell r="D692" t="str">
            <v>PD-DVEGC</v>
          </cell>
          <cell r="E692" t="str">
            <v>Vegetation Management - Distribution - Capital</v>
          </cell>
          <cell r="F692" t="str">
            <v>DVMFURISC</v>
          </cell>
          <cell r="G692" t="str">
            <v>Veg related follow up requests from field opers - major outage fu or other R&amp;I requests.</v>
          </cell>
          <cell r="H692" t="str">
            <v>PD-DVEGC \ DVMFURISC</v>
          </cell>
          <cell r="I692" t="str">
            <v>RWD</v>
          </cell>
          <cell r="J692" t="str">
            <v>RWRICSC</v>
          </cell>
          <cell r="K692" t="str">
            <v>X</v>
          </cell>
          <cell r="L692" t="str">
            <v>Veg related follow up requests from field opers - major outage fu or other R&amp;I requests SC</v>
          </cell>
          <cell r="M692" t="str">
            <v>N</v>
          </cell>
        </row>
        <row r="693">
          <cell r="A693" t="str">
            <v>RWRINC</v>
          </cell>
          <cell r="B693" t="str">
            <v>PD Capital</v>
          </cell>
          <cell r="C693" t="str">
            <v>Carolinas</v>
          </cell>
          <cell r="D693" t="str">
            <v>PD-SCAP</v>
          </cell>
          <cell r="E693" t="str">
            <v>Power Delivery - System Capacity</v>
          </cell>
          <cell r="F693" t="str">
            <v>VEG MAN NC</v>
          </cell>
          <cell r="G693" t="str">
            <v>5 year plan right of way needs NC</v>
          </cell>
          <cell r="H693" t="str">
            <v>PD-SCAP \ VEG MAN NC</v>
          </cell>
          <cell r="I693" t="str">
            <v>RWR</v>
          </cell>
          <cell r="J693" t="str">
            <v>RWRINC</v>
          </cell>
          <cell r="K693" t="str">
            <v>X</v>
          </cell>
          <cell r="L693" t="str">
            <v>5 year plan right of way needs NC</v>
          </cell>
          <cell r="M693" t="str">
            <v>N</v>
          </cell>
        </row>
        <row r="694">
          <cell r="A694" t="str">
            <v>RWRISC</v>
          </cell>
          <cell r="B694" t="str">
            <v>PD Capital</v>
          </cell>
          <cell r="C694" t="str">
            <v>Carolinas</v>
          </cell>
          <cell r="D694" t="str">
            <v>PD-SCAP</v>
          </cell>
          <cell r="E694" t="str">
            <v>Power Delivery - System Capacity</v>
          </cell>
          <cell r="F694" t="str">
            <v>VEG MAN SC</v>
          </cell>
          <cell r="G694" t="str">
            <v>5 year plan right of way needs SC</v>
          </cell>
          <cell r="H694" t="str">
            <v>PD-SCAP \ VEG MAN SC</v>
          </cell>
          <cell r="I694" t="str">
            <v>RWR</v>
          </cell>
          <cell r="J694" t="str">
            <v>RWRISC</v>
          </cell>
          <cell r="K694" t="str">
            <v>X</v>
          </cell>
          <cell r="L694" t="str">
            <v>5 year plan right of way needs SC</v>
          </cell>
          <cell r="M694" t="str">
            <v>N</v>
          </cell>
        </row>
        <row r="695">
          <cell r="A695" t="str">
            <v>RWTICK</v>
          </cell>
          <cell r="B695" t="str">
            <v>PD Veg Mgmt</v>
          </cell>
          <cell r="C695" t="str">
            <v>Veg</v>
          </cell>
          <cell r="D695" t="str">
            <v>PD-DVEGC</v>
          </cell>
          <cell r="E695" t="str">
            <v>Vegetation Management - Distribution - Capital</v>
          </cell>
          <cell r="F695" t="str">
            <v>DRWWIDECK</v>
          </cell>
          <cell r="G695" t="str">
            <v>Widening of an existing right of way beyond the previously established right of way edge.</v>
          </cell>
          <cell r="H695" t="str">
            <v>PD-DVEGC \ DRWWIDECK</v>
          </cell>
          <cell r="I695" t="str">
            <v>RWT</v>
          </cell>
          <cell r="J695" t="str">
            <v>RWTICK</v>
          </cell>
          <cell r="K695" t="str">
            <v>X</v>
          </cell>
          <cell r="L695" t="str">
            <v>Widening of an existing right of way beyond the previously established right of way edge CK</v>
          </cell>
          <cell r="M695" t="str">
            <v>N</v>
          </cell>
        </row>
        <row r="696">
          <cell r="A696" t="str">
            <v>RWTINC</v>
          </cell>
          <cell r="B696" t="str">
            <v>PD Veg Mgmt</v>
          </cell>
          <cell r="C696" t="str">
            <v>Veg</v>
          </cell>
          <cell r="D696" t="str">
            <v>PD-DVEGC</v>
          </cell>
          <cell r="E696" t="str">
            <v>Vegetation Management - Distribution - Capital</v>
          </cell>
          <cell r="F696" t="str">
            <v>DRWWIDENC</v>
          </cell>
          <cell r="G696" t="str">
            <v>Widening of an existing right of way beyond the previously established right of way edge.</v>
          </cell>
          <cell r="H696" t="str">
            <v>PD-DVEGC \ DRWWIDENC</v>
          </cell>
          <cell r="I696" t="str">
            <v>RWT</v>
          </cell>
          <cell r="J696" t="str">
            <v>RWTINC</v>
          </cell>
          <cell r="K696" t="str">
            <v>X</v>
          </cell>
          <cell r="L696" t="str">
            <v>Widening of an existing right of way beyond the previously established right of way edge NC</v>
          </cell>
          <cell r="M696" t="str">
            <v>N</v>
          </cell>
        </row>
        <row r="697">
          <cell r="A697" t="str">
            <v>RWTISC</v>
          </cell>
          <cell r="B697" t="str">
            <v>PD Veg Mgmt</v>
          </cell>
          <cell r="C697" t="str">
            <v>Veg</v>
          </cell>
          <cell r="D697" t="str">
            <v>PD-DVEGC</v>
          </cell>
          <cell r="E697" t="str">
            <v>Vegetation Management - Distribution - Capital</v>
          </cell>
          <cell r="F697" t="str">
            <v>DRWWIDESC</v>
          </cell>
          <cell r="G697" t="str">
            <v>Widening of an existing right of way beyond the previously established right of way edge.</v>
          </cell>
          <cell r="H697" t="str">
            <v>PD-DVEGC \ DRWWIDESC</v>
          </cell>
          <cell r="I697" t="str">
            <v>RWT</v>
          </cell>
          <cell r="J697" t="str">
            <v>RWTISC</v>
          </cell>
          <cell r="K697" t="str">
            <v>X</v>
          </cell>
          <cell r="L697" t="str">
            <v>Widening of an existing right of way beyond the previously established right of way edge SC</v>
          </cell>
          <cell r="M697" t="str">
            <v>N</v>
          </cell>
        </row>
        <row r="698">
          <cell r="A698" t="str">
            <v>RXRICK</v>
          </cell>
          <cell r="B698" t="str">
            <v>PD Capital</v>
          </cell>
          <cell r="C698" t="str">
            <v>Carolinas</v>
          </cell>
          <cell r="D698" t="str">
            <v>PD-RELIA</v>
          </cell>
          <cell r="E698" t="str">
            <v>Power Delivery - Reliability</v>
          </cell>
          <cell r="F698" t="str">
            <v>TX RETROCK</v>
          </cell>
          <cell r="G698" t="str">
            <v>Retrofitting CSP transformers CK</v>
          </cell>
          <cell r="H698" t="str">
            <v>PD-RELIA \ TX RETROCK</v>
          </cell>
          <cell r="I698" t="str">
            <v>RXR</v>
          </cell>
          <cell r="J698" t="str">
            <v>RXRICK</v>
          </cell>
          <cell r="K698" t="str">
            <v>X</v>
          </cell>
          <cell r="L698" t="str">
            <v>Retrofitting CSP transformers CK</v>
          </cell>
          <cell r="M698" t="str">
            <v>N</v>
          </cell>
        </row>
        <row r="699">
          <cell r="A699" t="str">
            <v>RXRINC</v>
          </cell>
          <cell r="B699" t="str">
            <v>PD Capital</v>
          </cell>
          <cell r="C699" t="str">
            <v>Carolinas</v>
          </cell>
          <cell r="D699" t="str">
            <v>PD-RELIA</v>
          </cell>
          <cell r="E699" t="str">
            <v>Power Delivery - Reliability</v>
          </cell>
          <cell r="F699" t="str">
            <v>TX RETRONC</v>
          </cell>
          <cell r="G699" t="str">
            <v>Retrofitting CSP transformers NC</v>
          </cell>
          <cell r="H699" t="str">
            <v>PD-RELIA \ TX RETRONC</v>
          </cell>
          <cell r="I699" t="str">
            <v>RXR</v>
          </cell>
          <cell r="J699" t="str">
            <v>RXRINC</v>
          </cell>
          <cell r="K699" t="str">
            <v>X</v>
          </cell>
          <cell r="L699" t="str">
            <v>Retrofitting CSP transformers NC</v>
          </cell>
          <cell r="M699" t="str">
            <v>N</v>
          </cell>
        </row>
        <row r="700">
          <cell r="A700" t="str">
            <v>RXRISC</v>
          </cell>
          <cell r="B700" t="str">
            <v>PD Capital</v>
          </cell>
          <cell r="C700" t="str">
            <v>Carolinas</v>
          </cell>
          <cell r="D700" t="str">
            <v>PD-RELIA</v>
          </cell>
          <cell r="E700" t="str">
            <v>Power Delivery - Reliability</v>
          </cell>
          <cell r="F700" t="str">
            <v>TX RETROSC</v>
          </cell>
          <cell r="G700" t="str">
            <v>Retrofitting CSP transformers SC</v>
          </cell>
          <cell r="H700" t="str">
            <v>PD-RELIA \ TX RETROSC</v>
          </cell>
          <cell r="I700" t="str">
            <v>RXR</v>
          </cell>
          <cell r="J700" t="str">
            <v>RXRISC</v>
          </cell>
          <cell r="K700" t="str">
            <v>X</v>
          </cell>
          <cell r="L700" t="str">
            <v>Retrofitting CSP transformers SC</v>
          </cell>
          <cell r="M700" t="str">
            <v>N</v>
          </cell>
        </row>
        <row r="701">
          <cell r="A701" t="str">
            <v>SCFOIN</v>
          </cell>
          <cell r="B701" t="str">
            <v>PD Capital</v>
          </cell>
          <cell r="C701" t="str">
            <v>MW</v>
          </cell>
          <cell r="D701" t="str">
            <v>PD-SCAP</v>
          </cell>
          <cell r="E701" t="str">
            <v>Power Delivery - System Capacity</v>
          </cell>
          <cell r="F701" t="str">
            <v>SYS CAP IN</v>
          </cell>
          <cell r="G701" t="str">
            <v>System upgrades not initiated by 'Planning', ie: transf. upgrades due to cust load, re-conductor IN</v>
          </cell>
          <cell r="H701" t="str">
            <v>PD-SCAP \ SYS CAP IN</v>
          </cell>
          <cell r="I701" t="str">
            <v>SYCAPFO</v>
          </cell>
          <cell r="J701" t="str">
            <v>SCFOIN</v>
          </cell>
          <cell r="K701" t="str">
            <v>I</v>
          </cell>
          <cell r="L701" t="str">
            <v>System upgrades not initiated by 'Planning', ie: transf. upgrades due to cust load, re-conductor IN</v>
          </cell>
          <cell r="M701" t="str">
            <v>N</v>
          </cell>
        </row>
        <row r="702">
          <cell r="A702" t="str">
            <v>SCFOKY</v>
          </cell>
          <cell r="B702" t="str">
            <v>PD Capital</v>
          </cell>
          <cell r="C702" t="str">
            <v>MW</v>
          </cell>
          <cell r="D702" t="str">
            <v>PD-SCAP</v>
          </cell>
          <cell r="E702" t="str">
            <v>Power Delivery - System Capacity</v>
          </cell>
          <cell r="F702" t="str">
            <v>SYS CAP KY</v>
          </cell>
          <cell r="G702" t="str">
            <v>System upgrades not initiated by 'Planning', ie: transf. upgrades due to cust load, re-conductor KY</v>
          </cell>
          <cell r="H702" t="str">
            <v>PD-SCAP \ SYS CAP KY</v>
          </cell>
          <cell r="I702" t="str">
            <v>SYCAPFO</v>
          </cell>
          <cell r="J702" t="str">
            <v>SCFOKY</v>
          </cell>
          <cell r="K702" t="str">
            <v>I</v>
          </cell>
          <cell r="L702" t="str">
            <v>System upgrades not initiated by 'Planning', ie: transf. upgrades due to cust load, re-conductor KY</v>
          </cell>
          <cell r="M702" t="str">
            <v>N</v>
          </cell>
        </row>
        <row r="703">
          <cell r="A703" t="str">
            <v>SCFOOH</v>
          </cell>
          <cell r="B703" t="str">
            <v>PD Capital</v>
          </cell>
          <cell r="C703" t="str">
            <v>MW</v>
          </cell>
          <cell r="D703" t="str">
            <v>PD-SCAP</v>
          </cell>
          <cell r="E703" t="str">
            <v>Power Delivery - System Capacity</v>
          </cell>
          <cell r="F703" t="str">
            <v>SYS CAP OH</v>
          </cell>
          <cell r="G703" t="str">
            <v>System upgrades not initiated by 'Planning', ie: transf. upgrades due to cust load, re-conductor OH</v>
          </cell>
          <cell r="H703" t="str">
            <v>PD-SCAP \ SYS CAP OH</v>
          </cell>
          <cell r="I703" t="str">
            <v>SYCAPFO</v>
          </cell>
          <cell r="J703" t="str">
            <v>SCFOOH</v>
          </cell>
          <cell r="K703" t="str">
            <v>I</v>
          </cell>
          <cell r="L703" t="str">
            <v>System upgrades not initiated by 'Planning', ie: transf. upgrades due to cust load, re-conductor OH</v>
          </cell>
          <cell r="M703" t="str">
            <v>N</v>
          </cell>
        </row>
        <row r="704">
          <cell r="A704" t="str">
            <v>SDLTMT</v>
          </cell>
          <cell r="B704" t="str">
            <v>PD O&amp;M</v>
          </cell>
          <cell r="C704" t="str">
            <v>Carolinas</v>
          </cell>
          <cell r="D704" t="str">
            <v>PD-LREP</v>
          </cell>
          <cell r="E704" t="str">
            <v xml:space="preserve">Light Repair </v>
          </cell>
          <cell r="F704" t="str">
            <v>DECLREPC</v>
          </cell>
          <cell r="G704" t="str">
            <v>Decorative Street Light inspections &amp; repair -- Changing bulbs/photo control Carolinas</v>
          </cell>
          <cell r="H704" t="str">
            <v>PD-LREP \ DECLREPC</v>
          </cell>
          <cell r="I704" t="str">
            <v>SDLTMT</v>
          </cell>
          <cell r="J704" t="str">
            <v>SDLTMT</v>
          </cell>
          <cell r="K704" t="str">
            <v>X</v>
          </cell>
          <cell r="L704" t="str">
            <v>Decorative Street Light inspections &amp; repair -- Changing bulbs/photo control Carolinas</v>
          </cell>
          <cell r="M704" t="str">
            <v>N</v>
          </cell>
        </row>
        <row r="705">
          <cell r="A705" t="str">
            <v>SEWER</v>
          </cell>
          <cell r="B705" t="str">
            <v>Gas O&amp;M</v>
          </cell>
          <cell r="C705" t="str">
            <v>Gas</v>
          </cell>
          <cell r="D705" t="str">
            <v>GO-LNLOC</v>
          </cell>
          <cell r="E705" t="str">
            <v>Gas Operations - Location Work</v>
          </cell>
          <cell r="F705" t="str">
            <v>SEWER</v>
          </cell>
          <cell r="G705" t="str">
            <v>Location of Sewers</v>
          </cell>
          <cell r="H705" t="str">
            <v>GO-LNLOC \ SEWER</v>
          </cell>
          <cell r="I705"/>
          <cell r="J705" t="str">
            <v>SEWER</v>
          </cell>
          <cell r="K705" t="str">
            <v>X</v>
          </cell>
          <cell r="L705" t="str">
            <v>Location of Sewers</v>
          </cell>
          <cell r="M705" t="str">
            <v>N</v>
          </cell>
        </row>
        <row r="706">
          <cell r="A706" t="str">
            <v>SLIN</v>
          </cell>
          <cell r="B706" t="str">
            <v>PD Capital</v>
          </cell>
          <cell r="C706" t="str">
            <v>MW</v>
          </cell>
          <cell r="D706" t="str">
            <v>PD-LIGHT</v>
          </cell>
          <cell r="E706" t="str">
            <v>Power Delivery - MW Lighting</v>
          </cell>
          <cell r="F706" t="str">
            <v>NON-OLE IN</v>
          </cell>
          <cell r="G706" t="str">
            <v>Tariff Lighting (Non-OLE) - IN</v>
          </cell>
          <cell r="H706" t="str">
            <v>PD-LIGHT \ NON-OLE IN</v>
          </cell>
          <cell r="I706" t="str">
            <v>LTMWTAR</v>
          </cell>
          <cell r="J706" t="str">
            <v>SLIN</v>
          </cell>
          <cell r="K706" t="str">
            <v>I</v>
          </cell>
          <cell r="L706" t="str">
            <v>Tariff Lighting (Non-OLE) - IN</v>
          </cell>
          <cell r="M706" t="str">
            <v>N</v>
          </cell>
        </row>
        <row r="707">
          <cell r="A707" t="str">
            <v>SLKY</v>
          </cell>
          <cell r="B707" t="str">
            <v>PD Capital</v>
          </cell>
          <cell r="C707" t="str">
            <v>MW</v>
          </cell>
          <cell r="D707" t="str">
            <v>PD-LIGHT</v>
          </cell>
          <cell r="E707" t="str">
            <v>Power Delivery - MW Lighting</v>
          </cell>
          <cell r="F707" t="str">
            <v>NON-OLE KY</v>
          </cell>
          <cell r="G707" t="str">
            <v>Tariff Lighting (Non-OLE) - KY</v>
          </cell>
          <cell r="H707" t="str">
            <v>PD-LIGHT \ NON-OLE KY</v>
          </cell>
          <cell r="I707" t="str">
            <v>LTMWTAR</v>
          </cell>
          <cell r="J707" t="str">
            <v>SLKY</v>
          </cell>
          <cell r="K707" t="str">
            <v>I</v>
          </cell>
          <cell r="L707" t="str">
            <v>Tariff Lighting (Non-OLE) - KY</v>
          </cell>
          <cell r="M707" t="str">
            <v>N</v>
          </cell>
        </row>
        <row r="708">
          <cell r="A708" t="str">
            <v>SLOH</v>
          </cell>
          <cell r="B708" t="str">
            <v>PD Capital</v>
          </cell>
          <cell r="C708" t="str">
            <v>MW</v>
          </cell>
          <cell r="D708" t="str">
            <v>PD-LIGHT</v>
          </cell>
          <cell r="E708" t="str">
            <v>Power Delivery - MW Lighting</v>
          </cell>
          <cell r="F708" t="str">
            <v>NON-OLE OH</v>
          </cell>
          <cell r="G708" t="str">
            <v>Tariff Lighting (Non-OLE) - OH</v>
          </cell>
          <cell r="H708" t="str">
            <v>PD-LIGHT \ NON-OLE OH</v>
          </cell>
          <cell r="I708" t="str">
            <v>LTMWTAR</v>
          </cell>
          <cell r="J708" t="str">
            <v>SLOH</v>
          </cell>
          <cell r="K708" t="str">
            <v>I</v>
          </cell>
          <cell r="L708" t="str">
            <v>Tariff Lighting (Non-OLE) - OH</v>
          </cell>
          <cell r="M708" t="str">
            <v>N</v>
          </cell>
        </row>
        <row r="709">
          <cell r="A709" t="str">
            <v>SLTMT</v>
          </cell>
          <cell r="B709" t="str">
            <v>PD O&amp;M</v>
          </cell>
          <cell r="C709" t="str">
            <v>Carolinas</v>
          </cell>
          <cell r="D709" t="str">
            <v>PD-LREP</v>
          </cell>
          <cell r="E709" t="str">
            <v xml:space="preserve">Light Repair </v>
          </cell>
          <cell r="F709" t="str">
            <v>STLREPC</v>
          </cell>
          <cell r="G709" t="str">
            <v>Street Light inspections &amp; repair -- Changing bulbs/photo control Carolinas</v>
          </cell>
          <cell r="H709" t="str">
            <v>PD-LREP \ STLREPC</v>
          </cell>
          <cell r="I709" t="str">
            <v>SLTMT</v>
          </cell>
          <cell r="J709" t="str">
            <v>SLTMT</v>
          </cell>
          <cell r="K709" t="str">
            <v>X</v>
          </cell>
          <cell r="L709" t="str">
            <v>Street Light inspections &amp; repair -- Changing bulbs/photo control Carolinas</v>
          </cell>
          <cell r="M709" t="str">
            <v>N</v>
          </cell>
        </row>
        <row r="710">
          <cell r="A710" t="str">
            <v>SMEINS</v>
          </cell>
          <cell r="B710" t="str">
            <v>PD O&amp;M</v>
          </cell>
          <cell r="C710" t="str">
            <v>MW</v>
          </cell>
          <cell r="D710" t="str">
            <v>PD-INSP</v>
          </cell>
          <cell r="E710" t="str">
            <v>Equipment Inspection</v>
          </cell>
          <cell r="F710" t="str">
            <v>SME INSP</v>
          </cell>
          <cell r="G710" t="str">
            <v>Surface Equip Inspection</v>
          </cell>
          <cell r="H710" t="str">
            <v>PD-INSP \ SME INSP</v>
          </cell>
          <cell r="I710" t="str">
            <v>SMEINS</v>
          </cell>
          <cell r="J710" t="str">
            <v>SMEINS</v>
          </cell>
          <cell r="K710" t="str">
            <v>X</v>
          </cell>
          <cell r="L710" t="str">
            <v>Surface Equip Inspection</v>
          </cell>
          <cell r="M710" t="str">
            <v>N</v>
          </cell>
        </row>
        <row r="711">
          <cell r="A711" t="str">
            <v>SMEMT</v>
          </cell>
          <cell r="B711" t="str">
            <v>PD O&amp;M</v>
          </cell>
          <cell r="C711" t="str">
            <v>Carolinas</v>
          </cell>
          <cell r="D711" t="str">
            <v>PD-MAINT</v>
          </cell>
          <cell r="E711" t="str">
            <v>Equipment Maintenance</v>
          </cell>
          <cell r="F711" t="str">
            <v>SME MAIN C</v>
          </cell>
          <cell r="G711" t="str">
            <v>Surface Equip Maintenance Carolinas</v>
          </cell>
          <cell r="H711" t="str">
            <v>PD-MAINT \ SME MAIN C</v>
          </cell>
          <cell r="I711" t="str">
            <v>SMEMT</v>
          </cell>
          <cell r="J711" t="str">
            <v>SMEMT</v>
          </cell>
          <cell r="K711" t="str">
            <v>X</v>
          </cell>
          <cell r="L711" t="str">
            <v>Surface Equip Maintenance Carolinas</v>
          </cell>
          <cell r="M711" t="str">
            <v>N</v>
          </cell>
        </row>
        <row r="712">
          <cell r="A712" t="str">
            <v>SPECIALS</v>
          </cell>
          <cell r="B712" t="str">
            <v>PD Capital AM</v>
          </cell>
          <cell r="C712" t="str">
            <v>none</v>
          </cell>
          <cell r="D712" t="str">
            <v>PD-BE T</v>
          </cell>
          <cell r="E712" t="str">
            <v>Business Expansion T</v>
          </cell>
          <cell r="F712" t="str">
            <v>CUST DELIV</v>
          </cell>
          <cell r="G712" t="str">
            <v>Customer Deliveries</v>
          </cell>
          <cell r="H712" t="str">
            <v>PD-BE T \ CUST DELIV</v>
          </cell>
          <cell r="I712"/>
          <cell r="J712" t="str">
            <v>SPECIALS</v>
          </cell>
          <cell r="K712" t="str">
            <v>X</v>
          </cell>
          <cell r="L712" t="str">
            <v>Customer Deliveries</v>
          </cell>
          <cell r="M712" t="str">
            <v>N</v>
          </cell>
        </row>
        <row r="713">
          <cell r="A713" t="str">
            <v>SPECIALS</v>
          </cell>
          <cell r="B713" t="str">
            <v>PD Capital AM</v>
          </cell>
          <cell r="C713" t="str">
            <v>none</v>
          </cell>
          <cell r="D713" t="str">
            <v>PD-BE T</v>
          </cell>
          <cell r="E713" t="str">
            <v>Business Expansion T</v>
          </cell>
          <cell r="F713" t="str">
            <v>IPP INTCON</v>
          </cell>
          <cell r="G713" t="str">
            <v>IPP Interconnections</v>
          </cell>
          <cell r="H713" t="str">
            <v>PD-BE T \ IPP INTCON</v>
          </cell>
          <cell r="I713"/>
          <cell r="J713" t="str">
            <v>SPECIALS</v>
          </cell>
          <cell r="K713" t="str">
            <v>X</v>
          </cell>
          <cell r="L713" t="str">
            <v>IPP Interconnections</v>
          </cell>
          <cell r="M713" t="str">
            <v>N</v>
          </cell>
        </row>
        <row r="714">
          <cell r="A714" t="str">
            <v>SPECIALS</v>
          </cell>
          <cell r="B714" t="str">
            <v>PD Capital AM</v>
          </cell>
          <cell r="C714" t="str">
            <v>none</v>
          </cell>
          <cell r="D714" t="str">
            <v>PD-BE T</v>
          </cell>
          <cell r="E714" t="str">
            <v>Business Expansion T</v>
          </cell>
          <cell r="F714" t="str">
            <v>WSALES DEL</v>
          </cell>
          <cell r="G714" t="str">
            <v>Wholesale Deliveries</v>
          </cell>
          <cell r="H714" t="str">
            <v>PD-BE T \ WSALES DEL</v>
          </cell>
          <cell r="I714"/>
          <cell r="J714" t="str">
            <v>SPECIALS</v>
          </cell>
          <cell r="K714" t="str">
            <v>X</v>
          </cell>
          <cell r="L714" t="str">
            <v>Wholesale Deliveries</v>
          </cell>
          <cell r="M714" t="str">
            <v>N</v>
          </cell>
        </row>
        <row r="715">
          <cell r="A715" t="str">
            <v>SPECIALS</v>
          </cell>
          <cell r="B715" t="str">
            <v>PD Capital AM</v>
          </cell>
          <cell r="C715" t="str">
            <v>none</v>
          </cell>
          <cell r="D715" t="str">
            <v>PD-CAPMPRJ</v>
          </cell>
          <cell r="E715" t="str">
            <v>Capacity Major Projects</v>
          </cell>
          <cell r="F715" t="str">
            <v>FAC SALES</v>
          </cell>
          <cell r="G715" t="str">
            <v>Facility Sales</v>
          </cell>
          <cell r="H715" t="str">
            <v>PD-CAPMPRJ \ FAC SALES</v>
          </cell>
          <cell r="I715"/>
          <cell r="J715" t="str">
            <v>SPECIALS</v>
          </cell>
          <cell r="K715" t="str">
            <v>X</v>
          </cell>
          <cell r="L715" t="str">
            <v>Facility Sales</v>
          </cell>
          <cell r="M715" t="str">
            <v>N</v>
          </cell>
        </row>
        <row r="716">
          <cell r="A716" t="str">
            <v>SPECIALS</v>
          </cell>
          <cell r="B716" t="str">
            <v>PD Capital AM</v>
          </cell>
          <cell r="C716" t="str">
            <v>none</v>
          </cell>
          <cell r="D716" t="str">
            <v>PD-CAPMPRJ</v>
          </cell>
          <cell r="E716" t="str">
            <v>Capacity Major Projects</v>
          </cell>
          <cell r="F716" t="str">
            <v>RETAIL CAP</v>
          </cell>
          <cell r="G716" t="str">
            <v>Retail Capacity</v>
          </cell>
          <cell r="H716" t="str">
            <v>PD-CAPMPRJ \ RETAIL CAP</v>
          </cell>
          <cell r="I716"/>
          <cell r="J716" t="str">
            <v>SPECIALS</v>
          </cell>
          <cell r="K716" t="str">
            <v>X</v>
          </cell>
          <cell r="L716" t="str">
            <v>Retail Capacity</v>
          </cell>
          <cell r="M716" t="str">
            <v>N</v>
          </cell>
        </row>
        <row r="717">
          <cell r="A717" t="str">
            <v>SPECIALS</v>
          </cell>
          <cell r="B717" t="str">
            <v>PD Capital AM</v>
          </cell>
          <cell r="C717" t="str">
            <v>none</v>
          </cell>
          <cell r="D717" t="str">
            <v>PD-CAPMPRJ</v>
          </cell>
          <cell r="E717" t="str">
            <v>Capacity Major Projects</v>
          </cell>
          <cell r="F717" t="str">
            <v>SCAPGEN-AM</v>
          </cell>
          <cell r="G717" t="str">
            <v>System Capacity-Gen</v>
          </cell>
          <cell r="H717" t="str">
            <v>PD-CAPMPRJ \ SCAPGEN-AM</v>
          </cell>
          <cell r="I717"/>
          <cell r="J717" t="str">
            <v>SPECIALS</v>
          </cell>
          <cell r="K717" t="str">
            <v>X</v>
          </cell>
          <cell r="L717" t="str">
            <v>System Capacity-Gen</v>
          </cell>
          <cell r="M717" t="str">
            <v>N</v>
          </cell>
        </row>
        <row r="718">
          <cell r="A718" t="str">
            <v>SPECIALS</v>
          </cell>
          <cell r="B718" t="str">
            <v>PD Capital AM</v>
          </cell>
          <cell r="C718" t="str">
            <v>none</v>
          </cell>
          <cell r="D718" t="str">
            <v>PD-CAPMPRJ</v>
          </cell>
          <cell r="E718" t="str">
            <v>Capacity Major Projects</v>
          </cell>
          <cell r="F718" t="str">
            <v>SCAPSUB-AM</v>
          </cell>
          <cell r="G718" t="str">
            <v>System Capacity-Sub</v>
          </cell>
          <cell r="H718" t="str">
            <v>PD-CAPMPRJ \ SCAPSUB-AM</v>
          </cell>
          <cell r="I718"/>
          <cell r="J718" t="str">
            <v>SPECIALS</v>
          </cell>
          <cell r="K718" t="str">
            <v>X</v>
          </cell>
          <cell r="L718" t="str">
            <v>System Capacity-Sub</v>
          </cell>
          <cell r="M718" t="str">
            <v>N</v>
          </cell>
        </row>
        <row r="719">
          <cell r="A719" t="str">
            <v>SPECIALS</v>
          </cell>
          <cell r="B719" t="str">
            <v>PD Capital AM</v>
          </cell>
          <cell r="C719" t="str">
            <v>none</v>
          </cell>
          <cell r="D719" t="str">
            <v>PD-CAPMPRJ</v>
          </cell>
          <cell r="E719" t="str">
            <v>Capacity Major Projects</v>
          </cell>
          <cell r="F719" t="str">
            <v>SYSCAPD-AM</v>
          </cell>
          <cell r="G719" t="str">
            <v>System Capacity-D</v>
          </cell>
          <cell r="H719" t="str">
            <v>PD-CAPMPRJ \ SYSCAPD-AM</v>
          </cell>
          <cell r="I719"/>
          <cell r="J719" t="str">
            <v>SPECIALS</v>
          </cell>
          <cell r="K719" t="str">
            <v>X</v>
          </cell>
          <cell r="L719" t="str">
            <v>System Capacity-D</v>
          </cell>
          <cell r="M719" t="str">
            <v>N</v>
          </cell>
        </row>
        <row r="720">
          <cell r="A720" t="str">
            <v>SPECIALS</v>
          </cell>
          <cell r="B720" t="str">
            <v>PD Capital AM</v>
          </cell>
          <cell r="C720" t="str">
            <v>none</v>
          </cell>
          <cell r="D720" t="str">
            <v>PD-CAPMPRJ</v>
          </cell>
          <cell r="E720" t="str">
            <v>Capacity Major Projects</v>
          </cell>
          <cell r="F720" t="str">
            <v>SYSCAPT-AM</v>
          </cell>
          <cell r="G720" t="str">
            <v>System Capacity-T</v>
          </cell>
          <cell r="H720" t="str">
            <v>PD-CAPMPRJ \ SYSCAPT-AM</v>
          </cell>
          <cell r="I720"/>
          <cell r="J720" t="str">
            <v>SPECIALS</v>
          </cell>
          <cell r="K720" t="str">
            <v>X</v>
          </cell>
          <cell r="L720" t="str">
            <v>System Capacity-T</v>
          </cell>
          <cell r="M720" t="str">
            <v>N</v>
          </cell>
        </row>
        <row r="721">
          <cell r="A721" t="str">
            <v>SPECIALS</v>
          </cell>
          <cell r="B721" t="str">
            <v>PD Capital AM</v>
          </cell>
          <cell r="C721" t="str">
            <v>none</v>
          </cell>
          <cell r="D721" t="str">
            <v>PD-CMPMPRJ</v>
          </cell>
          <cell r="E721" t="str">
            <v>Compliance Major Projects Capital</v>
          </cell>
          <cell r="F721" t="str">
            <v>L&amp;S COMPL</v>
          </cell>
          <cell r="G721" t="str">
            <v>Line &amp; Station Compliance</v>
          </cell>
          <cell r="H721" t="str">
            <v>PD-CMPMPRJ \ L&amp;S COMPL</v>
          </cell>
          <cell r="I721"/>
          <cell r="J721" t="str">
            <v>SPECIALS</v>
          </cell>
          <cell r="K721" t="str">
            <v>X</v>
          </cell>
          <cell r="L721" t="str">
            <v>Line &amp; Station Compliance</v>
          </cell>
          <cell r="M721" t="str">
            <v>N</v>
          </cell>
        </row>
        <row r="722">
          <cell r="A722" t="str">
            <v>SPECIALS</v>
          </cell>
          <cell r="B722" t="str">
            <v>PD Capital AM</v>
          </cell>
          <cell r="C722" t="str">
            <v>none</v>
          </cell>
          <cell r="D722" t="str">
            <v>PD-CMPMPRJ</v>
          </cell>
          <cell r="E722" t="str">
            <v>Compliance Major Projects Capital</v>
          </cell>
          <cell r="F722" t="str">
            <v>OD BKR</v>
          </cell>
          <cell r="G722" t="str">
            <v>OD Breakers</v>
          </cell>
          <cell r="H722" t="str">
            <v>PD-CMPMPRJ \ OD BKR</v>
          </cell>
          <cell r="I722"/>
          <cell r="J722" t="str">
            <v>SPECIALS</v>
          </cell>
          <cell r="K722" t="str">
            <v>X</v>
          </cell>
          <cell r="L722" t="str">
            <v>OD Breakers</v>
          </cell>
          <cell r="M722" t="str">
            <v>N</v>
          </cell>
        </row>
        <row r="723">
          <cell r="A723" t="str">
            <v>SPECIALS</v>
          </cell>
          <cell r="B723" t="str">
            <v>PD Capital AM</v>
          </cell>
          <cell r="C723" t="str">
            <v>none</v>
          </cell>
          <cell r="D723" t="str">
            <v>PD-CMPMPRJ</v>
          </cell>
          <cell r="E723" t="str">
            <v>Compliance Major Projects Capital</v>
          </cell>
          <cell r="F723" t="str">
            <v>SPCC</v>
          </cell>
          <cell r="G723" t="str">
            <v>SPCC</v>
          </cell>
          <cell r="H723" t="str">
            <v>PD-CMPMPRJ \ SPCC</v>
          </cell>
          <cell r="I723"/>
          <cell r="J723" t="str">
            <v>SPECIALS</v>
          </cell>
          <cell r="K723" t="str">
            <v>X</v>
          </cell>
          <cell r="L723" t="str">
            <v>SPCC</v>
          </cell>
          <cell r="M723" t="str">
            <v>N</v>
          </cell>
        </row>
        <row r="724">
          <cell r="A724" t="str">
            <v>SPECIALS</v>
          </cell>
          <cell r="B724" t="str">
            <v>PD Capital</v>
          </cell>
          <cell r="C724" t="str">
            <v>none</v>
          </cell>
          <cell r="D724" t="str">
            <v>PD-INTGT</v>
          </cell>
          <cell r="E724" t="str">
            <v>Power Delivery - Integrity</v>
          </cell>
          <cell r="F724" t="str">
            <v>PREP16NPLT</v>
          </cell>
          <cell r="G724" t="str">
            <v>Transmission Poles replaced that is not related to Ground Line Inspection: Broken pole NPL</v>
          </cell>
          <cell r="H724" t="str">
            <v>PD-INTGT \ PREP16NPLT</v>
          </cell>
          <cell r="I724" t="str">
            <v>TPPOLE</v>
          </cell>
          <cell r="J724" t="str">
            <v>SPECIALS</v>
          </cell>
          <cell r="K724" t="str">
            <v>X</v>
          </cell>
          <cell r="L724" t="str">
            <v>Transmission Poles replaced that is not related to Ground Line Inspection: Broken pole NPL</v>
          </cell>
          <cell r="M724" t="str">
            <v>N</v>
          </cell>
        </row>
        <row r="725">
          <cell r="A725" t="str">
            <v>SPECIALS</v>
          </cell>
          <cell r="B725" t="str">
            <v>PD Capital</v>
          </cell>
          <cell r="C725" t="str">
            <v>none</v>
          </cell>
          <cell r="D725" t="str">
            <v>PD-INTGT</v>
          </cell>
          <cell r="E725" t="str">
            <v>Power Delivery - Integrity</v>
          </cell>
          <cell r="F725" t="str">
            <v>PREP69NPLT</v>
          </cell>
          <cell r="G725" t="str">
            <v>Transmission Poles replaced that is not related to Ground Line Inspection: Broken pole NPL</v>
          </cell>
          <cell r="H725" t="str">
            <v>PD-INTGT \ PREP69NPLT</v>
          </cell>
          <cell r="I725" t="str">
            <v>TPPOLE</v>
          </cell>
          <cell r="J725" t="str">
            <v>SPECIALS</v>
          </cell>
          <cell r="K725" t="str">
            <v>X</v>
          </cell>
          <cell r="L725" t="str">
            <v>Transmission Poles replaced that is not related to Ground Line Inspection: Broken pole NPL</v>
          </cell>
          <cell r="M725" t="str">
            <v>N</v>
          </cell>
        </row>
        <row r="726">
          <cell r="A726" t="str">
            <v>SPECIALS</v>
          </cell>
          <cell r="B726" t="str">
            <v>PD Capital</v>
          </cell>
          <cell r="C726" t="str">
            <v>none</v>
          </cell>
          <cell r="D726" t="str">
            <v>PD-OUTR</v>
          </cell>
          <cell r="E726" t="str">
            <v>Power Delivery Outage Restoration</v>
          </cell>
          <cell r="F726" t="str">
            <v>OUTCAPTCK</v>
          </cell>
          <cell r="G726" t="str">
            <v>Transmission work to get service restored to customers when they have lost power (lights are out) CK</v>
          </cell>
          <cell r="H726" t="str">
            <v>PD-OUTR \ OUTCAPTCK</v>
          </cell>
          <cell r="I726" t="str">
            <v>TLINOUT</v>
          </cell>
          <cell r="J726" t="str">
            <v>SPECIALS</v>
          </cell>
          <cell r="K726" t="str">
            <v>X</v>
          </cell>
          <cell r="L726" t="str">
            <v>Transmission work to get service restored to customers when they have lost power (lights are out) CK</v>
          </cell>
          <cell r="M726" t="str">
            <v>N</v>
          </cell>
        </row>
        <row r="727">
          <cell r="A727" t="str">
            <v>SPECIALS</v>
          </cell>
          <cell r="B727" t="str">
            <v>PD Capital</v>
          </cell>
          <cell r="C727" t="str">
            <v>none</v>
          </cell>
          <cell r="D727" t="str">
            <v>PD-OUTR</v>
          </cell>
          <cell r="E727" t="str">
            <v>Power Delivery Outage Restoration</v>
          </cell>
          <cell r="F727" t="str">
            <v>OUTCAPTNC</v>
          </cell>
          <cell r="G727" t="str">
            <v>Transmission work to get service restored to customers when they have lost power (lights are out) NC</v>
          </cell>
          <cell r="H727" t="str">
            <v>PD-OUTR \ OUTCAPTNC</v>
          </cell>
          <cell r="I727" t="str">
            <v>TLINOUT</v>
          </cell>
          <cell r="J727" t="str">
            <v>SPECIALS</v>
          </cell>
          <cell r="K727" t="str">
            <v>X</v>
          </cell>
          <cell r="L727" t="str">
            <v>Transmission work to get service restored to customers when they have lost power (lights are out) NC</v>
          </cell>
          <cell r="M727" t="str">
            <v>N</v>
          </cell>
        </row>
        <row r="728">
          <cell r="A728" t="str">
            <v>SPECIALS</v>
          </cell>
          <cell r="B728" t="str">
            <v>PD Capital</v>
          </cell>
          <cell r="C728" t="str">
            <v>none</v>
          </cell>
          <cell r="D728" t="str">
            <v>PD-OUTR</v>
          </cell>
          <cell r="E728" t="str">
            <v>Power Delivery Outage Restoration</v>
          </cell>
          <cell r="F728" t="str">
            <v>OUTCAPTSC</v>
          </cell>
          <cell r="G728" t="str">
            <v>Transmission work to get service restored to customers when they have lost power (lights are out) SC</v>
          </cell>
          <cell r="H728" t="str">
            <v>PD-OUTR \ OUTCAPTSC</v>
          </cell>
          <cell r="I728" t="str">
            <v>TLINOUT</v>
          </cell>
          <cell r="J728" t="str">
            <v>SPECIALS</v>
          </cell>
          <cell r="K728" t="str">
            <v>X</v>
          </cell>
          <cell r="L728" t="str">
            <v>Transmission work to get service restored to customers when they have lost power (lights are out) SC</v>
          </cell>
          <cell r="M728" t="str">
            <v>N</v>
          </cell>
        </row>
        <row r="729">
          <cell r="A729" t="str">
            <v>SPECIALS</v>
          </cell>
          <cell r="B729" t="str">
            <v>PD Capital AM</v>
          </cell>
          <cell r="C729" t="str">
            <v>none</v>
          </cell>
          <cell r="D729" t="str">
            <v>PD-R&amp;IMPRJ</v>
          </cell>
          <cell r="E729" t="str">
            <v>R&amp;I Major Projects</v>
          </cell>
          <cell r="F729" t="str">
            <v>INTEG PRJ</v>
          </cell>
          <cell r="G729" t="str">
            <v>Integrity Projects</v>
          </cell>
          <cell r="H729" t="str">
            <v>PD-R&amp;IMPRJ \ INTEG PRJ</v>
          </cell>
          <cell r="I729"/>
          <cell r="J729" t="str">
            <v>SPECIALS</v>
          </cell>
          <cell r="K729" t="str">
            <v>X</v>
          </cell>
          <cell r="L729" t="str">
            <v>Integrity Projects</v>
          </cell>
          <cell r="M729" t="str">
            <v>N</v>
          </cell>
        </row>
        <row r="730">
          <cell r="A730" t="str">
            <v>SPECIALS</v>
          </cell>
          <cell r="B730" t="str">
            <v>PD Capital AM</v>
          </cell>
          <cell r="C730" t="str">
            <v>none</v>
          </cell>
          <cell r="D730" t="str">
            <v>PD-R&amp;IMPRJ</v>
          </cell>
          <cell r="E730" t="str">
            <v>R&amp;I Major Projects</v>
          </cell>
          <cell r="F730" t="str">
            <v>NUC SWYD</v>
          </cell>
          <cell r="G730" t="str">
            <v>Nuclear Swithyards</v>
          </cell>
          <cell r="H730" t="str">
            <v>PD-R&amp;IMPRJ \ NUC SWYD</v>
          </cell>
          <cell r="I730"/>
          <cell r="J730" t="str">
            <v>SPECIALS</v>
          </cell>
          <cell r="K730" t="str">
            <v>X</v>
          </cell>
          <cell r="L730" t="str">
            <v>Nuclear Swicthyards Carolinas</v>
          </cell>
          <cell r="M730" t="str">
            <v>N</v>
          </cell>
        </row>
        <row r="731">
          <cell r="A731" t="str">
            <v>SPECIALS</v>
          </cell>
          <cell r="B731" t="str">
            <v>PD Capital AM</v>
          </cell>
          <cell r="C731" t="str">
            <v>none</v>
          </cell>
          <cell r="D731" t="str">
            <v>PD-R&amp;IMPRJ</v>
          </cell>
          <cell r="E731" t="str">
            <v>R&amp;I Major Projects</v>
          </cell>
          <cell r="F731" t="str">
            <v>R&amp;I CAP OT</v>
          </cell>
          <cell r="G731" t="str">
            <v>R&amp;I Capital Other-T</v>
          </cell>
          <cell r="H731" t="str">
            <v>PD-R&amp;IMPRJ \ R&amp;I CAP OT</v>
          </cell>
          <cell r="I731"/>
          <cell r="J731" t="str">
            <v>SPECIALS</v>
          </cell>
          <cell r="K731" t="str">
            <v>X</v>
          </cell>
          <cell r="L731" t="str">
            <v>R&amp;I Capital Other-T</v>
          </cell>
          <cell r="M731" t="str">
            <v>N</v>
          </cell>
        </row>
        <row r="732">
          <cell r="A732" t="str">
            <v>SPECIALS</v>
          </cell>
          <cell r="B732" t="str">
            <v>PD Capital AM</v>
          </cell>
          <cell r="C732" t="str">
            <v>none</v>
          </cell>
          <cell r="D732" t="str">
            <v>PD-R&amp;IMPRJ</v>
          </cell>
          <cell r="E732" t="str">
            <v>R&amp;I Major Projects</v>
          </cell>
          <cell r="F732" t="str">
            <v>R&amp;I PROG T</v>
          </cell>
          <cell r="G732" t="str">
            <v>R&amp;I Programs-T</v>
          </cell>
          <cell r="H732" t="str">
            <v>PD-R&amp;IMPRJ \ R&amp;I PROG T</v>
          </cell>
          <cell r="I732"/>
          <cell r="J732" t="str">
            <v>SPECIALS</v>
          </cell>
          <cell r="K732" t="str">
            <v>X</v>
          </cell>
          <cell r="L732" t="str">
            <v>R&amp;I Programs-T</v>
          </cell>
          <cell r="M732" t="str">
            <v>N</v>
          </cell>
        </row>
        <row r="733">
          <cell r="A733" t="str">
            <v>SPECIALS</v>
          </cell>
          <cell r="B733" t="str">
            <v>PD Capital AM</v>
          </cell>
          <cell r="C733" t="str">
            <v>none</v>
          </cell>
          <cell r="D733" t="str">
            <v>PD-R&amp;IMPRJ</v>
          </cell>
          <cell r="E733" t="str">
            <v>R&amp;I Major Projects</v>
          </cell>
          <cell r="F733" t="str">
            <v>RELIMAJCAP</v>
          </cell>
          <cell r="G733" t="str">
            <v>Reliability Major Capital-T</v>
          </cell>
          <cell r="H733" t="str">
            <v>PD-R&amp;IMPRJ \ RELIMAJCAP</v>
          </cell>
          <cell r="I733"/>
          <cell r="J733" t="str">
            <v>SPECIALS</v>
          </cell>
          <cell r="K733" t="str">
            <v>X</v>
          </cell>
          <cell r="L733" t="str">
            <v>Reliability Major Capital-T</v>
          </cell>
          <cell r="M733" t="str">
            <v>N</v>
          </cell>
        </row>
        <row r="734">
          <cell r="A734" t="str">
            <v>SPECIALS</v>
          </cell>
          <cell r="B734" t="str">
            <v>PD Capital AM</v>
          </cell>
          <cell r="C734" t="str">
            <v>none</v>
          </cell>
          <cell r="D734" t="str">
            <v>PD-R&amp;IMPRJ</v>
          </cell>
          <cell r="E734" t="str">
            <v>R&amp;I Major Projects</v>
          </cell>
          <cell r="F734" t="str">
            <v>SUBS AUTO</v>
          </cell>
          <cell r="G734" t="str">
            <v>Substation Automation-D</v>
          </cell>
          <cell r="H734" t="str">
            <v>PD-R&amp;IMPRJ \ SUBS AUTO</v>
          </cell>
          <cell r="I734"/>
          <cell r="J734" t="str">
            <v>SPECIALS</v>
          </cell>
          <cell r="K734" t="str">
            <v>X</v>
          </cell>
          <cell r="L734" t="str">
            <v>Substation Automation-D</v>
          </cell>
          <cell r="M734" t="str">
            <v>N</v>
          </cell>
        </row>
        <row r="735">
          <cell r="A735" t="str">
            <v>SPECIALS</v>
          </cell>
          <cell r="B735" t="str">
            <v>PD Capital</v>
          </cell>
          <cell r="C735" t="str">
            <v>none</v>
          </cell>
          <cell r="D735" t="str">
            <v>PD-RELIA</v>
          </cell>
          <cell r="E735" t="str">
            <v>Power Delivery - Reliability</v>
          </cell>
          <cell r="F735" t="str">
            <v>CAPEQPTCK</v>
          </cell>
          <cell r="G735" t="str">
            <v>Replace Transmission Units of Property Capital equipment Xarms, timbers, arrestors, conductor etc CK</v>
          </cell>
          <cell r="H735" t="str">
            <v>PD-RELIA \ CAPEQPTCK</v>
          </cell>
          <cell r="I735" t="str">
            <v>TLINEQ</v>
          </cell>
          <cell r="J735" t="str">
            <v>SPECIALS</v>
          </cell>
          <cell r="K735" t="str">
            <v>X</v>
          </cell>
          <cell r="L735" t="str">
            <v>Replace Transmission Units of Property Capital equipment Xarms, timbers, arrestors, conductor etc CK</v>
          </cell>
          <cell r="M735" t="str">
            <v>N</v>
          </cell>
        </row>
        <row r="736">
          <cell r="A736" t="str">
            <v>SPECIALS</v>
          </cell>
          <cell r="B736" t="str">
            <v>PD Capital</v>
          </cell>
          <cell r="C736" t="str">
            <v>none</v>
          </cell>
          <cell r="D736" t="str">
            <v>PD-RELIA</v>
          </cell>
          <cell r="E736" t="str">
            <v>Power Delivery - Reliability</v>
          </cell>
          <cell r="F736" t="str">
            <v>CAPEQPTNC</v>
          </cell>
          <cell r="G736" t="str">
            <v>Replace Transmission Units of Property Capital equipment Xarms, timbers, arrestors, conductor etc NC</v>
          </cell>
          <cell r="H736" t="str">
            <v>PD-RELIA \ CAPEQPTNC</v>
          </cell>
          <cell r="I736" t="str">
            <v>TLINEQ</v>
          </cell>
          <cell r="J736" t="str">
            <v>SPECIALS</v>
          </cell>
          <cell r="K736" t="str">
            <v>X</v>
          </cell>
          <cell r="L736" t="str">
            <v>Replace Transmission Units of Property Capital equipment Xarms, timbers, arrestors, conductor etc NC</v>
          </cell>
          <cell r="M736" t="str">
            <v>N</v>
          </cell>
        </row>
        <row r="737">
          <cell r="A737" t="str">
            <v>SPECIALS</v>
          </cell>
          <cell r="B737" t="str">
            <v>PD Capital</v>
          </cell>
          <cell r="C737" t="str">
            <v>none</v>
          </cell>
          <cell r="D737" t="str">
            <v>PD-RELIA</v>
          </cell>
          <cell r="E737" t="str">
            <v>Power Delivery - Reliability</v>
          </cell>
          <cell r="F737" t="str">
            <v>CAPEQPTSC</v>
          </cell>
          <cell r="G737" t="str">
            <v>Replace Transmission Units of Property Capital equipment Xarms, timbers, arrestors, conductor etc SC</v>
          </cell>
          <cell r="H737" t="str">
            <v>PD-RELIA \ CAPEQPTSC</v>
          </cell>
          <cell r="I737" t="str">
            <v>TLINEQ</v>
          </cell>
          <cell r="J737" t="str">
            <v>SPECIALS</v>
          </cell>
          <cell r="K737" t="str">
            <v>X</v>
          </cell>
          <cell r="L737" t="str">
            <v>Replace Transmission Units of Property Capital equipment Xarms, timbers, arrestors, conductor etc SC</v>
          </cell>
          <cell r="M737" t="str">
            <v>N</v>
          </cell>
        </row>
        <row r="738">
          <cell r="A738" t="str">
            <v>SPECIALS</v>
          </cell>
          <cell r="B738" t="str">
            <v>PD Capital</v>
          </cell>
          <cell r="C738" t="str">
            <v>none</v>
          </cell>
          <cell r="D738" t="str">
            <v>PD-RELIA</v>
          </cell>
          <cell r="E738" t="str">
            <v>Power Delivery - Reliability</v>
          </cell>
          <cell r="F738" t="str">
            <v>CAPSUBEQP</v>
          </cell>
          <cell r="G738" t="str">
            <v xml:space="preserve">Replace Transmission Units of Property Capital equipment Xarms, timbers, arrestors, conductor etc </v>
          </cell>
          <cell r="H738" t="str">
            <v>PD-RELIA \ CAPSUBEQP</v>
          </cell>
          <cell r="I738"/>
          <cell r="J738" t="str">
            <v>SPECIALS</v>
          </cell>
          <cell r="K738"/>
          <cell r="L738" t="str">
            <v>REPLACE TRANSMISSION UNITS OF PROPERTY CAPITAL EQUIP XARMS, TIMBERS, ARRESTORS, CONDUCTOR, ETC</v>
          </cell>
          <cell r="M738" t="str">
            <v>N</v>
          </cell>
        </row>
        <row r="739">
          <cell r="A739" t="str">
            <v>SPECIALS</v>
          </cell>
          <cell r="B739" t="str">
            <v>PD Capital</v>
          </cell>
          <cell r="C739" t="str">
            <v>none</v>
          </cell>
          <cell r="D739" t="str">
            <v>PD-RELIA</v>
          </cell>
          <cell r="E739" t="str">
            <v>Power Delivery - Reliability</v>
          </cell>
          <cell r="F739" t="str">
            <v>DTUG CK</v>
          </cell>
          <cell r="G739" t="str">
            <v>Downtown UG Reliability -- Vault Replacement CK</v>
          </cell>
          <cell r="H739" t="str">
            <v>PD-RELIA \ DTUG CK</v>
          </cell>
          <cell r="I739" t="str">
            <v>RTG</v>
          </cell>
          <cell r="J739" t="str">
            <v>SPECIALS</v>
          </cell>
          <cell r="K739" t="str">
            <v>X</v>
          </cell>
          <cell r="L739" t="str">
            <v>Downtown UG Reliability -- Vault Replacement CK</v>
          </cell>
          <cell r="M739" t="str">
            <v>N</v>
          </cell>
        </row>
        <row r="740">
          <cell r="A740" t="str">
            <v>SPECIALS</v>
          </cell>
          <cell r="B740" t="str">
            <v>PD Capital</v>
          </cell>
          <cell r="C740" t="str">
            <v>none</v>
          </cell>
          <cell r="D740" t="str">
            <v>PD-RELIA</v>
          </cell>
          <cell r="E740" t="str">
            <v>Power Delivery - Reliability</v>
          </cell>
          <cell r="F740" t="str">
            <v>DTUG NC</v>
          </cell>
          <cell r="G740" t="str">
            <v>Downtown UG Reliability -- Vault Replacement NC</v>
          </cell>
          <cell r="H740" t="str">
            <v>PD-RELIA \ DTUG NC</v>
          </cell>
          <cell r="I740" t="str">
            <v>RTG</v>
          </cell>
          <cell r="J740" t="str">
            <v>SPECIALS</v>
          </cell>
          <cell r="K740" t="str">
            <v>X</v>
          </cell>
          <cell r="L740" t="str">
            <v>Downtown UG Reliability -- Vault Replacement NC</v>
          </cell>
          <cell r="M740" t="str">
            <v>N</v>
          </cell>
        </row>
        <row r="741">
          <cell r="A741" t="str">
            <v>SPECIALS</v>
          </cell>
          <cell r="B741" t="str">
            <v>PD Capital</v>
          </cell>
          <cell r="C741" t="str">
            <v>none</v>
          </cell>
          <cell r="D741" t="str">
            <v>PD-RELIA</v>
          </cell>
          <cell r="E741" t="str">
            <v>Power Delivery - Reliability</v>
          </cell>
          <cell r="F741" t="str">
            <v>DTUG SC</v>
          </cell>
          <cell r="G741" t="str">
            <v>Downtown UG Reliability -- Vault Replacement SC</v>
          </cell>
          <cell r="H741" t="str">
            <v>PD-RELIA \ DTUG SC</v>
          </cell>
          <cell r="I741" t="str">
            <v>RTG</v>
          </cell>
          <cell r="J741" t="str">
            <v>SPECIALS</v>
          </cell>
          <cell r="K741" t="str">
            <v>X</v>
          </cell>
          <cell r="L741" t="str">
            <v>Downtown UG Reliability -- Vault Replacement SC</v>
          </cell>
          <cell r="M741" t="str">
            <v>N</v>
          </cell>
        </row>
        <row r="742">
          <cell r="A742" t="str">
            <v>SPECIALS</v>
          </cell>
          <cell r="B742" t="str">
            <v>PD Capital</v>
          </cell>
          <cell r="C742" t="str">
            <v>none</v>
          </cell>
          <cell r="D742" t="str">
            <v>PD-RELIA</v>
          </cell>
          <cell r="E742" t="str">
            <v>Power Delivery - Reliability</v>
          </cell>
          <cell r="F742" t="str">
            <v>R&amp;ICAPT</v>
          </cell>
          <cell r="G742" t="str">
            <v>FO Carolinas - R&amp;I Cap T - Replacement of Transmission Units of Property Capital equipment</v>
          </cell>
          <cell r="H742" t="str">
            <v>PD-RELIA \ R&amp;ICAPT</v>
          </cell>
          <cell r="I742"/>
          <cell r="J742" t="str">
            <v>SPECIALS</v>
          </cell>
          <cell r="K742" t="str">
            <v>X</v>
          </cell>
          <cell r="L742" t="str">
            <v>FO CAROLINAS - R&amp;I CAP T - REPLACEMENT OF TRANSMISSION UNITS OF PROPERTY CAPITAL EQUIP</v>
          </cell>
          <cell r="M742" t="str">
            <v>N</v>
          </cell>
        </row>
        <row r="743">
          <cell r="A743" t="str">
            <v>SPECIALS</v>
          </cell>
          <cell r="B743" t="str">
            <v>PD Capital AM</v>
          </cell>
          <cell r="C743" t="str">
            <v>none</v>
          </cell>
          <cell r="D743" t="str">
            <v>PD-RELOT</v>
          </cell>
          <cell r="E743" t="str">
            <v>Power Delivery - Relocation T</v>
          </cell>
          <cell r="F743" t="str">
            <v>RELOCATION</v>
          </cell>
          <cell r="G743" t="str">
            <v>Relocation</v>
          </cell>
          <cell r="H743" t="str">
            <v>PD-RELOT \ RELOCATION</v>
          </cell>
          <cell r="I743"/>
          <cell r="J743" t="str">
            <v>SPECIALS</v>
          </cell>
          <cell r="K743" t="str">
            <v>X</v>
          </cell>
          <cell r="L743" t="str">
            <v>Relocation</v>
          </cell>
          <cell r="M743" t="str">
            <v>N</v>
          </cell>
        </row>
        <row r="744">
          <cell r="A744" t="str">
            <v>SPECIALS</v>
          </cell>
          <cell r="B744" t="str">
            <v>PD Capital</v>
          </cell>
          <cell r="C744" t="str">
            <v>none</v>
          </cell>
          <cell r="D744" t="str">
            <v>PD-RESTOR</v>
          </cell>
          <cell r="E744" t="e">
            <v>#N/A</v>
          </cell>
          <cell r="F744" t="str">
            <v>RESTORAT</v>
          </cell>
          <cell r="G744" t="e">
            <v>#N/A</v>
          </cell>
          <cell r="H744" t="str">
            <v>PD-RESTOR \ RESTORAT</v>
          </cell>
          <cell r="I744"/>
          <cell r="J744" t="str">
            <v>SPECIALS</v>
          </cell>
          <cell r="K744" t="str">
            <v>I</v>
          </cell>
          <cell r="L744" t="str">
            <v>OH KY RESTORATION</v>
          </cell>
          <cell r="M744" t="str">
            <v>N</v>
          </cell>
        </row>
        <row r="745">
          <cell r="A745" t="str">
            <v>SPECIALS</v>
          </cell>
          <cell r="B745" t="str">
            <v>PD Capital</v>
          </cell>
          <cell r="C745" t="str">
            <v>none</v>
          </cell>
          <cell r="D745" t="str">
            <v>PD-SCAP</v>
          </cell>
          <cell r="E745" t="str">
            <v>Power Delivery - System Capacity</v>
          </cell>
          <cell r="F745" t="str">
            <v>DCAPADD</v>
          </cell>
          <cell r="G745" t="str">
            <v xml:space="preserve">Capacity Adds in Substations for Distribution </v>
          </cell>
          <cell r="H745" t="str">
            <v>PD-SCAP \ DCAPADD</v>
          </cell>
          <cell r="I745" t="str">
            <v>DCAPADD</v>
          </cell>
          <cell r="J745" t="str">
            <v>SPECIALS</v>
          </cell>
          <cell r="K745" t="str">
            <v>X</v>
          </cell>
          <cell r="L745" t="str">
            <v>Capacity Adds in Substations for Distribution</v>
          </cell>
          <cell r="M745" t="str">
            <v>N</v>
          </cell>
        </row>
        <row r="746">
          <cell r="A746" t="str">
            <v>SPECIALS</v>
          </cell>
          <cell r="B746" t="str">
            <v>PD Capital</v>
          </cell>
          <cell r="C746" t="str">
            <v>none</v>
          </cell>
          <cell r="D746" t="str">
            <v>PD-SCAP</v>
          </cell>
          <cell r="E746" t="str">
            <v>Power Delivery - System Capacity</v>
          </cell>
          <cell r="F746" t="str">
            <v>DMNRCAP</v>
          </cell>
          <cell r="G746" t="str">
            <v>Distribution Capacity - Minor Capacity Increase</v>
          </cell>
          <cell r="H746" t="str">
            <v>PD-SCAP \ DMNRCAP</v>
          </cell>
          <cell r="I746" t="str">
            <v>DMNRCAP</v>
          </cell>
          <cell r="J746" t="str">
            <v>SPECIALS</v>
          </cell>
          <cell r="K746" t="str">
            <v>X</v>
          </cell>
          <cell r="L746" t="str">
            <v>Distribution Capacity - Minor Capacity Increase</v>
          </cell>
          <cell r="M746" t="str">
            <v>N</v>
          </cell>
        </row>
        <row r="747">
          <cell r="A747" t="str">
            <v>SPECIALS</v>
          </cell>
          <cell r="B747" t="str">
            <v>PD Capital</v>
          </cell>
          <cell r="C747" t="str">
            <v>none</v>
          </cell>
          <cell r="D747" t="str">
            <v>PD-SCAP</v>
          </cell>
          <cell r="E747" t="str">
            <v>Power Delivery - System Capacity</v>
          </cell>
          <cell r="F747" t="str">
            <v>DPANCEQ</v>
          </cell>
          <cell r="G747" t="str">
            <v>Ancillary equipment upgrade- distribution</v>
          </cell>
          <cell r="H747" t="str">
            <v>PD-SCAP \ DPANCEQ</v>
          </cell>
          <cell r="I747" t="str">
            <v>DPANCEQ</v>
          </cell>
          <cell r="J747" t="str">
            <v>SPECIALS</v>
          </cell>
          <cell r="K747" t="str">
            <v>X</v>
          </cell>
          <cell r="L747" t="str">
            <v>Ancillary equipment upgrade- distribution</v>
          </cell>
          <cell r="M747" t="str">
            <v>N</v>
          </cell>
        </row>
        <row r="748">
          <cell r="A748" t="str">
            <v>SPECIALS</v>
          </cell>
          <cell r="B748" t="str">
            <v>PD Capital</v>
          </cell>
          <cell r="C748" t="str">
            <v>none</v>
          </cell>
          <cell r="D748" t="str">
            <v>PD-SCAP</v>
          </cell>
          <cell r="E748" t="str">
            <v>Power Delivery - System Capacity</v>
          </cell>
          <cell r="F748" t="str">
            <v>DPMINC</v>
          </cell>
          <cell r="G748" t="str">
            <v>Minor Capacity Increase</v>
          </cell>
          <cell r="H748" t="str">
            <v>PD-SCAP \ DPMINC</v>
          </cell>
          <cell r="I748" t="str">
            <v>DPMINC</v>
          </cell>
          <cell r="J748" t="str">
            <v>SPECIALS</v>
          </cell>
          <cell r="K748" t="str">
            <v>X</v>
          </cell>
          <cell r="L748" t="str">
            <v>Minor Capacity Increase</v>
          </cell>
          <cell r="M748" t="str">
            <v>N</v>
          </cell>
        </row>
        <row r="749">
          <cell r="A749" t="str">
            <v>SPECIALS</v>
          </cell>
          <cell r="B749" t="str">
            <v>PD Capital</v>
          </cell>
          <cell r="C749" t="str">
            <v>none</v>
          </cell>
          <cell r="D749" t="str">
            <v>PD-SCAP</v>
          </cell>
          <cell r="E749" t="str">
            <v>Power Delivery - System Capacity</v>
          </cell>
          <cell r="F749" t="str">
            <v>TMNRCAP</v>
          </cell>
          <cell r="G749" t="str">
            <v>Transmission Capacity - Minor Capacity Increase</v>
          </cell>
          <cell r="H749" t="str">
            <v>PD-SCAP \ TMNRCAP</v>
          </cell>
          <cell r="I749" t="str">
            <v>TMNRCAP</v>
          </cell>
          <cell r="J749" t="str">
            <v>SPECIALS</v>
          </cell>
          <cell r="K749" t="str">
            <v>X</v>
          </cell>
          <cell r="L749" t="str">
            <v>Transmission Capacity - Minor Capacity Increase</v>
          </cell>
          <cell r="M749" t="str">
            <v>N</v>
          </cell>
        </row>
        <row r="750">
          <cell r="A750" t="str">
            <v>SPECIALS</v>
          </cell>
          <cell r="B750" t="str">
            <v>PD Capital</v>
          </cell>
          <cell r="C750" t="str">
            <v>none</v>
          </cell>
          <cell r="D750" t="str">
            <v>PD-SCAP</v>
          </cell>
          <cell r="E750" t="str">
            <v>Power Delivery - System Capacity</v>
          </cell>
          <cell r="F750" t="str">
            <v>TPANCEQ</v>
          </cell>
          <cell r="G750" t="str">
            <v>Ancillary equipment upgrade- Transmission</v>
          </cell>
          <cell r="H750" t="str">
            <v>PD-SCAP \ TPANCEQ</v>
          </cell>
          <cell r="I750" t="str">
            <v>TPANCEQ</v>
          </cell>
          <cell r="J750" t="str">
            <v>SPECIALS</v>
          </cell>
          <cell r="K750" t="str">
            <v>X</v>
          </cell>
          <cell r="L750" t="str">
            <v>Ancillary equipment upgrade- Transmission</v>
          </cell>
          <cell r="M750" t="str">
            <v>N</v>
          </cell>
        </row>
        <row r="751">
          <cell r="A751" t="str">
            <v>SPECIALS</v>
          </cell>
          <cell r="B751" t="str">
            <v>PD O&amp;M</v>
          </cell>
          <cell r="C751" t="str">
            <v>MW</v>
          </cell>
          <cell r="D751" t="str">
            <v>PD-UOFFUTURE</v>
          </cell>
          <cell r="E751" t="e">
            <v>#N/A</v>
          </cell>
          <cell r="F751" t="str">
            <v>SMARTGRID DA</v>
          </cell>
          <cell r="G751" t="e">
            <v>#N/A</v>
          </cell>
          <cell r="H751" t="str">
            <v>PD-UOFFUTURE \ SMARTGRID DA</v>
          </cell>
          <cell r="I751" t="str">
            <v>SGDAISS</v>
          </cell>
          <cell r="J751" t="str">
            <v>SPECIALS</v>
          </cell>
          <cell r="K751" t="str">
            <v>X</v>
          </cell>
          <cell r="L751" t="str">
            <v>UOF Smart Grid Inside Substation</v>
          </cell>
          <cell r="M751" t="str">
            <v>N</v>
          </cell>
        </row>
        <row r="752">
          <cell r="A752" t="str">
            <v>TBATMMO</v>
          </cell>
          <cell r="B752" t="str">
            <v>PD O&amp;M</v>
          </cell>
          <cell r="C752" t="str">
            <v>MW</v>
          </cell>
          <cell r="D752" t="str">
            <v>PD-TBAT</v>
          </cell>
          <cell r="E752" t="e">
            <v>#N/A</v>
          </cell>
          <cell r="F752" t="str">
            <v>MOD</v>
          </cell>
          <cell r="G752" t="e">
            <v>#N/A</v>
          </cell>
          <cell r="H752" t="str">
            <v>PD-TBAT \ MOD</v>
          </cell>
          <cell r="I752" t="str">
            <v>BATMO</v>
          </cell>
          <cell r="J752" t="str">
            <v>TBATMMO</v>
          </cell>
          <cell r="K752" t="str">
            <v>X</v>
          </cell>
          <cell r="L752" t="str">
            <v>Modification</v>
          </cell>
          <cell r="M752" t="str">
            <v>N</v>
          </cell>
        </row>
        <row r="753">
          <cell r="A753" t="str">
            <v>TBATMMO</v>
          </cell>
          <cell r="B753" t="str">
            <v>PD O&amp;M</v>
          </cell>
          <cell r="C753" t="str">
            <v>MW</v>
          </cell>
          <cell r="D753" t="str">
            <v>PD-TCHG</v>
          </cell>
          <cell r="E753" t="e">
            <v>#N/A</v>
          </cell>
          <cell r="F753" t="str">
            <v>MOD</v>
          </cell>
          <cell r="G753" t="e">
            <v>#N/A</v>
          </cell>
          <cell r="H753" t="str">
            <v>PD-TCHG \ MOD</v>
          </cell>
          <cell r="I753" t="str">
            <v>BATMO</v>
          </cell>
          <cell r="J753" t="str">
            <v>TBATMMO</v>
          </cell>
          <cell r="K753" t="str">
            <v>X</v>
          </cell>
          <cell r="L753" t="str">
            <v>Modification</v>
          </cell>
          <cell r="M753" t="str">
            <v>N</v>
          </cell>
        </row>
        <row r="754">
          <cell r="A754" t="str">
            <v>TBATMPM</v>
          </cell>
          <cell r="B754" t="str">
            <v>PD O&amp;M</v>
          </cell>
          <cell r="C754" t="str">
            <v>MW</v>
          </cell>
          <cell r="D754" t="str">
            <v>PD-TBAT</v>
          </cell>
          <cell r="E754" t="str">
            <v>Transmssion Battery</v>
          </cell>
          <cell r="F754" t="str">
            <v>PM</v>
          </cell>
          <cell r="G754" t="str">
            <v>Preventative Maintenance</v>
          </cell>
          <cell r="H754" t="str">
            <v>PD-TBAT \ PM</v>
          </cell>
          <cell r="I754" t="str">
            <v>BATPM</v>
          </cell>
          <cell r="J754" t="str">
            <v>TBATMPM</v>
          </cell>
          <cell r="K754" t="str">
            <v>X</v>
          </cell>
          <cell r="L754" t="str">
            <v>Preventative Maintenance</v>
          </cell>
          <cell r="M754" t="str">
            <v>N</v>
          </cell>
        </row>
        <row r="755">
          <cell r="A755" t="str">
            <v>TBATMPM</v>
          </cell>
          <cell r="B755" t="str">
            <v>PD O&amp;M</v>
          </cell>
          <cell r="C755" t="str">
            <v>MW</v>
          </cell>
          <cell r="D755" t="str">
            <v>PD-TCHG</v>
          </cell>
          <cell r="E755" t="str">
            <v>Transmission Charger</v>
          </cell>
          <cell r="F755" t="str">
            <v>PM</v>
          </cell>
          <cell r="G755" t="str">
            <v>Preventative Maintenance</v>
          </cell>
          <cell r="H755" t="str">
            <v>PD-TCHG \ PM</v>
          </cell>
          <cell r="I755" t="str">
            <v>BATPM</v>
          </cell>
          <cell r="J755" t="str">
            <v>TBATMPM</v>
          </cell>
          <cell r="K755" t="str">
            <v>X</v>
          </cell>
          <cell r="L755" t="str">
            <v>Preventative Maintenance</v>
          </cell>
          <cell r="M755" t="str">
            <v>N</v>
          </cell>
        </row>
        <row r="756">
          <cell r="A756" t="str">
            <v>TBATMRPR</v>
          </cell>
          <cell r="B756" t="str">
            <v>PD O&amp;M</v>
          </cell>
          <cell r="C756" t="str">
            <v>MW</v>
          </cell>
          <cell r="D756" t="str">
            <v>PD-TBAT</v>
          </cell>
          <cell r="E756" t="str">
            <v>Transmssion Battery</v>
          </cell>
          <cell r="F756" t="str">
            <v>RPR</v>
          </cell>
          <cell r="G756" t="str">
            <v>Repair</v>
          </cell>
          <cell r="H756" t="str">
            <v>PD-TBAT \ RPR</v>
          </cell>
          <cell r="I756" t="str">
            <v>BATRP</v>
          </cell>
          <cell r="J756" t="str">
            <v>TBATMRPR</v>
          </cell>
          <cell r="K756" t="str">
            <v>X</v>
          </cell>
          <cell r="L756" t="str">
            <v>Repair</v>
          </cell>
          <cell r="M756" t="str">
            <v>N</v>
          </cell>
        </row>
        <row r="757">
          <cell r="A757" t="str">
            <v>TBATMRPR</v>
          </cell>
          <cell r="B757" t="str">
            <v>PD O&amp;M</v>
          </cell>
          <cell r="C757" t="str">
            <v>MW</v>
          </cell>
          <cell r="D757" t="str">
            <v>PD-TCHG</v>
          </cell>
          <cell r="E757" t="str">
            <v>Transmission Charger</v>
          </cell>
          <cell r="F757" t="str">
            <v>RPR</v>
          </cell>
          <cell r="G757" t="str">
            <v>Repair</v>
          </cell>
          <cell r="H757" t="str">
            <v>PD-TCHG \ RPR</v>
          </cell>
          <cell r="I757" t="str">
            <v>BATRP</v>
          </cell>
          <cell r="J757" t="str">
            <v>TBATMRPR</v>
          </cell>
          <cell r="K757" t="str">
            <v>X</v>
          </cell>
          <cell r="L757" t="str">
            <v>Repair</v>
          </cell>
          <cell r="M757" t="str">
            <v>N</v>
          </cell>
        </row>
        <row r="758">
          <cell r="A758" t="str">
            <v>TBRKMMO</v>
          </cell>
          <cell r="B758" t="str">
            <v>PD O&amp;M</v>
          </cell>
          <cell r="C758" t="str">
            <v>MW</v>
          </cell>
          <cell r="D758" t="str">
            <v>PD-TBRK</v>
          </cell>
          <cell r="E758" t="e">
            <v>#N/A</v>
          </cell>
          <cell r="F758" t="str">
            <v>MOD</v>
          </cell>
          <cell r="G758" t="e">
            <v>#N/A</v>
          </cell>
          <cell r="H758" t="str">
            <v>PD-TBRK \ MOD</v>
          </cell>
          <cell r="I758" t="str">
            <v>BRKMO</v>
          </cell>
          <cell r="J758" t="str">
            <v>TBRKMMO</v>
          </cell>
          <cell r="K758" t="str">
            <v>X</v>
          </cell>
          <cell r="L758" t="str">
            <v>Modification</v>
          </cell>
          <cell r="M758" t="str">
            <v>N</v>
          </cell>
        </row>
        <row r="759">
          <cell r="A759" t="str">
            <v>TBRKMPM</v>
          </cell>
          <cell r="B759" t="str">
            <v>PD O&amp;M</v>
          </cell>
          <cell r="C759" t="str">
            <v>MW</v>
          </cell>
          <cell r="D759" t="str">
            <v>PD-TBRK</v>
          </cell>
          <cell r="E759" t="str">
            <v>Transmission Breaker</v>
          </cell>
          <cell r="F759" t="str">
            <v>PM</v>
          </cell>
          <cell r="G759" t="str">
            <v>Preventative Maintenance</v>
          </cell>
          <cell r="H759" t="str">
            <v>PD-TBRK \ PM</v>
          </cell>
          <cell r="I759" t="str">
            <v>BRKPM</v>
          </cell>
          <cell r="J759" t="str">
            <v>TBRKMPM</v>
          </cell>
          <cell r="K759" t="str">
            <v>X</v>
          </cell>
          <cell r="L759" t="str">
            <v>Preventative Maintenance</v>
          </cell>
          <cell r="M759" t="str">
            <v>N</v>
          </cell>
        </row>
        <row r="760">
          <cell r="A760" t="str">
            <v>TBRKMRPR</v>
          </cell>
          <cell r="B760" t="str">
            <v>PD O&amp;M</v>
          </cell>
          <cell r="C760" t="str">
            <v>MW</v>
          </cell>
          <cell r="D760" t="str">
            <v>PD-TBRK</v>
          </cell>
          <cell r="E760" t="str">
            <v>Transmission Breaker</v>
          </cell>
          <cell r="F760" t="str">
            <v>RPR</v>
          </cell>
          <cell r="G760" t="str">
            <v>Repair</v>
          </cell>
          <cell r="H760" t="str">
            <v>PD-TBRK \ RPR</v>
          </cell>
          <cell r="I760" t="str">
            <v>BRKRP</v>
          </cell>
          <cell r="J760" t="str">
            <v>TBRKMRPR</v>
          </cell>
          <cell r="K760" t="str">
            <v>X</v>
          </cell>
          <cell r="L760" t="str">
            <v>Repair</v>
          </cell>
          <cell r="M760" t="str">
            <v>N</v>
          </cell>
        </row>
        <row r="761">
          <cell r="A761" t="str">
            <v>TCAPMMO</v>
          </cell>
          <cell r="B761" t="str">
            <v>PD O&amp;M</v>
          </cell>
          <cell r="C761" t="str">
            <v>MW</v>
          </cell>
          <cell r="D761" t="str">
            <v>PD-TCAP</v>
          </cell>
          <cell r="E761" t="e">
            <v>#N/A</v>
          </cell>
          <cell r="F761" t="str">
            <v>MOD</v>
          </cell>
          <cell r="G761" t="e">
            <v>#N/A</v>
          </cell>
          <cell r="H761" t="str">
            <v>PD-TCAP \ MOD</v>
          </cell>
          <cell r="I761" t="str">
            <v>CAPMO</v>
          </cell>
          <cell r="J761" t="str">
            <v>TCAPMMO</v>
          </cell>
          <cell r="K761" t="str">
            <v>X</v>
          </cell>
          <cell r="L761" t="str">
            <v>Modification</v>
          </cell>
          <cell r="M761" t="str">
            <v>N</v>
          </cell>
        </row>
        <row r="762">
          <cell r="A762" t="str">
            <v>TCAPMPM</v>
          </cell>
          <cell r="B762" t="str">
            <v>PD O&amp;M</v>
          </cell>
          <cell r="C762" t="str">
            <v>MW</v>
          </cell>
          <cell r="D762" t="str">
            <v>PD-TCAP</v>
          </cell>
          <cell r="E762" t="str">
            <v>Transmission Capacitors</v>
          </cell>
          <cell r="F762" t="str">
            <v>PM</v>
          </cell>
          <cell r="G762" t="str">
            <v>Preventative Maintenance</v>
          </cell>
          <cell r="H762" t="str">
            <v>PD-TCAP \ PM</v>
          </cell>
          <cell r="I762" t="str">
            <v>CAPPM</v>
          </cell>
          <cell r="J762" t="str">
            <v>TCAPMPM</v>
          </cell>
          <cell r="K762" t="str">
            <v>X</v>
          </cell>
          <cell r="L762" t="str">
            <v>Preventative Maintenance</v>
          </cell>
          <cell r="M762" t="str">
            <v>N</v>
          </cell>
        </row>
        <row r="763">
          <cell r="A763" t="str">
            <v>TCAPMPM</v>
          </cell>
          <cell r="B763" t="str">
            <v>PD O&amp;M</v>
          </cell>
          <cell r="C763" t="str">
            <v>MW</v>
          </cell>
          <cell r="D763" t="str">
            <v>PD-TSUBCAP</v>
          </cell>
          <cell r="E763" t="str">
            <v>MW Transmission Sub Capacitors - Insp &amp; Maint</v>
          </cell>
          <cell r="F763" t="str">
            <v>INSPMT</v>
          </cell>
          <cell r="G763" t="str">
            <v>Inspection and Maintenance</v>
          </cell>
          <cell r="H763" t="str">
            <v>PD-TSUBCAP \ INSPMT</v>
          </cell>
          <cell r="I763" t="str">
            <v>CAPPM</v>
          </cell>
          <cell r="J763" t="str">
            <v>TCAPMPM</v>
          </cell>
          <cell r="K763" t="str">
            <v>X</v>
          </cell>
          <cell r="L763" t="str">
            <v>Inspection and Maintenance</v>
          </cell>
          <cell r="M763" t="str">
            <v>N</v>
          </cell>
        </row>
        <row r="764">
          <cell r="A764" t="str">
            <v>TCAPMRPR</v>
          </cell>
          <cell r="B764" t="str">
            <v>PD O&amp;M</v>
          </cell>
          <cell r="C764" t="str">
            <v>MW</v>
          </cell>
          <cell r="D764" t="str">
            <v>PD-TCAP</v>
          </cell>
          <cell r="E764" t="str">
            <v>Transmission Capacitors</v>
          </cell>
          <cell r="F764" t="str">
            <v>RPR</v>
          </cell>
          <cell r="G764" t="str">
            <v>Repair</v>
          </cell>
          <cell r="H764" t="str">
            <v>PD-TCAP \ RPR</v>
          </cell>
          <cell r="I764" t="str">
            <v>CAPRP</v>
          </cell>
          <cell r="J764" t="str">
            <v>TCAPMRPR</v>
          </cell>
          <cell r="K764" t="str">
            <v>X</v>
          </cell>
          <cell r="L764" t="str">
            <v>Repair</v>
          </cell>
          <cell r="M764" t="str">
            <v>N</v>
          </cell>
        </row>
        <row r="765">
          <cell r="A765" t="str">
            <v>TEMPLINE</v>
          </cell>
          <cell r="B765" t="str">
            <v>PD O&amp;M</v>
          </cell>
          <cell r="C765" t="str">
            <v>MW</v>
          </cell>
          <cell r="D765" t="str">
            <v>PD-TMPLN</v>
          </cell>
          <cell r="E765" t="str">
            <v xml:space="preserve">Temporary Lines </v>
          </cell>
          <cell r="F765" t="str">
            <v>TEMP LINE C</v>
          </cell>
          <cell r="G765">
            <v>0</v>
          </cell>
          <cell r="H765" t="str">
            <v>PD-TMPLN \ TEMP LINE C</v>
          </cell>
          <cell r="I765"/>
          <cell r="J765" t="str">
            <v>TEMPLINE</v>
          </cell>
          <cell r="K765" t="str">
            <v>X</v>
          </cell>
          <cell r="L765"/>
          <cell r="M765" t="str">
            <v>N</v>
          </cell>
        </row>
        <row r="766">
          <cell r="A766" t="str">
            <v>TEMPSVC</v>
          </cell>
          <cell r="B766" t="str">
            <v>PD Capital</v>
          </cell>
          <cell r="C766" t="str">
            <v>MW</v>
          </cell>
          <cell r="D766" t="str">
            <v>PD-TEMP</v>
          </cell>
          <cell r="E766" t="str">
            <v>Power Delivery - Temporary Service</v>
          </cell>
          <cell r="F766" t="str">
            <v>TEMP SERV</v>
          </cell>
          <cell r="G766" t="str">
            <v>Temporary Service</v>
          </cell>
          <cell r="H766" t="str">
            <v>PD-TEMP \ TEMP SERV</v>
          </cell>
          <cell r="I766" t="str">
            <v>TEMPSVC</v>
          </cell>
          <cell r="J766" t="str">
            <v>TEMPSVC</v>
          </cell>
          <cell r="K766" t="str">
            <v>X</v>
          </cell>
          <cell r="L766" t="str">
            <v>Temporary Service</v>
          </cell>
          <cell r="M766" t="str">
            <v>N</v>
          </cell>
        </row>
        <row r="767">
          <cell r="A767" t="str">
            <v>TEMPSVC</v>
          </cell>
          <cell r="B767" t="str">
            <v>PD O&amp;M</v>
          </cell>
          <cell r="C767" t="str">
            <v>MW</v>
          </cell>
          <cell r="D767" t="str">
            <v>PD-TEMPMTR</v>
          </cell>
          <cell r="E767" t="str">
            <v>Temporary Service --this is only for installing the temporary meter</v>
          </cell>
          <cell r="F767" t="str">
            <v>TEMP SERVMTR</v>
          </cell>
          <cell r="G767" t="str">
            <v>Temporary Service --this is only for installing the temporary meter</v>
          </cell>
          <cell r="H767" t="str">
            <v>PD-TEMPMTR \ TEMP SERVMTR</v>
          </cell>
          <cell r="I767" t="str">
            <v>TEMPSVC</v>
          </cell>
          <cell r="J767" t="str">
            <v>TEMPSVC</v>
          </cell>
          <cell r="K767" t="str">
            <v>X</v>
          </cell>
          <cell r="L767" t="str">
            <v>Temporary Service --this is only for installing the temporary meter</v>
          </cell>
          <cell r="M767" t="str">
            <v>N</v>
          </cell>
        </row>
        <row r="768">
          <cell r="A768" t="str">
            <v>TEQM</v>
          </cell>
          <cell r="B768" t="str">
            <v>PD O&amp;M</v>
          </cell>
          <cell r="C768" t="str">
            <v>Carolinas</v>
          </cell>
          <cell r="D768" t="str">
            <v>PD-TINF</v>
          </cell>
          <cell r="E768" t="str">
            <v>Preventative Maintenance Transmssion Infrared</v>
          </cell>
          <cell r="F768" t="str">
            <v>PM C</v>
          </cell>
          <cell r="G768" t="str">
            <v>Preventative Maintenance Carolinas</v>
          </cell>
          <cell r="H768" t="str">
            <v>PD-TINF \ PM C</v>
          </cell>
          <cell r="I768" t="str">
            <v>EQM</v>
          </cell>
          <cell r="J768" t="str">
            <v>TEQM</v>
          </cell>
          <cell r="K768" t="str">
            <v>X</v>
          </cell>
          <cell r="L768" t="str">
            <v>Preventative Maintenance Carolinas</v>
          </cell>
          <cell r="M768" t="str">
            <v>N</v>
          </cell>
        </row>
        <row r="769">
          <cell r="A769" t="str">
            <v>TEQMMO</v>
          </cell>
          <cell r="B769" t="str">
            <v>PD O&amp;M</v>
          </cell>
          <cell r="C769" t="str">
            <v>MW</v>
          </cell>
          <cell r="D769" t="str">
            <v>PD-TEQM</v>
          </cell>
          <cell r="E769" t="e">
            <v>#N/A</v>
          </cell>
          <cell r="F769" t="str">
            <v>MOD</v>
          </cell>
          <cell r="G769" t="e">
            <v>#N/A</v>
          </cell>
          <cell r="H769" t="str">
            <v>PD-TEQM \ MOD</v>
          </cell>
          <cell r="I769" t="str">
            <v>SUBEQMO</v>
          </cell>
          <cell r="J769" t="str">
            <v>TEQMMO</v>
          </cell>
          <cell r="K769" t="str">
            <v>X</v>
          </cell>
          <cell r="L769" t="str">
            <v>Modification</v>
          </cell>
          <cell r="M769" t="str">
            <v>N</v>
          </cell>
        </row>
        <row r="770">
          <cell r="A770" t="str">
            <v>TEQMPM</v>
          </cell>
          <cell r="B770" t="str">
            <v>PD O&amp;M</v>
          </cell>
          <cell r="C770" t="str">
            <v>MW</v>
          </cell>
          <cell r="D770" t="str">
            <v>PD-TEQM</v>
          </cell>
          <cell r="E770" t="str">
            <v xml:space="preserve">Transmission Sub_Bus_Conn_Eq </v>
          </cell>
          <cell r="F770" t="str">
            <v>PM</v>
          </cell>
          <cell r="G770" t="str">
            <v>Preventative Maintenance</v>
          </cell>
          <cell r="H770" t="str">
            <v>PD-TEQM \ PM</v>
          </cell>
          <cell r="I770" t="str">
            <v>SUBEQPM</v>
          </cell>
          <cell r="J770" t="str">
            <v>TEQMPM</v>
          </cell>
          <cell r="K770" t="str">
            <v>X</v>
          </cell>
          <cell r="L770" t="str">
            <v>Preventative Maintenance</v>
          </cell>
          <cell r="M770" t="str">
            <v>N</v>
          </cell>
        </row>
        <row r="771">
          <cell r="A771" t="str">
            <v>TEQMRPR</v>
          </cell>
          <cell r="B771" t="str">
            <v>PD O&amp;M</v>
          </cell>
          <cell r="C771" t="str">
            <v>MW</v>
          </cell>
          <cell r="D771" t="str">
            <v>PD-TEQM</v>
          </cell>
          <cell r="E771" t="str">
            <v xml:space="preserve">Transmission Sub_Bus_Conn_Eq </v>
          </cell>
          <cell r="F771" t="str">
            <v>RPR</v>
          </cell>
          <cell r="G771" t="str">
            <v>Repair</v>
          </cell>
          <cell r="H771" t="str">
            <v>PD-TEQM \ RPR</v>
          </cell>
          <cell r="I771" t="str">
            <v>SUBEQRP</v>
          </cell>
          <cell r="J771" t="str">
            <v>TEQMRPR</v>
          </cell>
          <cell r="K771" t="str">
            <v>X</v>
          </cell>
          <cell r="L771" t="str">
            <v>Repair</v>
          </cell>
          <cell r="M771" t="str">
            <v>N</v>
          </cell>
        </row>
        <row r="772">
          <cell r="A772" t="str">
            <v>TEQO</v>
          </cell>
          <cell r="B772" t="str">
            <v>PD O&amp;M</v>
          </cell>
          <cell r="C772" t="str">
            <v>MW</v>
          </cell>
          <cell r="D772" t="str">
            <v>PD-SWTCH</v>
          </cell>
          <cell r="E772" t="e">
            <v>#N/A</v>
          </cell>
          <cell r="F772" t="str">
            <v>TSWTCHMW</v>
          </cell>
          <cell r="G772" t="e">
            <v>#N/A</v>
          </cell>
          <cell r="H772" t="str">
            <v>PD-SWTCH \ TSWTCHMW</v>
          </cell>
          <cell r="I772"/>
          <cell r="J772" t="str">
            <v>TEQO</v>
          </cell>
          <cell r="K772" t="str">
            <v>X</v>
          </cell>
          <cell r="L772" t="str">
            <v>SWITCHING IN TRANSMISSION SUBSTATIONS</v>
          </cell>
          <cell r="M772" t="str">
            <v>N</v>
          </cell>
        </row>
        <row r="773">
          <cell r="A773" t="str">
            <v>THOTSPOT</v>
          </cell>
          <cell r="B773" t="str">
            <v>PD Veg Mgmt</v>
          </cell>
          <cell r="C773" t="str">
            <v>Veg</v>
          </cell>
          <cell r="D773" t="str">
            <v>PD-TVEGO</v>
          </cell>
          <cell r="E773" t="str">
            <v>Vegetation Management - Transmission - O&amp;M</v>
          </cell>
          <cell r="F773" t="str">
            <v>TVMFURIOH</v>
          </cell>
          <cell r="G773" t="str">
            <v>Veg related follow up requests from field opers - major outage fu or other R&amp;I requests.</v>
          </cell>
          <cell r="H773" t="str">
            <v>PD-TVEGO \ TVMFURIOH</v>
          </cell>
          <cell r="I773" t="str">
            <v>TLUNPL</v>
          </cell>
          <cell r="J773" t="str">
            <v>THOTSPOT</v>
          </cell>
          <cell r="K773" t="str">
            <v>X</v>
          </cell>
          <cell r="L773" t="str">
            <v>Veg related follow up requests from field opers - major outage fu or other R&amp;I requests OH</v>
          </cell>
          <cell r="M773" t="str">
            <v>N</v>
          </cell>
        </row>
        <row r="774">
          <cell r="A774" t="str">
            <v>TLFPLC</v>
          </cell>
          <cell r="B774" t="str">
            <v>PD Veg Mgmt</v>
          </cell>
          <cell r="C774" t="str">
            <v>Veg</v>
          </cell>
          <cell r="D774" t="str">
            <v>PD-TVEGO</v>
          </cell>
          <cell r="E774" t="str">
            <v>Vegetation Management - Transmission - O&amp;M</v>
          </cell>
          <cell r="F774" t="str">
            <v>TVMFOPL</v>
          </cell>
          <cell r="G774" t="str">
            <v>Veg Mgmt - Pre-planning work for tree crews.</v>
          </cell>
          <cell r="H774" t="str">
            <v>PD-TVEGO \ TVMFOPL</v>
          </cell>
          <cell r="I774" t="str">
            <v>TLUNPL</v>
          </cell>
          <cell r="J774" t="str">
            <v>TLFPLC</v>
          </cell>
          <cell r="K774" t="str">
            <v>X</v>
          </cell>
          <cell r="L774" t="str">
            <v>Veg Mgmt - Pre-planning work for tree crews.</v>
          </cell>
          <cell r="M774" t="str">
            <v>N</v>
          </cell>
        </row>
        <row r="775">
          <cell r="A775" t="str">
            <v>TLININS</v>
          </cell>
          <cell r="B775" t="str">
            <v>PD O&amp;M</v>
          </cell>
          <cell r="C775" t="str">
            <v>MW</v>
          </cell>
          <cell r="D775" t="str">
            <v>PD-TLINS</v>
          </cell>
          <cell r="E775" t="str">
            <v>T Lines</v>
          </cell>
          <cell r="F775" t="str">
            <v>INSP</v>
          </cell>
          <cell r="G775" t="str">
            <v>Inspection</v>
          </cell>
          <cell r="H775" t="str">
            <v>PD-TLINS \ INSP</v>
          </cell>
          <cell r="I775" t="str">
            <v>TLINOP</v>
          </cell>
          <cell r="J775" t="str">
            <v>TLININS</v>
          </cell>
          <cell r="K775" t="str">
            <v>X</v>
          </cell>
          <cell r="L775" t="str">
            <v>Inspection</v>
          </cell>
          <cell r="M775" t="str">
            <v>N</v>
          </cell>
        </row>
        <row r="776">
          <cell r="A776" t="str">
            <v>TLLCPC</v>
          </cell>
          <cell r="B776" t="str">
            <v>PD Veg Mgmt</v>
          </cell>
          <cell r="C776" t="str">
            <v>Veg</v>
          </cell>
          <cell r="D776" t="str">
            <v>PD-TVEGO</v>
          </cell>
          <cell r="E776" t="str">
            <v>Vegetation Management - Transmission - O&amp;M</v>
          </cell>
          <cell r="F776" t="str">
            <v>TBASE</v>
          </cell>
          <cell r="G776" t="str">
            <v>Baseline Danger Tree program</v>
          </cell>
          <cell r="H776" t="str">
            <v>PD-TVEGO \ TBASE</v>
          </cell>
          <cell r="I776" t="str">
            <v>TLPLAN</v>
          </cell>
          <cell r="J776" t="str">
            <v>TLLCPC</v>
          </cell>
          <cell r="K776" t="str">
            <v>X</v>
          </cell>
          <cell r="L776" t="str">
            <v>Baseline Danger Tree program</v>
          </cell>
          <cell r="M776" t="str">
            <v>N</v>
          </cell>
        </row>
        <row r="777">
          <cell r="A777" t="str">
            <v>TLLCUC</v>
          </cell>
          <cell r="B777" t="str">
            <v>PD Veg Mgmt</v>
          </cell>
          <cell r="C777" t="str">
            <v>Veg</v>
          </cell>
          <cell r="D777" t="str">
            <v>PD-TVEGO</v>
          </cell>
          <cell r="E777" t="str">
            <v>Vegetation Management - Transmission - O&amp;M</v>
          </cell>
          <cell r="F777" t="str">
            <v>TVMFUCUS</v>
          </cell>
          <cell r="G777" t="str">
            <v>Vegetation related requests from customers where it is deemed work is necessary.</v>
          </cell>
          <cell r="H777" t="str">
            <v>PD-TVEGO \ TVMFUCUS</v>
          </cell>
          <cell r="I777" t="str">
            <v>TLUNPL</v>
          </cell>
          <cell r="J777" t="str">
            <v>TLLCUC</v>
          </cell>
          <cell r="K777" t="str">
            <v>X</v>
          </cell>
          <cell r="L777" t="str">
            <v>Vegetation related requests from customers where it is deemed work is necessary.</v>
          </cell>
          <cell r="M777" t="str">
            <v>N</v>
          </cell>
        </row>
        <row r="778">
          <cell r="A778" t="str">
            <v>TLLPHST</v>
          </cell>
          <cell r="B778" t="str">
            <v>PD Veg Mgmt</v>
          </cell>
          <cell r="C778" t="str">
            <v>Veg</v>
          </cell>
          <cell r="D778" t="str">
            <v>PD-TVEGO</v>
          </cell>
          <cell r="E778" t="str">
            <v>Vegetation Management - Transmission - O&amp;M</v>
          </cell>
          <cell r="F778" t="str">
            <v>TVMLCPH</v>
          </cell>
          <cell r="G778" t="str">
            <v>Veg. Mgmt - side trimming using helicopter.</v>
          </cell>
          <cell r="H778" t="str">
            <v>PD-TVEGO \ TVMLCPH</v>
          </cell>
          <cell r="I778" t="str">
            <v>TVMMECH</v>
          </cell>
          <cell r="J778" t="str">
            <v>TLLPHST</v>
          </cell>
          <cell r="K778" t="str">
            <v>X</v>
          </cell>
          <cell r="L778" t="str">
            <v>Veg. Mgmt - side trimming using helicopter.</v>
          </cell>
          <cell r="M778" t="str">
            <v>N</v>
          </cell>
        </row>
        <row r="779">
          <cell r="A779" t="str">
            <v>TLVMCC</v>
          </cell>
          <cell r="B779" t="str">
            <v>PD Veg Mgmt</v>
          </cell>
          <cell r="C779" t="str">
            <v>Veg</v>
          </cell>
          <cell r="D779" t="str">
            <v>PD-TVEGO</v>
          </cell>
          <cell r="E779" t="str">
            <v>Vegetation Management - Transmission - O&amp;M</v>
          </cell>
          <cell r="F779" t="str">
            <v>THERBMW</v>
          </cell>
          <cell r="G779" t="str">
            <v>Veg Mgmt Transmission herbicide application Midwest</v>
          </cell>
          <cell r="H779" t="str">
            <v>PD-TVEGO \ THERBMW</v>
          </cell>
          <cell r="I779" t="str">
            <v>TVMCHEM</v>
          </cell>
          <cell r="J779" t="str">
            <v>TLVMCC</v>
          </cell>
          <cell r="K779" t="str">
            <v>X</v>
          </cell>
          <cell r="L779" t="str">
            <v>Veg Mgmt Transmission herbicide application Midwest</v>
          </cell>
          <cell r="M779" t="str">
            <v>N</v>
          </cell>
        </row>
        <row r="780">
          <cell r="A780" t="str">
            <v>TMTRMMO</v>
          </cell>
          <cell r="B780" t="str">
            <v>PD O&amp;M</v>
          </cell>
          <cell r="C780" t="str">
            <v>MW</v>
          </cell>
          <cell r="D780" t="str">
            <v>PD-TMTR</v>
          </cell>
          <cell r="E780" t="e">
            <v>#N/A</v>
          </cell>
          <cell r="F780" t="str">
            <v>MOD</v>
          </cell>
          <cell r="G780" t="e">
            <v>#N/A</v>
          </cell>
          <cell r="H780" t="str">
            <v>PD-TMTR \ MOD</v>
          </cell>
          <cell r="I780" t="str">
            <v>MTRMO</v>
          </cell>
          <cell r="J780" t="str">
            <v>TMTRMMO</v>
          </cell>
          <cell r="K780" t="str">
            <v>X</v>
          </cell>
          <cell r="L780" t="str">
            <v>Modification</v>
          </cell>
          <cell r="M780" t="str">
            <v>N</v>
          </cell>
        </row>
        <row r="781">
          <cell r="A781" t="str">
            <v>TMTRMO</v>
          </cell>
          <cell r="B781" t="str">
            <v>PD O&amp;M</v>
          </cell>
          <cell r="C781" t="str">
            <v>MW</v>
          </cell>
          <cell r="D781" t="str">
            <v>PD-WHM</v>
          </cell>
          <cell r="E781" t="e">
            <v>#N/A</v>
          </cell>
          <cell r="F781" t="str">
            <v>MOD</v>
          </cell>
          <cell r="G781" t="e">
            <v>#N/A</v>
          </cell>
          <cell r="H781" t="str">
            <v>PD-WHM \ MOD</v>
          </cell>
          <cell r="I781" t="str">
            <v>MTRMO</v>
          </cell>
          <cell r="J781" t="str">
            <v>TMTRMO</v>
          </cell>
          <cell r="K781" t="str">
            <v>X</v>
          </cell>
          <cell r="L781" t="str">
            <v>Modification</v>
          </cell>
          <cell r="M781" t="str">
            <v>N</v>
          </cell>
        </row>
        <row r="782">
          <cell r="A782" t="str">
            <v>TMTRMPM</v>
          </cell>
          <cell r="B782" t="str">
            <v>PD O&amp;M</v>
          </cell>
          <cell r="C782" t="str">
            <v>MW</v>
          </cell>
          <cell r="D782" t="str">
            <v>PD-TMTR</v>
          </cell>
          <cell r="E782" t="e">
            <v>#N/A</v>
          </cell>
          <cell r="F782" t="str">
            <v>PM</v>
          </cell>
          <cell r="G782" t="e">
            <v>#N/A</v>
          </cell>
          <cell r="H782" t="str">
            <v>PD-TMTR \ PM</v>
          </cell>
          <cell r="I782" t="str">
            <v>MTRPM</v>
          </cell>
          <cell r="J782" t="str">
            <v>TMTRMPM</v>
          </cell>
          <cell r="K782" t="str">
            <v>X</v>
          </cell>
          <cell r="L782" t="str">
            <v>Preventative Maintenance</v>
          </cell>
          <cell r="M782" t="str">
            <v>N</v>
          </cell>
        </row>
        <row r="783">
          <cell r="A783" t="str">
            <v>TMTRMRPR</v>
          </cell>
          <cell r="B783" t="str">
            <v>PD O&amp;M</v>
          </cell>
          <cell r="C783" t="str">
            <v>MW</v>
          </cell>
          <cell r="D783" t="str">
            <v>PD-TMTR</v>
          </cell>
          <cell r="E783" t="e">
            <v>#N/A</v>
          </cell>
          <cell r="F783" t="str">
            <v>RPR</v>
          </cell>
          <cell r="G783" t="e">
            <v>#N/A</v>
          </cell>
          <cell r="H783" t="str">
            <v>PD-TMTR \ RPR</v>
          </cell>
          <cell r="I783" t="str">
            <v>MTRRP</v>
          </cell>
          <cell r="J783" t="str">
            <v>TMTRMRPR</v>
          </cell>
          <cell r="K783" t="str">
            <v>X</v>
          </cell>
          <cell r="L783" t="str">
            <v>Repair</v>
          </cell>
          <cell r="M783" t="str">
            <v>N</v>
          </cell>
        </row>
        <row r="784">
          <cell r="A784" t="str">
            <v>TMTRPM</v>
          </cell>
          <cell r="B784" t="str">
            <v>PD O&amp;M</v>
          </cell>
          <cell r="C784" t="str">
            <v>MW</v>
          </cell>
          <cell r="D784" t="str">
            <v>PD-WHM</v>
          </cell>
          <cell r="E784" t="e">
            <v>#N/A</v>
          </cell>
          <cell r="F784" t="str">
            <v>PM</v>
          </cell>
          <cell r="G784" t="e">
            <v>#N/A</v>
          </cell>
          <cell r="H784" t="str">
            <v>PD-WHM \ PM</v>
          </cell>
          <cell r="I784" t="str">
            <v>MTRPM</v>
          </cell>
          <cell r="J784" t="str">
            <v>TMTRPM</v>
          </cell>
          <cell r="K784" t="str">
            <v>X</v>
          </cell>
          <cell r="L784" t="str">
            <v>Preventative Maintenance</v>
          </cell>
          <cell r="M784" t="str">
            <v>N</v>
          </cell>
        </row>
        <row r="785">
          <cell r="A785" t="str">
            <v>TMTRRPR</v>
          </cell>
          <cell r="B785" t="str">
            <v>PD O&amp;M</v>
          </cell>
          <cell r="C785" t="str">
            <v>MW</v>
          </cell>
          <cell r="D785" t="str">
            <v>PD-WHM</v>
          </cell>
          <cell r="E785" t="e">
            <v>#N/A</v>
          </cell>
          <cell r="F785" t="str">
            <v>RPR</v>
          </cell>
          <cell r="G785" t="e">
            <v>#N/A</v>
          </cell>
          <cell r="H785" t="str">
            <v>PD-WHM \ RPR</v>
          </cell>
          <cell r="I785" t="str">
            <v>MTRRP</v>
          </cell>
          <cell r="J785" t="str">
            <v>TMTRRPR</v>
          </cell>
          <cell r="K785" t="str">
            <v>X</v>
          </cell>
          <cell r="L785" t="str">
            <v>Repair</v>
          </cell>
          <cell r="M785" t="str">
            <v>N</v>
          </cell>
        </row>
        <row r="786">
          <cell r="A786" t="str">
            <v>TOADMMT</v>
          </cell>
          <cell r="B786" t="str">
            <v>PD Veg Mgmt</v>
          </cell>
          <cell r="C786" t="str">
            <v>Veg</v>
          </cell>
          <cell r="D786" t="str">
            <v>PD-TVEGO</v>
          </cell>
          <cell r="E786" t="str">
            <v>Vegetation Management - Transmission - O&amp;M</v>
          </cell>
          <cell r="F786" t="str">
            <v>TRWMSUPMW</v>
          </cell>
          <cell r="G786" t="str">
            <v>Veg Mgmt expenses such as oversight, expenses, training and other miscellaneous expenses Midewest</v>
          </cell>
          <cell r="H786" t="str">
            <v>PD-TVEGO \ TRWMSUPMW</v>
          </cell>
          <cell r="I786" t="str">
            <v>VMADMT</v>
          </cell>
          <cell r="J786" t="str">
            <v>TOADMMT</v>
          </cell>
          <cell r="K786" t="str">
            <v>X</v>
          </cell>
          <cell r="L786" t="str">
            <v>Veg Mgmt expenses such as oversight, expenses, training and other miscellaneous expenses Midewest</v>
          </cell>
          <cell r="M786" t="str">
            <v>N</v>
          </cell>
        </row>
        <row r="787">
          <cell r="A787" t="str">
            <v>TOLMMO</v>
          </cell>
          <cell r="B787" t="str">
            <v>PD O&amp;M</v>
          </cell>
          <cell r="C787" t="str">
            <v>MW</v>
          </cell>
          <cell r="D787" t="str">
            <v>PD-POL</v>
          </cell>
          <cell r="E787" t="e">
            <v>#N/A</v>
          </cell>
          <cell r="F787" t="str">
            <v>MOD</v>
          </cell>
          <cell r="G787" t="e">
            <v>#N/A</v>
          </cell>
          <cell r="H787" t="str">
            <v>PD-POL \ MOD</v>
          </cell>
          <cell r="I787" t="str">
            <v>TLINMO</v>
          </cell>
          <cell r="J787" t="str">
            <v>TOLMMO</v>
          </cell>
          <cell r="K787" t="str">
            <v>X</v>
          </cell>
          <cell r="L787" t="str">
            <v>Modification</v>
          </cell>
          <cell r="M787" t="str">
            <v>N</v>
          </cell>
        </row>
        <row r="788">
          <cell r="A788" t="str">
            <v>TOLMMO</v>
          </cell>
          <cell r="B788" t="str">
            <v>PD O&amp;M</v>
          </cell>
          <cell r="C788" t="str">
            <v>MW</v>
          </cell>
          <cell r="D788" t="str">
            <v>PD-TLINS</v>
          </cell>
          <cell r="E788" t="e">
            <v>#N/A</v>
          </cell>
          <cell r="F788" t="str">
            <v>MOD</v>
          </cell>
          <cell r="G788" t="e">
            <v>#N/A</v>
          </cell>
          <cell r="H788" t="str">
            <v>PD-TLINS \ MOD</v>
          </cell>
          <cell r="I788" t="str">
            <v>TLINMO</v>
          </cell>
          <cell r="J788" t="str">
            <v>TOLMMO</v>
          </cell>
          <cell r="K788" t="str">
            <v>X</v>
          </cell>
          <cell r="L788" t="str">
            <v>Modification</v>
          </cell>
          <cell r="M788" t="str">
            <v>N</v>
          </cell>
        </row>
        <row r="789">
          <cell r="A789" t="str">
            <v>TOLMMO</v>
          </cell>
          <cell r="B789" t="str">
            <v>PD O&amp;M</v>
          </cell>
          <cell r="C789" t="str">
            <v>MW</v>
          </cell>
          <cell r="D789" t="str">
            <v>PD-TWR</v>
          </cell>
          <cell r="E789" t="e">
            <v>#N/A</v>
          </cell>
          <cell r="F789" t="str">
            <v>MOD</v>
          </cell>
          <cell r="G789" t="e">
            <v>#N/A</v>
          </cell>
          <cell r="H789" t="str">
            <v>PD-TWR \ MOD</v>
          </cell>
          <cell r="I789" t="str">
            <v>TLINMO</v>
          </cell>
          <cell r="J789" t="str">
            <v>TOLMMO</v>
          </cell>
          <cell r="K789" t="str">
            <v>X</v>
          </cell>
          <cell r="L789" t="str">
            <v>Modification</v>
          </cell>
          <cell r="M789" t="str">
            <v>N</v>
          </cell>
        </row>
        <row r="790">
          <cell r="A790" t="str">
            <v>TOLMPM</v>
          </cell>
          <cell r="B790" t="str">
            <v>PD O&amp;M</v>
          </cell>
          <cell r="C790" t="str">
            <v>MW</v>
          </cell>
          <cell r="D790" t="str">
            <v>PD-POL</v>
          </cell>
          <cell r="E790" t="str">
            <v>T Poles</v>
          </cell>
          <cell r="F790" t="str">
            <v>PM</v>
          </cell>
          <cell r="G790" t="str">
            <v>Preventative Maintenance</v>
          </cell>
          <cell r="H790" t="str">
            <v>PD-POL \ PM</v>
          </cell>
          <cell r="I790" t="str">
            <v>TLINMO</v>
          </cell>
          <cell r="J790" t="str">
            <v>TOLMPM</v>
          </cell>
          <cell r="K790" t="str">
            <v>X</v>
          </cell>
          <cell r="L790" t="str">
            <v>Preventative Maintenance</v>
          </cell>
          <cell r="M790" t="str">
            <v>N</v>
          </cell>
        </row>
        <row r="791">
          <cell r="A791" t="str">
            <v>TOLMPM</v>
          </cell>
          <cell r="B791" t="str">
            <v>PD O&amp;M</v>
          </cell>
          <cell r="C791" t="str">
            <v>MW</v>
          </cell>
          <cell r="D791" t="str">
            <v>PD-TLINS</v>
          </cell>
          <cell r="E791" t="str">
            <v>T Lines</v>
          </cell>
          <cell r="F791" t="str">
            <v>PM</v>
          </cell>
          <cell r="G791" t="str">
            <v>Preventative Maintenance</v>
          </cell>
          <cell r="H791" t="str">
            <v>PD-TLINS \ PM</v>
          </cell>
          <cell r="I791" t="str">
            <v>TLINMO</v>
          </cell>
          <cell r="J791" t="str">
            <v>TOLMPM</v>
          </cell>
          <cell r="K791" t="str">
            <v>X</v>
          </cell>
          <cell r="L791" t="str">
            <v>Preventative Maintenance</v>
          </cell>
          <cell r="M791" t="str">
            <v>N</v>
          </cell>
        </row>
        <row r="792">
          <cell r="A792" t="str">
            <v>TOLMPM</v>
          </cell>
          <cell r="B792" t="str">
            <v>PD O&amp;M</v>
          </cell>
          <cell r="C792" t="str">
            <v>MW</v>
          </cell>
          <cell r="D792" t="str">
            <v>PD-TWR</v>
          </cell>
          <cell r="E792" t="str">
            <v>T Towers</v>
          </cell>
          <cell r="F792" t="str">
            <v>PM</v>
          </cell>
          <cell r="G792" t="str">
            <v>Preventative Maintenance</v>
          </cell>
          <cell r="H792" t="str">
            <v>PD-TWR \ PM</v>
          </cell>
          <cell r="I792" t="str">
            <v>TLINMO</v>
          </cell>
          <cell r="J792" t="str">
            <v>TOLMPM</v>
          </cell>
          <cell r="K792" t="str">
            <v>X</v>
          </cell>
          <cell r="L792" t="str">
            <v>Preventative Maintenance</v>
          </cell>
          <cell r="M792" t="str">
            <v>N</v>
          </cell>
        </row>
        <row r="793">
          <cell r="A793" t="str">
            <v>TOLMRPR</v>
          </cell>
          <cell r="B793" t="str">
            <v>PD O&amp;M</v>
          </cell>
          <cell r="C793" t="str">
            <v>MW</v>
          </cell>
          <cell r="D793" t="str">
            <v>PD-POL</v>
          </cell>
          <cell r="E793" t="str">
            <v>T Poles</v>
          </cell>
          <cell r="F793" t="str">
            <v>RPR</v>
          </cell>
          <cell r="G793" t="str">
            <v>Repair</v>
          </cell>
          <cell r="H793" t="str">
            <v>PD-POL \ RPR</v>
          </cell>
          <cell r="I793" t="str">
            <v>TLINMO</v>
          </cell>
          <cell r="J793" t="str">
            <v>TOLMRPR</v>
          </cell>
          <cell r="K793" t="str">
            <v>X</v>
          </cell>
          <cell r="L793" t="str">
            <v>Repair</v>
          </cell>
          <cell r="M793" t="str">
            <v>N</v>
          </cell>
        </row>
        <row r="794">
          <cell r="A794" t="str">
            <v>TOLMRPR</v>
          </cell>
          <cell r="B794" t="str">
            <v>PD O&amp;M</v>
          </cell>
          <cell r="C794" t="str">
            <v>MW</v>
          </cell>
          <cell r="D794" t="str">
            <v>PD-TLINS</v>
          </cell>
          <cell r="E794" t="str">
            <v>T Lines</v>
          </cell>
          <cell r="F794" t="str">
            <v>RPR</v>
          </cell>
          <cell r="G794" t="str">
            <v>Repair</v>
          </cell>
          <cell r="H794" t="str">
            <v>PD-TLINS \ RPR</v>
          </cell>
          <cell r="I794" t="str">
            <v>TLINMO</v>
          </cell>
          <cell r="J794" t="str">
            <v>TOLMRPR</v>
          </cell>
          <cell r="K794" t="str">
            <v>X</v>
          </cell>
          <cell r="L794" t="str">
            <v>Repair</v>
          </cell>
          <cell r="M794" t="str">
            <v>N</v>
          </cell>
        </row>
        <row r="795">
          <cell r="A795" t="str">
            <v>TOLMRPR</v>
          </cell>
          <cell r="B795" t="str">
            <v>PD O&amp;M</v>
          </cell>
          <cell r="C795" t="str">
            <v>MW</v>
          </cell>
          <cell r="D795" t="str">
            <v>PD-TWR</v>
          </cell>
          <cell r="E795" t="str">
            <v>T Towers</v>
          </cell>
          <cell r="F795" t="str">
            <v>RPR</v>
          </cell>
          <cell r="G795" t="str">
            <v>Repair</v>
          </cell>
          <cell r="H795" t="str">
            <v>PD-TWR \ RPR</v>
          </cell>
          <cell r="I795" t="str">
            <v>TLINMO</v>
          </cell>
          <cell r="J795" t="str">
            <v>TOLMRPR</v>
          </cell>
          <cell r="K795" t="str">
            <v>X</v>
          </cell>
          <cell r="L795" t="str">
            <v>Repair</v>
          </cell>
          <cell r="M795" t="str">
            <v>N</v>
          </cell>
        </row>
        <row r="796">
          <cell r="A796" t="str">
            <v>TOSMMO</v>
          </cell>
          <cell r="B796" t="str">
            <v>PD O&amp;M</v>
          </cell>
          <cell r="C796" t="str">
            <v>MW</v>
          </cell>
          <cell r="D796" t="str">
            <v>PD-TOSM</v>
          </cell>
          <cell r="E796" t="e">
            <v>#N/A</v>
          </cell>
          <cell r="F796" t="str">
            <v>MOD</v>
          </cell>
          <cell r="G796" t="e">
            <v>#N/A</v>
          </cell>
          <cell r="H796" t="str">
            <v>PD-TOSM \ MOD</v>
          </cell>
          <cell r="I796" t="str">
            <v>SUBSTMO</v>
          </cell>
          <cell r="J796" t="str">
            <v>TOSMMO</v>
          </cell>
          <cell r="K796" t="str">
            <v>X</v>
          </cell>
          <cell r="L796" t="str">
            <v>Modification</v>
          </cell>
          <cell r="M796" t="str">
            <v>N</v>
          </cell>
        </row>
        <row r="797">
          <cell r="A797" t="str">
            <v>TOSMPM</v>
          </cell>
          <cell r="B797" t="str">
            <v>PD O&amp;M</v>
          </cell>
          <cell r="C797" t="str">
            <v>MW</v>
          </cell>
          <cell r="D797" t="str">
            <v>PD-TOSM</v>
          </cell>
          <cell r="E797" t="str">
            <v xml:space="preserve">Transmssion Sub Structure </v>
          </cell>
          <cell r="F797" t="str">
            <v>PM</v>
          </cell>
          <cell r="G797" t="str">
            <v>Preventative Maintenance</v>
          </cell>
          <cell r="H797" t="str">
            <v>PD-TOSM \ PM</v>
          </cell>
          <cell r="I797" t="str">
            <v>SUBSTPM</v>
          </cell>
          <cell r="J797" t="str">
            <v>TOSMPM</v>
          </cell>
          <cell r="K797" t="str">
            <v>X</v>
          </cell>
          <cell r="L797" t="str">
            <v>Preventative Maintenance</v>
          </cell>
          <cell r="M797" t="str">
            <v>N</v>
          </cell>
        </row>
        <row r="798">
          <cell r="A798" t="str">
            <v>TOSMRPR</v>
          </cell>
          <cell r="B798" t="str">
            <v>PD O&amp;M</v>
          </cell>
          <cell r="C798" t="str">
            <v>MW</v>
          </cell>
          <cell r="D798" t="str">
            <v>PD-TOSM</v>
          </cell>
          <cell r="E798" t="str">
            <v xml:space="preserve">Transmssion Sub Structure </v>
          </cell>
          <cell r="F798" t="str">
            <v>RPR</v>
          </cell>
          <cell r="G798" t="str">
            <v>Repair</v>
          </cell>
          <cell r="H798" t="str">
            <v>PD-TOSM \ RPR</v>
          </cell>
          <cell r="I798" t="str">
            <v>SUBSTRP</v>
          </cell>
          <cell r="J798" t="str">
            <v>TOSMRPR</v>
          </cell>
          <cell r="K798" t="str">
            <v>X</v>
          </cell>
          <cell r="L798" t="str">
            <v>Repair</v>
          </cell>
          <cell r="M798" t="str">
            <v>N</v>
          </cell>
        </row>
        <row r="799">
          <cell r="A799" t="str">
            <v>TOSOHM</v>
          </cell>
          <cell r="B799" t="str">
            <v>PD Veg Mgmt</v>
          </cell>
          <cell r="C799" t="str">
            <v>Veg</v>
          </cell>
          <cell r="D799" t="str">
            <v>PD-SUBVM</v>
          </cell>
          <cell r="E799" t="str">
            <v>Vegetation Management - Substation - O&amp;M</v>
          </cell>
          <cell r="F799" t="str">
            <v>SUBVMTRNC</v>
          </cell>
          <cell r="G799" t="str">
            <v>Sub VM Transmission station bare ground herbicide and mowing Carolinas</v>
          </cell>
          <cell r="H799" t="str">
            <v>PD-SUBVM \ SUBVMTRNC</v>
          </cell>
          <cell r="I799" t="str">
            <v>RWTSTA</v>
          </cell>
          <cell r="J799" t="str">
            <v>TOSOHM</v>
          </cell>
          <cell r="K799" t="str">
            <v>X</v>
          </cell>
          <cell r="L799" t="str">
            <v>Sub VM Transmission station bare ground herbicide and mowing Carolinas</v>
          </cell>
          <cell r="M799" t="str">
            <v>N</v>
          </cell>
        </row>
        <row r="800">
          <cell r="A800" t="str">
            <v>TPORTABLE</v>
          </cell>
          <cell r="B800" t="str">
            <v>PD O&amp;M</v>
          </cell>
          <cell r="C800" t="str">
            <v>MW</v>
          </cell>
          <cell r="D800" t="str">
            <v>PD-TPORT</v>
          </cell>
          <cell r="E800" t="e">
            <v>#N/A</v>
          </cell>
          <cell r="F800" t="str">
            <v>PORTABLE</v>
          </cell>
          <cell r="G800" t="e">
            <v>#N/A</v>
          </cell>
          <cell r="H800" t="str">
            <v>PD-TPORT \ PORTABLE</v>
          </cell>
          <cell r="I800" t="str">
            <v>SUBPRO</v>
          </cell>
          <cell r="J800" t="str">
            <v>TPORTABLE</v>
          </cell>
          <cell r="K800" t="str">
            <v>X</v>
          </cell>
          <cell r="L800" t="str">
            <v>Portable</v>
          </cell>
          <cell r="M800" t="str">
            <v>N</v>
          </cell>
        </row>
        <row r="801">
          <cell r="A801" t="str">
            <v>TRLYMMO</v>
          </cell>
          <cell r="B801" t="str">
            <v>PD O&amp;M</v>
          </cell>
          <cell r="C801" t="str">
            <v>MW</v>
          </cell>
          <cell r="D801" t="str">
            <v>PD-TRLY</v>
          </cell>
          <cell r="E801" t="e">
            <v>#N/A</v>
          </cell>
          <cell r="F801" t="str">
            <v>MOD</v>
          </cell>
          <cell r="G801" t="e">
            <v>#N/A</v>
          </cell>
          <cell r="H801" t="str">
            <v>PD-TRLY \ MOD</v>
          </cell>
          <cell r="I801" t="str">
            <v>RLYMO</v>
          </cell>
          <cell r="J801" t="str">
            <v>TRLYMMO</v>
          </cell>
          <cell r="K801" t="str">
            <v>X</v>
          </cell>
          <cell r="L801" t="str">
            <v>Modification</v>
          </cell>
          <cell r="M801" t="str">
            <v>N</v>
          </cell>
        </row>
        <row r="802">
          <cell r="A802" t="str">
            <v>TRLYMPM</v>
          </cell>
          <cell r="B802" t="str">
            <v>PD O&amp;M</v>
          </cell>
          <cell r="C802" t="str">
            <v>MW</v>
          </cell>
          <cell r="D802" t="str">
            <v>PD-TRLY</v>
          </cell>
          <cell r="E802" t="str">
            <v>Transmission Relay</v>
          </cell>
          <cell r="F802" t="str">
            <v>PM</v>
          </cell>
          <cell r="G802" t="str">
            <v>Preventative Maintenance</v>
          </cell>
          <cell r="H802" t="str">
            <v>PD-TRLY \ PM</v>
          </cell>
          <cell r="I802" t="str">
            <v>RLYPM</v>
          </cell>
          <cell r="J802" t="str">
            <v>TRLYMPM</v>
          </cell>
          <cell r="K802" t="str">
            <v>X</v>
          </cell>
          <cell r="L802" t="str">
            <v>Preventative Maintenance</v>
          </cell>
          <cell r="M802" t="str">
            <v>N</v>
          </cell>
        </row>
        <row r="803">
          <cell r="A803" t="str">
            <v>TRLYMRPR</v>
          </cell>
          <cell r="B803" t="str">
            <v>PD O&amp;M</v>
          </cell>
          <cell r="C803" t="str">
            <v>MW</v>
          </cell>
          <cell r="D803" t="str">
            <v>PD-TRLY</v>
          </cell>
          <cell r="E803" t="str">
            <v>Transmission Relay</v>
          </cell>
          <cell r="F803" t="str">
            <v>RPR</v>
          </cell>
          <cell r="G803" t="str">
            <v>Repair</v>
          </cell>
          <cell r="H803" t="str">
            <v>PD-TRLY \ RPR</v>
          </cell>
          <cell r="I803" t="str">
            <v>RLYRP</v>
          </cell>
          <cell r="J803" t="str">
            <v>TRLYMRPR</v>
          </cell>
          <cell r="K803" t="str">
            <v>X</v>
          </cell>
          <cell r="L803" t="str">
            <v>Repair</v>
          </cell>
          <cell r="M803" t="str">
            <v>N</v>
          </cell>
        </row>
        <row r="804">
          <cell r="A804" t="str">
            <v>TRWM</v>
          </cell>
          <cell r="B804" t="str">
            <v>PD Veg Mgmt</v>
          </cell>
          <cell r="C804" t="str">
            <v>Veg</v>
          </cell>
          <cell r="D804" t="str">
            <v>PD-TVEGO</v>
          </cell>
          <cell r="E804" t="str">
            <v>Vegetation Management - Transmission - O&amp;M</v>
          </cell>
          <cell r="F804" t="str">
            <v>TRWMSUPC</v>
          </cell>
          <cell r="G804" t="str">
            <v>Veg Mgmt expenses such as oversight, expenses, training and other miscellaneous expenses Carolinas</v>
          </cell>
          <cell r="H804" t="str">
            <v>PD-TVEGO \ TRWMSUPC</v>
          </cell>
          <cell r="I804" t="str">
            <v>TRWM</v>
          </cell>
          <cell r="J804" t="str">
            <v>TRWM</v>
          </cell>
          <cell r="K804" t="str">
            <v>X</v>
          </cell>
          <cell r="L804" t="str">
            <v>Veg Mgmt expenses such as oversight, expenses, training and other miscellaneous expenses Carolinas</v>
          </cell>
          <cell r="M804" t="str">
            <v>N</v>
          </cell>
        </row>
        <row r="805">
          <cell r="A805" t="str">
            <v>TRWMAER</v>
          </cell>
          <cell r="B805" t="str">
            <v>PD Veg Mgmt</v>
          </cell>
          <cell r="C805" t="str">
            <v>Veg</v>
          </cell>
          <cell r="D805" t="str">
            <v>PD-TVEGO</v>
          </cell>
          <cell r="E805" t="str">
            <v>Vegetation Management - Transmission - O&amp;M</v>
          </cell>
          <cell r="F805" t="str">
            <v>TAERINSP</v>
          </cell>
          <cell r="G805" t="str">
            <v>Veg mgmt aerial inspection</v>
          </cell>
          <cell r="H805" t="str">
            <v>PD-TVEGO \ TAERINSP</v>
          </cell>
          <cell r="I805" t="str">
            <v>TRWM</v>
          </cell>
          <cell r="J805" t="str">
            <v>TRWMAER</v>
          </cell>
          <cell r="K805" t="str">
            <v>X</v>
          </cell>
          <cell r="L805" t="str">
            <v>Veg mgmt aerial inspection</v>
          </cell>
          <cell r="M805" t="str">
            <v>N</v>
          </cell>
        </row>
        <row r="806">
          <cell r="A806" t="str">
            <v>TRWMAR044</v>
          </cell>
          <cell r="B806" t="str">
            <v>PD Veg Mgmt</v>
          </cell>
          <cell r="C806" t="str">
            <v>Veg</v>
          </cell>
          <cell r="D806" t="str">
            <v>PD-TVEGO</v>
          </cell>
          <cell r="E806" t="str">
            <v>Vegetation Management - Transmission - O&amp;M</v>
          </cell>
          <cell r="F806" t="str">
            <v>TVMFU044</v>
          </cell>
          <cell r="G806" t="str">
            <v xml:space="preserve">Veg Mgmt follow up work identified through an inspection for 44kV </v>
          </cell>
          <cell r="H806" t="str">
            <v>PD-TVEGO \ TVMFU044</v>
          </cell>
          <cell r="I806" t="str">
            <v>TRWM</v>
          </cell>
          <cell r="J806" t="str">
            <v>TRWMAR044</v>
          </cell>
          <cell r="K806" t="str">
            <v>X</v>
          </cell>
          <cell r="L806" t="str">
            <v>Veg Mgmt follow up work identified through an inspection for 44kV</v>
          </cell>
          <cell r="M806" t="str">
            <v>N</v>
          </cell>
        </row>
        <row r="807">
          <cell r="A807" t="str">
            <v>TRWMAR100</v>
          </cell>
          <cell r="B807" t="str">
            <v>PD Veg Mgmt</v>
          </cell>
          <cell r="C807" t="str">
            <v>Veg</v>
          </cell>
          <cell r="D807" t="str">
            <v>PD-TVEGO</v>
          </cell>
          <cell r="E807" t="str">
            <v>Vegetation Management - Transmission - O&amp;M</v>
          </cell>
          <cell r="F807" t="str">
            <v>TVMFU100</v>
          </cell>
          <cell r="G807" t="str">
            <v xml:space="preserve">Veg Mgmt follow up work identified through an inspection for 100kV </v>
          </cell>
          <cell r="H807" t="str">
            <v>PD-TVEGO \ TVMFU100</v>
          </cell>
          <cell r="I807" t="str">
            <v>TRWM</v>
          </cell>
          <cell r="J807" t="str">
            <v>TRWMAR100</v>
          </cell>
          <cell r="K807" t="str">
            <v>X</v>
          </cell>
          <cell r="L807" t="str">
            <v>Veg Mgmt follow up work identified through an inspection for 100kV</v>
          </cell>
          <cell r="M807" t="str">
            <v>N</v>
          </cell>
        </row>
        <row r="808">
          <cell r="A808" t="str">
            <v>TRWMAR161</v>
          </cell>
          <cell r="B808" t="str">
            <v>PD Veg Mgmt</v>
          </cell>
          <cell r="C808" t="str">
            <v>Veg</v>
          </cell>
          <cell r="D808" t="str">
            <v>PD-TVEGO</v>
          </cell>
          <cell r="E808" t="str">
            <v>Vegetation Management - Transmission - O&amp;M</v>
          </cell>
          <cell r="F808" t="str">
            <v>TVMFU161</v>
          </cell>
          <cell r="G808" t="str">
            <v xml:space="preserve">Veg Mgmt follow up work identified through an inspection for 161kV </v>
          </cell>
          <cell r="H808" t="str">
            <v>PD-TVEGO \ TVMFU161</v>
          </cell>
          <cell r="I808" t="str">
            <v>TRWM</v>
          </cell>
          <cell r="J808" t="str">
            <v>TRWMAR161</v>
          </cell>
          <cell r="K808" t="str">
            <v>X</v>
          </cell>
          <cell r="L808" t="str">
            <v>Veg Mgmt follow up work identified through an inspection for 161kV</v>
          </cell>
          <cell r="M808" t="str">
            <v>N</v>
          </cell>
        </row>
        <row r="809">
          <cell r="A809" t="str">
            <v>TRWMAR230</v>
          </cell>
          <cell r="B809" t="str">
            <v>PD Veg Mgmt</v>
          </cell>
          <cell r="C809" t="str">
            <v>Veg</v>
          </cell>
          <cell r="D809" t="str">
            <v>PD-TVEGO</v>
          </cell>
          <cell r="E809" t="str">
            <v>Vegetation Management - Transmission - O&amp;M</v>
          </cell>
          <cell r="F809" t="str">
            <v>TVMFU230</v>
          </cell>
          <cell r="G809" t="str">
            <v xml:space="preserve">Veg Mgmt follow up work identified through an inspection for 230kV </v>
          </cell>
          <cell r="H809" t="str">
            <v>PD-TVEGO \ TVMFU230</v>
          </cell>
          <cell r="I809" t="str">
            <v>TRWM</v>
          </cell>
          <cell r="J809" t="str">
            <v>TRWMAR230</v>
          </cell>
          <cell r="K809" t="str">
            <v>X</v>
          </cell>
          <cell r="L809" t="str">
            <v>Veg Mgmt follow up work identified through an inspection for 230kV</v>
          </cell>
          <cell r="M809" t="str">
            <v>N</v>
          </cell>
        </row>
        <row r="810">
          <cell r="A810" t="str">
            <v>TRWMAR525</v>
          </cell>
          <cell r="B810" t="str">
            <v>PD Veg Mgmt</v>
          </cell>
          <cell r="C810" t="str">
            <v>Veg</v>
          </cell>
          <cell r="D810" t="str">
            <v>PD-TVEGO</v>
          </cell>
          <cell r="E810" t="str">
            <v>Vegetation Management - Transmission - O&amp;M</v>
          </cell>
          <cell r="F810" t="str">
            <v>TVMFU525</v>
          </cell>
          <cell r="G810" t="str">
            <v xml:space="preserve">Veg Mgmt follow up work identified through an inspection for 525kV </v>
          </cell>
          <cell r="H810" t="str">
            <v>PD-TVEGO \ TVMFU525</v>
          </cell>
          <cell r="I810" t="str">
            <v>TRWM</v>
          </cell>
          <cell r="J810" t="str">
            <v>TRWMAR525</v>
          </cell>
          <cell r="K810" t="str">
            <v>X</v>
          </cell>
          <cell r="L810" t="str">
            <v>Veg Mgmt follow up work identified through an inspection for 525kV</v>
          </cell>
          <cell r="M810" t="str">
            <v>N</v>
          </cell>
        </row>
        <row r="811">
          <cell r="A811" t="str">
            <v>TRWMAR69</v>
          </cell>
          <cell r="B811" t="str">
            <v>PD Veg Mgmt</v>
          </cell>
          <cell r="C811" t="str">
            <v>Veg</v>
          </cell>
          <cell r="D811" t="str">
            <v>PD-TVEGO</v>
          </cell>
          <cell r="E811" t="str">
            <v>Vegetation Management - Transmission - O&amp;M</v>
          </cell>
          <cell r="F811" t="str">
            <v>TVMFU69</v>
          </cell>
          <cell r="G811" t="str">
            <v xml:space="preserve">Veg Mgmt follow up work identified through an inspection for 69kV </v>
          </cell>
          <cell r="H811" t="str">
            <v>PD-TVEGO \ TVMFU69</v>
          </cell>
          <cell r="I811" t="str">
            <v>TRWM</v>
          </cell>
          <cell r="J811" t="str">
            <v>TRWMAR69</v>
          </cell>
          <cell r="K811" t="str">
            <v>X</v>
          </cell>
          <cell r="L811" t="str">
            <v>Veg Mgmt follow up work identified through an inspection for 69kV</v>
          </cell>
          <cell r="M811" t="str">
            <v>N</v>
          </cell>
        </row>
        <row r="812">
          <cell r="A812" t="str">
            <v>TRWMBL044</v>
          </cell>
          <cell r="B812" t="str">
            <v>PD Veg Mgmt</v>
          </cell>
          <cell r="C812" t="str">
            <v>Veg</v>
          </cell>
          <cell r="D812" t="str">
            <v>PD-TVEGO</v>
          </cell>
          <cell r="E812" t="str">
            <v>Vegetation Management - Transmission - O&amp;M</v>
          </cell>
          <cell r="F812" t="str">
            <v>TBASE044</v>
          </cell>
          <cell r="G812" t="str">
            <v>Baseline Danger Tree program for 100kV</v>
          </cell>
          <cell r="H812" t="str">
            <v>PD-TVEGO \ TBASE044</v>
          </cell>
          <cell r="I812" t="str">
            <v>TRWM</v>
          </cell>
          <cell r="J812" t="str">
            <v>TRWMBL044</v>
          </cell>
          <cell r="K812" t="str">
            <v>X</v>
          </cell>
          <cell r="L812" t="str">
            <v>Baseline Danger Tree program for 100kV</v>
          </cell>
          <cell r="M812" t="str">
            <v>N</v>
          </cell>
        </row>
        <row r="813">
          <cell r="A813" t="str">
            <v>TRWMBL100</v>
          </cell>
          <cell r="B813" t="str">
            <v>PD Veg Mgmt</v>
          </cell>
          <cell r="C813" t="str">
            <v>Veg</v>
          </cell>
          <cell r="D813" t="str">
            <v>PD-TVEGO</v>
          </cell>
          <cell r="E813" t="str">
            <v>Vegetation Management - Transmission - O&amp;M</v>
          </cell>
          <cell r="F813" t="str">
            <v>TBASE100</v>
          </cell>
          <cell r="G813" t="str">
            <v>Baseline Danger Tree program for 100kV</v>
          </cell>
          <cell r="H813" t="str">
            <v>PD-TVEGO \ TBASE100</v>
          </cell>
          <cell r="I813" t="str">
            <v>TRWM</v>
          </cell>
          <cell r="J813" t="str">
            <v>TRWMBL100</v>
          </cell>
          <cell r="K813" t="str">
            <v>X</v>
          </cell>
          <cell r="L813" t="str">
            <v>Baseline Danger Tree program for 100kV</v>
          </cell>
          <cell r="M813" t="str">
            <v>N</v>
          </cell>
        </row>
        <row r="814">
          <cell r="A814" t="str">
            <v>TRWMBL161</v>
          </cell>
          <cell r="B814" t="str">
            <v>PD Veg Mgmt</v>
          </cell>
          <cell r="C814" t="str">
            <v>Veg</v>
          </cell>
          <cell r="D814" t="str">
            <v>PD-TVEGO</v>
          </cell>
          <cell r="E814" t="str">
            <v>Vegetation Management - Transmission - O&amp;M</v>
          </cell>
          <cell r="F814" t="str">
            <v>TBASE161</v>
          </cell>
          <cell r="G814" t="str">
            <v>Baseline Danger Tree program for 161kV</v>
          </cell>
          <cell r="H814" t="str">
            <v>PD-TVEGO \ TBASE161</v>
          </cell>
          <cell r="I814" t="str">
            <v>TRWM</v>
          </cell>
          <cell r="J814" t="str">
            <v>TRWMBL161</v>
          </cell>
          <cell r="K814" t="str">
            <v>X</v>
          </cell>
          <cell r="L814" t="str">
            <v>Baseline Danger Tree program for 161kV</v>
          </cell>
          <cell r="M814" t="str">
            <v>N</v>
          </cell>
        </row>
        <row r="815">
          <cell r="A815" t="str">
            <v>TRWMBL230</v>
          </cell>
          <cell r="B815" t="str">
            <v>PD Veg Mgmt</v>
          </cell>
          <cell r="C815" t="str">
            <v>Veg</v>
          </cell>
          <cell r="D815" t="str">
            <v>PD-TVEGO</v>
          </cell>
          <cell r="E815" t="str">
            <v>Vegetation Management - Transmission - O&amp;M</v>
          </cell>
          <cell r="F815" t="str">
            <v>TBASE230</v>
          </cell>
          <cell r="G815" t="str">
            <v>Baseline Danger Tree program for 230kV</v>
          </cell>
          <cell r="H815" t="str">
            <v>PD-TVEGO \ TBASE230</v>
          </cell>
          <cell r="I815" t="str">
            <v>TRWM</v>
          </cell>
          <cell r="J815" t="str">
            <v>TRWMBL230</v>
          </cell>
          <cell r="K815" t="str">
            <v>X</v>
          </cell>
          <cell r="L815" t="str">
            <v>Baseline Danger Tree program for 230kV</v>
          </cell>
          <cell r="M815" t="str">
            <v>N</v>
          </cell>
        </row>
        <row r="816">
          <cell r="A816" t="str">
            <v>TRWMBL525</v>
          </cell>
          <cell r="B816" t="str">
            <v>PD Veg Mgmt</v>
          </cell>
          <cell r="C816" t="str">
            <v>Veg</v>
          </cell>
          <cell r="D816" t="str">
            <v>PD-TVEGO</v>
          </cell>
          <cell r="E816" t="str">
            <v>Vegetation Management - Transmission - O&amp;M</v>
          </cell>
          <cell r="F816" t="str">
            <v>TBASE525</v>
          </cell>
          <cell r="G816" t="str">
            <v>Baseline Danger Tree program for 525kV</v>
          </cell>
          <cell r="H816" t="str">
            <v>PD-TVEGO \ TBASE525</v>
          </cell>
          <cell r="I816" t="str">
            <v>TRWM</v>
          </cell>
          <cell r="J816" t="str">
            <v>TRWMBL525</v>
          </cell>
          <cell r="K816" t="str">
            <v>X</v>
          </cell>
          <cell r="L816" t="str">
            <v>Baseline Danger Tree program for 525kV</v>
          </cell>
          <cell r="M816" t="str">
            <v>N</v>
          </cell>
        </row>
        <row r="817">
          <cell r="A817" t="str">
            <v>TRWMBL69</v>
          </cell>
          <cell r="B817" t="str">
            <v>PD Veg Mgmt</v>
          </cell>
          <cell r="C817" t="str">
            <v>Veg</v>
          </cell>
          <cell r="D817" t="str">
            <v>PD-TVEGO</v>
          </cell>
          <cell r="E817" t="str">
            <v>Vegetation Management - Transmission - O&amp;M</v>
          </cell>
          <cell r="F817" t="str">
            <v>TBASE69</v>
          </cell>
          <cell r="G817" t="str">
            <v>Baseline Danger Tree program for 69kV</v>
          </cell>
          <cell r="H817" t="str">
            <v>PD-TVEGO \ TBASE69</v>
          </cell>
          <cell r="I817" t="str">
            <v>TRWM</v>
          </cell>
          <cell r="J817" t="str">
            <v>TRWMBL69</v>
          </cell>
          <cell r="K817" t="str">
            <v>X</v>
          </cell>
          <cell r="L817" t="str">
            <v>Baseline Danger Tree program for 69kV</v>
          </cell>
          <cell r="M817" t="str">
            <v>N</v>
          </cell>
        </row>
        <row r="818">
          <cell r="A818" t="str">
            <v>TRWMFL044</v>
          </cell>
          <cell r="B818" t="str">
            <v>PD Veg Mgmt</v>
          </cell>
          <cell r="C818" t="str">
            <v>Veg</v>
          </cell>
          <cell r="D818" t="str">
            <v>PD-TVEGO</v>
          </cell>
          <cell r="E818" t="str">
            <v>Vegetation Management - Transmission - O&amp;M</v>
          </cell>
          <cell r="F818" t="str">
            <v>TVMFL044</v>
          </cell>
          <cell r="G818" t="str">
            <v>Veg Mgmt floor maintenancne  excluding herbicide for 44kV</v>
          </cell>
          <cell r="H818" t="str">
            <v>PD-TVEGO \ TVMFL044</v>
          </cell>
          <cell r="I818" t="str">
            <v>TRWM</v>
          </cell>
          <cell r="J818" t="str">
            <v>TRWMFL044</v>
          </cell>
          <cell r="K818" t="str">
            <v>X</v>
          </cell>
          <cell r="L818" t="str">
            <v>Veg Mgmt floor maintenancne excluding herbicide for 44kV</v>
          </cell>
          <cell r="M818" t="str">
            <v>N</v>
          </cell>
        </row>
        <row r="819">
          <cell r="A819" t="str">
            <v>TRWMFL100</v>
          </cell>
          <cell r="B819" t="str">
            <v>PD Veg Mgmt</v>
          </cell>
          <cell r="C819" t="str">
            <v>Veg</v>
          </cell>
          <cell r="D819" t="str">
            <v>PD-TVEGO</v>
          </cell>
          <cell r="E819" t="str">
            <v>Vegetation Management - Transmission - O&amp;M</v>
          </cell>
          <cell r="F819" t="str">
            <v>TVMFL100</v>
          </cell>
          <cell r="G819" t="str">
            <v>Veg Mgmt floor maintenancne  excluding herbicide for 100kV</v>
          </cell>
          <cell r="H819" t="str">
            <v>PD-TVEGO \ TVMFL100</v>
          </cell>
          <cell r="I819" t="str">
            <v>TRWM</v>
          </cell>
          <cell r="J819" t="str">
            <v>TRWMFL100</v>
          </cell>
          <cell r="K819" t="str">
            <v>X</v>
          </cell>
          <cell r="L819" t="str">
            <v>Veg Mgmt floor maintenancne excluding herbicide for 100kV</v>
          </cell>
          <cell r="M819" t="str">
            <v>N</v>
          </cell>
        </row>
        <row r="820">
          <cell r="A820" t="str">
            <v>TRWMFL161</v>
          </cell>
          <cell r="B820" t="str">
            <v>PD Veg Mgmt</v>
          </cell>
          <cell r="C820" t="str">
            <v>Veg</v>
          </cell>
          <cell r="D820" t="str">
            <v>PD-TVEGO</v>
          </cell>
          <cell r="E820" t="str">
            <v>Vegetation Management - Transmission - O&amp;M</v>
          </cell>
          <cell r="F820" t="str">
            <v>TVMFL161</v>
          </cell>
          <cell r="G820" t="str">
            <v>Veg Mgmt floor maintenancne  excluding herbicide for 161kV</v>
          </cell>
          <cell r="H820" t="str">
            <v>PD-TVEGO \ TVMFL161</v>
          </cell>
          <cell r="I820" t="str">
            <v>TRWM</v>
          </cell>
          <cell r="J820" t="str">
            <v>TRWMFL161</v>
          </cell>
          <cell r="K820" t="str">
            <v>X</v>
          </cell>
          <cell r="L820" t="str">
            <v>Veg Mgmt floor maintenancne excluding herbicide for 161kV</v>
          </cell>
          <cell r="M820" t="str">
            <v>N</v>
          </cell>
        </row>
        <row r="821">
          <cell r="A821" t="str">
            <v>TRWMFL230</v>
          </cell>
          <cell r="B821" t="str">
            <v>PD Veg Mgmt</v>
          </cell>
          <cell r="C821" t="str">
            <v>Veg</v>
          </cell>
          <cell r="D821" t="str">
            <v>PD-TVEGO</v>
          </cell>
          <cell r="E821" t="str">
            <v>Vegetation Management - Transmission - O&amp;M</v>
          </cell>
          <cell r="F821" t="str">
            <v>TVMFL230</v>
          </cell>
          <cell r="G821" t="str">
            <v>Veg Mgmt floor maintenancne  excluding herbicide for 230kV</v>
          </cell>
          <cell r="H821" t="str">
            <v>PD-TVEGO \ TVMFL230</v>
          </cell>
          <cell r="I821" t="str">
            <v>TRWM</v>
          </cell>
          <cell r="J821" t="str">
            <v>TRWMFL230</v>
          </cell>
          <cell r="K821" t="str">
            <v>X</v>
          </cell>
          <cell r="L821" t="str">
            <v>Veg Mgmt floor maintenancne excluding herbicide for 230kV</v>
          </cell>
          <cell r="M821" t="str">
            <v>N</v>
          </cell>
        </row>
        <row r="822">
          <cell r="A822" t="str">
            <v>TRWMFL525</v>
          </cell>
          <cell r="B822" t="str">
            <v>PD Veg Mgmt</v>
          </cell>
          <cell r="C822" t="str">
            <v>Veg</v>
          </cell>
          <cell r="D822" t="str">
            <v>PD-TVEGO</v>
          </cell>
          <cell r="E822" t="str">
            <v>Vegetation Management - Transmission - O&amp;M</v>
          </cell>
          <cell r="F822" t="str">
            <v>TVMFL525</v>
          </cell>
          <cell r="G822" t="str">
            <v>Veg Mgmt floor maintenancne  excluding herbicide for 525kV</v>
          </cell>
          <cell r="H822" t="str">
            <v>PD-TVEGO \ TVMFL525</v>
          </cell>
          <cell r="I822" t="str">
            <v>TRWM</v>
          </cell>
          <cell r="J822" t="str">
            <v>TRWMFL525</v>
          </cell>
          <cell r="K822" t="str">
            <v>X</v>
          </cell>
          <cell r="L822" t="str">
            <v>Veg Mgmt floor maintenancne excluding herbicide for 525kV</v>
          </cell>
          <cell r="M822" t="str">
            <v>N</v>
          </cell>
        </row>
        <row r="823">
          <cell r="A823" t="str">
            <v>TRWMFL69</v>
          </cell>
          <cell r="B823" t="str">
            <v>PD Veg Mgmt</v>
          </cell>
          <cell r="C823" t="str">
            <v>Veg</v>
          </cell>
          <cell r="D823" t="str">
            <v>PD-TVEGO</v>
          </cell>
          <cell r="E823" t="str">
            <v>Vegetation Management - Transmission - O&amp;M</v>
          </cell>
          <cell r="F823" t="str">
            <v>TVMFL69</v>
          </cell>
          <cell r="G823" t="str">
            <v>Veg Mgmt floor maintenancne  excluding herbicide for 69kV</v>
          </cell>
          <cell r="H823" t="str">
            <v>PD-TVEGO \ TVMFL69</v>
          </cell>
          <cell r="I823" t="str">
            <v>TRWM</v>
          </cell>
          <cell r="J823" t="str">
            <v>TRWMFL69</v>
          </cell>
          <cell r="K823" t="str">
            <v>X</v>
          </cell>
          <cell r="L823" t="str">
            <v>Veg Mgmt floor maintenancne excluding herbicide for 69kV</v>
          </cell>
          <cell r="M823" t="str">
            <v>N</v>
          </cell>
        </row>
        <row r="824">
          <cell r="A824" t="str">
            <v>TRWMGP</v>
          </cell>
          <cell r="B824" t="str">
            <v>PD Veg Mgmt</v>
          </cell>
          <cell r="C824" t="str">
            <v>Veg</v>
          </cell>
          <cell r="D824" t="str">
            <v>PD-TVEGO</v>
          </cell>
          <cell r="E824" t="str">
            <v>Vegetation Management - Transmission - O&amp;M</v>
          </cell>
          <cell r="F824" t="str">
            <v>TGNDINSP</v>
          </cell>
          <cell r="G824" t="str">
            <v>Veg Mgmt ground inspection</v>
          </cell>
          <cell r="H824" t="str">
            <v>PD-TVEGO \ TGNDINSP</v>
          </cell>
          <cell r="I824" t="str">
            <v>TRWM</v>
          </cell>
          <cell r="J824" t="str">
            <v>TRWMGP</v>
          </cell>
          <cell r="K824" t="str">
            <v>X</v>
          </cell>
          <cell r="L824" t="str">
            <v>Veg Mgmt ground inspection</v>
          </cell>
          <cell r="M824" t="str">
            <v>N</v>
          </cell>
        </row>
        <row r="825">
          <cell r="A825" t="str">
            <v>TRWMHERB</v>
          </cell>
          <cell r="B825" t="str">
            <v>PD Veg Mgmt</v>
          </cell>
          <cell r="C825" t="str">
            <v>Veg</v>
          </cell>
          <cell r="D825" t="str">
            <v>PD-TVEGO</v>
          </cell>
          <cell r="E825" t="str">
            <v>Vegetation Management - Transmission - O&amp;M</v>
          </cell>
          <cell r="F825" t="str">
            <v>THERBC</v>
          </cell>
          <cell r="G825" t="str">
            <v>Veg Mgmt Transmission herbicide application Carolinas</v>
          </cell>
          <cell r="H825" t="str">
            <v>PD-TVEGO \ THERBC</v>
          </cell>
          <cell r="I825" t="str">
            <v>TRWM</v>
          </cell>
          <cell r="J825" t="str">
            <v>TRWMHERB</v>
          </cell>
          <cell r="K825" t="str">
            <v>X</v>
          </cell>
          <cell r="L825" t="str">
            <v>Veg Mgmt Transmission herbicide application Carolinas</v>
          </cell>
          <cell r="M825" t="str">
            <v>N</v>
          </cell>
        </row>
        <row r="826">
          <cell r="A826" t="str">
            <v>TSIN</v>
          </cell>
          <cell r="B826" t="str">
            <v>PD O&amp;M</v>
          </cell>
          <cell r="C826" t="str">
            <v>MW</v>
          </cell>
          <cell r="D826" t="str">
            <v>PD-TINF</v>
          </cell>
          <cell r="E826" t="str">
            <v>Preventative Maintenance Transmssion Infrared</v>
          </cell>
          <cell r="F826" t="str">
            <v>PM MW</v>
          </cell>
          <cell r="G826" t="str">
            <v>Preventative Maintenance Midwest</v>
          </cell>
          <cell r="H826" t="str">
            <v>PD-TINF \ PM MW</v>
          </cell>
          <cell r="I826"/>
          <cell r="J826" t="str">
            <v>TSIN</v>
          </cell>
          <cell r="K826" t="str">
            <v>X</v>
          </cell>
          <cell r="L826" t="str">
            <v>Preventative Maintenance Midwest</v>
          </cell>
          <cell r="M826" t="str">
            <v>N</v>
          </cell>
        </row>
        <row r="827">
          <cell r="A827" t="str">
            <v>TSIN</v>
          </cell>
          <cell r="B827" t="str">
            <v>PD O&amp;M</v>
          </cell>
          <cell r="C827" t="str">
            <v>MW</v>
          </cell>
          <cell r="D827" t="str">
            <v>PD-TSIN</v>
          </cell>
          <cell r="E827" t="str">
            <v xml:space="preserve">Inspection Transmission Station </v>
          </cell>
          <cell r="F827" t="str">
            <v>INSP</v>
          </cell>
          <cell r="G827" t="str">
            <v>Inspection</v>
          </cell>
          <cell r="H827" t="str">
            <v>PD-TSIN \ INSP</v>
          </cell>
          <cell r="I827"/>
          <cell r="J827" t="str">
            <v>TSIN</v>
          </cell>
          <cell r="K827" t="str">
            <v>X</v>
          </cell>
          <cell r="L827" t="str">
            <v>Inspection</v>
          </cell>
          <cell r="M827" t="str">
            <v>N</v>
          </cell>
        </row>
        <row r="828">
          <cell r="A828" t="str">
            <v>TSVMCC</v>
          </cell>
          <cell r="B828" t="str">
            <v>PD Veg Mgmt</v>
          </cell>
          <cell r="C828" t="str">
            <v>Veg</v>
          </cell>
          <cell r="D828" t="str">
            <v>PD-SUBVM</v>
          </cell>
          <cell r="E828" t="str">
            <v>Vegetation Management - Substation - O&amp;M</v>
          </cell>
          <cell r="F828" t="str">
            <v>SUBVMTRNMW</v>
          </cell>
          <cell r="G828" t="str">
            <v>Sub VM Transmission station bare ground herbicide Midwest</v>
          </cell>
          <cell r="H828" t="str">
            <v>PD-SUBVM \ SUBVMTRNMW</v>
          </cell>
          <cell r="I828" t="str">
            <v>TVMCHEM</v>
          </cell>
          <cell r="J828" t="str">
            <v>TSVMCC</v>
          </cell>
          <cell r="K828" t="str">
            <v>X</v>
          </cell>
          <cell r="L828" t="str">
            <v>Sub VM Transmission station bare ground herbicide Midwest</v>
          </cell>
          <cell r="M828" t="str">
            <v>N</v>
          </cell>
        </row>
        <row r="829">
          <cell r="A829" t="str">
            <v>TTRFMMO</v>
          </cell>
          <cell r="B829" t="str">
            <v>PD O&amp;M</v>
          </cell>
          <cell r="C829" t="str">
            <v>MW</v>
          </cell>
          <cell r="D829" t="str">
            <v>PD-TTRF</v>
          </cell>
          <cell r="E829" t="e">
            <v>#N/A</v>
          </cell>
          <cell r="F829" t="str">
            <v>MOD</v>
          </cell>
          <cell r="G829" t="e">
            <v>#N/A</v>
          </cell>
          <cell r="H829" t="str">
            <v>PD-TTRF \ MOD</v>
          </cell>
          <cell r="I829" t="str">
            <v>TRANFMO</v>
          </cell>
          <cell r="J829" t="str">
            <v>TTRFMMO</v>
          </cell>
          <cell r="K829" t="str">
            <v>X</v>
          </cell>
          <cell r="L829" t="str">
            <v>Modification</v>
          </cell>
          <cell r="M829" t="str">
            <v>N</v>
          </cell>
        </row>
        <row r="830">
          <cell r="A830" t="str">
            <v>TTRFMPM</v>
          </cell>
          <cell r="B830" t="str">
            <v>PD O&amp;M</v>
          </cell>
          <cell r="C830" t="str">
            <v>MW</v>
          </cell>
          <cell r="D830" t="str">
            <v>PD-TTRF</v>
          </cell>
          <cell r="E830" t="str">
            <v>Transmission Transformers</v>
          </cell>
          <cell r="F830" t="str">
            <v>PM</v>
          </cell>
          <cell r="G830" t="str">
            <v>Preventative Maintenance</v>
          </cell>
          <cell r="H830" t="str">
            <v>PD-TTRF \ PM</v>
          </cell>
          <cell r="I830" t="str">
            <v>TRANFPM</v>
          </cell>
          <cell r="J830" t="str">
            <v>TTRFMPM</v>
          </cell>
          <cell r="K830" t="str">
            <v>X</v>
          </cell>
          <cell r="L830" t="str">
            <v>Preventative Maintenance</v>
          </cell>
          <cell r="M830" t="str">
            <v>N</v>
          </cell>
        </row>
        <row r="831">
          <cell r="A831" t="str">
            <v>TTRFMRPR</v>
          </cell>
          <cell r="B831" t="str">
            <v>PD O&amp;M</v>
          </cell>
          <cell r="C831" t="str">
            <v>MW</v>
          </cell>
          <cell r="D831" t="str">
            <v>PD-TTRF</v>
          </cell>
          <cell r="E831" t="str">
            <v>Transmission Transformers</v>
          </cell>
          <cell r="F831" t="str">
            <v>RPR</v>
          </cell>
          <cell r="G831" t="str">
            <v>Repair</v>
          </cell>
          <cell r="H831" t="str">
            <v>PD-TTRF \ RPR</v>
          </cell>
          <cell r="I831" t="str">
            <v>TRANFRP</v>
          </cell>
          <cell r="J831" t="str">
            <v>TTRFMRPR</v>
          </cell>
          <cell r="K831" t="str">
            <v>X</v>
          </cell>
          <cell r="L831" t="str">
            <v>Repair</v>
          </cell>
          <cell r="M831" t="str">
            <v>N</v>
          </cell>
        </row>
        <row r="832">
          <cell r="A832" t="str">
            <v>TXINSTO</v>
          </cell>
          <cell r="B832" t="str">
            <v>PD O&amp;M</v>
          </cell>
          <cell r="C832" t="str">
            <v>MW</v>
          </cell>
          <cell r="D832" t="str">
            <v>PD-RELIA</v>
          </cell>
          <cell r="E832" t="e">
            <v>#N/A</v>
          </cell>
          <cell r="F832" t="str">
            <v>TX OVH MW</v>
          </cell>
          <cell r="G832" t="e">
            <v>#N/A</v>
          </cell>
          <cell r="H832" t="str">
            <v>PD-RELIA \ TX OVH MW</v>
          </cell>
          <cell r="I832" t="str">
            <v>TXINSTO</v>
          </cell>
          <cell r="J832" t="str">
            <v>TXINSTO</v>
          </cell>
          <cell r="K832" t="str">
            <v>X</v>
          </cell>
          <cell r="L832" t="str">
            <v>Transformers Overhead - Replacement Repair NOT LIP follow-up nor an outage MW</v>
          </cell>
          <cell r="M832" t="str">
            <v>N</v>
          </cell>
        </row>
        <row r="833">
          <cell r="A833" t="str">
            <v>TXINSTU</v>
          </cell>
          <cell r="B833" t="str">
            <v>PD O&amp;M</v>
          </cell>
          <cell r="C833" t="str">
            <v>MW</v>
          </cell>
          <cell r="D833" t="str">
            <v>PD-RELIA</v>
          </cell>
          <cell r="E833" t="e">
            <v>#N/A</v>
          </cell>
          <cell r="F833" t="str">
            <v>TX UG MW</v>
          </cell>
          <cell r="G833" t="e">
            <v>#N/A</v>
          </cell>
          <cell r="H833" t="str">
            <v>PD-RELIA \ TX UG MW</v>
          </cell>
          <cell r="I833" t="str">
            <v>TXINSTU</v>
          </cell>
          <cell r="J833" t="str">
            <v>TXINSTU</v>
          </cell>
          <cell r="K833" t="str">
            <v>X</v>
          </cell>
          <cell r="L833" t="str">
            <v>Transformers Underground - Replacement Repair NOT LIP follow-up nor an outage MW</v>
          </cell>
          <cell r="M833" t="str">
            <v>N</v>
          </cell>
        </row>
        <row r="834">
          <cell r="A834" t="str">
            <v>UGACCMT</v>
          </cell>
          <cell r="B834" t="str">
            <v>PD O&amp;M</v>
          </cell>
          <cell r="C834" t="str">
            <v>Carolinas</v>
          </cell>
          <cell r="D834" t="str">
            <v>PD-OUTFU</v>
          </cell>
          <cell r="E834" t="str">
            <v>Outage Followup-O&amp;M Restore System to state prior to outage</v>
          </cell>
          <cell r="F834" t="str">
            <v>PNSOCREPC</v>
          </cell>
          <cell r="G834" t="str">
            <v>UG Accessories Maint (Pin &amp; Socket Splice replacement) Carolinas</v>
          </cell>
          <cell r="H834" t="str">
            <v>PD-OUTFU \ PNSOCREPC</v>
          </cell>
          <cell r="I834" t="str">
            <v>UGACCMT</v>
          </cell>
          <cell r="J834" t="str">
            <v>UGACCMT</v>
          </cell>
          <cell r="K834" t="str">
            <v>X</v>
          </cell>
          <cell r="L834" t="str">
            <v>UG Accessories Maint (Pin &amp; Socket Splice replacement) Carolinas</v>
          </cell>
          <cell r="M834" t="str">
            <v>N</v>
          </cell>
        </row>
        <row r="835">
          <cell r="A835" t="str">
            <v>UGCRIN</v>
          </cell>
          <cell r="B835" t="str">
            <v>PD Capital</v>
          </cell>
          <cell r="C835" t="str">
            <v>MW</v>
          </cell>
          <cell r="D835" t="str">
            <v>PD-INTGT</v>
          </cell>
          <cell r="E835" t="str">
            <v>Power Delivery - Integrity</v>
          </cell>
          <cell r="F835" t="str">
            <v>UGCABREPIN</v>
          </cell>
          <cell r="G835" t="str">
            <v>Replace UG Cable due to failure that is not PILC type cable, ie, “Capital” Burn Outs, Company Own IN</v>
          </cell>
          <cell r="H835" t="str">
            <v>PD-INTGT \ UGCABREPIN</v>
          </cell>
          <cell r="I835" t="str">
            <v>RUC</v>
          </cell>
          <cell r="J835" t="str">
            <v>UGCRIN</v>
          </cell>
          <cell r="K835" t="str">
            <v>I</v>
          </cell>
          <cell r="L835" t="str">
            <v>Replace UG Cable due to failure that is not PILC type cable, ie, Capital Burn Outs, Company Own IN</v>
          </cell>
          <cell r="M835" t="str">
            <v>N</v>
          </cell>
        </row>
        <row r="836">
          <cell r="A836" t="str">
            <v>UGCRIN</v>
          </cell>
          <cell r="B836" t="str">
            <v>PD Capital</v>
          </cell>
          <cell r="C836" t="str">
            <v>MW</v>
          </cell>
          <cell r="D836" t="str">
            <v>PD-RELIA</v>
          </cell>
          <cell r="E836" t="str">
            <v>Power Delivery - Reliability</v>
          </cell>
          <cell r="F836" t="str">
            <v>OTHER UGIN</v>
          </cell>
          <cell r="G836" t="str">
            <v>Other UG -install/remove/replace units of property not identified by LIP IN</v>
          </cell>
          <cell r="H836" t="str">
            <v>PD-RELIA \ OTHER UGIN</v>
          </cell>
          <cell r="I836" t="str">
            <v>RUC</v>
          </cell>
          <cell r="J836" t="str">
            <v>UGCRIN</v>
          </cell>
          <cell r="K836" t="str">
            <v>I</v>
          </cell>
          <cell r="L836" t="str">
            <v>Other UG -install/remove/replace units of property not identified by LIP IN</v>
          </cell>
          <cell r="M836" t="str">
            <v>N</v>
          </cell>
        </row>
        <row r="837">
          <cell r="A837" t="str">
            <v>UGCRKY</v>
          </cell>
          <cell r="B837" t="str">
            <v>PD Capital</v>
          </cell>
          <cell r="C837" t="str">
            <v>MW</v>
          </cell>
          <cell r="D837" t="str">
            <v>PD-INTGT</v>
          </cell>
          <cell r="E837" t="str">
            <v>Power Delivery - Integrity</v>
          </cell>
          <cell r="F837" t="str">
            <v>UGCABREPKY</v>
          </cell>
          <cell r="G837" t="str">
            <v>Replace UG Cable due to failure that is not PILC type cable, ie, “Capital” Burn Outs, Company Own KY</v>
          </cell>
          <cell r="H837" t="str">
            <v>PD-INTGT \ UGCABREPKY</v>
          </cell>
          <cell r="I837" t="str">
            <v>RUC</v>
          </cell>
          <cell r="J837" t="str">
            <v>UGCRKY</v>
          </cell>
          <cell r="K837" t="str">
            <v>I</v>
          </cell>
          <cell r="L837" t="str">
            <v>Replace UG Cable due to failure that is not PILC type cable, ie, Capital Burn Outs, Company Own KY</v>
          </cell>
          <cell r="M837" t="str">
            <v>N</v>
          </cell>
        </row>
        <row r="838">
          <cell r="A838" t="str">
            <v>UGCRKY</v>
          </cell>
          <cell r="B838" t="str">
            <v>PD Capital</v>
          </cell>
          <cell r="C838" t="str">
            <v>MW</v>
          </cell>
          <cell r="D838" t="str">
            <v>PD-RELIA</v>
          </cell>
          <cell r="E838" t="str">
            <v>Power Delivery - Reliability</v>
          </cell>
          <cell r="F838" t="str">
            <v>OTHER UGKY</v>
          </cell>
          <cell r="G838" t="str">
            <v>Other UG -install/remove/replace units of property not identified by LIP KY</v>
          </cell>
          <cell r="H838" t="str">
            <v>PD-RELIA \ OTHER UGKY</v>
          </cell>
          <cell r="I838" t="str">
            <v>RUC</v>
          </cell>
          <cell r="J838" t="str">
            <v>UGCRKY</v>
          </cell>
          <cell r="K838" t="str">
            <v>I</v>
          </cell>
          <cell r="L838" t="str">
            <v>Other UG -install/remove/replace units of property not identified by LIP KY</v>
          </cell>
          <cell r="M838" t="str">
            <v>N</v>
          </cell>
        </row>
        <row r="839">
          <cell r="A839" t="str">
            <v>UGCROH</v>
          </cell>
          <cell r="B839" t="str">
            <v>PD Capital</v>
          </cell>
          <cell r="C839" t="str">
            <v>MW</v>
          </cell>
          <cell r="D839" t="str">
            <v>PD-INTGT</v>
          </cell>
          <cell r="E839" t="str">
            <v>Power Delivery - Integrity</v>
          </cell>
          <cell r="F839" t="str">
            <v>UGCABREPOH</v>
          </cell>
          <cell r="G839" t="str">
            <v>Replace UG Cable due to failure that is not PILC type cable, ie, “Capital” Burn Outs, Company Own OH</v>
          </cell>
          <cell r="H839" t="str">
            <v>PD-INTGT \ UGCABREPOH</v>
          </cell>
          <cell r="I839" t="str">
            <v>RUC</v>
          </cell>
          <cell r="J839" t="str">
            <v>UGCROH</v>
          </cell>
          <cell r="K839" t="str">
            <v>I</v>
          </cell>
          <cell r="L839" t="str">
            <v>Replace UG Cable due to failure that is not PILC type cable, ie, Capital Burn Outs, Company Own OH</v>
          </cell>
          <cell r="M839" t="str">
            <v>N</v>
          </cell>
        </row>
        <row r="840">
          <cell r="A840" t="str">
            <v>UGCROH</v>
          </cell>
          <cell r="B840" t="str">
            <v>PD Capital</v>
          </cell>
          <cell r="C840" t="str">
            <v>MW</v>
          </cell>
          <cell r="D840" t="str">
            <v>PD-RELIA</v>
          </cell>
          <cell r="E840" t="str">
            <v>Power Delivery - Reliability</v>
          </cell>
          <cell r="F840" t="str">
            <v>OTHER UGOH</v>
          </cell>
          <cell r="G840" t="str">
            <v>Other UG -install/remove/replace units of property not identified by LIP OH</v>
          </cell>
          <cell r="H840" t="str">
            <v>PD-RELIA \ OTHER UGOH</v>
          </cell>
          <cell r="I840" t="str">
            <v>RUC</v>
          </cell>
          <cell r="J840" t="str">
            <v>UGCROH</v>
          </cell>
          <cell r="K840" t="str">
            <v>I</v>
          </cell>
          <cell r="L840" t="str">
            <v>Other UG -install/remove/replace units of property not identified by LIP OH</v>
          </cell>
          <cell r="M840" t="str">
            <v>N</v>
          </cell>
        </row>
        <row r="841">
          <cell r="A841" t="str">
            <v>UGLOC</v>
          </cell>
          <cell r="B841" t="str">
            <v>PD O&amp;M</v>
          </cell>
          <cell r="C841" t="str">
            <v>MW</v>
          </cell>
          <cell r="D841" t="str">
            <v>PD-LOCAT</v>
          </cell>
          <cell r="E841" t="str">
            <v>Cable Locates</v>
          </cell>
          <cell r="F841" t="str">
            <v>C LOCATE</v>
          </cell>
          <cell r="G841" t="str">
            <v>Cable Locates</v>
          </cell>
          <cell r="H841" t="str">
            <v>PD-LOCAT \ C LOCATE</v>
          </cell>
          <cell r="I841" t="str">
            <v>UGLOC</v>
          </cell>
          <cell r="J841" t="str">
            <v>UGLOC</v>
          </cell>
          <cell r="K841" t="str">
            <v>X</v>
          </cell>
          <cell r="L841" t="str">
            <v>Cable Locates</v>
          </cell>
          <cell r="M841" t="str">
            <v>N</v>
          </cell>
        </row>
        <row r="842">
          <cell r="A842" t="str">
            <v>VAULTI</v>
          </cell>
          <cell r="B842" t="str">
            <v>PD O&amp;M</v>
          </cell>
          <cell r="C842" t="str">
            <v>MW</v>
          </cell>
          <cell r="D842" t="str">
            <v>PD-INSP</v>
          </cell>
          <cell r="E842" t="e">
            <v>#N/A</v>
          </cell>
          <cell r="F842" t="str">
            <v>N VAULTS</v>
          </cell>
          <cell r="G842" t="e">
            <v>#N/A</v>
          </cell>
          <cell r="H842" t="str">
            <v>PD-INSP \ N VAULTS</v>
          </cell>
          <cell r="I842"/>
          <cell r="J842" t="str">
            <v>VAULTI</v>
          </cell>
          <cell r="K842" t="str">
            <v>X</v>
          </cell>
          <cell r="L842" t="str">
            <v>INSPECTION OF NETWORK VAULTS</v>
          </cell>
          <cell r="M842" t="str">
            <v>N</v>
          </cell>
        </row>
        <row r="843">
          <cell r="A843" t="str">
            <v>VMDDTIN</v>
          </cell>
          <cell r="B843" t="str">
            <v>PD Veg Mgmt</v>
          </cell>
          <cell r="C843" t="str">
            <v>Veg</v>
          </cell>
          <cell r="D843" t="str">
            <v>PD-DVEGC</v>
          </cell>
          <cell r="E843" t="str">
            <v>Vegetation Management - Distribution - Capital</v>
          </cell>
          <cell r="F843" t="str">
            <v>DCIRMAININ</v>
          </cell>
          <cell r="G843" t="str">
            <v>Veg Mgmt - Distribution routine circuit maintenance.</v>
          </cell>
          <cell r="H843" t="str">
            <v>PD-DVEGC \ DCIRMAININ</v>
          </cell>
          <cell r="I843" t="str">
            <v>DLCREMV</v>
          </cell>
          <cell r="J843" t="str">
            <v>VMDDTIN</v>
          </cell>
          <cell r="K843" t="str">
            <v>I</v>
          </cell>
          <cell r="L843" t="str">
            <v>Veg Mgmt - Distribution routine circuit maintenance IN</v>
          </cell>
          <cell r="M843" t="str">
            <v>N</v>
          </cell>
        </row>
        <row r="844">
          <cell r="A844" t="str">
            <v>VMDDTIN</v>
          </cell>
          <cell r="B844" t="str">
            <v>PD Veg Mgmt</v>
          </cell>
          <cell r="C844" t="str">
            <v>Veg</v>
          </cell>
          <cell r="D844" t="str">
            <v>PD-DVEGC</v>
          </cell>
          <cell r="E844" t="str">
            <v>Vegetation Management - Distribution - Capital</v>
          </cell>
          <cell r="F844" t="str">
            <v>DVMFUCUSIN</v>
          </cell>
          <cell r="G844" t="str">
            <v>Vegetation related requests from customers were it is deemed work is necessary.</v>
          </cell>
          <cell r="H844" t="str">
            <v>PD-DVEGC \ DVMFUCUSIN</v>
          </cell>
          <cell r="I844" t="str">
            <v>DLCREMV</v>
          </cell>
          <cell r="J844" t="str">
            <v>VMDDTIN</v>
          </cell>
          <cell r="K844" t="str">
            <v>I</v>
          </cell>
          <cell r="L844" t="str">
            <v>Vegetation related requests from customers were it is deemed work is necessary IN</v>
          </cell>
          <cell r="M844" t="str">
            <v>N</v>
          </cell>
        </row>
        <row r="845">
          <cell r="A845" t="str">
            <v>VMDDTIN</v>
          </cell>
          <cell r="B845" t="str">
            <v>PD Veg Mgmt</v>
          </cell>
          <cell r="C845" t="str">
            <v>Veg</v>
          </cell>
          <cell r="D845" t="str">
            <v>PD-DVEGC</v>
          </cell>
          <cell r="E845" t="str">
            <v>Vegetation Management - Distribution - Capital</v>
          </cell>
          <cell r="F845" t="str">
            <v>DVMFURIIN</v>
          </cell>
          <cell r="G845" t="str">
            <v>Veg related follow up requests from field opers - major outage fu or other R&amp;I requests.</v>
          </cell>
          <cell r="H845" t="str">
            <v>PD-DVEGC \ DVMFURIIN</v>
          </cell>
          <cell r="I845" t="str">
            <v>DLCREMV</v>
          </cell>
          <cell r="J845" t="str">
            <v>VMDDTIN</v>
          </cell>
          <cell r="K845" t="str">
            <v>I</v>
          </cell>
          <cell r="L845" t="str">
            <v>Veg related follow up requests from field opers - major outage fu or other R&amp;I requests IN</v>
          </cell>
          <cell r="M845" t="str">
            <v>N</v>
          </cell>
        </row>
        <row r="846">
          <cell r="A846" t="str">
            <v>VMDDTIN</v>
          </cell>
          <cell r="B846" t="str">
            <v>PD Veg Mgmt</v>
          </cell>
          <cell r="C846" t="str">
            <v>Veg</v>
          </cell>
          <cell r="D846" t="str">
            <v>PD-TVEGC</v>
          </cell>
          <cell r="E846" t="str">
            <v>Vegetation Management - Tranmission - Capital</v>
          </cell>
          <cell r="F846" t="str">
            <v>TVMFUCUSIN</v>
          </cell>
          <cell r="G846" t="str">
            <v>Vegetation related requests from customers where it is deemed work is necessary.</v>
          </cell>
          <cell r="H846" t="str">
            <v>PD-TVEGC \ TVMFUCUSIN</v>
          </cell>
          <cell r="I846" t="str">
            <v>DLCREMV</v>
          </cell>
          <cell r="J846" t="str">
            <v>VMDDTIN</v>
          </cell>
          <cell r="K846" t="str">
            <v>I</v>
          </cell>
          <cell r="L846" t="str">
            <v>Vegetation related requests from customers where it is deemed work is necessary IN</v>
          </cell>
          <cell r="M846" t="str">
            <v>N</v>
          </cell>
        </row>
        <row r="847">
          <cell r="A847" t="str">
            <v>VMDDTIN</v>
          </cell>
          <cell r="B847" t="str">
            <v>PD Veg Mgmt</v>
          </cell>
          <cell r="C847" t="str">
            <v>Veg</v>
          </cell>
          <cell r="D847" t="str">
            <v>PD-TVEGC</v>
          </cell>
          <cell r="E847" t="str">
            <v>Vegetation Management - Tranmission - Capital</v>
          </cell>
          <cell r="F847" t="str">
            <v>TVMFURIIN</v>
          </cell>
          <cell r="G847" t="str">
            <v>Veg related follow up requests from field opers - major outage fu or other R&amp;I requests.</v>
          </cell>
          <cell r="H847" t="str">
            <v>PD-TVEGC \ TVMFURIIN</v>
          </cell>
          <cell r="I847" t="str">
            <v>DLCREMV</v>
          </cell>
          <cell r="J847" t="str">
            <v>VMDDTIN</v>
          </cell>
          <cell r="K847" t="str">
            <v>I</v>
          </cell>
          <cell r="L847" t="str">
            <v>Veg related follow up requests from field opers - major outage fu or other R&amp;I requests IN</v>
          </cell>
          <cell r="M847" t="str">
            <v>N</v>
          </cell>
        </row>
        <row r="848">
          <cell r="A848" t="str">
            <v>VMDDTKY</v>
          </cell>
          <cell r="B848" t="str">
            <v>PD Veg Mgmt</v>
          </cell>
          <cell r="C848" t="str">
            <v>Veg</v>
          </cell>
          <cell r="D848" t="str">
            <v>PD-DVEGC</v>
          </cell>
          <cell r="E848" t="str">
            <v>Vegetation Management - Distribution - Capital</v>
          </cell>
          <cell r="F848" t="str">
            <v>DCIRMAINKY</v>
          </cell>
          <cell r="G848" t="str">
            <v>Veg Mgmt - Distribution routine circuit maintenance.</v>
          </cell>
          <cell r="H848" t="str">
            <v>PD-DVEGC \ DCIRMAINKY</v>
          </cell>
          <cell r="I848" t="str">
            <v>DLCREMV</v>
          </cell>
          <cell r="J848" t="str">
            <v>VMDDTKY</v>
          </cell>
          <cell r="K848" t="str">
            <v>I</v>
          </cell>
          <cell r="L848" t="str">
            <v>Veg Mgmt - Distribution routine circuit maintenance KY</v>
          </cell>
          <cell r="M848" t="str">
            <v>N</v>
          </cell>
        </row>
        <row r="849">
          <cell r="A849" t="str">
            <v>VMDDTKY</v>
          </cell>
          <cell r="B849" t="str">
            <v>PD Veg Mgmt</v>
          </cell>
          <cell r="C849" t="str">
            <v>Veg</v>
          </cell>
          <cell r="D849" t="str">
            <v>PD-DVEGC</v>
          </cell>
          <cell r="E849" t="str">
            <v>Vegetation Management - Distribution - Capital</v>
          </cell>
          <cell r="F849" t="str">
            <v>DVMFUCUSKY</v>
          </cell>
          <cell r="G849" t="str">
            <v>Vegetation related requests from customers were it is deemed work is necessary.</v>
          </cell>
          <cell r="H849" t="str">
            <v>PD-DVEGC \ DVMFUCUSKY</v>
          </cell>
          <cell r="I849" t="str">
            <v>DLCREMV</v>
          </cell>
          <cell r="J849" t="str">
            <v>VMDDTKY</v>
          </cell>
          <cell r="K849" t="str">
            <v>I</v>
          </cell>
          <cell r="L849" t="str">
            <v>Vegetation related requests from customers were it is deemed work is necessary KY</v>
          </cell>
          <cell r="M849" t="str">
            <v>N</v>
          </cell>
        </row>
        <row r="850">
          <cell r="A850" t="str">
            <v>VMDDTKY</v>
          </cell>
          <cell r="B850" t="str">
            <v>PD Veg Mgmt</v>
          </cell>
          <cell r="C850" t="str">
            <v>Veg</v>
          </cell>
          <cell r="D850" t="str">
            <v>PD-DVEGC</v>
          </cell>
          <cell r="E850" t="str">
            <v>Vegetation Management - Distribution - Capital</v>
          </cell>
          <cell r="F850" t="str">
            <v>DVMFURIKY</v>
          </cell>
          <cell r="G850" t="str">
            <v>Veg related follow up requests from field opers - major outage fu or other R&amp;I requests.</v>
          </cell>
          <cell r="H850" t="str">
            <v>PD-DVEGC \ DVMFURIKY</v>
          </cell>
          <cell r="I850" t="str">
            <v>DLCREMV</v>
          </cell>
          <cell r="J850" t="str">
            <v>VMDDTKY</v>
          </cell>
          <cell r="K850" t="str">
            <v>I</v>
          </cell>
          <cell r="L850" t="str">
            <v>Veg related follow up requests from field opers - major outage fu or other R&amp;I requests KY</v>
          </cell>
          <cell r="M850" t="str">
            <v>N</v>
          </cell>
        </row>
        <row r="851">
          <cell r="A851" t="str">
            <v>VMDDTKY</v>
          </cell>
          <cell r="B851" t="str">
            <v>PD Veg Mgmt</v>
          </cell>
          <cell r="C851" t="str">
            <v>Veg</v>
          </cell>
          <cell r="D851" t="str">
            <v>PD-TVEGC</v>
          </cell>
          <cell r="E851" t="str">
            <v>Vegetation Management - Tranmission - Capital</v>
          </cell>
          <cell r="F851" t="str">
            <v>TVMFUCUSKY</v>
          </cell>
          <cell r="G851" t="str">
            <v>Vegetation related requests from customers where it is deemed work is necessary.</v>
          </cell>
          <cell r="H851" t="str">
            <v>PD-TVEGC \ TVMFUCUSKY</v>
          </cell>
          <cell r="I851" t="str">
            <v>DLCREMV</v>
          </cell>
          <cell r="J851" t="str">
            <v>VMDDTKY</v>
          </cell>
          <cell r="K851" t="str">
            <v>I</v>
          </cell>
          <cell r="L851" t="str">
            <v>Vegetation related requests from customers where it is deemed work is necessary KY</v>
          </cell>
          <cell r="M851" t="str">
            <v>N</v>
          </cell>
        </row>
        <row r="852">
          <cell r="A852" t="str">
            <v>VMDDTKY</v>
          </cell>
          <cell r="B852" t="str">
            <v>PD Veg Mgmt</v>
          </cell>
          <cell r="C852" t="str">
            <v>Veg</v>
          </cell>
          <cell r="D852" t="str">
            <v>PD-TVEGC</v>
          </cell>
          <cell r="E852" t="str">
            <v>Vegetation Management - Tranmission - Capital</v>
          </cell>
          <cell r="F852" t="str">
            <v>TVMFURIKY</v>
          </cell>
          <cell r="G852" t="str">
            <v>Veg related follow up requests from field opers - major outage fu or other R&amp;I requests.</v>
          </cell>
          <cell r="H852" t="str">
            <v>PD-TVEGC \ TVMFURIKY</v>
          </cell>
          <cell r="I852" t="str">
            <v>DLCREMV</v>
          </cell>
          <cell r="J852" t="str">
            <v>VMDDTKY</v>
          </cell>
          <cell r="K852" t="str">
            <v>I</v>
          </cell>
          <cell r="L852" t="str">
            <v>Veg related follow up requests from field opers - major outage fu or other R&amp;I requests KY</v>
          </cell>
          <cell r="M852" t="str">
            <v>N</v>
          </cell>
        </row>
        <row r="853">
          <cell r="A853" t="str">
            <v>VMDDTOH</v>
          </cell>
          <cell r="B853" t="str">
            <v>PD Veg Mgmt</v>
          </cell>
          <cell r="C853" t="str">
            <v>Veg</v>
          </cell>
          <cell r="D853" t="str">
            <v>PD-DVEGC</v>
          </cell>
          <cell r="E853" t="str">
            <v>Vegetation Management - Distribution - Capital</v>
          </cell>
          <cell r="F853" t="str">
            <v>DCIRMAINOH</v>
          </cell>
          <cell r="G853" t="str">
            <v>Veg Mgmt - Distribution routine circuit maintenance.</v>
          </cell>
          <cell r="H853" t="str">
            <v>PD-DVEGC \ DCIRMAINOH</v>
          </cell>
          <cell r="I853" t="str">
            <v>DLCREMV</v>
          </cell>
          <cell r="J853" t="str">
            <v>VMDDTOH</v>
          </cell>
          <cell r="K853" t="str">
            <v>I</v>
          </cell>
          <cell r="L853" t="str">
            <v>Veg Mgmt - Distribution routine circuit maintenance OH</v>
          </cell>
          <cell r="M853" t="str">
            <v>N</v>
          </cell>
        </row>
        <row r="854">
          <cell r="A854" t="str">
            <v>VMDDTOH</v>
          </cell>
          <cell r="B854" t="str">
            <v>PD Veg Mgmt</v>
          </cell>
          <cell r="C854" t="str">
            <v>Veg</v>
          </cell>
          <cell r="D854" t="str">
            <v>PD-DVEGC</v>
          </cell>
          <cell r="E854" t="str">
            <v>Vegetation Management - Distribution - Capital</v>
          </cell>
          <cell r="F854" t="str">
            <v>DVMFUCUSOH</v>
          </cell>
          <cell r="G854" t="str">
            <v>Vegetation related requests from customers were it is deemed work is necessary.</v>
          </cell>
          <cell r="H854" t="str">
            <v>PD-DVEGC \ DVMFUCUSOH</v>
          </cell>
          <cell r="I854" t="str">
            <v>DLCREMV</v>
          </cell>
          <cell r="J854" t="str">
            <v>VMDDTOH</v>
          </cell>
          <cell r="K854" t="str">
            <v>I</v>
          </cell>
          <cell r="L854" t="str">
            <v>Vegetation related requests from customers were it is deemed work is necessary OH</v>
          </cell>
          <cell r="M854" t="str">
            <v>N</v>
          </cell>
        </row>
        <row r="855">
          <cell r="A855" t="str">
            <v>VMDDTOH</v>
          </cell>
          <cell r="B855" t="str">
            <v>PD Veg Mgmt</v>
          </cell>
          <cell r="C855" t="str">
            <v>Veg</v>
          </cell>
          <cell r="D855" t="str">
            <v>PD-DVEGC</v>
          </cell>
          <cell r="E855" t="str">
            <v>Vegetation Management - Distribution - Capital</v>
          </cell>
          <cell r="F855" t="str">
            <v>DVMFURIOH</v>
          </cell>
          <cell r="G855" t="str">
            <v>Veg related follow up requests from field opers - major outage fu or other R&amp;I requests.</v>
          </cell>
          <cell r="H855" t="str">
            <v>PD-DVEGC \ DVMFURIOH</v>
          </cell>
          <cell r="I855" t="str">
            <v>DLCREMV</v>
          </cell>
          <cell r="J855" t="str">
            <v>VMDDTOH</v>
          </cell>
          <cell r="K855" t="str">
            <v>I</v>
          </cell>
          <cell r="L855" t="str">
            <v>Veg related follow up requests from field opers - major outage fu or other R&amp;I requests OH</v>
          </cell>
          <cell r="M855" t="str">
            <v>N</v>
          </cell>
        </row>
        <row r="856">
          <cell r="A856" t="str">
            <v>VMDDTOH</v>
          </cell>
          <cell r="B856" t="str">
            <v>PD Veg Mgmt</v>
          </cell>
          <cell r="C856" t="str">
            <v>Veg</v>
          </cell>
          <cell r="D856" t="str">
            <v>PD-TVEGC</v>
          </cell>
          <cell r="E856" t="str">
            <v>Vegetation Management - Tranmission - Capital</v>
          </cell>
          <cell r="F856" t="str">
            <v>TVMFUCUSOH</v>
          </cell>
          <cell r="G856" t="str">
            <v>Vegetation related requests from customers where it is deemed work is necessary.</v>
          </cell>
          <cell r="H856" t="str">
            <v>PD-TVEGC \ TVMFUCUSOH</v>
          </cell>
          <cell r="I856" t="str">
            <v>DLCREMV</v>
          </cell>
          <cell r="J856" t="str">
            <v>VMDDTOH</v>
          </cell>
          <cell r="K856" t="str">
            <v>I</v>
          </cell>
          <cell r="L856" t="str">
            <v>Vegetation related requests from customers where it is deemed work is necessary OH</v>
          </cell>
          <cell r="M856" t="str">
            <v>N</v>
          </cell>
        </row>
        <row r="857">
          <cell r="A857" t="str">
            <v>VMDDTOH</v>
          </cell>
          <cell r="B857" t="str">
            <v>PD Veg Mgmt</v>
          </cell>
          <cell r="C857" t="str">
            <v>Veg</v>
          </cell>
          <cell r="D857" t="str">
            <v>PD-TVEGC</v>
          </cell>
          <cell r="E857" t="str">
            <v>Vegetation Management - Tranmission - Capital</v>
          </cell>
          <cell r="F857" t="str">
            <v>TVMFURIOH</v>
          </cell>
          <cell r="G857" t="str">
            <v>Veg related follow up requests from field opers - major outage fu or other R&amp;I requests.</v>
          </cell>
          <cell r="H857" t="str">
            <v>PD-TVEGC \ TVMFURIOH</v>
          </cell>
          <cell r="I857" t="str">
            <v>DLCREMV</v>
          </cell>
          <cell r="J857" t="str">
            <v>VMDDTOH</v>
          </cell>
          <cell r="K857" t="str">
            <v>I</v>
          </cell>
          <cell r="L857" t="str">
            <v>Veg related follow up requests from field opers - major outage fu or other R&amp;I requests OH</v>
          </cell>
          <cell r="M857" t="str">
            <v>N</v>
          </cell>
        </row>
        <row r="858">
          <cell r="A858" t="str">
            <v>VMTDIN</v>
          </cell>
          <cell r="B858" t="str">
            <v>PD Veg Mgmt</v>
          </cell>
          <cell r="C858" t="str">
            <v>Veg</v>
          </cell>
          <cell r="D858" t="str">
            <v>PD-TVEGC</v>
          </cell>
          <cell r="E858" t="str">
            <v>Vegetation Management - Tranmission - Capital</v>
          </cell>
          <cell r="F858" t="str">
            <v>TBASEIN</v>
          </cell>
          <cell r="G858" t="str">
            <v>Baseline Danger Tree program</v>
          </cell>
          <cell r="H858" t="str">
            <v>PD-TVEGC \ TBASEIN</v>
          </cell>
          <cell r="I858" t="str">
            <v>TLCREMV</v>
          </cell>
          <cell r="J858" t="str">
            <v>VMTDIN</v>
          </cell>
          <cell r="K858" t="str">
            <v>I</v>
          </cell>
          <cell r="L858" t="str">
            <v>Baseline Danger Tree program IN</v>
          </cell>
          <cell r="M858" t="str">
            <v>N</v>
          </cell>
        </row>
        <row r="859">
          <cell r="A859" t="str">
            <v>VMTDKY</v>
          </cell>
          <cell r="B859" t="str">
            <v>PD Veg Mgmt</v>
          </cell>
          <cell r="C859" t="str">
            <v>Veg</v>
          </cell>
          <cell r="D859" t="str">
            <v>PD-TVEGC</v>
          </cell>
          <cell r="E859" t="str">
            <v>Vegetation Management - Tranmission - Capital</v>
          </cell>
          <cell r="F859" t="str">
            <v>TBASEKY</v>
          </cell>
          <cell r="G859" t="str">
            <v>Baseline Danger Tree program</v>
          </cell>
          <cell r="H859" t="str">
            <v>PD-TVEGC \ TBASEKY</v>
          </cell>
          <cell r="I859" t="str">
            <v>TLCREMV</v>
          </cell>
          <cell r="J859" t="str">
            <v>VMTDKY</v>
          </cell>
          <cell r="K859" t="str">
            <v>I</v>
          </cell>
          <cell r="L859" t="str">
            <v>Baseline Danger Tree program KY</v>
          </cell>
          <cell r="M859" t="str">
            <v>N</v>
          </cell>
        </row>
        <row r="860">
          <cell r="A860" t="str">
            <v>VMTDOH</v>
          </cell>
          <cell r="B860" t="str">
            <v>PD Veg Mgmt</v>
          </cell>
          <cell r="C860" t="str">
            <v>Veg</v>
          </cell>
          <cell r="D860" t="str">
            <v>PD-TVEGC</v>
          </cell>
          <cell r="E860" t="str">
            <v>Vegetation Management - Tranmission - Capital</v>
          </cell>
          <cell r="F860" t="str">
            <v>TBASEOH</v>
          </cell>
          <cell r="G860" t="str">
            <v>Baseline Danger Tree program</v>
          </cell>
          <cell r="H860" t="str">
            <v>PD-TVEGC \ TBASEOH</v>
          </cell>
          <cell r="I860" t="str">
            <v>TLCREMV</v>
          </cell>
          <cell r="J860" t="str">
            <v>VMTDOH</v>
          </cell>
          <cell r="K860" t="str">
            <v>I</v>
          </cell>
          <cell r="L860" t="str">
            <v>Baseline Danger Tree program OH</v>
          </cell>
          <cell r="M860" t="str">
            <v>N</v>
          </cell>
        </row>
        <row r="861">
          <cell r="A861" t="str">
            <v>ZB001</v>
          </cell>
          <cell r="B861" t="str">
            <v>Gas Capital</v>
          </cell>
          <cell r="C861" t="str">
            <v>Gas</v>
          </cell>
          <cell r="D861" t="str">
            <v>GO-RIRPLKY</v>
          </cell>
          <cell r="E861" t="str">
            <v>Gas Operations - Riser Replacement - KY</v>
          </cell>
          <cell r="F861" t="str">
            <v>INSTARRP</v>
          </cell>
          <cell r="G861" t="str">
            <v>INSTALL ARRP RISER/RISER ADAPTER</v>
          </cell>
          <cell r="H861" t="str">
            <v>GO-RIRPLKY \ INSTARRP</v>
          </cell>
          <cell r="I861"/>
          <cell r="J861" t="str">
            <v>ZB001</v>
          </cell>
          <cell r="K861" t="str">
            <v>I</v>
          </cell>
          <cell r="L861" t="str">
            <v>INSTALL ARRP RISER/RISER ADAPTER</v>
          </cell>
          <cell r="M861" t="str">
            <v>N</v>
          </cell>
        </row>
        <row r="862">
          <cell r="A862" t="str">
            <v>ZB001</v>
          </cell>
          <cell r="B862" t="str">
            <v>Gas Capital</v>
          </cell>
          <cell r="C862" t="str">
            <v>Gas</v>
          </cell>
          <cell r="D862" t="str">
            <v>GO-RIRPLKY</v>
          </cell>
          <cell r="E862" t="str">
            <v>Gas Operations - Riser Replacement - KY</v>
          </cell>
          <cell r="F862" t="str">
            <v>INSTROP</v>
          </cell>
          <cell r="G862" t="str">
            <v>INSTALL ROP RISER/RISER ADAPTER</v>
          </cell>
          <cell r="H862" t="str">
            <v>GO-RIRPLKY \ INSTROP</v>
          </cell>
          <cell r="I862"/>
          <cell r="J862" t="str">
            <v>ZB001</v>
          </cell>
          <cell r="K862" t="str">
            <v>I</v>
          </cell>
          <cell r="L862" t="str">
            <v>INSTALL ROP RISER/RISER ADAPTER</v>
          </cell>
          <cell r="M862" t="str">
            <v>N</v>
          </cell>
        </row>
        <row r="863">
          <cell r="A863" t="str">
            <v>ZT029</v>
          </cell>
          <cell r="B863" t="str">
            <v>Gas Capital</v>
          </cell>
          <cell r="C863" t="str">
            <v>Gas</v>
          </cell>
          <cell r="D863" t="str">
            <v>GO-TOOLS</v>
          </cell>
          <cell r="E863" t="str">
            <v>Gas Operations - Tools</v>
          </cell>
          <cell r="F863" t="str">
            <v>PURMETTOOL</v>
          </cell>
          <cell r="G863" t="str">
            <v>PURCHASE METER TOOLS KENTUCKY</v>
          </cell>
          <cell r="H863" t="str">
            <v>GO-TOOLS \ PURMETTOOL</v>
          </cell>
          <cell r="I863"/>
          <cell r="J863" t="str">
            <v>ZT029</v>
          </cell>
          <cell r="K863" t="str">
            <v>I</v>
          </cell>
          <cell r="L863" t="str">
            <v>PURCHASE METER TOOLS OHIO</v>
          </cell>
          <cell r="M863" t="str">
            <v>N</v>
          </cell>
        </row>
        <row r="864">
          <cell r="A864" t="str">
            <v>ZT075</v>
          </cell>
          <cell r="B864" t="str">
            <v>Gas Capital</v>
          </cell>
          <cell r="C864" t="str">
            <v>Gas</v>
          </cell>
          <cell r="D864" t="str">
            <v>GO-TOOLS</v>
          </cell>
          <cell r="E864" t="str">
            <v>Gas Operations - Tools</v>
          </cell>
          <cell r="F864" t="str">
            <v>PURMETTOOL</v>
          </cell>
          <cell r="G864" t="str">
            <v>PURCHASE METER TOOLS KENTUCKY</v>
          </cell>
          <cell r="H864" t="str">
            <v>GO-TOOLS \ PURMETTOOL</v>
          </cell>
          <cell r="I864"/>
          <cell r="J864" t="str">
            <v>ZT075</v>
          </cell>
          <cell r="K864" t="str">
            <v>I</v>
          </cell>
          <cell r="L864" t="str">
            <v>PURCHASE METER TOOLS KENTUCKY</v>
          </cell>
          <cell r="M864" t="str">
            <v>N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EC MP Report (Jan2010)"/>
      <sheetName val="BOD Slide Prelim (Kristine) (2)"/>
      <sheetName val="PEC CMR Capital Category "/>
      <sheetName val="122009Speaker Notes-Category"/>
      <sheetName val="CapEx by Category (Annual B)"/>
      <sheetName val="CapEx by Category Status"/>
      <sheetName val="Major Project Dashboard"/>
      <sheetName val="122009Speaker Notes-MP"/>
      <sheetName val="MP"/>
      <sheetName val="Major Project Details"/>
      <sheetName val="AFUDC"/>
      <sheetName val=" JO"/>
      <sheetName val="Slides"/>
      <sheetName val="Major Projects Cash flow"/>
      <sheetName val="Sheet1"/>
      <sheetName val="WT-ST LOOKUP - 010710"/>
    </sheetNames>
    <sheetDataSet>
      <sheetData sheetId="0" refreshError="1">
        <row r="2">
          <cell r="K2" t="str">
            <v>Budget</v>
          </cell>
        </row>
        <row r="3">
          <cell r="J3" t="str">
            <v>Main</v>
          </cell>
          <cell r="K3">
            <v>11003</v>
          </cell>
        </row>
        <row r="4">
          <cell r="J4" t="str">
            <v>Service Company</v>
          </cell>
          <cell r="K4">
            <v>1</v>
          </cell>
        </row>
        <row r="5">
          <cell r="J5" t="str">
            <v>Pension</v>
          </cell>
          <cell r="K5">
            <v>17</v>
          </cell>
        </row>
        <row r="6">
          <cell r="J6" t="str">
            <v>AFUDC</v>
          </cell>
          <cell r="K6">
            <v>4050</v>
          </cell>
        </row>
        <row r="7">
          <cell r="J7" t="str">
            <v>Joint Owner</v>
          </cell>
          <cell r="K7">
            <v>-2957</v>
          </cell>
        </row>
        <row r="8">
          <cell r="J8" t="str">
            <v>Brunswick Spent Dry Fuel Storage</v>
          </cell>
          <cell r="K8">
            <v>12114</v>
          </cell>
        </row>
        <row r="9">
          <cell r="J9" t="str">
            <v>x</v>
          </cell>
        </row>
        <row r="10">
          <cell r="J10" t="str">
            <v>Main</v>
          </cell>
          <cell r="K10">
            <v>23439</v>
          </cell>
        </row>
        <row r="11">
          <cell r="J11" t="str">
            <v>Service Company</v>
          </cell>
          <cell r="K11">
            <v>32</v>
          </cell>
        </row>
        <row r="12">
          <cell r="J12" t="str">
            <v>Pension</v>
          </cell>
          <cell r="K12">
            <v>65</v>
          </cell>
        </row>
        <row r="13">
          <cell r="J13" t="str">
            <v>AFUDC</v>
          </cell>
          <cell r="K13">
            <v>1778</v>
          </cell>
        </row>
        <row r="14">
          <cell r="J14" t="str">
            <v>Eastern Transmission Grid Import</v>
          </cell>
          <cell r="K14">
            <v>25313</v>
          </cell>
        </row>
        <row r="15">
          <cell r="J15" t="str">
            <v>x</v>
          </cell>
        </row>
        <row r="16">
          <cell r="J16" t="str">
            <v>Main</v>
          </cell>
          <cell r="K16">
            <v>17673</v>
          </cell>
        </row>
        <row r="17">
          <cell r="J17" t="str">
            <v>Service Company</v>
          </cell>
          <cell r="K17">
            <v>11</v>
          </cell>
        </row>
        <row r="18">
          <cell r="J18" t="str">
            <v>Pension</v>
          </cell>
          <cell r="K18">
            <v>62</v>
          </cell>
        </row>
        <row r="19">
          <cell r="J19" t="str">
            <v>AFUDC</v>
          </cell>
          <cell r="K19">
            <v>4905</v>
          </cell>
        </row>
        <row r="20">
          <cell r="J20" t="str">
            <v>Joint Owner</v>
          </cell>
          <cell r="K20">
            <v>0</v>
          </cell>
        </row>
        <row r="21">
          <cell r="J21" t="str">
            <v>Harris Plant (Combined Operating License)</v>
          </cell>
          <cell r="K21">
            <v>22651</v>
          </cell>
        </row>
        <row r="22">
          <cell r="J22" t="str">
            <v>x</v>
          </cell>
        </row>
        <row r="23">
          <cell r="J23" t="str">
            <v>Main</v>
          </cell>
          <cell r="K23">
            <v>73426</v>
          </cell>
        </row>
        <row r="24">
          <cell r="J24" t="str">
            <v>Service Company</v>
          </cell>
          <cell r="K24">
            <v>5</v>
          </cell>
        </row>
        <row r="25">
          <cell r="J25" t="str">
            <v>Pension</v>
          </cell>
          <cell r="K25">
            <v>60</v>
          </cell>
        </row>
        <row r="26">
          <cell r="J26" t="str">
            <v>AFUDC</v>
          </cell>
          <cell r="K26">
            <v>3104</v>
          </cell>
        </row>
        <row r="27">
          <cell r="J27" t="str">
            <v>Joint Owner</v>
          </cell>
          <cell r="K27">
            <v>-10304</v>
          </cell>
        </row>
        <row r="28">
          <cell r="J28" t="str">
            <v>Harris Power Uprate</v>
          </cell>
          <cell r="K28">
            <v>66291</v>
          </cell>
        </row>
        <row r="29">
          <cell r="J29" t="str">
            <v>x</v>
          </cell>
        </row>
        <row r="30">
          <cell r="J30" t="str">
            <v>Main</v>
          </cell>
          <cell r="K30">
            <v>239</v>
          </cell>
        </row>
        <row r="31">
          <cell r="J31" t="str">
            <v>Service Company</v>
          </cell>
          <cell r="K31">
            <v>2</v>
          </cell>
        </row>
        <row r="32">
          <cell r="J32" t="str">
            <v>Pension</v>
          </cell>
          <cell r="K32">
            <v>3</v>
          </cell>
        </row>
        <row r="33">
          <cell r="J33" t="str">
            <v>Mayo Scrubber</v>
          </cell>
          <cell r="K33">
            <v>244</v>
          </cell>
        </row>
        <row r="34">
          <cell r="J34" t="str">
            <v>x</v>
          </cell>
        </row>
        <row r="35">
          <cell r="J35" t="str">
            <v>Main</v>
          </cell>
          <cell r="K35">
            <v>18343</v>
          </cell>
        </row>
        <row r="36">
          <cell r="J36" t="str">
            <v>Service Company</v>
          </cell>
          <cell r="K36">
            <v>1</v>
          </cell>
        </row>
        <row r="37">
          <cell r="J37" t="str">
            <v>Pension</v>
          </cell>
          <cell r="K37">
            <v>118</v>
          </cell>
        </row>
        <row r="38">
          <cell r="J38" t="str">
            <v>AFUDC</v>
          </cell>
          <cell r="K38">
            <v>378</v>
          </cell>
        </row>
        <row r="39">
          <cell r="J39" t="str">
            <v>Joint Owner</v>
          </cell>
          <cell r="K39">
            <v>-2433</v>
          </cell>
        </row>
        <row r="40">
          <cell r="J40" t="str">
            <v>Nuclear Fire Protection Mods-PEC</v>
          </cell>
          <cell r="K40">
            <v>16406</v>
          </cell>
        </row>
        <row r="41">
          <cell r="J41" t="str">
            <v>x</v>
          </cell>
        </row>
        <row r="42">
          <cell r="J42" t="str">
            <v>Main</v>
          </cell>
          <cell r="K42">
            <v>47458</v>
          </cell>
        </row>
        <row r="43">
          <cell r="J43" t="str">
            <v>Service Company</v>
          </cell>
          <cell r="K43">
            <v>21825</v>
          </cell>
        </row>
        <row r="44">
          <cell r="J44" t="str">
            <v>Pension</v>
          </cell>
          <cell r="K44">
            <v>745</v>
          </cell>
        </row>
        <row r="45">
          <cell r="J45" t="str">
            <v>AFUDC</v>
          </cell>
          <cell r="K45">
            <v>1574</v>
          </cell>
        </row>
        <row r="46">
          <cell r="J46" t="str">
            <v>PEC SmartGrid DSDR</v>
          </cell>
          <cell r="K46">
            <v>71601</v>
          </cell>
        </row>
        <row r="47">
          <cell r="J47" t="str">
            <v>x</v>
          </cell>
        </row>
        <row r="48">
          <cell r="J48" t="str">
            <v>Main</v>
          </cell>
          <cell r="K48">
            <v>183006</v>
          </cell>
        </row>
        <row r="49">
          <cell r="J49" t="str">
            <v>Service Company</v>
          </cell>
          <cell r="K49">
            <v>571</v>
          </cell>
        </row>
        <row r="50">
          <cell r="J50" t="str">
            <v>Pension</v>
          </cell>
          <cell r="K50">
            <v>188</v>
          </cell>
        </row>
        <row r="51">
          <cell r="J51" t="str">
            <v>AFUDC</v>
          </cell>
          <cell r="K51">
            <v>35159</v>
          </cell>
        </row>
        <row r="52">
          <cell r="J52" t="str">
            <v>Richmond County Combined Cycle &amp; Transmission</v>
          </cell>
          <cell r="K52">
            <v>218923</v>
          </cell>
        </row>
        <row r="53">
          <cell r="J53" t="str">
            <v>x</v>
          </cell>
        </row>
        <row r="54">
          <cell r="J54" t="str">
            <v>Main</v>
          </cell>
          <cell r="K54">
            <v>20645</v>
          </cell>
        </row>
        <row r="55">
          <cell r="J55" t="str">
            <v>Service Company</v>
          </cell>
          <cell r="K55">
            <v>1</v>
          </cell>
        </row>
        <row r="56">
          <cell r="J56" t="str">
            <v>Pension</v>
          </cell>
          <cell r="K56">
            <v>27</v>
          </cell>
        </row>
        <row r="57">
          <cell r="J57" t="str">
            <v>AFUDC</v>
          </cell>
          <cell r="K57">
            <v>4634</v>
          </cell>
        </row>
        <row r="58">
          <cell r="J58" t="str">
            <v>Robinson Nuclear Turbine Upgrade</v>
          </cell>
          <cell r="K58">
            <v>25307</v>
          </cell>
        </row>
        <row r="59">
          <cell r="J59" t="str">
            <v>x</v>
          </cell>
        </row>
        <row r="60">
          <cell r="J60" t="str">
            <v>Main</v>
          </cell>
          <cell r="K60">
            <v>11737</v>
          </cell>
        </row>
        <row r="61">
          <cell r="J61" t="str">
            <v>Service Company</v>
          </cell>
          <cell r="K61">
            <v>39</v>
          </cell>
        </row>
        <row r="62">
          <cell r="J62" t="str">
            <v>Pension</v>
          </cell>
          <cell r="K62">
            <v>15</v>
          </cell>
        </row>
        <row r="63">
          <cell r="J63" t="str">
            <v>AFUDC</v>
          </cell>
          <cell r="K63">
            <v>0</v>
          </cell>
        </row>
        <row r="64">
          <cell r="J64" t="str">
            <v>Joint Owner</v>
          </cell>
          <cell r="K64">
            <v>0</v>
          </cell>
        </row>
        <row r="65">
          <cell r="J65" t="str">
            <v>Roxboro Units 1-4 Scrubbers</v>
          </cell>
          <cell r="K65">
            <v>11791</v>
          </cell>
        </row>
        <row r="66">
          <cell r="J66" t="str">
            <v>x</v>
          </cell>
        </row>
        <row r="67">
          <cell r="J67" t="str">
            <v>Main</v>
          </cell>
          <cell r="K67">
            <v>100063</v>
          </cell>
        </row>
        <row r="68">
          <cell r="J68" t="str">
            <v>Service Company</v>
          </cell>
          <cell r="K68">
            <v>190</v>
          </cell>
        </row>
        <row r="69">
          <cell r="J69" t="str">
            <v>Pension</v>
          </cell>
          <cell r="K69">
            <v>44</v>
          </cell>
        </row>
        <row r="70">
          <cell r="J70" t="str">
            <v>AFUDC</v>
          </cell>
          <cell r="K70">
            <v>3628</v>
          </cell>
        </row>
        <row r="71">
          <cell r="J71" t="str">
            <v>Sutton 2x1 CC</v>
          </cell>
          <cell r="K71">
            <v>103925</v>
          </cell>
        </row>
        <row r="72">
          <cell r="J72" t="str">
            <v>x</v>
          </cell>
        </row>
        <row r="73">
          <cell r="J73" t="str">
            <v>Main</v>
          </cell>
          <cell r="K73">
            <v>0</v>
          </cell>
        </row>
        <row r="74">
          <cell r="J74" t="str">
            <v>Service Company</v>
          </cell>
          <cell r="K74">
            <v>0</v>
          </cell>
        </row>
        <row r="75">
          <cell r="J75" t="str">
            <v>Pension</v>
          </cell>
          <cell r="K75">
            <v>0</v>
          </cell>
        </row>
        <row r="76">
          <cell r="J76" t="str">
            <v>Wayne County Combustion Turbine</v>
          </cell>
          <cell r="K76">
            <v>0</v>
          </cell>
        </row>
        <row r="77">
          <cell r="J77" t="str">
            <v>x</v>
          </cell>
        </row>
        <row r="78">
          <cell r="J78" t="str">
            <v>Main</v>
          </cell>
          <cell r="K78">
            <v>209555</v>
          </cell>
        </row>
        <row r="79">
          <cell r="J79" t="str">
            <v>Service Company</v>
          </cell>
          <cell r="K79">
            <v>383</v>
          </cell>
        </row>
        <row r="80">
          <cell r="J80" t="str">
            <v>Pension</v>
          </cell>
          <cell r="K80">
            <v>136</v>
          </cell>
        </row>
        <row r="81">
          <cell r="J81" t="str">
            <v>AFUDC</v>
          </cell>
          <cell r="K81">
            <v>10225</v>
          </cell>
        </row>
        <row r="82">
          <cell r="J82" t="str">
            <v>Wayne County 3x1 CC</v>
          </cell>
          <cell r="K82">
            <v>220299</v>
          </cell>
        </row>
        <row r="83">
          <cell r="J83" t="str">
            <v>x</v>
          </cell>
        </row>
        <row r="84">
          <cell r="J84" t="str">
            <v>Total</v>
          </cell>
          <cell r="K84">
            <v>794865</v>
          </cell>
        </row>
        <row r="88">
          <cell r="K88" t="str">
            <v>Budget</v>
          </cell>
        </row>
        <row r="89">
          <cell r="J89" t="str">
            <v>Main</v>
          </cell>
          <cell r="K89">
            <v>2977</v>
          </cell>
        </row>
        <row r="90">
          <cell r="J90" t="str">
            <v>Service Company</v>
          </cell>
          <cell r="K90">
            <v>80</v>
          </cell>
        </row>
        <row r="91">
          <cell r="J91" t="str">
            <v>Pension</v>
          </cell>
          <cell r="K91">
            <v>54</v>
          </cell>
        </row>
        <row r="92">
          <cell r="J92" t="str">
            <v>AFUDC</v>
          </cell>
          <cell r="K92">
            <v>48</v>
          </cell>
        </row>
        <row r="93">
          <cell r="J93" t="str">
            <v>2011 Fast Starts</v>
          </cell>
          <cell r="K93">
            <v>3157</v>
          </cell>
        </row>
        <row r="95">
          <cell r="J95" t="str">
            <v>Main</v>
          </cell>
          <cell r="K95">
            <v>12000</v>
          </cell>
        </row>
        <row r="96">
          <cell r="J96" t="str">
            <v>Service Company</v>
          </cell>
          <cell r="K96">
            <v>0</v>
          </cell>
        </row>
        <row r="97">
          <cell r="J97" t="str">
            <v>Pension</v>
          </cell>
          <cell r="K97">
            <v>0</v>
          </cell>
        </row>
        <row r="98">
          <cell r="J98" t="str">
            <v>AFUDC</v>
          </cell>
          <cell r="K98">
            <v>0</v>
          </cell>
        </row>
        <row r="99">
          <cell r="J99" t="str">
            <v>Central Florida South</v>
          </cell>
          <cell r="K99">
            <v>12000</v>
          </cell>
        </row>
        <row r="101">
          <cell r="J101" t="str">
            <v>Main</v>
          </cell>
          <cell r="K101">
            <v>7349</v>
          </cell>
        </row>
        <row r="102">
          <cell r="J102" t="str">
            <v>Pension</v>
          </cell>
          <cell r="K102">
            <v>63</v>
          </cell>
        </row>
        <row r="103">
          <cell r="J103" t="str">
            <v>AFUDC</v>
          </cell>
          <cell r="K103">
            <v>25</v>
          </cell>
        </row>
        <row r="104">
          <cell r="J104" t="str">
            <v>Mayo ZLD</v>
          </cell>
          <cell r="K104">
            <v>7437</v>
          </cell>
        </row>
        <row r="106">
          <cell r="J106" t="str">
            <v>Main</v>
          </cell>
          <cell r="K106">
            <v>4645</v>
          </cell>
        </row>
        <row r="107">
          <cell r="J107" t="str">
            <v>Pension</v>
          </cell>
          <cell r="K107">
            <v>77</v>
          </cell>
        </row>
        <row r="108">
          <cell r="J108" t="str">
            <v>AFUDC</v>
          </cell>
          <cell r="K108">
            <v>30</v>
          </cell>
        </row>
        <row r="109">
          <cell r="J109" t="str">
            <v>Roxboro ZLD</v>
          </cell>
          <cell r="K109">
            <v>4752</v>
          </cell>
        </row>
        <row r="111">
          <cell r="J111" t="str">
            <v>Main</v>
          </cell>
          <cell r="K111">
            <v>0</v>
          </cell>
        </row>
        <row r="112">
          <cell r="J112" t="str">
            <v>Service Company</v>
          </cell>
          <cell r="K112">
            <v>0</v>
          </cell>
        </row>
        <row r="113">
          <cell r="J113" t="str">
            <v>Pension</v>
          </cell>
          <cell r="K113">
            <v>0</v>
          </cell>
        </row>
        <row r="114">
          <cell r="J114" t="str">
            <v xml:space="preserve"> Suwannee 2013 CC</v>
          </cell>
          <cell r="K114">
            <v>0</v>
          </cell>
        </row>
        <row r="116">
          <cell r="J116" t="str">
            <v>Main</v>
          </cell>
          <cell r="K116">
            <v>0</v>
          </cell>
        </row>
        <row r="117">
          <cell r="J117" t="str">
            <v>Service Company</v>
          </cell>
          <cell r="K117">
            <v>0</v>
          </cell>
        </row>
        <row r="118">
          <cell r="J118" t="str">
            <v>Pension</v>
          </cell>
          <cell r="K118">
            <v>0</v>
          </cell>
        </row>
        <row r="119">
          <cell r="J119" t="str">
            <v>Anclote Future CC</v>
          </cell>
          <cell r="K119">
            <v>0</v>
          </cell>
        </row>
        <row r="121">
          <cell r="J121" t="str">
            <v>Main</v>
          </cell>
          <cell r="K121">
            <v>1639</v>
          </cell>
        </row>
        <row r="122">
          <cell r="J122" t="str">
            <v>AFUDC</v>
          </cell>
          <cell r="K122">
            <v>26</v>
          </cell>
        </row>
        <row r="123">
          <cell r="J123" t="str">
            <v>BART</v>
          </cell>
          <cell r="K123">
            <v>1666</v>
          </cell>
        </row>
        <row r="125">
          <cell r="J125" t="str">
            <v>Total</v>
          </cell>
          <cell r="K125">
            <v>29012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ggett"/>
      <sheetName val="Liggett YTD"/>
      <sheetName val="Details"/>
      <sheetName val="Liggett ST"/>
      <sheetName val="Liggett OT"/>
      <sheetName val="Explanation - manager name"/>
      <sheetName val="Errors"/>
      <sheetName val="Sheet1"/>
      <sheetName val="Sheet2"/>
      <sheetName val="Sheet3"/>
      <sheetName val="PEC MP Report (Jan2010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38">
          <cell r="B38" t="str">
            <v>Choose Person…</v>
          </cell>
          <cell r="D38" t="str">
            <v>Pick one…</v>
          </cell>
        </row>
        <row r="39">
          <cell r="B39" t="str">
            <v>Mary Crowe</v>
          </cell>
          <cell r="D39" t="str">
            <v>January</v>
          </cell>
        </row>
        <row r="40">
          <cell r="B40" t="str">
            <v>Ken Toebbe</v>
          </cell>
          <cell r="D40" t="str">
            <v>February</v>
          </cell>
        </row>
        <row r="41">
          <cell r="B41" t="str">
            <v>Russ Atkins</v>
          </cell>
          <cell r="D41" t="str">
            <v>March</v>
          </cell>
        </row>
        <row r="42">
          <cell r="B42" t="str">
            <v>Greg Justis</v>
          </cell>
          <cell r="D42" t="str">
            <v>April</v>
          </cell>
        </row>
        <row r="43">
          <cell r="B43" t="str">
            <v>Brian Liggett</v>
          </cell>
          <cell r="D43" t="str">
            <v>May</v>
          </cell>
        </row>
        <row r="44">
          <cell r="B44" t="str">
            <v>Mike Miller</v>
          </cell>
          <cell r="D44" t="str">
            <v>June</v>
          </cell>
        </row>
        <row r="45">
          <cell r="B45" t="str">
            <v>Curt Fletcher</v>
          </cell>
          <cell r="D45" t="str">
            <v>July</v>
          </cell>
        </row>
        <row r="46">
          <cell r="B46" t="str">
            <v>Don Eckstein</v>
          </cell>
          <cell r="D46" t="str">
            <v>August</v>
          </cell>
        </row>
        <row r="47">
          <cell r="B47" t="str">
            <v>Dave Schafer</v>
          </cell>
          <cell r="D47" t="str">
            <v>September</v>
          </cell>
        </row>
        <row r="48">
          <cell r="D48" t="str">
            <v>October</v>
          </cell>
        </row>
        <row r="49">
          <cell r="D49" t="str">
            <v>November</v>
          </cell>
        </row>
        <row r="50">
          <cell r="D50" t="str">
            <v>December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tocol"/>
      <sheetName val="1 Cover"/>
      <sheetName val="2 EDC OM Sum"/>
      <sheetName val="3 Group Admin Waterfall"/>
      <sheetName val="4. Group Admin Status"/>
      <sheetName val="GAdminPuts&amp;Takes"/>
      <sheetName val="4 Regions RMC Waterfall (Cost)"/>
      <sheetName val="6.  Regions &amp; RMC Status"/>
      <sheetName val="RegionPuts&amp;Takes"/>
      <sheetName val="6 Distribution Waterfall (Cost)"/>
      <sheetName val="8. Dist Status"/>
      <sheetName val="DistPuts&amp;Takes"/>
      <sheetName val="8 CMS PEC Waterfall"/>
      <sheetName val="10. C&amp;MS Status"/>
      <sheetName val="CM&amp;S Puts&amp;Takes"/>
      <sheetName val="11. O&amp;M Summary"/>
      <sheetName val="Watch List"/>
      <sheetName val="12 EDC Cap Sumb"/>
      <sheetName val="13 Growth Cap Waterfall"/>
      <sheetName val="Growth Capital"/>
      <sheetName val="13 Program Cap Waterfall"/>
      <sheetName val="Program Capital"/>
      <sheetName val="13 Other Base Cap Waterfall"/>
      <sheetName val="Other Base Capital"/>
      <sheetName val="Cap Watch List"/>
      <sheetName val="Capital Puts&amp;Takes"/>
      <sheetName val="Emerging Items "/>
      <sheetName val="Explanation - manager name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4">
          <cell r="V4">
            <v>5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onth Rolling OM"/>
      <sheetName val="Month Rolling Cap"/>
      <sheetName val="1 Cover"/>
      <sheetName val="2 EDC OM Sum"/>
      <sheetName val="12 EDC Cap Sumb"/>
      <sheetName val="Data Dump"/>
      <sheetName val="Exec Admin"/>
      <sheetName val="Metering"/>
      <sheetName val="Claims"/>
      <sheetName val="Construction East"/>
      <sheetName val="10 Service Delivery CPU"/>
      <sheetName val="11 Restore CPU"/>
      <sheetName val="13 Growth Cap Waterfall"/>
      <sheetName val="14 Program Cap Waterfall"/>
      <sheetName val="15 Other Base Cap Waterfall"/>
      <sheetName val="16 Residential CPU"/>
      <sheetName val="16 Residential CPU L2"/>
      <sheetName val="17 C&amp;I CPU"/>
      <sheetName val="17 C&amp;I CPU L2"/>
      <sheetName val="18 Lighting CPU"/>
      <sheetName val="18 Lighting CPU L2"/>
      <sheetName val="Sheet1"/>
      <sheetName val="Budget CPU"/>
      <sheetName val="Residential"/>
      <sheetName val="Commercial &amp; Industrial"/>
      <sheetName val="Lights"/>
      <sheetName val="PGN Duke process mapping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D1">
            <v>0</v>
          </cell>
          <cell r="J1">
            <v>0</v>
          </cell>
        </row>
        <row r="2">
          <cell r="J2" t="str">
            <v>MTD Target</v>
          </cell>
        </row>
        <row r="3">
          <cell r="J3">
            <v>49694</v>
          </cell>
        </row>
        <row r="4">
          <cell r="J4">
            <v>30910</v>
          </cell>
        </row>
        <row r="5">
          <cell r="J5">
            <v>0</v>
          </cell>
        </row>
        <row r="6">
          <cell r="J6">
            <v>304216</v>
          </cell>
        </row>
        <row r="7">
          <cell r="J7">
            <v>15496</v>
          </cell>
        </row>
        <row r="8">
          <cell r="J8">
            <v>967</v>
          </cell>
        </row>
        <row r="9">
          <cell r="J9">
            <v>13778</v>
          </cell>
        </row>
        <row r="10">
          <cell r="J10">
            <v>-7500</v>
          </cell>
        </row>
        <row r="11">
          <cell r="J11">
            <v>1229</v>
          </cell>
        </row>
        <row r="12">
          <cell r="J12">
            <v>14483</v>
          </cell>
        </row>
        <row r="13">
          <cell r="J13">
            <v>9106</v>
          </cell>
        </row>
        <row r="14">
          <cell r="J14">
            <v>668</v>
          </cell>
        </row>
        <row r="15">
          <cell r="J15">
            <v>350</v>
          </cell>
        </row>
        <row r="16">
          <cell r="J16">
            <v>869</v>
          </cell>
        </row>
        <row r="17">
          <cell r="J17">
            <v>469</v>
          </cell>
        </row>
        <row r="18">
          <cell r="J18">
            <v>9877</v>
          </cell>
        </row>
        <row r="19">
          <cell r="J19">
            <v>1125</v>
          </cell>
        </row>
        <row r="20">
          <cell r="J20">
            <v>9961</v>
          </cell>
        </row>
        <row r="21">
          <cell r="J21">
            <v>6196</v>
          </cell>
        </row>
        <row r="22">
          <cell r="J22">
            <v>0</v>
          </cell>
        </row>
        <row r="23">
          <cell r="J23">
            <v>33914</v>
          </cell>
        </row>
        <row r="24">
          <cell r="J24">
            <v>2632</v>
          </cell>
        </row>
        <row r="25">
          <cell r="J25">
            <v>2230</v>
          </cell>
        </row>
        <row r="26">
          <cell r="J26">
            <v>41928</v>
          </cell>
        </row>
        <row r="27">
          <cell r="J27">
            <v>26191</v>
          </cell>
        </row>
        <row r="28">
          <cell r="J28">
            <v>1082</v>
          </cell>
        </row>
        <row r="29">
          <cell r="J29">
            <v>0</v>
          </cell>
        </row>
        <row r="30">
          <cell r="J30">
            <v>1310</v>
          </cell>
        </row>
        <row r="31">
          <cell r="J31">
            <v>255</v>
          </cell>
        </row>
        <row r="32">
          <cell r="J32">
            <v>2433</v>
          </cell>
        </row>
        <row r="33">
          <cell r="J33">
            <v>11166</v>
          </cell>
        </row>
        <row r="34">
          <cell r="J34">
            <v>10152</v>
          </cell>
        </row>
        <row r="35">
          <cell r="J35">
            <v>0</v>
          </cell>
        </row>
        <row r="36">
          <cell r="J36">
            <v>24547</v>
          </cell>
        </row>
        <row r="37">
          <cell r="J37">
            <v>1649</v>
          </cell>
        </row>
        <row r="38">
          <cell r="J38">
            <v>158</v>
          </cell>
        </row>
        <row r="39">
          <cell r="J39">
            <v>5231</v>
          </cell>
        </row>
        <row r="40">
          <cell r="J40">
            <v>26852</v>
          </cell>
        </row>
        <row r="41">
          <cell r="J41">
            <v>107533</v>
          </cell>
        </row>
        <row r="42">
          <cell r="J42">
            <v>60563</v>
          </cell>
        </row>
        <row r="43">
          <cell r="J43">
            <v>12500</v>
          </cell>
        </row>
        <row r="44">
          <cell r="J44">
            <v>1021</v>
          </cell>
        </row>
        <row r="45">
          <cell r="J45">
            <v>1543</v>
          </cell>
        </row>
        <row r="46">
          <cell r="J46">
            <v>589</v>
          </cell>
        </row>
        <row r="47">
          <cell r="J47">
            <v>417</v>
          </cell>
        </row>
        <row r="48">
          <cell r="J48">
            <v>41667</v>
          </cell>
        </row>
        <row r="49">
          <cell r="J49">
            <v>208333</v>
          </cell>
        </row>
        <row r="50">
          <cell r="J50">
            <v>17696</v>
          </cell>
        </row>
        <row r="51">
          <cell r="J51">
            <v>8551</v>
          </cell>
        </row>
        <row r="52">
          <cell r="J52">
            <v>183964</v>
          </cell>
        </row>
        <row r="53">
          <cell r="J53">
            <v>466796</v>
          </cell>
        </row>
        <row r="54">
          <cell r="J54">
            <v>12985</v>
          </cell>
        </row>
        <row r="55">
          <cell r="J55">
            <v>5994</v>
          </cell>
        </row>
        <row r="56">
          <cell r="J56">
            <v>129048</v>
          </cell>
        </row>
        <row r="57">
          <cell r="J57">
            <v>328025</v>
          </cell>
        </row>
        <row r="58">
          <cell r="J58">
            <v>3187</v>
          </cell>
        </row>
        <row r="59">
          <cell r="J59">
            <v>0</v>
          </cell>
        </row>
        <row r="60">
          <cell r="J60">
            <v>0</v>
          </cell>
        </row>
        <row r="61">
          <cell r="J61">
            <v>4405</v>
          </cell>
        </row>
        <row r="62">
          <cell r="J62">
            <v>11667</v>
          </cell>
        </row>
        <row r="63">
          <cell r="J63">
            <v>75608</v>
          </cell>
        </row>
        <row r="64">
          <cell r="J64">
            <v>3252</v>
          </cell>
        </row>
        <row r="65">
          <cell r="J65">
            <v>80443</v>
          </cell>
        </row>
        <row r="66">
          <cell r="J66">
            <v>0</v>
          </cell>
        </row>
        <row r="67">
          <cell r="J67">
            <v>833</v>
          </cell>
        </row>
        <row r="68">
          <cell r="J68">
            <v>0</v>
          </cell>
        </row>
        <row r="69">
          <cell r="J69">
            <v>464</v>
          </cell>
        </row>
        <row r="70">
          <cell r="J70">
            <v>21023</v>
          </cell>
        </row>
        <row r="71">
          <cell r="J71">
            <v>-148362</v>
          </cell>
        </row>
        <row r="72">
          <cell r="J72">
            <v>0</v>
          </cell>
        </row>
        <row r="73">
          <cell r="J73">
            <v>0</v>
          </cell>
        </row>
        <row r="74">
          <cell r="J74">
            <v>0</v>
          </cell>
        </row>
        <row r="75">
          <cell r="J75">
            <v>0</v>
          </cell>
        </row>
        <row r="76">
          <cell r="J76">
            <v>0</v>
          </cell>
        </row>
        <row r="77">
          <cell r="J77">
            <v>0</v>
          </cell>
        </row>
        <row r="78">
          <cell r="J78">
            <v>0</v>
          </cell>
        </row>
        <row r="79">
          <cell r="J79">
            <v>-102128</v>
          </cell>
        </row>
        <row r="80">
          <cell r="J80">
            <v>0</v>
          </cell>
        </row>
        <row r="81">
          <cell r="J81">
            <v>0</v>
          </cell>
        </row>
        <row r="82">
          <cell r="J82">
            <v>0</v>
          </cell>
        </row>
        <row r="83">
          <cell r="J83">
            <v>48</v>
          </cell>
        </row>
        <row r="84">
          <cell r="J84">
            <v>34</v>
          </cell>
        </row>
        <row r="85">
          <cell r="J85">
            <v>36580</v>
          </cell>
        </row>
        <row r="86">
          <cell r="J86">
            <v>25643</v>
          </cell>
        </row>
        <row r="87">
          <cell r="J87">
            <v>0</v>
          </cell>
        </row>
        <row r="88">
          <cell r="J88">
            <v>292675</v>
          </cell>
        </row>
        <row r="89">
          <cell r="J89">
            <v>4674</v>
          </cell>
        </row>
        <row r="90">
          <cell r="J90">
            <v>0</v>
          </cell>
        </row>
        <row r="91">
          <cell r="J91">
            <v>62320</v>
          </cell>
        </row>
        <row r="92">
          <cell r="J92">
            <v>51</v>
          </cell>
        </row>
        <row r="93">
          <cell r="J93">
            <v>107109</v>
          </cell>
        </row>
        <row r="94">
          <cell r="J94">
            <v>-453591</v>
          </cell>
        </row>
        <row r="95">
          <cell r="J95">
            <v>0</v>
          </cell>
        </row>
        <row r="96">
          <cell r="J96">
            <v>0</v>
          </cell>
        </row>
        <row r="97">
          <cell r="J97">
            <v>0</v>
          </cell>
        </row>
        <row r="98">
          <cell r="J98">
            <v>0</v>
          </cell>
        </row>
        <row r="99">
          <cell r="J99">
            <v>56167</v>
          </cell>
        </row>
        <row r="100">
          <cell r="J100">
            <v>0</v>
          </cell>
        </row>
        <row r="101">
          <cell r="J101">
            <v>0</v>
          </cell>
        </row>
        <row r="102">
          <cell r="J102">
            <v>-56167</v>
          </cell>
        </row>
        <row r="103">
          <cell r="J103">
            <v>7</v>
          </cell>
        </row>
        <row r="104">
          <cell r="J104">
            <v>0</v>
          </cell>
        </row>
        <row r="105">
          <cell r="J105">
            <v>201</v>
          </cell>
        </row>
        <row r="106">
          <cell r="J106">
            <v>1107</v>
          </cell>
        </row>
        <row r="107">
          <cell r="J107">
            <v>58437</v>
          </cell>
        </row>
        <row r="108">
          <cell r="J108">
            <v>7541</v>
          </cell>
        </row>
        <row r="109">
          <cell r="J109">
            <v>60214</v>
          </cell>
        </row>
        <row r="110">
          <cell r="J110">
            <v>-8295</v>
          </cell>
        </row>
        <row r="111">
          <cell r="J111">
            <v>15</v>
          </cell>
        </row>
        <row r="112">
          <cell r="J112">
            <v>4929</v>
          </cell>
        </row>
        <row r="113">
          <cell r="J113">
            <v>3948</v>
          </cell>
        </row>
        <row r="114">
          <cell r="J114">
            <v>2705</v>
          </cell>
        </row>
        <row r="115">
          <cell r="J115">
            <v>11552</v>
          </cell>
        </row>
        <row r="116">
          <cell r="J116">
            <v>2671</v>
          </cell>
        </row>
        <row r="117">
          <cell r="J117">
            <v>6073</v>
          </cell>
        </row>
        <row r="118">
          <cell r="J118">
            <v>-4088</v>
          </cell>
        </row>
        <row r="119">
          <cell r="J119">
            <v>2</v>
          </cell>
        </row>
        <row r="120">
          <cell r="J120">
            <v>70468</v>
          </cell>
        </row>
        <row r="121">
          <cell r="J121">
            <v>53663</v>
          </cell>
        </row>
        <row r="122">
          <cell r="J122">
            <v>23434</v>
          </cell>
        </row>
        <row r="123">
          <cell r="J123">
            <v>186492</v>
          </cell>
        </row>
        <row r="124">
          <cell r="J124">
            <v>29531</v>
          </cell>
        </row>
        <row r="125">
          <cell r="J125">
            <v>0</v>
          </cell>
        </row>
        <row r="126">
          <cell r="J126">
            <v>138943</v>
          </cell>
        </row>
        <row r="127">
          <cell r="J127">
            <v>-49818</v>
          </cell>
        </row>
        <row r="128">
          <cell r="J128">
            <v>-1704</v>
          </cell>
        </row>
        <row r="129">
          <cell r="J129">
            <v>969048</v>
          </cell>
        </row>
        <row r="130">
          <cell r="J130">
            <v>700917</v>
          </cell>
        </row>
        <row r="131">
          <cell r="J131">
            <v>28050</v>
          </cell>
        </row>
        <row r="132">
          <cell r="J132">
            <v>5045235</v>
          </cell>
        </row>
        <row r="133">
          <cell r="J133">
            <v>525820</v>
          </cell>
        </row>
        <row r="134">
          <cell r="J134">
            <v>39326</v>
          </cell>
        </row>
        <row r="135">
          <cell r="J135">
            <v>6528761</v>
          </cell>
        </row>
        <row r="136">
          <cell r="J136">
            <v>-1732964</v>
          </cell>
        </row>
        <row r="137">
          <cell r="J137">
            <v>0</v>
          </cell>
        </row>
        <row r="138">
          <cell r="J138">
            <v>1163856</v>
          </cell>
        </row>
        <row r="139">
          <cell r="J139">
            <v>76681</v>
          </cell>
        </row>
        <row r="140">
          <cell r="J140">
            <v>0</v>
          </cell>
        </row>
        <row r="141">
          <cell r="J141">
            <v>0</v>
          </cell>
        </row>
        <row r="142">
          <cell r="J142">
            <v>0</v>
          </cell>
        </row>
        <row r="143">
          <cell r="J143">
            <v>112595</v>
          </cell>
        </row>
        <row r="144">
          <cell r="J144">
            <v>0</v>
          </cell>
        </row>
        <row r="145">
          <cell r="J145">
            <v>0</v>
          </cell>
        </row>
        <row r="146">
          <cell r="J146">
            <v>0</v>
          </cell>
        </row>
        <row r="147">
          <cell r="J147">
            <v>380717</v>
          </cell>
        </row>
        <row r="148">
          <cell r="J148">
            <v>27886</v>
          </cell>
        </row>
        <row r="149">
          <cell r="J149">
            <v>35601</v>
          </cell>
        </row>
        <row r="150">
          <cell r="J150">
            <v>88203</v>
          </cell>
        </row>
        <row r="151">
          <cell r="J151">
            <v>97087</v>
          </cell>
        </row>
        <row r="152">
          <cell r="J152">
            <v>30500</v>
          </cell>
        </row>
        <row r="153">
          <cell r="J153">
            <v>282</v>
          </cell>
        </row>
        <row r="154">
          <cell r="J154">
            <v>48141</v>
          </cell>
        </row>
        <row r="155">
          <cell r="J155">
            <v>-77718</v>
          </cell>
        </row>
        <row r="156">
          <cell r="J156">
            <v>1339</v>
          </cell>
        </row>
        <row r="157">
          <cell r="J157">
            <v>-183193</v>
          </cell>
        </row>
        <row r="158">
          <cell r="J158">
            <v>0</v>
          </cell>
        </row>
        <row r="159">
          <cell r="J159">
            <v>13001</v>
          </cell>
        </row>
        <row r="160">
          <cell r="J160">
            <v>0</v>
          </cell>
        </row>
        <row r="161">
          <cell r="J161">
            <v>9114</v>
          </cell>
        </row>
        <row r="162">
          <cell r="J162">
            <v>0</v>
          </cell>
        </row>
        <row r="163">
          <cell r="J163">
            <v>0</v>
          </cell>
        </row>
        <row r="164">
          <cell r="J164">
            <v>109717</v>
          </cell>
        </row>
        <row r="165">
          <cell r="J165">
            <v>0</v>
          </cell>
        </row>
        <row r="166">
          <cell r="J166">
            <v>1822</v>
          </cell>
        </row>
        <row r="167">
          <cell r="J167">
            <v>0</v>
          </cell>
        </row>
        <row r="168">
          <cell r="J168">
            <v>34979</v>
          </cell>
        </row>
        <row r="169">
          <cell r="J169">
            <v>0</v>
          </cell>
        </row>
        <row r="170">
          <cell r="J170">
            <v>20</v>
          </cell>
        </row>
        <row r="171">
          <cell r="J171">
            <v>39501</v>
          </cell>
        </row>
        <row r="172">
          <cell r="J172">
            <v>71338</v>
          </cell>
        </row>
        <row r="173">
          <cell r="J173">
            <v>45051</v>
          </cell>
        </row>
        <row r="174">
          <cell r="J174">
            <v>14</v>
          </cell>
        </row>
        <row r="175">
          <cell r="J175">
            <v>3772095</v>
          </cell>
        </row>
        <row r="176">
          <cell r="J176">
            <v>3165409</v>
          </cell>
        </row>
        <row r="177">
          <cell r="J177">
            <v>410008</v>
          </cell>
        </row>
        <row r="178">
          <cell r="J178">
            <v>9956906</v>
          </cell>
        </row>
        <row r="179">
          <cell r="J179">
            <v>1030080</v>
          </cell>
        </row>
        <row r="180">
          <cell r="J180">
            <v>271504</v>
          </cell>
        </row>
        <row r="181">
          <cell r="J181">
            <v>14533787</v>
          </cell>
        </row>
        <row r="182">
          <cell r="J182">
            <v>-3507046</v>
          </cell>
        </row>
        <row r="183">
          <cell r="J183">
            <v>326886</v>
          </cell>
        </row>
        <row r="184">
          <cell r="J184">
            <v>1853603</v>
          </cell>
        </row>
        <row r="185">
          <cell r="J185">
            <v>175695</v>
          </cell>
        </row>
        <row r="186">
          <cell r="J186">
            <v>259591</v>
          </cell>
        </row>
        <row r="187">
          <cell r="J187">
            <v>58738</v>
          </cell>
        </row>
        <row r="188">
          <cell r="J188">
            <v>36575</v>
          </cell>
        </row>
        <row r="189">
          <cell r="J189">
            <v>388</v>
          </cell>
        </row>
        <row r="190">
          <cell r="J190">
            <v>226</v>
          </cell>
        </row>
        <row r="191">
          <cell r="J191">
            <v>108</v>
          </cell>
        </row>
        <row r="192">
          <cell r="J192">
            <v>417</v>
          </cell>
        </row>
        <row r="193">
          <cell r="J193">
            <v>65391</v>
          </cell>
        </row>
        <row r="194">
          <cell r="J194">
            <v>40673</v>
          </cell>
        </row>
        <row r="195">
          <cell r="J195">
            <v>833</v>
          </cell>
        </row>
        <row r="196">
          <cell r="J196">
            <v>301</v>
          </cell>
        </row>
        <row r="197">
          <cell r="J197">
            <v>322</v>
          </cell>
        </row>
        <row r="198">
          <cell r="J198">
            <v>180</v>
          </cell>
        </row>
        <row r="199">
          <cell r="J199">
            <v>0</v>
          </cell>
        </row>
        <row r="200">
          <cell r="J200">
            <v>833</v>
          </cell>
        </row>
        <row r="201">
          <cell r="J201">
            <v>19380</v>
          </cell>
        </row>
        <row r="202">
          <cell r="J202">
            <v>0</v>
          </cell>
        </row>
        <row r="203">
          <cell r="J203">
            <v>0</v>
          </cell>
        </row>
        <row r="204">
          <cell r="J204">
            <v>0</v>
          </cell>
        </row>
        <row r="205">
          <cell r="J205">
            <v>0</v>
          </cell>
        </row>
        <row r="206">
          <cell r="J206">
            <v>0</v>
          </cell>
        </row>
        <row r="207">
          <cell r="J207">
            <v>0</v>
          </cell>
        </row>
        <row r="208">
          <cell r="J208">
            <v>0</v>
          </cell>
        </row>
        <row r="209">
          <cell r="J209">
            <v>0</v>
          </cell>
        </row>
        <row r="210">
          <cell r="J210">
            <v>0</v>
          </cell>
        </row>
        <row r="211">
          <cell r="J211">
            <v>0</v>
          </cell>
        </row>
        <row r="212">
          <cell r="J212">
            <v>37667</v>
          </cell>
        </row>
        <row r="213">
          <cell r="J213">
            <v>0</v>
          </cell>
        </row>
        <row r="214">
          <cell r="J214">
            <v>-43317</v>
          </cell>
        </row>
        <row r="215">
          <cell r="J215">
            <v>0</v>
          </cell>
        </row>
        <row r="216">
          <cell r="J216">
            <v>20038</v>
          </cell>
        </row>
        <row r="217">
          <cell r="J217">
            <v>12472</v>
          </cell>
        </row>
        <row r="218">
          <cell r="J218">
            <v>84</v>
          </cell>
        </row>
        <row r="219">
          <cell r="J219">
            <v>174</v>
          </cell>
        </row>
        <row r="220">
          <cell r="J220">
            <v>173</v>
          </cell>
        </row>
        <row r="221">
          <cell r="J221">
            <v>688</v>
          </cell>
        </row>
        <row r="222">
          <cell r="J222">
            <v>0</v>
          </cell>
        </row>
        <row r="223">
          <cell r="J223">
            <v>0</v>
          </cell>
        </row>
        <row r="224">
          <cell r="J224">
            <v>0</v>
          </cell>
        </row>
        <row r="225">
          <cell r="J225">
            <v>6038</v>
          </cell>
        </row>
        <row r="226">
          <cell r="J226">
            <v>18973</v>
          </cell>
        </row>
        <row r="227">
          <cell r="J227">
            <v>12714</v>
          </cell>
        </row>
        <row r="228">
          <cell r="J228">
            <v>314</v>
          </cell>
        </row>
        <row r="229">
          <cell r="J229">
            <v>256204</v>
          </cell>
        </row>
        <row r="230">
          <cell r="J230">
            <v>875</v>
          </cell>
        </row>
        <row r="231">
          <cell r="J231">
            <v>287083</v>
          </cell>
        </row>
        <row r="232">
          <cell r="J232">
            <v>1042</v>
          </cell>
        </row>
        <row r="233">
          <cell r="J233">
            <v>13619</v>
          </cell>
        </row>
        <row r="234">
          <cell r="J234">
            <v>8471</v>
          </cell>
        </row>
        <row r="235">
          <cell r="J235">
            <v>96203</v>
          </cell>
        </row>
        <row r="236">
          <cell r="J236">
            <v>60568</v>
          </cell>
        </row>
        <row r="237">
          <cell r="J237">
            <v>7082</v>
          </cell>
        </row>
        <row r="238">
          <cell r="J238">
            <v>0</v>
          </cell>
        </row>
        <row r="239">
          <cell r="J239">
            <v>8357</v>
          </cell>
        </row>
        <row r="240">
          <cell r="J240">
            <v>1433</v>
          </cell>
        </row>
        <row r="241">
          <cell r="J241">
            <v>3832</v>
          </cell>
        </row>
        <row r="242">
          <cell r="J242">
            <v>0</v>
          </cell>
        </row>
        <row r="243">
          <cell r="J243">
            <v>0</v>
          </cell>
        </row>
        <row r="244">
          <cell r="J244">
            <v>89194</v>
          </cell>
        </row>
        <row r="245">
          <cell r="J245">
            <v>56036</v>
          </cell>
        </row>
        <row r="246">
          <cell r="J246">
            <v>5408</v>
          </cell>
        </row>
        <row r="247">
          <cell r="J247">
            <v>37797</v>
          </cell>
        </row>
        <row r="248">
          <cell r="J248">
            <v>49056</v>
          </cell>
        </row>
        <row r="249">
          <cell r="J249">
            <v>0</v>
          </cell>
        </row>
        <row r="250">
          <cell r="J250">
            <v>43017</v>
          </cell>
        </row>
        <row r="251">
          <cell r="J251">
            <v>0</v>
          </cell>
        </row>
        <row r="252">
          <cell r="J252">
            <v>8744</v>
          </cell>
        </row>
        <row r="253">
          <cell r="J253">
            <v>6349</v>
          </cell>
        </row>
        <row r="254">
          <cell r="J254">
            <v>8835</v>
          </cell>
        </row>
        <row r="255">
          <cell r="J255">
            <v>36745</v>
          </cell>
        </row>
        <row r="256">
          <cell r="J256">
            <v>5368</v>
          </cell>
        </row>
        <row r="257">
          <cell r="J257">
            <v>0</v>
          </cell>
        </row>
        <row r="258">
          <cell r="J258">
            <v>1407</v>
          </cell>
        </row>
        <row r="259">
          <cell r="J259">
            <v>-27</v>
          </cell>
        </row>
        <row r="260">
          <cell r="J260">
            <v>148984</v>
          </cell>
        </row>
        <row r="261">
          <cell r="J261">
            <v>96827</v>
          </cell>
        </row>
        <row r="262">
          <cell r="J262">
            <v>40378</v>
          </cell>
        </row>
        <row r="263">
          <cell r="J263">
            <v>59934</v>
          </cell>
        </row>
        <row r="264">
          <cell r="J264">
            <v>80578</v>
          </cell>
        </row>
        <row r="265">
          <cell r="J265">
            <v>0</v>
          </cell>
        </row>
        <row r="266">
          <cell r="J266">
            <v>25689</v>
          </cell>
        </row>
        <row r="267">
          <cell r="J267">
            <v>-13243</v>
          </cell>
        </row>
        <row r="268">
          <cell r="J268">
            <v>130</v>
          </cell>
        </row>
        <row r="269">
          <cell r="J269">
            <v>431733</v>
          </cell>
        </row>
        <row r="270">
          <cell r="J270">
            <v>269959</v>
          </cell>
        </row>
        <row r="271">
          <cell r="J271">
            <v>13798</v>
          </cell>
        </row>
        <row r="272">
          <cell r="J272">
            <v>9837</v>
          </cell>
        </row>
        <row r="273">
          <cell r="J273">
            <v>39736</v>
          </cell>
        </row>
        <row r="274">
          <cell r="J274">
            <v>41399</v>
          </cell>
        </row>
        <row r="275">
          <cell r="J275">
            <v>62454</v>
          </cell>
        </row>
        <row r="276">
          <cell r="J276">
            <v>29695</v>
          </cell>
        </row>
        <row r="277">
          <cell r="J277">
            <v>407</v>
          </cell>
        </row>
        <row r="278">
          <cell r="J278">
            <v>0</v>
          </cell>
        </row>
        <row r="279">
          <cell r="J279">
            <v>120</v>
          </cell>
        </row>
        <row r="280">
          <cell r="J280">
            <v>0</v>
          </cell>
        </row>
        <row r="281">
          <cell r="J281">
            <v>0</v>
          </cell>
        </row>
        <row r="282">
          <cell r="J282">
            <v>160704</v>
          </cell>
        </row>
        <row r="283">
          <cell r="J283">
            <v>0</v>
          </cell>
        </row>
        <row r="284">
          <cell r="J284">
            <v>0</v>
          </cell>
        </row>
        <row r="285">
          <cell r="J285">
            <v>0</v>
          </cell>
        </row>
        <row r="286">
          <cell r="J286">
            <v>0</v>
          </cell>
        </row>
        <row r="287">
          <cell r="J287">
            <v>129</v>
          </cell>
        </row>
        <row r="288">
          <cell r="J288">
            <v>0</v>
          </cell>
        </row>
        <row r="289">
          <cell r="J289">
            <v>137307</v>
          </cell>
        </row>
        <row r="290">
          <cell r="J290">
            <v>107434</v>
          </cell>
        </row>
        <row r="291">
          <cell r="J291">
            <v>0</v>
          </cell>
        </row>
        <row r="292">
          <cell r="J292">
            <v>0</v>
          </cell>
        </row>
        <row r="293">
          <cell r="J293">
            <v>0</v>
          </cell>
        </row>
        <row r="294">
          <cell r="J294">
            <v>0</v>
          </cell>
        </row>
        <row r="295">
          <cell r="J295">
            <v>0</v>
          </cell>
        </row>
        <row r="296">
          <cell r="J296">
            <v>0</v>
          </cell>
        </row>
        <row r="297">
          <cell r="J297">
            <v>99549</v>
          </cell>
        </row>
        <row r="298">
          <cell r="J298">
            <v>95034</v>
          </cell>
        </row>
        <row r="299">
          <cell r="J299">
            <v>321498</v>
          </cell>
        </row>
        <row r="300">
          <cell r="J300">
            <v>93934</v>
          </cell>
        </row>
        <row r="301">
          <cell r="J301">
            <v>124114</v>
          </cell>
        </row>
        <row r="302">
          <cell r="J302">
            <v>1819</v>
          </cell>
        </row>
        <row r="303">
          <cell r="J303">
            <v>3645</v>
          </cell>
        </row>
        <row r="304">
          <cell r="J304">
            <v>-10281</v>
          </cell>
        </row>
        <row r="305">
          <cell r="J305">
            <v>172</v>
          </cell>
        </row>
        <row r="306">
          <cell r="J306">
            <v>0</v>
          </cell>
        </row>
        <row r="307">
          <cell r="J307">
            <v>0</v>
          </cell>
        </row>
        <row r="308">
          <cell r="J308">
            <v>0</v>
          </cell>
        </row>
        <row r="309">
          <cell r="J309">
            <v>0</v>
          </cell>
        </row>
        <row r="310">
          <cell r="J310">
            <v>0</v>
          </cell>
        </row>
        <row r="311">
          <cell r="J311">
            <v>0</v>
          </cell>
        </row>
        <row r="312">
          <cell r="J312">
            <v>0</v>
          </cell>
        </row>
        <row r="313">
          <cell r="J313">
            <v>141860</v>
          </cell>
        </row>
        <row r="314">
          <cell r="J314">
            <v>92038</v>
          </cell>
        </row>
        <row r="315">
          <cell r="J315">
            <v>36161</v>
          </cell>
        </row>
        <row r="316">
          <cell r="J316">
            <v>315429</v>
          </cell>
        </row>
        <row r="317">
          <cell r="J317">
            <v>63051</v>
          </cell>
        </row>
        <row r="318">
          <cell r="J318">
            <v>417</v>
          </cell>
        </row>
        <row r="319">
          <cell r="J319">
            <v>0</v>
          </cell>
        </row>
        <row r="320">
          <cell r="J320">
            <v>54</v>
          </cell>
        </row>
        <row r="321">
          <cell r="J321">
            <v>0</v>
          </cell>
        </row>
        <row r="322">
          <cell r="J322">
            <v>7580</v>
          </cell>
        </row>
        <row r="323">
          <cell r="J323">
            <v>4864</v>
          </cell>
        </row>
        <row r="324">
          <cell r="J324">
            <v>1444</v>
          </cell>
        </row>
        <row r="325">
          <cell r="J325">
            <v>9968</v>
          </cell>
        </row>
        <row r="326">
          <cell r="J326">
            <v>3907</v>
          </cell>
        </row>
        <row r="327">
          <cell r="J327">
            <v>2491</v>
          </cell>
        </row>
        <row r="328">
          <cell r="J328">
            <v>0</v>
          </cell>
        </row>
        <row r="329">
          <cell r="J329">
            <v>307</v>
          </cell>
        </row>
        <row r="330">
          <cell r="J330">
            <v>227</v>
          </cell>
        </row>
        <row r="331">
          <cell r="J331">
            <v>350</v>
          </cell>
        </row>
        <row r="332">
          <cell r="J332">
            <v>7577</v>
          </cell>
        </row>
        <row r="333">
          <cell r="J333">
            <v>213</v>
          </cell>
        </row>
        <row r="334">
          <cell r="J334">
            <v>0</v>
          </cell>
        </row>
        <row r="335">
          <cell r="J335">
            <v>19067</v>
          </cell>
        </row>
        <row r="336">
          <cell r="J336">
            <v>12718</v>
          </cell>
        </row>
        <row r="337">
          <cell r="J337">
            <v>8338</v>
          </cell>
        </row>
        <row r="338">
          <cell r="J338">
            <v>7265</v>
          </cell>
        </row>
        <row r="339">
          <cell r="J339">
            <v>11872</v>
          </cell>
        </row>
        <row r="340">
          <cell r="J340">
            <v>0</v>
          </cell>
        </row>
        <row r="341">
          <cell r="J341">
            <v>2287</v>
          </cell>
        </row>
        <row r="342">
          <cell r="J342">
            <v>-3085</v>
          </cell>
        </row>
        <row r="343">
          <cell r="J343">
            <v>34991</v>
          </cell>
        </row>
        <row r="344">
          <cell r="J344">
            <v>22085</v>
          </cell>
        </row>
        <row r="345">
          <cell r="J345">
            <v>3113</v>
          </cell>
        </row>
        <row r="346">
          <cell r="J346">
            <v>300</v>
          </cell>
        </row>
        <row r="347">
          <cell r="J347">
            <v>3777</v>
          </cell>
        </row>
        <row r="348">
          <cell r="J348">
            <v>5204</v>
          </cell>
        </row>
        <row r="349">
          <cell r="J349">
            <v>0</v>
          </cell>
        </row>
        <row r="350">
          <cell r="J350">
            <v>13</v>
          </cell>
        </row>
        <row r="351">
          <cell r="J351">
            <v>4</v>
          </cell>
        </row>
        <row r="352">
          <cell r="J352">
            <v>20524</v>
          </cell>
        </row>
        <row r="353">
          <cell r="J353">
            <v>4</v>
          </cell>
        </row>
        <row r="354">
          <cell r="J354">
            <v>1327</v>
          </cell>
        </row>
        <row r="355">
          <cell r="J355">
            <v>0</v>
          </cell>
        </row>
        <row r="356">
          <cell r="J356">
            <v>0</v>
          </cell>
        </row>
        <row r="357">
          <cell r="J357">
            <v>0</v>
          </cell>
        </row>
        <row r="358">
          <cell r="J358">
            <v>0</v>
          </cell>
        </row>
        <row r="359">
          <cell r="J359">
            <v>23077</v>
          </cell>
        </row>
        <row r="360">
          <cell r="J360">
            <v>21149</v>
          </cell>
        </row>
        <row r="361">
          <cell r="J361">
            <v>65973</v>
          </cell>
        </row>
        <row r="362">
          <cell r="J362">
            <v>14950</v>
          </cell>
        </row>
        <row r="363">
          <cell r="J363">
            <v>22152</v>
          </cell>
        </row>
        <row r="364">
          <cell r="J364">
            <v>621</v>
          </cell>
        </row>
        <row r="365">
          <cell r="J365">
            <v>2041</v>
          </cell>
        </row>
        <row r="366">
          <cell r="J366">
            <v>-3715</v>
          </cell>
        </row>
        <row r="367">
          <cell r="J367">
            <v>11</v>
          </cell>
        </row>
        <row r="368">
          <cell r="J368">
            <v>0</v>
          </cell>
        </row>
        <row r="369">
          <cell r="J369">
            <v>14444</v>
          </cell>
        </row>
        <row r="370">
          <cell r="J370">
            <v>9504</v>
          </cell>
        </row>
        <row r="371">
          <cell r="J371">
            <v>5042</v>
          </cell>
        </row>
        <row r="372">
          <cell r="J372">
            <v>36700</v>
          </cell>
        </row>
        <row r="373">
          <cell r="J373">
            <v>7203</v>
          </cell>
        </row>
        <row r="374">
          <cell r="J374">
            <v>1161943</v>
          </cell>
        </row>
        <row r="375">
          <cell r="J375">
            <v>789686</v>
          </cell>
        </row>
        <row r="376">
          <cell r="J376">
            <v>30673</v>
          </cell>
        </row>
        <row r="377">
          <cell r="J377">
            <v>2733340</v>
          </cell>
        </row>
        <row r="378">
          <cell r="J378">
            <v>23119</v>
          </cell>
        </row>
        <row r="379">
          <cell r="J379">
            <v>52338</v>
          </cell>
        </row>
        <row r="380">
          <cell r="J380">
            <v>399408</v>
          </cell>
        </row>
        <row r="381">
          <cell r="J381">
            <v>15292</v>
          </cell>
        </row>
        <row r="382">
          <cell r="J382">
            <v>4912649</v>
          </cell>
        </row>
        <row r="383">
          <cell r="J383">
            <v>0</v>
          </cell>
        </row>
        <row r="384">
          <cell r="J384">
            <v>0</v>
          </cell>
        </row>
        <row r="385">
          <cell r="J385">
            <v>0</v>
          </cell>
        </row>
        <row r="386">
          <cell r="J386">
            <v>0</v>
          </cell>
        </row>
        <row r="387">
          <cell r="J387">
            <v>0</v>
          </cell>
        </row>
        <row r="388">
          <cell r="J388">
            <v>0</v>
          </cell>
        </row>
        <row r="389">
          <cell r="J389">
            <v>0</v>
          </cell>
        </row>
        <row r="390">
          <cell r="J390">
            <v>0</v>
          </cell>
        </row>
        <row r="391">
          <cell r="J391">
            <v>239321</v>
          </cell>
        </row>
        <row r="392">
          <cell r="J392">
            <v>151238</v>
          </cell>
        </row>
        <row r="393">
          <cell r="J393">
            <v>23104</v>
          </cell>
        </row>
        <row r="394">
          <cell r="J394">
            <v>4905</v>
          </cell>
        </row>
        <row r="395">
          <cell r="J395">
            <v>2000</v>
          </cell>
        </row>
        <row r="396">
          <cell r="J396">
            <v>1023</v>
          </cell>
        </row>
        <row r="397">
          <cell r="J397">
            <v>58278</v>
          </cell>
        </row>
        <row r="398">
          <cell r="J398">
            <v>833</v>
          </cell>
        </row>
        <row r="399">
          <cell r="J399">
            <v>29165</v>
          </cell>
        </row>
        <row r="400">
          <cell r="J400">
            <v>18965</v>
          </cell>
        </row>
        <row r="401">
          <cell r="J401">
            <v>0</v>
          </cell>
        </row>
        <row r="402">
          <cell r="J402">
            <v>5083</v>
          </cell>
        </row>
        <row r="403">
          <cell r="J403">
            <v>1240</v>
          </cell>
        </row>
        <row r="404">
          <cell r="J404">
            <v>814</v>
          </cell>
        </row>
        <row r="405">
          <cell r="J405">
            <v>2066</v>
          </cell>
        </row>
        <row r="406">
          <cell r="J406">
            <v>41657</v>
          </cell>
        </row>
        <row r="407">
          <cell r="J407">
            <v>5271</v>
          </cell>
        </row>
        <row r="408">
          <cell r="J408">
            <v>89600</v>
          </cell>
        </row>
        <row r="409">
          <cell r="J409">
            <v>-8568</v>
          </cell>
        </row>
        <row r="410">
          <cell r="J410">
            <v>21340</v>
          </cell>
        </row>
        <row r="411">
          <cell r="J411">
            <v>18857</v>
          </cell>
        </row>
        <row r="412">
          <cell r="J412">
            <v>12500</v>
          </cell>
        </row>
        <row r="413">
          <cell r="J413">
            <v>-10945</v>
          </cell>
        </row>
        <row r="414">
          <cell r="J414">
            <v>96288</v>
          </cell>
        </row>
        <row r="415">
          <cell r="J415">
            <v>49903</v>
          </cell>
        </row>
        <row r="416">
          <cell r="J416">
            <v>0</v>
          </cell>
        </row>
        <row r="417">
          <cell r="J417">
            <v>27078</v>
          </cell>
        </row>
        <row r="418">
          <cell r="J418">
            <v>16843</v>
          </cell>
        </row>
        <row r="419">
          <cell r="J419">
            <v>0</v>
          </cell>
        </row>
        <row r="420">
          <cell r="J420">
            <v>2794253</v>
          </cell>
        </row>
        <row r="421">
          <cell r="J421">
            <v>2231</v>
          </cell>
        </row>
        <row r="422">
          <cell r="J422">
            <v>709</v>
          </cell>
        </row>
        <row r="423">
          <cell r="J423">
            <v>10428</v>
          </cell>
        </row>
        <row r="424">
          <cell r="J424">
            <v>250</v>
          </cell>
        </row>
        <row r="425">
          <cell r="J425">
            <v>0</v>
          </cell>
        </row>
        <row r="426">
          <cell r="J426">
            <v>34427</v>
          </cell>
        </row>
        <row r="427">
          <cell r="J427">
            <v>21710</v>
          </cell>
        </row>
        <row r="428">
          <cell r="J428">
            <v>2883</v>
          </cell>
        </row>
        <row r="429">
          <cell r="J429">
            <v>0</v>
          </cell>
        </row>
        <row r="430">
          <cell r="J430">
            <v>2761</v>
          </cell>
        </row>
        <row r="431">
          <cell r="J431">
            <v>1338</v>
          </cell>
        </row>
        <row r="432">
          <cell r="J432">
            <v>1254</v>
          </cell>
        </row>
        <row r="433">
          <cell r="J433">
            <v>27575</v>
          </cell>
        </row>
        <row r="434">
          <cell r="J434">
            <v>17151</v>
          </cell>
        </row>
        <row r="435">
          <cell r="J435">
            <v>0</v>
          </cell>
        </row>
        <row r="436">
          <cell r="J436">
            <v>738</v>
          </cell>
        </row>
        <row r="437">
          <cell r="J437">
            <v>5210</v>
          </cell>
        </row>
        <row r="438">
          <cell r="J438">
            <v>4167</v>
          </cell>
        </row>
        <row r="439">
          <cell r="J439">
            <v>1721</v>
          </cell>
        </row>
        <row r="440">
          <cell r="J440">
            <v>4323</v>
          </cell>
        </row>
        <row r="441">
          <cell r="J441">
            <v>46222</v>
          </cell>
        </row>
        <row r="442">
          <cell r="J442">
            <v>19472</v>
          </cell>
        </row>
        <row r="443">
          <cell r="J443">
            <v>0</v>
          </cell>
        </row>
        <row r="444">
          <cell r="J444">
            <v>0</v>
          </cell>
        </row>
        <row r="445">
          <cell r="J445">
            <v>0</v>
          </cell>
        </row>
        <row r="446">
          <cell r="J446">
            <v>25939</v>
          </cell>
        </row>
        <row r="447">
          <cell r="J447">
            <v>16134</v>
          </cell>
        </row>
        <row r="448">
          <cell r="J448">
            <v>833</v>
          </cell>
        </row>
        <row r="449">
          <cell r="J449">
            <v>1500</v>
          </cell>
        </row>
        <row r="450">
          <cell r="J450">
            <v>538</v>
          </cell>
        </row>
        <row r="451">
          <cell r="J451">
            <v>-287902</v>
          </cell>
        </row>
        <row r="452">
          <cell r="J452">
            <v>66072</v>
          </cell>
        </row>
        <row r="453">
          <cell r="J453">
            <v>50266</v>
          </cell>
        </row>
        <row r="454">
          <cell r="J454">
            <v>0</v>
          </cell>
        </row>
        <row r="455">
          <cell r="J455">
            <v>0</v>
          </cell>
        </row>
        <row r="456">
          <cell r="J456">
            <v>4167</v>
          </cell>
        </row>
        <row r="457">
          <cell r="J457">
            <v>4083</v>
          </cell>
        </row>
        <row r="458">
          <cell r="J458">
            <v>456</v>
          </cell>
        </row>
        <row r="459">
          <cell r="J459">
            <v>2733</v>
          </cell>
        </row>
        <row r="460">
          <cell r="J460">
            <v>4246</v>
          </cell>
        </row>
        <row r="461">
          <cell r="J461">
            <v>0</v>
          </cell>
        </row>
        <row r="462">
          <cell r="J462">
            <v>0</v>
          </cell>
        </row>
        <row r="463">
          <cell r="J463">
            <v>0</v>
          </cell>
        </row>
        <row r="464">
          <cell r="J464">
            <v>6964</v>
          </cell>
        </row>
        <row r="465">
          <cell r="J465">
            <v>0</v>
          </cell>
        </row>
        <row r="466">
          <cell r="J466">
            <v>0</v>
          </cell>
        </row>
        <row r="467">
          <cell r="J467">
            <v>0</v>
          </cell>
        </row>
        <row r="468">
          <cell r="J468">
            <v>25000</v>
          </cell>
        </row>
        <row r="469">
          <cell r="J469">
            <v>0</v>
          </cell>
        </row>
        <row r="470">
          <cell r="J470">
            <v>19508</v>
          </cell>
        </row>
        <row r="471">
          <cell r="J471">
            <v>12134</v>
          </cell>
        </row>
        <row r="472">
          <cell r="J472">
            <v>0</v>
          </cell>
        </row>
        <row r="473">
          <cell r="J473">
            <v>0</v>
          </cell>
        </row>
        <row r="474">
          <cell r="J474">
            <v>0</v>
          </cell>
        </row>
        <row r="475">
          <cell r="J475">
            <v>0</v>
          </cell>
        </row>
        <row r="476">
          <cell r="J476">
            <v>19958</v>
          </cell>
        </row>
        <row r="477">
          <cell r="J477">
            <v>12414</v>
          </cell>
        </row>
        <row r="478">
          <cell r="J478">
            <v>0</v>
          </cell>
        </row>
        <row r="479">
          <cell r="J479">
            <v>94168</v>
          </cell>
        </row>
        <row r="480">
          <cell r="J480">
            <v>61168</v>
          </cell>
        </row>
        <row r="481">
          <cell r="J481">
            <v>9277</v>
          </cell>
        </row>
        <row r="482">
          <cell r="J482">
            <v>70399</v>
          </cell>
        </row>
        <row r="483">
          <cell r="J483">
            <v>16793</v>
          </cell>
        </row>
        <row r="484">
          <cell r="J484">
            <v>2841</v>
          </cell>
        </row>
        <row r="485">
          <cell r="J485">
            <v>18501</v>
          </cell>
        </row>
        <row r="486">
          <cell r="J486">
            <v>216842</v>
          </cell>
        </row>
        <row r="487">
          <cell r="J487">
            <v>0</v>
          </cell>
        </row>
        <row r="488">
          <cell r="J488">
            <v>-37237</v>
          </cell>
        </row>
        <row r="489">
          <cell r="J489">
            <v>30142</v>
          </cell>
        </row>
        <row r="490">
          <cell r="J490">
            <v>14138</v>
          </cell>
        </row>
        <row r="491">
          <cell r="J491">
            <v>-4075</v>
          </cell>
        </row>
        <row r="492">
          <cell r="J492">
            <v>17300</v>
          </cell>
        </row>
        <row r="493">
          <cell r="J493">
            <v>178</v>
          </cell>
        </row>
        <row r="494">
          <cell r="J494">
            <v>34578</v>
          </cell>
        </row>
        <row r="495">
          <cell r="J495">
            <v>5334</v>
          </cell>
        </row>
        <row r="496">
          <cell r="J496">
            <v>3739</v>
          </cell>
        </row>
        <row r="497">
          <cell r="J497">
            <v>103202</v>
          </cell>
        </row>
        <row r="498">
          <cell r="J498">
            <v>1523</v>
          </cell>
        </row>
        <row r="499">
          <cell r="J499">
            <v>0</v>
          </cell>
        </row>
        <row r="500">
          <cell r="J500">
            <v>0</v>
          </cell>
        </row>
        <row r="501">
          <cell r="J501">
            <v>15663</v>
          </cell>
        </row>
        <row r="502">
          <cell r="J502">
            <v>110534</v>
          </cell>
        </row>
        <row r="503">
          <cell r="J503">
            <v>287902</v>
          </cell>
        </row>
        <row r="504">
          <cell r="J504">
            <v>26238</v>
          </cell>
        </row>
        <row r="505">
          <cell r="J505">
            <v>18393</v>
          </cell>
        </row>
        <row r="506">
          <cell r="J506">
            <v>0</v>
          </cell>
        </row>
        <row r="507">
          <cell r="J507">
            <v>76434</v>
          </cell>
        </row>
        <row r="508">
          <cell r="J508">
            <v>18230</v>
          </cell>
        </row>
        <row r="509">
          <cell r="J509">
            <v>0</v>
          </cell>
        </row>
        <row r="510">
          <cell r="J510">
            <v>376346</v>
          </cell>
        </row>
        <row r="511">
          <cell r="J511">
            <v>0</v>
          </cell>
        </row>
        <row r="512">
          <cell r="J512">
            <v>12937</v>
          </cell>
        </row>
        <row r="513">
          <cell r="J513">
            <v>6244</v>
          </cell>
        </row>
        <row r="514">
          <cell r="J514">
            <v>4377</v>
          </cell>
        </row>
        <row r="515">
          <cell r="J515">
            <v>0</v>
          </cell>
        </row>
        <row r="516">
          <cell r="J516">
            <v>31537</v>
          </cell>
        </row>
        <row r="517">
          <cell r="J517">
            <v>206</v>
          </cell>
        </row>
        <row r="518">
          <cell r="J518">
            <v>305198</v>
          </cell>
        </row>
        <row r="519">
          <cell r="J519">
            <v>895</v>
          </cell>
        </row>
        <row r="520">
          <cell r="J520">
            <v>6667</v>
          </cell>
        </row>
        <row r="521">
          <cell r="J521">
            <v>322516</v>
          </cell>
        </row>
        <row r="522">
          <cell r="J522">
            <v>41</v>
          </cell>
        </row>
        <row r="523">
          <cell r="J523">
            <v>207794</v>
          </cell>
        </row>
        <row r="524">
          <cell r="J524">
            <v>146635</v>
          </cell>
        </row>
        <row r="525">
          <cell r="J525">
            <v>5339</v>
          </cell>
        </row>
        <row r="526">
          <cell r="J526">
            <v>396969</v>
          </cell>
        </row>
        <row r="527">
          <cell r="J527">
            <v>42410</v>
          </cell>
        </row>
        <row r="528">
          <cell r="J528">
            <v>0</v>
          </cell>
        </row>
        <row r="529">
          <cell r="J529">
            <v>338779</v>
          </cell>
        </row>
        <row r="530">
          <cell r="J530">
            <v>-240258</v>
          </cell>
        </row>
        <row r="531">
          <cell r="J531">
            <v>135</v>
          </cell>
        </row>
        <row r="532">
          <cell r="J532">
            <v>146528</v>
          </cell>
        </row>
        <row r="533">
          <cell r="J533">
            <v>103084</v>
          </cell>
        </row>
        <row r="534">
          <cell r="J534">
            <v>2022</v>
          </cell>
        </row>
        <row r="535">
          <cell r="J535">
            <v>220312</v>
          </cell>
        </row>
        <row r="536">
          <cell r="J536">
            <v>32064</v>
          </cell>
        </row>
        <row r="537">
          <cell r="J537">
            <v>0</v>
          </cell>
        </row>
        <row r="538">
          <cell r="J538">
            <v>371392</v>
          </cell>
        </row>
        <row r="539">
          <cell r="J539">
            <v>-27340</v>
          </cell>
        </row>
        <row r="540">
          <cell r="J540">
            <v>103</v>
          </cell>
        </row>
        <row r="541">
          <cell r="J541">
            <v>195406</v>
          </cell>
        </row>
        <row r="542">
          <cell r="J542">
            <v>138948</v>
          </cell>
        </row>
        <row r="543">
          <cell r="J543">
            <v>10816</v>
          </cell>
        </row>
        <row r="544">
          <cell r="J544">
            <v>804910</v>
          </cell>
        </row>
        <row r="545">
          <cell r="J545">
            <v>54218</v>
          </cell>
        </row>
        <row r="546">
          <cell r="J546">
            <v>951</v>
          </cell>
        </row>
        <row r="547">
          <cell r="J547">
            <v>470399</v>
          </cell>
        </row>
        <row r="548">
          <cell r="J548">
            <v>-312947</v>
          </cell>
        </row>
        <row r="549">
          <cell r="J549">
            <v>201</v>
          </cell>
        </row>
        <row r="550">
          <cell r="J550">
            <v>12099</v>
          </cell>
        </row>
        <row r="551">
          <cell r="J551">
            <v>8739</v>
          </cell>
        </row>
        <row r="552">
          <cell r="J552">
            <v>1417</v>
          </cell>
        </row>
        <row r="553">
          <cell r="J553">
            <v>13769</v>
          </cell>
        </row>
        <row r="554">
          <cell r="J554">
            <v>0</v>
          </cell>
        </row>
        <row r="555">
          <cell r="J555">
            <v>2065848</v>
          </cell>
        </row>
        <row r="556">
          <cell r="J556">
            <v>256</v>
          </cell>
        </row>
        <row r="557">
          <cell r="J557">
            <v>0</v>
          </cell>
        </row>
        <row r="558">
          <cell r="J558">
            <v>424335</v>
          </cell>
        </row>
        <row r="559">
          <cell r="J559">
            <v>0</v>
          </cell>
        </row>
        <row r="560">
          <cell r="J560">
            <v>311805</v>
          </cell>
        </row>
        <row r="561">
          <cell r="J561">
            <v>10362</v>
          </cell>
        </row>
        <row r="562">
          <cell r="J562">
            <v>11721</v>
          </cell>
        </row>
        <row r="563">
          <cell r="J563">
            <v>2693315</v>
          </cell>
        </row>
        <row r="564">
          <cell r="J564">
            <v>349</v>
          </cell>
        </row>
        <row r="565">
          <cell r="J565">
            <v>34817</v>
          </cell>
        </row>
        <row r="566">
          <cell r="J566">
            <v>5505</v>
          </cell>
        </row>
        <row r="567">
          <cell r="J567">
            <v>95313</v>
          </cell>
        </row>
        <row r="568">
          <cell r="J568">
            <v>634554</v>
          </cell>
        </row>
        <row r="569">
          <cell r="J569">
            <v>15</v>
          </cell>
        </row>
        <row r="570">
          <cell r="J570">
            <v>1758</v>
          </cell>
        </row>
        <row r="571">
          <cell r="J571">
            <v>1089012</v>
          </cell>
        </row>
        <row r="572">
          <cell r="J572">
            <v>0</v>
          </cell>
        </row>
        <row r="573">
          <cell r="J573">
            <v>37238</v>
          </cell>
        </row>
        <row r="574">
          <cell r="J574">
            <v>2134</v>
          </cell>
        </row>
        <row r="575">
          <cell r="J575">
            <v>1496</v>
          </cell>
        </row>
        <row r="576">
          <cell r="J576">
            <v>24506</v>
          </cell>
        </row>
        <row r="577">
          <cell r="J577">
            <v>3254</v>
          </cell>
        </row>
        <row r="578">
          <cell r="J578">
            <v>0</v>
          </cell>
        </row>
        <row r="579">
          <cell r="J579">
            <v>3845</v>
          </cell>
        </row>
        <row r="580">
          <cell r="J580">
            <v>234302</v>
          </cell>
        </row>
        <row r="581">
          <cell r="J581">
            <v>146307</v>
          </cell>
        </row>
        <row r="582">
          <cell r="J582">
            <v>5540</v>
          </cell>
        </row>
        <row r="583">
          <cell r="J583">
            <v>2913</v>
          </cell>
        </row>
        <row r="584">
          <cell r="J584">
            <v>37370</v>
          </cell>
        </row>
        <row r="585">
          <cell r="J585">
            <v>1876</v>
          </cell>
        </row>
        <row r="586">
          <cell r="J586">
            <v>6819</v>
          </cell>
        </row>
        <row r="587">
          <cell r="J587">
            <v>833</v>
          </cell>
        </row>
        <row r="588">
          <cell r="J588">
            <v>-110534</v>
          </cell>
        </row>
        <row r="589">
          <cell r="J589">
            <v>0</v>
          </cell>
        </row>
        <row r="590">
          <cell r="J590">
            <v>0</v>
          </cell>
        </row>
        <row r="591">
          <cell r="J591">
            <v>6202</v>
          </cell>
        </row>
        <row r="592">
          <cell r="J592">
            <v>0</v>
          </cell>
        </row>
        <row r="593">
          <cell r="J593">
            <v>6781</v>
          </cell>
        </row>
        <row r="594">
          <cell r="J594">
            <v>4477</v>
          </cell>
        </row>
        <row r="595">
          <cell r="J595">
            <v>0</v>
          </cell>
        </row>
        <row r="596">
          <cell r="J596">
            <v>0</v>
          </cell>
        </row>
        <row r="597">
          <cell r="J597">
            <v>10478</v>
          </cell>
        </row>
        <row r="598">
          <cell r="J598">
            <v>8171</v>
          </cell>
        </row>
        <row r="599">
          <cell r="J599">
            <v>2769</v>
          </cell>
        </row>
        <row r="600">
          <cell r="J600">
            <v>80244</v>
          </cell>
        </row>
        <row r="601">
          <cell r="J601">
            <v>3777</v>
          </cell>
        </row>
        <row r="602">
          <cell r="J602">
            <v>223</v>
          </cell>
        </row>
        <row r="603">
          <cell r="J603">
            <v>78313</v>
          </cell>
        </row>
        <row r="604">
          <cell r="J604">
            <v>159</v>
          </cell>
        </row>
        <row r="605">
          <cell r="J605">
            <v>6687180</v>
          </cell>
        </row>
        <row r="606">
          <cell r="J606">
            <v>5175082</v>
          </cell>
        </row>
        <row r="607">
          <cell r="J607">
            <v>1066564</v>
          </cell>
        </row>
        <row r="608">
          <cell r="J608">
            <v>6098182</v>
          </cell>
        </row>
        <row r="609">
          <cell r="J609">
            <v>1194062</v>
          </cell>
        </row>
        <row r="610">
          <cell r="J610">
            <v>415339</v>
          </cell>
        </row>
        <row r="611">
          <cell r="J611">
            <v>1129900</v>
          </cell>
        </row>
        <row r="612">
          <cell r="J612">
            <v>-46342</v>
          </cell>
        </row>
        <row r="613">
          <cell r="J613">
            <v>78664</v>
          </cell>
        </row>
        <row r="614">
          <cell r="J614">
            <v>9349105</v>
          </cell>
        </row>
        <row r="615">
          <cell r="J615">
            <v>0</v>
          </cell>
        </row>
        <row r="616">
          <cell r="J616">
            <v>85872</v>
          </cell>
        </row>
        <row r="617">
          <cell r="J617">
            <v>0</v>
          </cell>
        </row>
        <row r="618">
          <cell r="J618">
            <v>44238</v>
          </cell>
        </row>
        <row r="619">
          <cell r="J619">
            <v>31011</v>
          </cell>
        </row>
        <row r="620">
          <cell r="J620">
            <v>0</v>
          </cell>
        </row>
        <row r="621">
          <cell r="J621">
            <v>117158</v>
          </cell>
        </row>
        <row r="622">
          <cell r="J622">
            <v>28000</v>
          </cell>
        </row>
        <row r="623">
          <cell r="J623">
            <v>0</v>
          </cell>
        </row>
        <row r="624">
          <cell r="J624">
            <v>62418</v>
          </cell>
        </row>
        <row r="625">
          <cell r="J625">
            <v>35</v>
          </cell>
        </row>
        <row r="626">
          <cell r="J626">
            <v>438397</v>
          </cell>
        </row>
        <row r="627">
          <cell r="J627">
            <v>304902</v>
          </cell>
        </row>
        <row r="628">
          <cell r="J628">
            <v>2660</v>
          </cell>
        </row>
        <row r="629">
          <cell r="J629">
            <v>192639</v>
          </cell>
        </row>
        <row r="630">
          <cell r="J630">
            <v>17624</v>
          </cell>
        </row>
        <row r="631">
          <cell r="J631">
            <v>1483</v>
          </cell>
        </row>
        <row r="632">
          <cell r="J632">
            <v>204852</v>
          </cell>
        </row>
        <row r="633">
          <cell r="J633">
            <v>-704397</v>
          </cell>
        </row>
        <row r="634">
          <cell r="J634">
            <v>81214</v>
          </cell>
        </row>
        <row r="635">
          <cell r="J635">
            <v>56931</v>
          </cell>
        </row>
        <row r="636">
          <cell r="J636">
            <v>0</v>
          </cell>
        </row>
        <row r="637">
          <cell r="J637">
            <v>218089</v>
          </cell>
        </row>
        <row r="638">
          <cell r="J638">
            <v>26838</v>
          </cell>
        </row>
        <row r="639">
          <cell r="J639">
            <v>0</v>
          </cell>
        </row>
        <row r="640">
          <cell r="J640">
            <v>129305</v>
          </cell>
        </row>
        <row r="641">
          <cell r="J641">
            <v>0</v>
          </cell>
        </row>
        <row r="642">
          <cell r="J642">
            <v>62</v>
          </cell>
        </row>
        <row r="643">
          <cell r="J643">
            <v>3779</v>
          </cell>
        </row>
        <row r="644">
          <cell r="J644">
            <v>2649</v>
          </cell>
        </row>
        <row r="645">
          <cell r="J645">
            <v>282240</v>
          </cell>
        </row>
        <row r="646">
          <cell r="J646">
            <v>35</v>
          </cell>
        </row>
        <row r="647">
          <cell r="J647">
            <v>221635</v>
          </cell>
        </row>
        <row r="648">
          <cell r="J648">
            <v>155366</v>
          </cell>
        </row>
        <row r="649">
          <cell r="J649">
            <v>0</v>
          </cell>
        </row>
        <row r="650">
          <cell r="J650">
            <v>333895</v>
          </cell>
        </row>
        <row r="651">
          <cell r="J651">
            <v>69384</v>
          </cell>
        </row>
        <row r="652">
          <cell r="J652">
            <v>0</v>
          </cell>
        </row>
        <row r="653">
          <cell r="J653">
            <v>393174</v>
          </cell>
        </row>
        <row r="654">
          <cell r="J654">
            <v>138</v>
          </cell>
        </row>
        <row r="655">
          <cell r="J655">
            <v>59650</v>
          </cell>
        </row>
        <row r="656">
          <cell r="J656">
            <v>41815</v>
          </cell>
        </row>
        <row r="657">
          <cell r="J657">
            <v>0</v>
          </cell>
        </row>
        <row r="658">
          <cell r="J658">
            <v>200000</v>
          </cell>
        </row>
        <row r="659">
          <cell r="J659">
            <v>21863</v>
          </cell>
        </row>
        <row r="660">
          <cell r="J660">
            <v>0</v>
          </cell>
        </row>
        <row r="661">
          <cell r="J661">
            <v>84884</v>
          </cell>
        </row>
        <row r="662">
          <cell r="J662">
            <v>48</v>
          </cell>
        </row>
        <row r="663">
          <cell r="J663">
            <v>0</v>
          </cell>
        </row>
        <row r="664">
          <cell r="J664">
            <v>0</v>
          </cell>
        </row>
        <row r="665">
          <cell r="J665">
            <v>0</v>
          </cell>
        </row>
        <row r="666">
          <cell r="J666">
            <v>0</v>
          </cell>
        </row>
        <row r="667">
          <cell r="J667">
            <v>0</v>
          </cell>
        </row>
        <row r="668">
          <cell r="J668">
            <v>0</v>
          </cell>
        </row>
        <row r="669">
          <cell r="J669">
            <v>8063</v>
          </cell>
        </row>
        <row r="670">
          <cell r="J670">
            <v>5652</v>
          </cell>
        </row>
        <row r="671">
          <cell r="J671">
            <v>0</v>
          </cell>
        </row>
        <row r="672">
          <cell r="J672">
            <v>110565</v>
          </cell>
        </row>
        <row r="673">
          <cell r="J673">
            <v>0</v>
          </cell>
        </row>
        <row r="674">
          <cell r="J674">
            <v>15</v>
          </cell>
        </row>
        <row r="675">
          <cell r="J675">
            <v>76784</v>
          </cell>
        </row>
        <row r="676">
          <cell r="J676">
            <v>53826</v>
          </cell>
        </row>
        <row r="677">
          <cell r="J677">
            <v>0</v>
          </cell>
        </row>
        <row r="678">
          <cell r="J678">
            <v>383090</v>
          </cell>
        </row>
        <row r="679">
          <cell r="J679">
            <v>37979</v>
          </cell>
        </row>
        <row r="680">
          <cell r="J680">
            <v>0</v>
          </cell>
        </row>
        <row r="681">
          <cell r="J681">
            <v>110992</v>
          </cell>
        </row>
        <row r="682">
          <cell r="J682">
            <v>80</v>
          </cell>
        </row>
        <row r="683">
          <cell r="J683">
            <v>24297</v>
          </cell>
        </row>
        <row r="684">
          <cell r="J684">
            <v>17032</v>
          </cell>
        </row>
        <row r="685">
          <cell r="J685">
            <v>0</v>
          </cell>
        </row>
        <row r="686">
          <cell r="J686">
            <v>402040</v>
          </cell>
        </row>
        <row r="687">
          <cell r="J687">
            <v>5288</v>
          </cell>
        </row>
        <row r="688">
          <cell r="J688">
            <v>0</v>
          </cell>
        </row>
        <row r="689">
          <cell r="J689">
            <v>84642</v>
          </cell>
        </row>
        <row r="690">
          <cell r="J690">
            <v>63</v>
          </cell>
        </row>
        <row r="691">
          <cell r="J691">
            <v>19638</v>
          </cell>
        </row>
        <row r="692">
          <cell r="J692">
            <v>12215</v>
          </cell>
        </row>
        <row r="693">
          <cell r="J693">
            <v>0</v>
          </cell>
        </row>
        <row r="694">
          <cell r="J694">
            <v>9083</v>
          </cell>
        </row>
        <row r="695">
          <cell r="J695">
            <v>419</v>
          </cell>
        </row>
        <row r="696">
          <cell r="J696">
            <v>2210</v>
          </cell>
        </row>
        <row r="697">
          <cell r="J697">
            <v>-8667</v>
          </cell>
        </row>
        <row r="698">
          <cell r="J698">
            <v>417</v>
          </cell>
        </row>
        <row r="699">
          <cell r="J699">
            <v>96787</v>
          </cell>
        </row>
        <row r="700">
          <cell r="J700">
            <v>60208</v>
          </cell>
        </row>
        <row r="701">
          <cell r="J701">
            <v>67</v>
          </cell>
        </row>
        <row r="702">
          <cell r="J702">
            <v>15833</v>
          </cell>
        </row>
        <row r="703">
          <cell r="J703">
            <v>0</v>
          </cell>
        </row>
        <row r="704">
          <cell r="J704">
            <v>8833</v>
          </cell>
        </row>
        <row r="705">
          <cell r="J705">
            <v>6339</v>
          </cell>
        </row>
        <row r="706">
          <cell r="J706">
            <v>7734</v>
          </cell>
        </row>
        <row r="707">
          <cell r="J707">
            <v>44736</v>
          </cell>
        </row>
        <row r="708">
          <cell r="J708">
            <v>27892</v>
          </cell>
        </row>
        <row r="709">
          <cell r="J709">
            <v>646</v>
          </cell>
        </row>
        <row r="710">
          <cell r="J710">
            <v>58230</v>
          </cell>
        </row>
        <row r="711">
          <cell r="J711">
            <v>15537</v>
          </cell>
        </row>
        <row r="712">
          <cell r="J712">
            <v>208</v>
          </cell>
        </row>
        <row r="713">
          <cell r="J713">
            <v>194093</v>
          </cell>
        </row>
        <row r="714">
          <cell r="J714">
            <v>127232</v>
          </cell>
        </row>
        <row r="715">
          <cell r="J715">
            <v>833</v>
          </cell>
        </row>
        <row r="716">
          <cell r="J716">
            <v>2083</v>
          </cell>
        </row>
        <row r="717">
          <cell r="J717">
            <v>14208</v>
          </cell>
        </row>
        <row r="718">
          <cell r="J718">
            <v>1133</v>
          </cell>
        </row>
        <row r="719">
          <cell r="J719">
            <v>4095</v>
          </cell>
        </row>
        <row r="720">
          <cell r="J720">
            <v>-122762</v>
          </cell>
        </row>
        <row r="721">
          <cell r="J721">
            <v>20433</v>
          </cell>
        </row>
        <row r="722">
          <cell r="J722">
            <v>12709</v>
          </cell>
        </row>
        <row r="723">
          <cell r="J723">
            <v>0</v>
          </cell>
        </row>
        <row r="724">
          <cell r="J724">
            <v>469</v>
          </cell>
        </row>
        <row r="725">
          <cell r="J725">
            <v>7574</v>
          </cell>
        </row>
        <row r="726">
          <cell r="J726">
            <v>2957</v>
          </cell>
        </row>
        <row r="727">
          <cell r="J727">
            <v>93701</v>
          </cell>
        </row>
        <row r="728">
          <cell r="J728">
            <v>58706</v>
          </cell>
        </row>
        <row r="729">
          <cell r="J729">
            <v>4500</v>
          </cell>
        </row>
        <row r="730">
          <cell r="J730">
            <v>7389</v>
          </cell>
        </row>
        <row r="731">
          <cell r="J731">
            <v>14567</v>
          </cell>
        </row>
        <row r="732">
          <cell r="J732">
            <v>9096</v>
          </cell>
        </row>
        <row r="733">
          <cell r="J733">
            <v>510</v>
          </cell>
        </row>
        <row r="734">
          <cell r="J734">
            <v>0</v>
          </cell>
        </row>
        <row r="735">
          <cell r="J735">
            <v>26905</v>
          </cell>
        </row>
        <row r="736">
          <cell r="J736">
            <v>22487</v>
          </cell>
        </row>
        <row r="737">
          <cell r="J737">
            <v>145</v>
          </cell>
        </row>
        <row r="738">
          <cell r="J738">
            <v>3769</v>
          </cell>
        </row>
        <row r="739">
          <cell r="J739">
            <v>1412101</v>
          </cell>
        </row>
        <row r="740">
          <cell r="J740">
            <v>882092</v>
          </cell>
        </row>
        <row r="741">
          <cell r="J741">
            <v>41985</v>
          </cell>
        </row>
        <row r="742">
          <cell r="J742">
            <v>1367826</v>
          </cell>
        </row>
        <row r="743">
          <cell r="J743">
            <v>266880</v>
          </cell>
        </row>
        <row r="744">
          <cell r="J744">
            <v>39948</v>
          </cell>
        </row>
        <row r="745">
          <cell r="J745">
            <v>194494</v>
          </cell>
        </row>
        <row r="746">
          <cell r="J746">
            <v>0</v>
          </cell>
        </row>
        <row r="747">
          <cell r="J747">
            <v>203231</v>
          </cell>
        </row>
        <row r="748">
          <cell r="J748">
            <v>163375</v>
          </cell>
        </row>
        <row r="749">
          <cell r="J749">
            <v>-85417</v>
          </cell>
        </row>
        <row r="750">
          <cell r="J750">
            <v>12500</v>
          </cell>
        </row>
        <row r="751">
          <cell r="J751">
            <v>0</v>
          </cell>
        </row>
        <row r="752">
          <cell r="J752">
            <v>0</v>
          </cell>
        </row>
        <row r="753">
          <cell r="J753">
            <v>0</v>
          </cell>
        </row>
        <row r="754">
          <cell r="J754">
            <v>0</v>
          </cell>
        </row>
        <row r="755">
          <cell r="J755">
            <v>0</v>
          </cell>
        </row>
        <row r="756">
          <cell r="J756">
            <v>0</v>
          </cell>
        </row>
        <row r="757">
          <cell r="J757">
            <v>0</v>
          </cell>
        </row>
        <row r="758">
          <cell r="J758">
            <v>0</v>
          </cell>
        </row>
        <row r="759">
          <cell r="J759">
            <v>0</v>
          </cell>
        </row>
        <row r="760">
          <cell r="J760">
            <v>0</v>
          </cell>
        </row>
        <row r="761">
          <cell r="J761">
            <v>0</v>
          </cell>
        </row>
        <row r="762">
          <cell r="J762">
            <v>0</v>
          </cell>
        </row>
        <row r="763">
          <cell r="J763">
            <v>0</v>
          </cell>
        </row>
        <row r="764">
          <cell r="J764">
            <v>0</v>
          </cell>
        </row>
        <row r="765">
          <cell r="J765">
            <v>0</v>
          </cell>
        </row>
        <row r="766">
          <cell r="J766">
            <v>0</v>
          </cell>
        </row>
        <row r="767">
          <cell r="J767">
            <v>0</v>
          </cell>
        </row>
        <row r="768">
          <cell r="J768">
            <v>0</v>
          </cell>
        </row>
        <row r="769">
          <cell r="J769">
            <v>0</v>
          </cell>
        </row>
        <row r="770">
          <cell r="J770">
            <v>0</v>
          </cell>
        </row>
        <row r="771">
          <cell r="J771">
            <v>0</v>
          </cell>
        </row>
        <row r="772">
          <cell r="J772">
            <v>0</v>
          </cell>
        </row>
        <row r="773">
          <cell r="J773">
            <v>0</v>
          </cell>
        </row>
        <row r="774">
          <cell r="J774">
            <v>0</v>
          </cell>
        </row>
        <row r="775">
          <cell r="J775">
            <v>0</v>
          </cell>
        </row>
        <row r="776">
          <cell r="J776">
            <v>0</v>
          </cell>
        </row>
        <row r="777">
          <cell r="J777">
            <v>0</v>
          </cell>
        </row>
        <row r="778">
          <cell r="J778">
            <v>0</v>
          </cell>
        </row>
        <row r="779">
          <cell r="J779">
            <v>0</v>
          </cell>
        </row>
        <row r="780">
          <cell r="J780">
            <v>0</v>
          </cell>
        </row>
        <row r="781">
          <cell r="J781">
            <v>0</v>
          </cell>
        </row>
        <row r="782">
          <cell r="J782">
            <v>0</v>
          </cell>
        </row>
        <row r="783">
          <cell r="J783">
            <v>0</v>
          </cell>
        </row>
        <row r="784">
          <cell r="J784">
            <v>0</v>
          </cell>
        </row>
        <row r="785">
          <cell r="J785">
            <v>0</v>
          </cell>
        </row>
        <row r="786">
          <cell r="J786">
            <v>0</v>
          </cell>
        </row>
        <row r="787">
          <cell r="J787">
            <v>0</v>
          </cell>
        </row>
        <row r="788">
          <cell r="J788">
            <v>0</v>
          </cell>
        </row>
        <row r="789">
          <cell r="J789">
            <v>0</v>
          </cell>
        </row>
        <row r="790">
          <cell r="J790">
            <v>0</v>
          </cell>
        </row>
        <row r="791">
          <cell r="J791">
            <v>0</v>
          </cell>
        </row>
        <row r="792">
          <cell r="J792">
            <v>0</v>
          </cell>
        </row>
        <row r="793">
          <cell r="J793">
            <v>0</v>
          </cell>
        </row>
        <row r="794">
          <cell r="J794">
            <v>0</v>
          </cell>
        </row>
        <row r="795">
          <cell r="J795">
            <v>0</v>
          </cell>
        </row>
        <row r="796">
          <cell r="J796">
            <v>0</v>
          </cell>
        </row>
        <row r="797">
          <cell r="J797">
            <v>0</v>
          </cell>
        </row>
        <row r="798">
          <cell r="J798">
            <v>0</v>
          </cell>
        </row>
        <row r="799">
          <cell r="J799">
            <v>0</v>
          </cell>
        </row>
        <row r="800">
          <cell r="J800">
            <v>0</v>
          </cell>
        </row>
        <row r="801">
          <cell r="J801">
            <v>0</v>
          </cell>
        </row>
        <row r="802">
          <cell r="J802">
            <v>0</v>
          </cell>
        </row>
        <row r="803">
          <cell r="J803">
            <v>0</v>
          </cell>
        </row>
        <row r="804">
          <cell r="J804">
            <v>0</v>
          </cell>
        </row>
        <row r="805">
          <cell r="J805">
            <v>0</v>
          </cell>
        </row>
        <row r="806">
          <cell r="J806">
            <v>0</v>
          </cell>
        </row>
        <row r="807">
          <cell r="J807">
            <v>0</v>
          </cell>
        </row>
        <row r="808">
          <cell r="J808">
            <v>0</v>
          </cell>
        </row>
        <row r="809">
          <cell r="J809">
            <v>0</v>
          </cell>
        </row>
        <row r="810">
          <cell r="J810">
            <v>0</v>
          </cell>
        </row>
        <row r="811">
          <cell r="J811">
            <v>0</v>
          </cell>
        </row>
        <row r="812">
          <cell r="J812">
            <v>0</v>
          </cell>
        </row>
        <row r="813">
          <cell r="J813">
            <v>0</v>
          </cell>
        </row>
        <row r="814">
          <cell r="J814">
            <v>0</v>
          </cell>
        </row>
        <row r="815">
          <cell r="J815">
            <v>0</v>
          </cell>
        </row>
        <row r="816">
          <cell r="J816">
            <v>0</v>
          </cell>
        </row>
        <row r="817">
          <cell r="J817">
            <v>0</v>
          </cell>
        </row>
        <row r="818">
          <cell r="J818">
            <v>0</v>
          </cell>
        </row>
        <row r="819">
          <cell r="J819">
            <v>0</v>
          </cell>
        </row>
        <row r="820">
          <cell r="J820">
            <v>0</v>
          </cell>
        </row>
        <row r="821">
          <cell r="J821">
            <v>0</v>
          </cell>
        </row>
        <row r="822">
          <cell r="J822">
            <v>0</v>
          </cell>
        </row>
        <row r="823">
          <cell r="J823">
            <v>0</v>
          </cell>
        </row>
        <row r="824">
          <cell r="J824">
            <v>0</v>
          </cell>
        </row>
        <row r="825">
          <cell r="J825">
            <v>0</v>
          </cell>
        </row>
        <row r="826">
          <cell r="J826">
            <v>0</v>
          </cell>
        </row>
        <row r="827">
          <cell r="J827">
            <v>0</v>
          </cell>
        </row>
        <row r="828">
          <cell r="J828">
            <v>0</v>
          </cell>
        </row>
        <row r="829">
          <cell r="J829">
            <v>0</v>
          </cell>
        </row>
        <row r="830">
          <cell r="J830">
            <v>0</v>
          </cell>
        </row>
        <row r="831">
          <cell r="J831">
            <v>0</v>
          </cell>
        </row>
        <row r="832">
          <cell r="J832">
            <v>0</v>
          </cell>
        </row>
        <row r="833">
          <cell r="J833">
            <v>0</v>
          </cell>
        </row>
        <row r="834">
          <cell r="J834">
            <v>0</v>
          </cell>
        </row>
        <row r="835">
          <cell r="J835">
            <v>0</v>
          </cell>
        </row>
        <row r="836">
          <cell r="J836">
            <v>0</v>
          </cell>
        </row>
        <row r="837">
          <cell r="J837">
            <v>0</v>
          </cell>
        </row>
        <row r="838">
          <cell r="J838">
            <v>0</v>
          </cell>
        </row>
        <row r="839">
          <cell r="J839">
            <v>0</v>
          </cell>
        </row>
        <row r="840">
          <cell r="J840">
            <v>0</v>
          </cell>
        </row>
        <row r="841">
          <cell r="J841">
            <v>0</v>
          </cell>
        </row>
        <row r="842">
          <cell r="J842">
            <v>0</v>
          </cell>
        </row>
        <row r="843">
          <cell r="J843">
            <v>0</v>
          </cell>
        </row>
        <row r="844">
          <cell r="J844">
            <v>0</v>
          </cell>
        </row>
        <row r="845">
          <cell r="J845">
            <v>0</v>
          </cell>
        </row>
        <row r="846">
          <cell r="J846">
            <v>0</v>
          </cell>
        </row>
        <row r="847">
          <cell r="J847">
            <v>0</v>
          </cell>
        </row>
        <row r="848">
          <cell r="J848">
            <v>0</v>
          </cell>
        </row>
        <row r="849">
          <cell r="J849">
            <v>0</v>
          </cell>
        </row>
        <row r="850">
          <cell r="J850">
            <v>0</v>
          </cell>
        </row>
        <row r="851">
          <cell r="J851">
            <v>0</v>
          </cell>
        </row>
        <row r="852">
          <cell r="J852">
            <v>0</v>
          </cell>
        </row>
        <row r="853">
          <cell r="J853">
            <v>0</v>
          </cell>
        </row>
        <row r="854">
          <cell r="J854">
            <v>0</v>
          </cell>
        </row>
        <row r="855">
          <cell r="J855">
            <v>0</v>
          </cell>
        </row>
        <row r="856">
          <cell r="J856">
            <v>0</v>
          </cell>
        </row>
        <row r="857">
          <cell r="J857">
            <v>0</v>
          </cell>
        </row>
        <row r="858">
          <cell r="J858">
            <v>0</v>
          </cell>
        </row>
        <row r="859">
          <cell r="J859">
            <v>0</v>
          </cell>
        </row>
        <row r="860">
          <cell r="J860">
            <v>0</v>
          </cell>
        </row>
        <row r="861">
          <cell r="J861">
            <v>0</v>
          </cell>
        </row>
        <row r="862">
          <cell r="J862">
            <v>0</v>
          </cell>
        </row>
        <row r="863">
          <cell r="J863">
            <v>0</v>
          </cell>
        </row>
        <row r="864">
          <cell r="J864">
            <v>0</v>
          </cell>
        </row>
        <row r="865">
          <cell r="J865">
            <v>0</v>
          </cell>
        </row>
        <row r="866">
          <cell r="J866">
            <v>0</v>
          </cell>
        </row>
        <row r="867">
          <cell r="J867">
            <v>0</v>
          </cell>
        </row>
        <row r="868">
          <cell r="J868">
            <v>0</v>
          </cell>
        </row>
        <row r="869">
          <cell r="J869">
            <v>0</v>
          </cell>
        </row>
        <row r="870">
          <cell r="J870">
            <v>0</v>
          </cell>
        </row>
        <row r="871">
          <cell r="J871">
            <v>0</v>
          </cell>
        </row>
        <row r="872">
          <cell r="J872">
            <v>0</v>
          </cell>
        </row>
        <row r="873">
          <cell r="J873">
            <v>0</v>
          </cell>
        </row>
        <row r="874">
          <cell r="J874">
            <v>0</v>
          </cell>
        </row>
        <row r="875">
          <cell r="J875">
            <v>0</v>
          </cell>
        </row>
        <row r="876">
          <cell r="J876">
            <v>0</v>
          </cell>
        </row>
        <row r="877">
          <cell r="J877">
            <v>0</v>
          </cell>
        </row>
        <row r="878">
          <cell r="J878">
            <v>0</v>
          </cell>
        </row>
        <row r="879">
          <cell r="J879">
            <v>0</v>
          </cell>
        </row>
        <row r="880">
          <cell r="J880">
            <v>0</v>
          </cell>
        </row>
        <row r="881">
          <cell r="J881">
            <v>0</v>
          </cell>
        </row>
        <row r="882">
          <cell r="J882">
            <v>0</v>
          </cell>
        </row>
        <row r="883">
          <cell r="J883">
            <v>0</v>
          </cell>
        </row>
        <row r="884">
          <cell r="J884">
            <v>0</v>
          </cell>
        </row>
        <row r="885">
          <cell r="J885">
            <v>0</v>
          </cell>
        </row>
        <row r="886">
          <cell r="J886">
            <v>0</v>
          </cell>
        </row>
        <row r="887">
          <cell r="J887">
            <v>0</v>
          </cell>
        </row>
        <row r="888">
          <cell r="J888">
            <v>0</v>
          </cell>
        </row>
        <row r="889">
          <cell r="J889">
            <v>0</v>
          </cell>
        </row>
        <row r="890">
          <cell r="J890">
            <v>0</v>
          </cell>
        </row>
        <row r="891">
          <cell r="J891">
            <v>0</v>
          </cell>
        </row>
        <row r="892">
          <cell r="J892">
            <v>0</v>
          </cell>
        </row>
        <row r="893">
          <cell r="J893">
            <v>0</v>
          </cell>
        </row>
        <row r="894">
          <cell r="J894">
            <v>0</v>
          </cell>
        </row>
        <row r="895">
          <cell r="J895">
            <v>0</v>
          </cell>
        </row>
        <row r="896">
          <cell r="J896">
            <v>0</v>
          </cell>
        </row>
        <row r="897">
          <cell r="J897">
            <v>0</v>
          </cell>
        </row>
        <row r="898">
          <cell r="J898">
            <v>0</v>
          </cell>
        </row>
        <row r="899">
          <cell r="J899">
            <v>0</v>
          </cell>
        </row>
        <row r="900">
          <cell r="J900">
            <v>0</v>
          </cell>
        </row>
        <row r="901">
          <cell r="J901">
            <v>0</v>
          </cell>
        </row>
        <row r="902">
          <cell r="J902">
            <v>0</v>
          </cell>
        </row>
        <row r="903">
          <cell r="J903">
            <v>0</v>
          </cell>
        </row>
        <row r="904">
          <cell r="J904">
            <v>0</v>
          </cell>
        </row>
        <row r="905">
          <cell r="J905">
            <v>0</v>
          </cell>
        </row>
        <row r="906">
          <cell r="J906">
            <v>0</v>
          </cell>
        </row>
        <row r="907">
          <cell r="J907">
            <v>0</v>
          </cell>
        </row>
        <row r="908">
          <cell r="J908">
            <v>0</v>
          </cell>
        </row>
        <row r="909">
          <cell r="J909">
            <v>0</v>
          </cell>
        </row>
        <row r="910">
          <cell r="J910">
            <v>0</v>
          </cell>
        </row>
        <row r="911">
          <cell r="J911">
            <v>0</v>
          </cell>
        </row>
        <row r="912">
          <cell r="J912">
            <v>0</v>
          </cell>
        </row>
        <row r="913">
          <cell r="J913">
            <v>0</v>
          </cell>
        </row>
        <row r="914">
          <cell r="J914">
            <v>0</v>
          </cell>
        </row>
        <row r="915">
          <cell r="J915">
            <v>0</v>
          </cell>
        </row>
        <row r="916">
          <cell r="J916">
            <v>0</v>
          </cell>
        </row>
        <row r="917">
          <cell r="J917">
            <v>0</v>
          </cell>
        </row>
        <row r="918">
          <cell r="J918">
            <v>0</v>
          </cell>
        </row>
        <row r="919">
          <cell r="J919">
            <v>0</v>
          </cell>
        </row>
        <row r="920">
          <cell r="J920">
            <v>0</v>
          </cell>
        </row>
        <row r="921">
          <cell r="J921">
            <v>0</v>
          </cell>
        </row>
        <row r="922">
          <cell r="J922">
            <v>0</v>
          </cell>
        </row>
        <row r="923">
          <cell r="J923">
            <v>0</v>
          </cell>
        </row>
        <row r="924">
          <cell r="J924">
            <v>0</v>
          </cell>
        </row>
        <row r="925">
          <cell r="J925">
            <v>0</v>
          </cell>
        </row>
        <row r="926">
          <cell r="J926">
            <v>0</v>
          </cell>
        </row>
        <row r="927">
          <cell r="J927">
            <v>0</v>
          </cell>
        </row>
        <row r="928">
          <cell r="J928">
            <v>0</v>
          </cell>
        </row>
        <row r="929">
          <cell r="J929">
            <v>0</v>
          </cell>
        </row>
        <row r="930">
          <cell r="J930">
            <v>0</v>
          </cell>
        </row>
        <row r="931">
          <cell r="J931">
            <v>0</v>
          </cell>
        </row>
        <row r="932">
          <cell r="J932">
            <v>0</v>
          </cell>
        </row>
        <row r="933">
          <cell r="J933">
            <v>0</v>
          </cell>
        </row>
        <row r="934">
          <cell r="J934">
            <v>0</v>
          </cell>
        </row>
        <row r="935">
          <cell r="J935">
            <v>0</v>
          </cell>
        </row>
        <row r="936">
          <cell r="J936">
            <v>0</v>
          </cell>
        </row>
        <row r="937">
          <cell r="J937">
            <v>0</v>
          </cell>
        </row>
        <row r="938">
          <cell r="J938">
            <v>0</v>
          </cell>
        </row>
        <row r="939">
          <cell r="J939">
            <v>0</v>
          </cell>
        </row>
        <row r="940">
          <cell r="J940">
            <v>0</v>
          </cell>
        </row>
        <row r="941">
          <cell r="J941">
            <v>0</v>
          </cell>
        </row>
        <row r="942">
          <cell r="J942">
            <v>0</v>
          </cell>
        </row>
        <row r="943">
          <cell r="J943">
            <v>0</v>
          </cell>
        </row>
        <row r="944">
          <cell r="J944">
            <v>0</v>
          </cell>
        </row>
        <row r="945">
          <cell r="J945">
            <v>0</v>
          </cell>
        </row>
        <row r="946">
          <cell r="J946">
            <v>0</v>
          </cell>
        </row>
        <row r="947">
          <cell r="J947">
            <v>0</v>
          </cell>
        </row>
        <row r="948">
          <cell r="J948">
            <v>0</v>
          </cell>
        </row>
        <row r="949">
          <cell r="J949">
            <v>0</v>
          </cell>
        </row>
        <row r="950">
          <cell r="J950">
            <v>0</v>
          </cell>
        </row>
        <row r="951">
          <cell r="J951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>
        <row r="63">
          <cell r="F63" t="str">
            <v>Board</v>
          </cell>
        </row>
      </sheetData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Budget Summary"/>
      <sheetName val="Budget Ask Var Expl"/>
      <sheetName val="2012 Mitigation"/>
      <sheetName val="2012 Mitigation-Original"/>
      <sheetName val="2013 Mitigation"/>
      <sheetName val="Labor"/>
      <sheetName val="Labor Detail"/>
      <sheetName val="Labor Detail-SMC"/>
      <sheetName val="Contract Labor"/>
      <sheetName val="Materials"/>
      <sheetName val="Meals-Travel"/>
      <sheetName val="Rent-Utilities"/>
      <sheetName val="Other"/>
      <sheetName val="Charge by Others Routine"/>
      <sheetName val="Charges to CR3"/>
      <sheetName val="Target adjustments"/>
      <sheetName val="Cost Category List"/>
      <sheetName val="Lookup"/>
      <sheetName val="Resource Sharing Assumptions"/>
      <sheetName val="Material Rate Change impact"/>
      <sheetName val="OBI impact- O&amp;M Projects"/>
      <sheetName val="OBI impact- Cap Projects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Crystal River (60731S)</v>
          </cell>
        </row>
        <row r="2">
          <cell r="A2" t="str">
            <v>Debary (60778S)</v>
          </cell>
        </row>
        <row r="3">
          <cell r="A3" t="str">
            <v>Intercession City (60776S)</v>
          </cell>
        </row>
        <row r="4">
          <cell r="A4" t="str">
            <v>Suwannee (60746S)</v>
          </cell>
        </row>
        <row r="5">
          <cell r="A5" t="str">
            <v>UF (60779S)</v>
          </cell>
        </row>
        <row r="6">
          <cell r="A6" t="str">
            <v>Anclote (60734S)</v>
          </cell>
        </row>
        <row r="7">
          <cell r="A7" t="str">
            <v>Bartow CC (60LG8S)</v>
          </cell>
        </row>
        <row r="8">
          <cell r="A8" t="str">
            <v>Bartow Steam (60742S)</v>
          </cell>
        </row>
        <row r="9">
          <cell r="A9" t="str">
            <v>Suncoast CT (60764S)</v>
          </cell>
        </row>
        <row r="10">
          <cell r="A10" t="str">
            <v>Hines TB (60768S)</v>
          </cell>
        </row>
        <row r="11">
          <cell r="A11" t="str">
            <v>Power Generation - Florida (60747D)</v>
          </cell>
        </row>
        <row r="12">
          <cell r="A12" t="str">
            <v>Nature Coast Region GM (60708D)</v>
          </cell>
        </row>
        <row r="13">
          <cell r="A13" t="str">
            <v>Suncoast Region GM (60718D)</v>
          </cell>
        </row>
        <row r="14">
          <cell r="A14" t="str">
            <v>Support Services (60LJ7D)</v>
          </cell>
        </row>
        <row r="15">
          <cell r="A15" t="str">
            <v>Regional Engineering (60719S)</v>
          </cell>
        </row>
        <row r="16">
          <cell r="A16" t="str">
            <v>CT Services (60JJ4S)</v>
          </cell>
        </row>
        <row r="17">
          <cell r="A17" t="str">
            <v>Outage &amp; Projects (60LF4S)</v>
          </cell>
        </row>
        <row r="18">
          <cell r="A18" t="str">
            <v>SMC (60LJ6S)</v>
          </cell>
        </row>
      </sheetData>
      <sheetData sheetId="19"/>
      <sheetData sheetId="20"/>
      <sheetData sheetId="21"/>
      <sheetData sheetId="22"/>
      <sheetData sheetId="23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"/>
      <sheetName val="Tax Listing"/>
      <sheetName val="MW Tax Listing"/>
      <sheetName val="All 2.28 Projects Failing ARCs"/>
      <sheetName val="Common Issues"/>
      <sheetName val="V2 Tax Listing"/>
      <sheetName val="ARC Failures"/>
      <sheetName val="Projects Unitized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">
          <cell r="A1" t="str">
            <v>2013 Projects</v>
          </cell>
          <cell r="B1" t="str">
            <v>2013 Projects</v>
          </cell>
          <cell r="C1" t="str">
            <v>as-built needed</v>
          </cell>
          <cell r="D1" t="str">
            <v>OU</v>
          </cell>
          <cell r="F1" t="str">
            <v>2014 Projects</v>
          </cell>
          <cell r="G1" t="str">
            <v>2014 Projects</v>
          </cell>
          <cell r="H1" t="str">
            <v>as-built needed</v>
          </cell>
          <cell r="I1" t="str">
            <v>OU</v>
          </cell>
        </row>
        <row r="2">
          <cell r="A2" t="str">
            <v>G3099</v>
          </cell>
          <cell r="B2" t="str">
            <v>2013 Project</v>
          </cell>
          <cell r="C2"/>
          <cell r="D2" t="str">
            <v>V40C - QUEENSGATE</v>
          </cell>
          <cell r="F2" t="str">
            <v>G3981</v>
          </cell>
          <cell r="G2" t="str">
            <v>2014 Project</v>
          </cell>
          <cell r="H2"/>
          <cell r="I2" t="str">
            <v>VSOH - MW SS OPS OHIO</v>
          </cell>
        </row>
        <row r="3">
          <cell r="A3" t="str">
            <v>G6450</v>
          </cell>
          <cell r="B3" t="str">
            <v>2013 Project</v>
          </cell>
          <cell r="C3"/>
          <cell r="D3" t="str">
            <v>VNWS - DOWNTOWN NETWORK</v>
          </cell>
          <cell r="F3" t="str">
            <v>G5782</v>
          </cell>
          <cell r="G3" t="str">
            <v>2014 Project</v>
          </cell>
          <cell r="H3"/>
          <cell r="I3" t="str">
            <v>VSOH - MW SS OPS OHIO</v>
          </cell>
        </row>
        <row r="4">
          <cell r="A4" t="str">
            <v>G7172</v>
          </cell>
          <cell r="B4" t="str">
            <v>2013 Project</v>
          </cell>
          <cell r="C4"/>
          <cell r="D4" t="str">
            <v>V502 - BRECON</v>
          </cell>
          <cell r="F4" t="str">
            <v>G7093</v>
          </cell>
          <cell r="G4" t="str">
            <v>2014 Project</v>
          </cell>
          <cell r="H4"/>
          <cell r="I4" t="str">
            <v>V492 - HAMLET</v>
          </cell>
        </row>
        <row r="5">
          <cell r="A5" t="str">
            <v>G7174</v>
          </cell>
          <cell r="B5" t="str">
            <v>2013 Project</v>
          </cell>
          <cell r="C5"/>
          <cell r="D5" t="str">
            <v>V502 - BRECON</v>
          </cell>
          <cell r="F5" t="str">
            <v>G7494</v>
          </cell>
          <cell r="G5" t="str">
            <v>2014 Project</v>
          </cell>
          <cell r="H5"/>
          <cell r="I5" t="str">
            <v>V40C - QUEENSGATE</v>
          </cell>
        </row>
        <row r="6">
          <cell r="A6" t="str">
            <v>G7410</v>
          </cell>
          <cell r="B6" t="str">
            <v>2013 Project</v>
          </cell>
          <cell r="C6"/>
          <cell r="D6" t="str">
            <v>VNWS - DOWNTOWN NETWORK</v>
          </cell>
          <cell r="F6" t="str">
            <v>G8703</v>
          </cell>
          <cell r="G6" t="str">
            <v>2014 Project</v>
          </cell>
          <cell r="H6" t="str">
            <v>As Builts Required</v>
          </cell>
          <cell r="I6" t="str">
            <v>WMIA - MIAMITOWN</v>
          </cell>
        </row>
        <row r="7">
          <cell r="A7" t="str">
            <v>G7423</v>
          </cell>
          <cell r="B7" t="str">
            <v>2013 Project</v>
          </cell>
          <cell r="C7"/>
          <cell r="D7" t="str">
            <v>V40C - QUEENSGATE</v>
          </cell>
          <cell r="F7" t="str">
            <v>G9222</v>
          </cell>
          <cell r="G7" t="str">
            <v>2014 Project</v>
          </cell>
          <cell r="H7"/>
          <cell r="I7" t="str">
            <v>V40C - QUEENSGATE</v>
          </cell>
        </row>
        <row r="8">
          <cell r="A8" t="str">
            <v>G7718</v>
          </cell>
          <cell r="B8" t="str">
            <v>2013 Project</v>
          </cell>
          <cell r="C8"/>
          <cell r="D8" t="str">
            <v>V40C - QUEENSGATE</v>
          </cell>
          <cell r="F8" t="str">
            <v>G9663</v>
          </cell>
          <cell r="G8" t="str">
            <v>2014 Project</v>
          </cell>
          <cell r="H8"/>
          <cell r="I8" t="str">
            <v>V40C - QUEENSGATE</v>
          </cell>
        </row>
        <row r="9">
          <cell r="A9" t="str">
            <v>G7881</v>
          </cell>
          <cell r="B9" t="str">
            <v>2013 Project</v>
          </cell>
          <cell r="C9"/>
          <cell r="D9" t="str">
            <v>V40C - QUEENSGATE</v>
          </cell>
          <cell r="F9" t="str">
            <v>G9926</v>
          </cell>
          <cell r="G9" t="str">
            <v>2014 Project</v>
          </cell>
          <cell r="H9"/>
          <cell r="I9" t="str">
            <v>V461 - TODHUNTER</v>
          </cell>
        </row>
        <row r="10">
          <cell r="A10" t="str">
            <v>G8198</v>
          </cell>
          <cell r="B10" t="str">
            <v>2013 Project</v>
          </cell>
          <cell r="C10"/>
          <cell r="D10" t="str">
            <v>V40C - QUEENSGATE</v>
          </cell>
          <cell r="F10" t="str">
            <v>H0015</v>
          </cell>
          <cell r="G10" t="str">
            <v>2014 Project</v>
          </cell>
          <cell r="H10"/>
          <cell r="I10" t="str">
            <v>V502 - BRECON</v>
          </cell>
        </row>
        <row r="11">
          <cell r="A11" t="str">
            <v>G8470</v>
          </cell>
          <cell r="B11" t="str">
            <v>2013 Project</v>
          </cell>
          <cell r="C11"/>
          <cell r="D11" t="str">
            <v>V462 - FAIRFIELD</v>
          </cell>
          <cell r="F11" t="str">
            <v>H0580</v>
          </cell>
          <cell r="G11" t="str">
            <v>2014 Project</v>
          </cell>
          <cell r="H11"/>
          <cell r="I11" t="str">
            <v>VNWS - Dana</v>
          </cell>
        </row>
        <row r="12">
          <cell r="A12" t="str">
            <v>G8471</v>
          </cell>
          <cell r="B12" t="str">
            <v>2013 Project</v>
          </cell>
          <cell r="C12"/>
          <cell r="D12" t="str">
            <v>V502 - BRECON</v>
          </cell>
          <cell r="F12" t="str">
            <v>H0608</v>
          </cell>
          <cell r="G12" t="str">
            <v>2014 Project</v>
          </cell>
          <cell r="H12"/>
          <cell r="I12" t="str">
            <v>VNWS - Dana</v>
          </cell>
        </row>
        <row r="13">
          <cell r="A13" t="str">
            <v>SGSHT312</v>
          </cell>
          <cell r="B13" t="str">
            <v>2013 Project</v>
          </cell>
          <cell r="C13"/>
          <cell r="D13" t="str">
            <v>VODO - PDMW OTHER DEPT OHIO</v>
          </cell>
          <cell r="F13" t="str">
            <v>H0610</v>
          </cell>
          <cell r="G13" t="str">
            <v>2014 Project</v>
          </cell>
          <cell r="H13"/>
          <cell r="I13" t="str">
            <v>VNWS - Dana</v>
          </cell>
        </row>
        <row r="14">
          <cell r="A14" t="str">
            <v>G1661</v>
          </cell>
          <cell r="B14" t="str">
            <v>2013 Project</v>
          </cell>
          <cell r="C14"/>
          <cell r="D14" t="str">
            <v>V932 - ERLANGER</v>
          </cell>
          <cell r="F14" t="str">
            <v>H0700</v>
          </cell>
          <cell r="G14" t="str">
            <v>2014 Project</v>
          </cell>
          <cell r="H14"/>
          <cell r="I14" t="str">
            <v>V40C - QUEENSGATE</v>
          </cell>
        </row>
        <row r="15">
          <cell r="A15" t="str">
            <v>F4346</v>
          </cell>
          <cell r="B15" t="str">
            <v>2013 Project</v>
          </cell>
          <cell r="C15"/>
          <cell r="D15" t="str">
            <v>V482 - LAFAYETTE</v>
          </cell>
          <cell r="F15" t="str">
            <v>H0903</v>
          </cell>
          <cell r="G15" t="str">
            <v>2014 Project</v>
          </cell>
          <cell r="H15" t="str">
            <v>As Builts Required</v>
          </cell>
          <cell r="I15" t="str">
            <v>VNWS - DOWNTOWN NETWORK</v>
          </cell>
        </row>
        <row r="16">
          <cell r="A16" t="str">
            <v>F9508</v>
          </cell>
          <cell r="B16" t="str">
            <v>2013 Project</v>
          </cell>
          <cell r="C16" t="str">
            <v>As Builts Required</v>
          </cell>
          <cell r="D16" t="str">
            <v>V622 - TERRE HAUTE</v>
          </cell>
          <cell r="F16" t="str">
            <v>H0905</v>
          </cell>
          <cell r="G16" t="str">
            <v>2014 Project</v>
          </cell>
          <cell r="H16"/>
          <cell r="I16" t="str">
            <v>V461 - TODHUNTER</v>
          </cell>
        </row>
        <row r="17">
          <cell r="A17" t="str">
            <v>G6114</v>
          </cell>
          <cell r="B17" t="str">
            <v>2013 Project</v>
          </cell>
          <cell r="C17"/>
          <cell r="D17" t="str">
            <v>V742 - BLOOMINGTON</v>
          </cell>
          <cell r="F17" t="str">
            <v>H0964</v>
          </cell>
          <cell r="G17" t="str">
            <v>2014 Project</v>
          </cell>
          <cell r="H17" t="str">
            <v>As Builts Required</v>
          </cell>
          <cell r="I17" t="str">
            <v>VNWS - DOWNTOWN NETWORK</v>
          </cell>
        </row>
        <row r="18">
          <cell r="A18" t="str">
            <v>G6115</v>
          </cell>
          <cell r="B18" t="str">
            <v>2013 Project</v>
          </cell>
          <cell r="C18"/>
          <cell r="D18" t="str">
            <v>V642 - GREENCASTLE</v>
          </cell>
          <cell r="F18" t="str">
            <v>G9684</v>
          </cell>
          <cell r="G18" t="str">
            <v>2014 Project</v>
          </cell>
          <cell r="H18"/>
          <cell r="I18" t="str">
            <v>V932 - ERLANGER</v>
          </cell>
        </row>
        <row r="19">
          <cell r="A19" t="str">
            <v>G6195</v>
          </cell>
          <cell r="B19" t="str">
            <v>2013 Project</v>
          </cell>
          <cell r="C19"/>
          <cell r="D19" t="str">
            <v>V562 - CARMEL</v>
          </cell>
          <cell r="F19" t="str">
            <v>G1535</v>
          </cell>
          <cell r="G19" t="str">
            <v>2014 Project</v>
          </cell>
          <cell r="H19"/>
          <cell r="I19" t="str">
            <v>V832 - SHELBYVILLE</v>
          </cell>
        </row>
        <row r="20">
          <cell r="A20" t="str">
            <v>G6351</v>
          </cell>
          <cell r="B20" t="str">
            <v>2013 Project</v>
          </cell>
          <cell r="C20"/>
          <cell r="D20" t="str">
            <v>V422 - KOKOMO</v>
          </cell>
          <cell r="F20" t="str">
            <v>G2862</v>
          </cell>
          <cell r="G20" t="str">
            <v>2014 Project</v>
          </cell>
          <cell r="H20"/>
          <cell r="I20" t="str">
            <v>V542 - NOBLESVILLE</v>
          </cell>
        </row>
        <row r="21">
          <cell r="A21" t="str">
            <v>G6352</v>
          </cell>
          <cell r="B21" t="str">
            <v>2013 Project</v>
          </cell>
          <cell r="C21"/>
          <cell r="D21" t="str">
            <v>V452 - ROCHESTER</v>
          </cell>
          <cell r="F21" t="str">
            <v>G4934</v>
          </cell>
          <cell r="G21" t="str">
            <v>2014 Project</v>
          </cell>
          <cell r="H21" t="str">
            <v>As Builts Required</v>
          </cell>
          <cell r="I21" t="str">
            <v>V962 - SEYMORE (SEYMOUR)</v>
          </cell>
        </row>
        <row r="22">
          <cell r="A22" t="str">
            <v>G6738</v>
          </cell>
          <cell r="B22" t="str">
            <v>2013 Project</v>
          </cell>
          <cell r="C22"/>
          <cell r="D22" t="str">
            <v>V952 - FRANKLIN</v>
          </cell>
          <cell r="F22" t="str">
            <v>G5036</v>
          </cell>
          <cell r="G22" t="str">
            <v>2014 Project</v>
          </cell>
          <cell r="H22"/>
          <cell r="I22" t="str">
            <v>V562 - CARMEL</v>
          </cell>
        </row>
        <row r="23">
          <cell r="A23" t="str">
            <v>G7061</v>
          </cell>
          <cell r="B23" t="str">
            <v>2013 Project</v>
          </cell>
          <cell r="C23"/>
          <cell r="D23" t="str">
            <v>V952 - FRANKLIN</v>
          </cell>
          <cell r="F23" t="str">
            <v>G5037</v>
          </cell>
          <cell r="G23" t="str">
            <v>2014 Project</v>
          </cell>
          <cell r="H23"/>
          <cell r="I23" t="str">
            <v>V562 - CARMEL</v>
          </cell>
        </row>
        <row r="24">
          <cell r="A24" t="str">
            <v>G8291</v>
          </cell>
          <cell r="B24" t="str">
            <v>2013 Project</v>
          </cell>
          <cell r="C24"/>
          <cell r="D24" t="str">
            <v>V422 - KOKOMO</v>
          </cell>
          <cell r="F24" t="str">
            <v>G8016</v>
          </cell>
          <cell r="G24" t="str">
            <v>2014 Project</v>
          </cell>
          <cell r="H24"/>
          <cell r="I24" t="str">
            <v>V812 - PRINCETON</v>
          </cell>
        </row>
        <row r="25">
          <cell r="A25" t="str">
            <v>G8362</v>
          </cell>
          <cell r="B25" t="str">
            <v>2013 Project</v>
          </cell>
          <cell r="C25"/>
          <cell r="D25" t="str">
            <v>V832 - SHELBYVILLE</v>
          </cell>
          <cell r="F25" t="str">
            <v>G8017</v>
          </cell>
          <cell r="G25" t="str">
            <v>2014 Project</v>
          </cell>
          <cell r="H25"/>
          <cell r="I25" t="str">
            <v>V812 - PRINCETON</v>
          </cell>
        </row>
        <row r="26">
          <cell r="A26" t="str">
            <v>G8571</v>
          </cell>
          <cell r="B26" t="str">
            <v>2013 Project</v>
          </cell>
          <cell r="C26"/>
          <cell r="D26" t="str">
            <v>V832 - SHELBYVILLE</v>
          </cell>
          <cell r="F26" t="str">
            <v>G8065</v>
          </cell>
          <cell r="G26" t="str">
            <v>2014 Project</v>
          </cell>
          <cell r="H26"/>
          <cell r="I26" t="str">
            <v>V812 - PRINCETON</v>
          </cell>
        </row>
        <row r="27">
          <cell r="A27" t="str">
            <v>G8966</v>
          </cell>
          <cell r="B27" t="str">
            <v>2013 Project</v>
          </cell>
          <cell r="C27"/>
          <cell r="D27" t="str">
            <v>V882 - CLARKSVILLE</v>
          </cell>
          <cell r="F27" t="str">
            <v>G8066</v>
          </cell>
          <cell r="G27" t="str">
            <v>2014 Project</v>
          </cell>
          <cell r="H27"/>
          <cell r="I27" t="str">
            <v>V812 - PRINCETON</v>
          </cell>
        </row>
        <row r="28">
          <cell r="A28" t="str">
            <v>G4094</v>
          </cell>
          <cell r="B28" t="str">
            <v>2013 Project</v>
          </cell>
          <cell r="C28" t="str">
            <v>As Builts Required</v>
          </cell>
          <cell r="D28" t="str">
            <v>V38H - HARTWELL</v>
          </cell>
          <cell r="F28" t="str">
            <v>G8520</v>
          </cell>
          <cell r="G28" t="str">
            <v>2014 Project</v>
          </cell>
          <cell r="H28"/>
          <cell r="I28" t="str">
            <v>V422 - KOKOMO</v>
          </cell>
        </row>
        <row r="29">
          <cell r="A29" t="str">
            <v>G5926</v>
          </cell>
          <cell r="B29" t="str">
            <v>2013 Project</v>
          </cell>
          <cell r="C29"/>
          <cell r="D29" t="str">
            <v>VNWS - DOWNTOWN NETWORK</v>
          </cell>
          <cell r="F29" t="str">
            <v>G8580</v>
          </cell>
          <cell r="G29" t="str">
            <v>2014 Project</v>
          </cell>
          <cell r="H29" t="str">
            <v>As Builts Required</v>
          </cell>
          <cell r="I29" t="str">
            <v>V902 - CORYDON</v>
          </cell>
        </row>
        <row r="30">
          <cell r="A30" t="str">
            <v>G6054</v>
          </cell>
          <cell r="B30" t="str">
            <v>2013 Project</v>
          </cell>
          <cell r="C30"/>
          <cell r="D30" t="str">
            <v>V38H - HARTWELL</v>
          </cell>
          <cell r="F30" t="str">
            <v>G8639</v>
          </cell>
          <cell r="G30" t="str">
            <v>2014 Project</v>
          </cell>
          <cell r="H30"/>
          <cell r="I30" t="str">
            <v>V452 - ROCHESTER</v>
          </cell>
        </row>
        <row r="31">
          <cell r="A31" t="str">
            <v>G6302</v>
          </cell>
          <cell r="B31" t="str">
            <v>2013 Project</v>
          </cell>
          <cell r="C31"/>
          <cell r="D31" t="str">
            <v>VNWS - DOWNTOWN NETWORK</v>
          </cell>
          <cell r="F31" t="str">
            <v>G8642</v>
          </cell>
          <cell r="G31" t="str">
            <v>2014 Project</v>
          </cell>
          <cell r="H31" t="str">
            <v>As Builts Required</v>
          </cell>
          <cell r="I31" t="str">
            <v>V452 - ROCHESTER</v>
          </cell>
        </row>
        <row r="32">
          <cell r="A32" t="str">
            <v>G6307</v>
          </cell>
          <cell r="B32" t="str">
            <v>2013 Project</v>
          </cell>
          <cell r="C32"/>
          <cell r="D32" t="str">
            <v>V38H - HARTWELL</v>
          </cell>
          <cell r="F32" t="str">
            <v>G8644</v>
          </cell>
          <cell r="G32" t="str">
            <v>2014 Project</v>
          </cell>
          <cell r="H32" t="str">
            <v>As Builts Required</v>
          </cell>
          <cell r="I32" t="str">
            <v>V542 - NOBLESVILLE</v>
          </cell>
        </row>
        <row r="33">
          <cell r="A33" t="str">
            <v>G6308</v>
          </cell>
          <cell r="B33" t="str">
            <v>2013 Project</v>
          </cell>
          <cell r="C33"/>
          <cell r="D33" t="str">
            <v>V38H - HARTWELL</v>
          </cell>
          <cell r="F33" t="str">
            <v>G9028</v>
          </cell>
          <cell r="G33" t="str">
            <v>2014 Project</v>
          </cell>
          <cell r="H33"/>
          <cell r="I33" t="str">
            <v>V49A - ATTICA</v>
          </cell>
        </row>
        <row r="34">
          <cell r="A34" t="str">
            <v>G6449</v>
          </cell>
          <cell r="B34" t="str">
            <v>2013 Project</v>
          </cell>
          <cell r="C34"/>
          <cell r="D34" t="str">
            <v>VNWS - DOWNTOWN NETWORK</v>
          </cell>
          <cell r="F34" t="str">
            <v>G9406</v>
          </cell>
          <cell r="G34" t="str">
            <v>2014 Project</v>
          </cell>
          <cell r="H34"/>
          <cell r="I34" t="str">
            <v>V552 - NEW CASTLE</v>
          </cell>
        </row>
        <row r="35">
          <cell r="A35" t="str">
            <v>G7011</v>
          </cell>
          <cell r="B35" t="str">
            <v>2013 Project</v>
          </cell>
          <cell r="C35"/>
          <cell r="D35" t="str">
            <v>VNWS - DOWNTOWN NETWORK</v>
          </cell>
          <cell r="F35" t="str">
            <v>G9461</v>
          </cell>
          <cell r="G35" t="str">
            <v>2014 Project</v>
          </cell>
          <cell r="H35"/>
          <cell r="I35" t="str">
            <v>V812 - PRINCETON</v>
          </cell>
        </row>
        <row r="36">
          <cell r="A36" t="str">
            <v>G7418</v>
          </cell>
          <cell r="B36" t="str">
            <v>2013 Project</v>
          </cell>
          <cell r="C36"/>
          <cell r="D36" t="str">
            <v>V492 - HAMLET</v>
          </cell>
          <cell r="F36" t="str">
            <v>G9594</v>
          </cell>
          <cell r="G36" t="str">
            <v>2014 Project</v>
          </cell>
          <cell r="H36"/>
          <cell r="I36" t="str">
            <v>V422 - KOKOMO</v>
          </cell>
        </row>
        <row r="37">
          <cell r="A37" t="str">
            <v>G7539</v>
          </cell>
          <cell r="B37" t="str">
            <v>2013 Project</v>
          </cell>
          <cell r="C37"/>
          <cell r="D37" t="str">
            <v>V38H - HARTWELL</v>
          </cell>
          <cell r="F37" t="str">
            <v>G9906</v>
          </cell>
          <cell r="G37" t="str">
            <v>2014 Project</v>
          </cell>
          <cell r="H37"/>
          <cell r="I37" t="str">
            <v>V812 - PRINCETON</v>
          </cell>
        </row>
        <row r="38">
          <cell r="A38" t="str">
            <v>G7563</v>
          </cell>
          <cell r="B38" t="str">
            <v>2013 Project</v>
          </cell>
          <cell r="C38"/>
          <cell r="D38" t="str">
            <v>VNWS - DOWNTOWN NETWORK</v>
          </cell>
          <cell r="F38" t="str">
            <v>G9919</v>
          </cell>
          <cell r="G38" t="str">
            <v>2014 Project</v>
          </cell>
          <cell r="H38"/>
          <cell r="I38" t="str">
            <v>V422 - KOKOMO</v>
          </cell>
        </row>
        <row r="39">
          <cell r="A39" t="str">
            <v>G8176</v>
          </cell>
          <cell r="B39" t="str">
            <v>2013 Project</v>
          </cell>
          <cell r="C39"/>
          <cell r="D39" t="str">
            <v>V493 - LITTLE MIAMI</v>
          </cell>
          <cell r="F39" t="str">
            <v>G9993</v>
          </cell>
          <cell r="G39" t="str">
            <v>2014 Project</v>
          </cell>
          <cell r="H39"/>
          <cell r="I39" t="str">
            <v>V482 - LAFAYETTE</v>
          </cell>
        </row>
        <row r="40">
          <cell r="A40" t="str">
            <v>G8552</v>
          </cell>
          <cell r="B40" t="str">
            <v>2013 Project</v>
          </cell>
          <cell r="C40"/>
          <cell r="D40" t="str">
            <v>V462 - FAIRFIELD</v>
          </cell>
          <cell r="F40" t="str">
            <v>H0059</v>
          </cell>
          <cell r="G40" t="str">
            <v>2014 Project</v>
          </cell>
          <cell r="H40"/>
          <cell r="I40" t="str">
            <v>V962 - SEYMORE (SEYMOUR)</v>
          </cell>
        </row>
        <row r="41">
          <cell r="A41" t="str">
            <v>G2299</v>
          </cell>
          <cell r="B41" t="str">
            <v>2013 Project</v>
          </cell>
          <cell r="C41"/>
          <cell r="D41" t="str">
            <v>V962 - SEYMORE (SEYMOUR)</v>
          </cell>
          <cell r="F41" t="str">
            <v>H0065</v>
          </cell>
          <cell r="G41" t="str">
            <v>2014 Project</v>
          </cell>
          <cell r="H41"/>
          <cell r="I41" t="str">
            <v>V422 - KOKOMO</v>
          </cell>
        </row>
        <row r="42">
          <cell r="A42" t="str">
            <v>G4694</v>
          </cell>
          <cell r="B42" t="str">
            <v>2013 Project</v>
          </cell>
          <cell r="C42"/>
          <cell r="D42" t="str">
            <v>V542 - NOBLESVILLE</v>
          </cell>
          <cell r="F42" t="str">
            <v>H0175</v>
          </cell>
          <cell r="G42" t="str">
            <v>2014 Project</v>
          </cell>
          <cell r="H42"/>
          <cell r="I42" t="str">
            <v>V742 - BLOOMINGTON</v>
          </cell>
        </row>
        <row r="43">
          <cell r="A43" t="str">
            <v>G6618</v>
          </cell>
          <cell r="B43" t="str">
            <v>2013 Project</v>
          </cell>
          <cell r="C43"/>
          <cell r="D43" t="str">
            <v>V942 - COLUMBUS</v>
          </cell>
          <cell r="F43" t="str">
            <v>H0258</v>
          </cell>
          <cell r="G43" t="str">
            <v>2014 Project</v>
          </cell>
          <cell r="H43"/>
          <cell r="I43" t="str">
            <v>V642 - GREENCASTLE</v>
          </cell>
        </row>
        <row r="44">
          <cell r="A44" t="str">
            <v>G6668</v>
          </cell>
          <cell r="B44" t="str">
            <v>2013 Project</v>
          </cell>
          <cell r="C44"/>
          <cell r="D44" t="str">
            <v>V942 - COLUMBUS</v>
          </cell>
          <cell r="F44" t="str">
            <v>H0593</v>
          </cell>
          <cell r="G44" t="str">
            <v>2014 Project</v>
          </cell>
          <cell r="H44"/>
          <cell r="I44" t="str">
            <v>V562 - CARMEL</v>
          </cell>
        </row>
        <row r="45">
          <cell r="A45" t="str">
            <v>G6980</v>
          </cell>
          <cell r="B45" t="str">
            <v>2013 Project</v>
          </cell>
          <cell r="C45"/>
          <cell r="D45" t="str">
            <v>V962 - SEYMORE (SEYMOUR)</v>
          </cell>
          <cell r="F45" t="str">
            <v>H0956</v>
          </cell>
          <cell r="G45" t="str">
            <v>2014 Project</v>
          </cell>
          <cell r="H45"/>
          <cell r="I45" t="str">
            <v>V842 - CONNERSVILLE</v>
          </cell>
        </row>
        <row r="46">
          <cell r="A46" t="str">
            <v>G7003</v>
          </cell>
          <cell r="B46" t="str">
            <v>2013 Project</v>
          </cell>
          <cell r="C46"/>
          <cell r="D46" t="str">
            <v>V952 - FRANKLIN</v>
          </cell>
          <cell r="F46" t="str">
            <v>H1063</v>
          </cell>
          <cell r="G46" t="str">
            <v>2014 Project</v>
          </cell>
          <cell r="H46"/>
          <cell r="I46" t="str">
            <v>V882 - CLARKSVILLE</v>
          </cell>
        </row>
        <row r="47">
          <cell r="A47" t="str">
            <v>G7060</v>
          </cell>
          <cell r="B47" t="str">
            <v>2013 Project</v>
          </cell>
          <cell r="C47"/>
          <cell r="D47" t="str">
            <v>V962 - SEYMORE (SEYMOUR)</v>
          </cell>
          <cell r="F47" t="str">
            <v>H1232</v>
          </cell>
          <cell r="G47" t="str">
            <v>2014 Project</v>
          </cell>
          <cell r="H47"/>
          <cell r="I47" t="str">
            <v>V952 - FRANKLIN</v>
          </cell>
        </row>
        <row r="48">
          <cell r="A48" t="str">
            <v>G7070</v>
          </cell>
          <cell r="B48" t="str">
            <v>2013 Project</v>
          </cell>
          <cell r="C48"/>
          <cell r="D48" t="str">
            <v>V422 - KOKOMO</v>
          </cell>
          <cell r="F48" t="str">
            <v>G8092</v>
          </cell>
          <cell r="G48" t="str">
            <v>2014 Project</v>
          </cell>
          <cell r="H48" t="str">
            <v>As Builts Required</v>
          </cell>
          <cell r="I48" t="str">
            <v>V492 - HAMLET</v>
          </cell>
        </row>
        <row r="49">
          <cell r="A49" t="str">
            <v>G7098</v>
          </cell>
          <cell r="B49" t="str">
            <v>2013 Project</v>
          </cell>
          <cell r="C49"/>
          <cell r="D49" t="str">
            <v>V962 - SEYMORE (SEYMOUR)</v>
          </cell>
          <cell r="F49" t="str">
            <v>G8431</v>
          </cell>
          <cell r="G49" t="str">
            <v>2014 Project</v>
          </cell>
          <cell r="H49"/>
          <cell r="I49" t="str">
            <v>V40C - QUEENSGATE</v>
          </cell>
        </row>
        <row r="50">
          <cell r="A50" t="str">
            <v>G7108</v>
          </cell>
          <cell r="B50" t="str">
            <v>2013 Project</v>
          </cell>
          <cell r="C50"/>
          <cell r="D50" t="str">
            <v>V952 - FRANKLIN</v>
          </cell>
          <cell r="F50" t="str">
            <v>G8574</v>
          </cell>
          <cell r="G50" t="str">
            <v>2014 Project</v>
          </cell>
          <cell r="H50"/>
          <cell r="I50" t="str">
            <v>V493 - LITTLE MIAMI</v>
          </cell>
        </row>
        <row r="51">
          <cell r="A51" t="str">
            <v>G7342</v>
          </cell>
          <cell r="B51" t="str">
            <v>2013 Project</v>
          </cell>
          <cell r="C51"/>
          <cell r="D51" t="str">
            <v>V962 - SEYMORE (SEYMOUR)</v>
          </cell>
          <cell r="F51" t="str">
            <v>G9970</v>
          </cell>
          <cell r="G51" t="str">
            <v>2014 Project</v>
          </cell>
          <cell r="H51"/>
          <cell r="I51" t="str">
            <v>VMIA - MIAMITOWN</v>
          </cell>
        </row>
        <row r="52">
          <cell r="A52" t="str">
            <v>G7965</v>
          </cell>
          <cell r="B52" t="str">
            <v>2013 Project</v>
          </cell>
          <cell r="C52"/>
          <cell r="D52" t="str">
            <v>V542 - NOBLESVILLE</v>
          </cell>
          <cell r="F52" t="str">
            <v>H0724</v>
          </cell>
          <cell r="G52" t="str">
            <v>2014 Project</v>
          </cell>
          <cell r="H52"/>
          <cell r="I52" t="str">
            <v>V502 - BRECON</v>
          </cell>
        </row>
        <row r="53">
          <cell r="A53" t="str">
            <v>G8243</v>
          </cell>
          <cell r="B53" t="str">
            <v>2013 Project</v>
          </cell>
          <cell r="C53"/>
          <cell r="D53" t="str">
            <v>V942 - COLUMBUS</v>
          </cell>
          <cell r="F53" t="str">
            <v>H0801</v>
          </cell>
          <cell r="G53" t="str">
            <v>2014 Project</v>
          </cell>
          <cell r="H53" t="str">
            <v>As Builts Required</v>
          </cell>
          <cell r="I53" t="str">
            <v>VNWS - DOWNTOWN NETWORK</v>
          </cell>
        </row>
        <row r="54">
          <cell r="A54" t="str">
            <v>G8365</v>
          </cell>
          <cell r="B54" t="str">
            <v>2013 Project</v>
          </cell>
          <cell r="C54"/>
          <cell r="D54" t="str">
            <v>V952 - FRANKLIN</v>
          </cell>
          <cell r="F54" t="str">
            <v>H0819</v>
          </cell>
          <cell r="G54" t="str">
            <v>2014 Project</v>
          </cell>
          <cell r="H54"/>
          <cell r="I54" t="str">
            <v>V462 - FAIRFIELD</v>
          </cell>
        </row>
        <row r="55">
          <cell r="A55" t="str">
            <v>G8403</v>
          </cell>
          <cell r="B55" t="str">
            <v>2013 Project</v>
          </cell>
          <cell r="C55"/>
          <cell r="D55" t="str">
            <v>V962 - SEYMORE (SEYMOUR)</v>
          </cell>
          <cell r="F55" t="str">
            <v>H0957</v>
          </cell>
          <cell r="G55" t="str">
            <v>2014 Project</v>
          </cell>
          <cell r="H55"/>
          <cell r="I55" t="str">
            <v>V492 - HAMLET</v>
          </cell>
        </row>
        <row r="56">
          <cell r="A56" t="str">
            <v>G8850</v>
          </cell>
          <cell r="B56" t="str">
            <v>2013 Project</v>
          </cell>
          <cell r="C56"/>
          <cell r="D56" t="str">
            <v>V422 - KOKOMO</v>
          </cell>
          <cell r="F56" t="str">
            <v>H1078</v>
          </cell>
          <cell r="G56" t="str">
            <v>2014 Project</v>
          </cell>
          <cell r="H56"/>
          <cell r="I56" t="str">
            <v>V461 - TODHUNTER</v>
          </cell>
        </row>
        <row r="57">
          <cell r="A57" t="str">
            <v>G9002</v>
          </cell>
          <cell r="B57" t="str">
            <v>2013 Project</v>
          </cell>
          <cell r="C57"/>
          <cell r="D57" t="str">
            <v>V572 - AVON</v>
          </cell>
          <cell r="F57" t="str">
            <v>H1115</v>
          </cell>
          <cell r="G57" t="str">
            <v>2014 Project</v>
          </cell>
          <cell r="H57"/>
          <cell r="I57" t="str">
            <v>V462 - FAIRFIELD</v>
          </cell>
        </row>
        <row r="58">
          <cell r="A58" t="str">
            <v>SIN1203DC</v>
          </cell>
          <cell r="B58" t="str">
            <v>2013 Project</v>
          </cell>
          <cell r="C58" t="str">
            <v>As Builts Required</v>
          </cell>
          <cell r="D58" t="str">
            <v>VODI - PDMW OTHER DEPT IND</v>
          </cell>
          <cell r="F58" t="str">
            <v>H1144</v>
          </cell>
          <cell r="G58" t="str">
            <v>2014 Project</v>
          </cell>
          <cell r="H58" t="str">
            <v>As Builts Required</v>
          </cell>
          <cell r="I58" t="str">
            <v>V38H - HARTWELL</v>
          </cell>
        </row>
        <row r="59">
          <cell r="A59" t="str">
            <v>G1739</v>
          </cell>
          <cell r="B59" t="str">
            <v>2013 Project</v>
          </cell>
          <cell r="C59"/>
          <cell r="D59" t="str">
            <v>V40C - QUEENSGATE</v>
          </cell>
          <cell r="F59" t="str">
            <v>H1184</v>
          </cell>
          <cell r="G59" t="str">
            <v>2014 Project</v>
          </cell>
          <cell r="H59"/>
          <cell r="I59" t="str">
            <v>VNWS - Dana</v>
          </cell>
        </row>
        <row r="60">
          <cell r="A60" t="str">
            <v>G5456</v>
          </cell>
          <cell r="B60" t="str">
            <v>2013 Project</v>
          </cell>
          <cell r="C60"/>
          <cell r="D60" t="str">
            <v>V461 - TODHUNTER</v>
          </cell>
          <cell r="F60" t="str">
            <v>H1421</v>
          </cell>
          <cell r="G60" t="str">
            <v>2014 Project</v>
          </cell>
          <cell r="H60" t="str">
            <v>As Builts Required</v>
          </cell>
          <cell r="I60" t="str">
            <v>VNWS - DOWNTOWN NETWORK</v>
          </cell>
        </row>
        <row r="61">
          <cell r="A61" t="str">
            <v>G5480</v>
          </cell>
          <cell r="B61" t="str">
            <v>2013 Project</v>
          </cell>
          <cell r="C61"/>
          <cell r="D61" t="str">
            <v>V461 - TODHUNTER</v>
          </cell>
          <cell r="F61" t="str">
            <v>G5675</v>
          </cell>
          <cell r="G61" t="str">
            <v>2014 Project</v>
          </cell>
          <cell r="H61"/>
          <cell r="I61" t="str">
            <v>V642 - GREENCASTLE</v>
          </cell>
        </row>
        <row r="62">
          <cell r="A62" t="str">
            <v>G5678</v>
          </cell>
          <cell r="B62" t="str">
            <v>2013 Project</v>
          </cell>
          <cell r="C62"/>
          <cell r="D62" t="str">
            <v>V502 - BRECON</v>
          </cell>
          <cell r="F62" t="str">
            <v>G7649</v>
          </cell>
          <cell r="G62" t="str">
            <v>2014 Project</v>
          </cell>
          <cell r="H62"/>
          <cell r="I62" t="str">
            <v>V562 - CARMEL</v>
          </cell>
        </row>
        <row r="63">
          <cell r="A63" t="str">
            <v>G8713</v>
          </cell>
          <cell r="B63" t="str">
            <v>2013 Project</v>
          </cell>
          <cell r="C63"/>
          <cell r="D63" t="str">
            <v>V932 - ERLANGER</v>
          </cell>
          <cell r="F63" t="str">
            <v>G7735</v>
          </cell>
          <cell r="G63" t="str">
            <v>2014 Project</v>
          </cell>
          <cell r="H63"/>
          <cell r="I63" t="str">
            <v>V752 - BEDFORD</v>
          </cell>
        </row>
        <row r="64">
          <cell r="A64" t="str">
            <v>G3619</v>
          </cell>
          <cell r="B64" t="str">
            <v>2013 Project</v>
          </cell>
          <cell r="C64"/>
          <cell r="D64" t="str">
            <v>V882 - CLARKSVILLE</v>
          </cell>
          <cell r="F64" t="str">
            <v>G8259</v>
          </cell>
          <cell r="G64" t="str">
            <v>2014 Project</v>
          </cell>
          <cell r="H64"/>
          <cell r="I64" t="str">
            <v>V942 - COLUMBUS</v>
          </cell>
        </row>
        <row r="65">
          <cell r="A65" t="str">
            <v>G4698</v>
          </cell>
          <cell r="B65" t="str">
            <v>2013 Project</v>
          </cell>
          <cell r="C65"/>
          <cell r="D65" t="str">
            <v>V652 - BRAZIL</v>
          </cell>
          <cell r="F65" t="str">
            <v>G8282</v>
          </cell>
          <cell r="G65" t="str">
            <v>2014 Project</v>
          </cell>
          <cell r="H65"/>
          <cell r="I65" t="str">
            <v>V962 - SEYMORE (SEYMOUR)</v>
          </cell>
        </row>
        <row r="66">
          <cell r="A66" t="str">
            <v>G6319</v>
          </cell>
          <cell r="B66" t="str">
            <v>2013 Project</v>
          </cell>
          <cell r="C66"/>
          <cell r="D66" t="str">
            <v>V832 - SHELBYVILLE</v>
          </cell>
          <cell r="F66" t="str">
            <v>G8359</v>
          </cell>
          <cell r="G66" t="str">
            <v>2014 Project</v>
          </cell>
          <cell r="H66"/>
          <cell r="I66" t="str">
            <v>V422 - KOKOMO</v>
          </cell>
        </row>
        <row r="67">
          <cell r="A67" t="str">
            <v>G6403</v>
          </cell>
          <cell r="B67" t="str">
            <v>2013 Project</v>
          </cell>
          <cell r="C67"/>
          <cell r="D67" t="str">
            <v>V832 - SHELBYVILLE</v>
          </cell>
          <cell r="F67" t="str">
            <v>G8403</v>
          </cell>
          <cell r="G67" t="str">
            <v>2014 Project</v>
          </cell>
          <cell r="H67"/>
          <cell r="I67" t="str">
            <v>V962 - SEYMORE (SEYMOUR)</v>
          </cell>
        </row>
        <row r="68">
          <cell r="A68" t="str">
            <v>G6531</v>
          </cell>
          <cell r="B68" t="str">
            <v>2013 Project</v>
          </cell>
          <cell r="C68"/>
          <cell r="D68" t="str">
            <v>V812 - PRINCETON</v>
          </cell>
          <cell r="F68" t="str">
            <v>G8433</v>
          </cell>
          <cell r="G68" t="str">
            <v>2014 Project</v>
          </cell>
          <cell r="H68"/>
          <cell r="I68" t="str">
            <v>V432 - WABASH</v>
          </cell>
        </row>
        <row r="69">
          <cell r="A69" t="str">
            <v>G6563</v>
          </cell>
          <cell r="B69" t="str">
            <v>2013 Project</v>
          </cell>
          <cell r="C69"/>
          <cell r="D69" t="str">
            <v>V742 - BLOOMINGTON</v>
          </cell>
          <cell r="F69" t="str">
            <v>G8465</v>
          </cell>
          <cell r="G69" t="str">
            <v>2014 Project</v>
          </cell>
          <cell r="H69"/>
          <cell r="I69" t="str">
            <v>V862 - AURORA</v>
          </cell>
        </row>
        <row r="70">
          <cell r="A70" t="str">
            <v>G6568</v>
          </cell>
          <cell r="B70" t="str">
            <v>2013 Project</v>
          </cell>
          <cell r="C70"/>
          <cell r="D70" t="str">
            <v>V742 - BLOOMINGTON</v>
          </cell>
          <cell r="F70" t="str">
            <v>G8492</v>
          </cell>
          <cell r="G70" t="str">
            <v>2014 Project</v>
          </cell>
          <cell r="H70"/>
          <cell r="I70" t="str">
            <v>V552 - NEW CASTLE</v>
          </cell>
        </row>
        <row r="71">
          <cell r="A71" t="str">
            <v>G6571</v>
          </cell>
          <cell r="B71" t="str">
            <v>2013 Project</v>
          </cell>
          <cell r="C71"/>
          <cell r="D71" t="str">
            <v>V742 - BLOOMINGTON</v>
          </cell>
          <cell r="F71" t="str">
            <v>G8595</v>
          </cell>
          <cell r="G71" t="str">
            <v>2014 Project</v>
          </cell>
          <cell r="H71" t="str">
            <v>As Builts Required</v>
          </cell>
          <cell r="I71" t="str">
            <v>V562 - CARMEL</v>
          </cell>
        </row>
        <row r="72">
          <cell r="A72" t="str">
            <v>G6595</v>
          </cell>
          <cell r="B72" t="str">
            <v>2013 Project</v>
          </cell>
          <cell r="C72"/>
          <cell r="D72" t="str">
            <v>V952 - FRANKLIN</v>
          </cell>
          <cell r="F72" t="str">
            <v>G8625</v>
          </cell>
          <cell r="G72" t="str">
            <v>2014 Project</v>
          </cell>
          <cell r="H72"/>
          <cell r="I72" t="str">
            <v>V892 - MADISON</v>
          </cell>
        </row>
        <row r="73">
          <cell r="A73" t="str">
            <v>G6647</v>
          </cell>
          <cell r="B73" t="str">
            <v>2013 Project</v>
          </cell>
          <cell r="C73"/>
          <cell r="D73" t="str">
            <v>V622 - TERRE HAUTE</v>
          </cell>
          <cell r="F73" t="str">
            <v>G8628</v>
          </cell>
          <cell r="G73" t="str">
            <v>2014 Project</v>
          </cell>
          <cell r="H73"/>
          <cell r="I73" t="str">
            <v>V892 - MADISON</v>
          </cell>
        </row>
        <row r="74">
          <cell r="A74" t="str">
            <v>G6814</v>
          </cell>
          <cell r="B74" t="str">
            <v>2013 Project</v>
          </cell>
          <cell r="C74"/>
          <cell r="D74" t="str">
            <v>V652 - BRAZIL</v>
          </cell>
          <cell r="F74" t="str">
            <v>G8999</v>
          </cell>
          <cell r="G74" t="str">
            <v>2014 Project</v>
          </cell>
          <cell r="H74" t="str">
            <v>As Builts Required</v>
          </cell>
          <cell r="I74" t="str">
            <v>V752 - BEDFORD</v>
          </cell>
        </row>
        <row r="75">
          <cell r="A75" t="str">
            <v>G6947</v>
          </cell>
          <cell r="B75" t="str">
            <v>2013 Project</v>
          </cell>
          <cell r="C75"/>
          <cell r="D75" t="str">
            <v>V832 - SHELBYVILLE</v>
          </cell>
          <cell r="F75" t="str">
            <v>G9473</v>
          </cell>
          <cell r="G75" t="str">
            <v>2014 Project</v>
          </cell>
          <cell r="H75"/>
          <cell r="I75" t="str">
            <v>V822 - GREENSBURG</v>
          </cell>
        </row>
        <row r="76">
          <cell r="A76" t="str">
            <v>G6981</v>
          </cell>
          <cell r="B76" t="str">
            <v>2013 Project</v>
          </cell>
          <cell r="C76"/>
          <cell r="D76" t="str">
            <v>V542 - NOBLESVILLE</v>
          </cell>
          <cell r="F76" t="str">
            <v>G9496</v>
          </cell>
          <cell r="G76" t="str">
            <v>2014 Project</v>
          </cell>
          <cell r="H76"/>
          <cell r="I76" t="str">
            <v>V552 - NEW CASTLE</v>
          </cell>
        </row>
        <row r="77">
          <cell r="A77" t="str">
            <v>G7242</v>
          </cell>
          <cell r="B77" t="str">
            <v>2013 Project</v>
          </cell>
          <cell r="C77"/>
          <cell r="D77" t="str">
            <v>V952 - FRANKLIN</v>
          </cell>
          <cell r="F77" t="str">
            <v>G9512</v>
          </cell>
          <cell r="G77" t="str">
            <v>2014 Project</v>
          </cell>
          <cell r="H77"/>
          <cell r="I77" t="str">
            <v>V842 - CONNERSVILLE</v>
          </cell>
        </row>
        <row r="78">
          <cell r="A78" t="str">
            <v>G7320</v>
          </cell>
          <cell r="B78" t="str">
            <v>2013 Project</v>
          </cell>
          <cell r="C78"/>
          <cell r="D78" t="str">
            <v>V952 - FRANKLIN</v>
          </cell>
          <cell r="F78" t="str">
            <v>G9585</v>
          </cell>
          <cell r="G78" t="str">
            <v>2014 Project</v>
          </cell>
          <cell r="H78"/>
          <cell r="I78" t="str">
            <v>V542 - NOBLESVILLE</v>
          </cell>
        </row>
        <row r="79">
          <cell r="A79" t="str">
            <v>G7708</v>
          </cell>
          <cell r="B79" t="str">
            <v>2013 Project</v>
          </cell>
          <cell r="C79"/>
          <cell r="D79" t="str">
            <v>V752 - BEDFORD</v>
          </cell>
          <cell r="F79" t="str">
            <v>G9605</v>
          </cell>
          <cell r="G79" t="str">
            <v>2014 Project</v>
          </cell>
          <cell r="H79"/>
          <cell r="I79" t="str">
            <v>V962 - SEYMORE (SEYMOUR)</v>
          </cell>
        </row>
        <row r="80">
          <cell r="A80" t="str">
            <v>G8104</v>
          </cell>
          <cell r="B80" t="str">
            <v>2013 Project</v>
          </cell>
          <cell r="C80"/>
          <cell r="D80" t="str">
            <v>V442 - HUNTINGTON</v>
          </cell>
          <cell r="F80" t="str">
            <v>G9615</v>
          </cell>
          <cell r="G80" t="str">
            <v>2014 Project</v>
          </cell>
          <cell r="H80"/>
          <cell r="I80" t="str">
            <v>V842 - CONNERSVILLE</v>
          </cell>
        </row>
        <row r="81">
          <cell r="A81" t="str">
            <v>G8363</v>
          </cell>
          <cell r="B81" t="str">
            <v>2013 Project</v>
          </cell>
          <cell r="C81"/>
          <cell r="D81" t="str">
            <v>V952 - FRANKLIN</v>
          </cell>
          <cell r="F81" t="str">
            <v>G9622</v>
          </cell>
          <cell r="G81" t="str">
            <v>2014 Project</v>
          </cell>
          <cell r="H81"/>
          <cell r="I81" t="str">
            <v>V542 - NOBLESVILLE</v>
          </cell>
        </row>
        <row r="82">
          <cell r="A82" t="str">
            <v>G8719</v>
          </cell>
          <cell r="B82" t="str">
            <v>2013 Project</v>
          </cell>
          <cell r="C82"/>
          <cell r="D82" t="str">
            <v>V902 - CORYDON</v>
          </cell>
          <cell r="F82" t="str">
            <v>G9779</v>
          </cell>
          <cell r="G82" t="str">
            <v>2014 Project</v>
          </cell>
          <cell r="H82"/>
          <cell r="I82" t="str">
            <v>V542 - NOBLESVILLE</v>
          </cell>
        </row>
        <row r="83">
          <cell r="A83" t="str">
            <v>G8758</v>
          </cell>
          <cell r="B83" t="str">
            <v>2013 Project</v>
          </cell>
          <cell r="C83"/>
          <cell r="D83" t="str">
            <v>V822 - GREENSBURG</v>
          </cell>
          <cell r="F83" t="str">
            <v>G9786</v>
          </cell>
          <cell r="G83" t="str">
            <v>2014 Project</v>
          </cell>
          <cell r="H83"/>
          <cell r="I83" t="str">
            <v>V572 - AVON</v>
          </cell>
        </row>
        <row r="84">
          <cell r="A84" t="str">
            <v>G8762</v>
          </cell>
          <cell r="B84" t="str">
            <v>2013 Project</v>
          </cell>
          <cell r="C84"/>
          <cell r="D84" t="str">
            <v>V822 - GREENSBURG</v>
          </cell>
          <cell r="F84" t="str">
            <v>G9875</v>
          </cell>
          <cell r="G84" t="str">
            <v>2014 Project</v>
          </cell>
          <cell r="H84"/>
          <cell r="I84" t="str">
            <v>V542 - NOBLESVILLE</v>
          </cell>
        </row>
        <row r="85">
          <cell r="A85" t="str">
            <v>G8763</v>
          </cell>
          <cell r="B85" t="str">
            <v>2013 Project</v>
          </cell>
          <cell r="C85"/>
          <cell r="D85" t="str">
            <v>V822 - GREENSBURG</v>
          </cell>
          <cell r="F85" t="str">
            <v>H0102</v>
          </cell>
          <cell r="G85" t="str">
            <v>2014 Project</v>
          </cell>
          <cell r="H85"/>
          <cell r="I85" t="str">
            <v>V422 - KOKOMO</v>
          </cell>
        </row>
        <row r="86">
          <cell r="A86" t="str">
            <v>G9163</v>
          </cell>
          <cell r="B86" t="str">
            <v>2013 Project</v>
          </cell>
          <cell r="C86"/>
          <cell r="D86" t="str">
            <v>V952 - FRANKLIN</v>
          </cell>
          <cell r="F86" t="str">
            <v>H0242</v>
          </cell>
          <cell r="G86" t="str">
            <v>2014 Project</v>
          </cell>
          <cell r="H86"/>
          <cell r="I86" t="str">
            <v>V572 - AVON</v>
          </cell>
        </row>
        <row r="87">
          <cell r="A87" t="str">
            <v>F9165</v>
          </cell>
          <cell r="B87" t="str">
            <v>2013 Project</v>
          </cell>
          <cell r="C87"/>
          <cell r="D87" t="str">
            <v>V461 - TODHUNTER</v>
          </cell>
          <cell r="F87" t="str">
            <v>H0467</v>
          </cell>
          <cell r="G87" t="str">
            <v>2014 Project</v>
          </cell>
          <cell r="H87"/>
          <cell r="I87" t="str">
            <v>V542 - NOBLESVILLE</v>
          </cell>
        </row>
        <row r="88">
          <cell r="A88" t="str">
            <v>G1469</v>
          </cell>
          <cell r="B88" t="str">
            <v>2013 Project</v>
          </cell>
          <cell r="C88" t="str">
            <v>As Builts Required</v>
          </cell>
          <cell r="D88" t="str">
            <v>V40C - QUEENSGATE</v>
          </cell>
          <cell r="F88" t="str">
            <v>H0533</v>
          </cell>
          <cell r="G88" t="str">
            <v>2014 Project</v>
          </cell>
          <cell r="H88"/>
          <cell r="I88" t="str">
            <v>V542 - NOBLESVILLE</v>
          </cell>
        </row>
        <row r="89">
          <cell r="A89" t="str">
            <v>G2394</v>
          </cell>
          <cell r="B89" t="str">
            <v>2013 Project</v>
          </cell>
          <cell r="C89"/>
          <cell r="D89" t="str">
            <v>V462 - FAIRFIELD</v>
          </cell>
          <cell r="F89" t="str">
            <v>H0867</v>
          </cell>
          <cell r="G89" t="str">
            <v>2014 Project</v>
          </cell>
          <cell r="H89"/>
          <cell r="I89" t="str">
            <v>V542 - NOBLESVILLE</v>
          </cell>
        </row>
        <row r="90">
          <cell r="A90" t="str">
            <v>G2434</v>
          </cell>
          <cell r="B90" t="str">
            <v>2013 Project</v>
          </cell>
          <cell r="C90"/>
          <cell r="D90" t="str">
            <v>V40C - QUEENSGATE</v>
          </cell>
          <cell r="F90" t="str">
            <v>H0888</v>
          </cell>
          <cell r="G90" t="str">
            <v>2014 Project</v>
          </cell>
          <cell r="H90"/>
          <cell r="I90" t="str">
            <v>V942 - COLUMBUS</v>
          </cell>
        </row>
        <row r="91">
          <cell r="A91" t="str">
            <v>G2675</v>
          </cell>
          <cell r="B91" t="str">
            <v>2013 Project</v>
          </cell>
          <cell r="C91"/>
          <cell r="D91" t="str">
            <v>V40C - QUEENSGATE</v>
          </cell>
          <cell r="F91" t="str">
            <v>H0993</v>
          </cell>
          <cell r="G91" t="str">
            <v>2014 Project</v>
          </cell>
          <cell r="H91"/>
          <cell r="I91" t="str">
            <v>V762 - MARTINSVILLE</v>
          </cell>
        </row>
        <row r="92">
          <cell r="A92" t="str">
            <v>G2713</v>
          </cell>
          <cell r="B92" t="str">
            <v>2013 Project</v>
          </cell>
          <cell r="C92"/>
          <cell r="D92" t="str">
            <v>V502 - BRECON</v>
          </cell>
          <cell r="F92" t="str">
            <v>G7617</v>
          </cell>
          <cell r="G92" t="str">
            <v>2014 Project</v>
          </cell>
          <cell r="H92"/>
          <cell r="I92" t="str">
            <v>V502 - BRECON</v>
          </cell>
        </row>
        <row r="93">
          <cell r="A93" t="str">
            <v>G2933</v>
          </cell>
          <cell r="B93" t="str">
            <v>2013 Project</v>
          </cell>
          <cell r="C93"/>
          <cell r="D93" t="str">
            <v>V462 - FAIRFIELD</v>
          </cell>
          <cell r="F93" t="str">
            <v>G7618</v>
          </cell>
          <cell r="G93" t="str">
            <v>2014 Project</v>
          </cell>
          <cell r="H93"/>
          <cell r="I93" t="str">
            <v>V502 - BRECON</v>
          </cell>
        </row>
        <row r="94">
          <cell r="A94" t="str">
            <v>G3078</v>
          </cell>
          <cell r="B94" t="str">
            <v>2013 Project</v>
          </cell>
          <cell r="C94"/>
          <cell r="D94" t="str">
            <v>V40C - QUEENSGATE</v>
          </cell>
          <cell r="F94" t="str">
            <v>G9366</v>
          </cell>
          <cell r="G94" t="str">
            <v>2014 Project</v>
          </cell>
          <cell r="H94" t="str">
            <v>As Builts Required</v>
          </cell>
          <cell r="I94" t="str">
            <v>V461 - TODHUNTER</v>
          </cell>
        </row>
        <row r="95">
          <cell r="A95" t="str">
            <v>G3379</v>
          </cell>
          <cell r="B95" t="str">
            <v>2013 Project</v>
          </cell>
          <cell r="C95"/>
          <cell r="D95" t="str">
            <v>V502 - BRECON</v>
          </cell>
          <cell r="F95" t="str">
            <v>G9628</v>
          </cell>
          <cell r="G95" t="str">
            <v>2014 Project</v>
          </cell>
          <cell r="H95"/>
          <cell r="I95" t="str">
            <v>VMTW - Mt. Washington</v>
          </cell>
        </row>
        <row r="96">
          <cell r="A96" t="str">
            <v>G3473</v>
          </cell>
          <cell r="B96" t="str">
            <v>2013 Project</v>
          </cell>
          <cell r="C96"/>
          <cell r="D96" t="str">
            <v>V462 - FAIRFIELD</v>
          </cell>
          <cell r="F96" t="str">
            <v>G9737</v>
          </cell>
          <cell r="G96" t="str">
            <v>2014 Project</v>
          </cell>
          <cell r="H96"/>
          <cell r="I96" t="str">
            <v>V461 - TODHUNTER</v>
          </cell>
        </row>
        <row r="97">
          <cell r="A97" t="str">
            <v>G3617</v>
          </cell>
          <cell r="B97" t="str">
            <v>2013 Project</v>
          </cell>
          <cell r="C97"/>
          <cell r="D97" t="str">
            <v>V492 - HAMLET</v>
          </cell>
          <cell r="F97" t="str">
            <v>G9892</v>
          </cell>
          <cell r="G97" t="str">
            <v>2014 Project</v>
          </cell>
          <cell r="H97" t="str">
            <v>As Builts Required</v>
          </cell>
          <cell r="I97" t="str">
            <v>V38H - HARTWELL</v>
          </cell>
        </row>
        <row r="98">
          <cell r="A98" t="str">
            <v>G3718</v>
          </cell>
          <cell r="B98" t="str">
            <v>2013 Project</v>
          </cell>
          <cell r="C98"/>
          <cell r="D98" t="str">
            <v>V502 - BRECON</v>
          </cell>
          <cell r="F98" t="str">
            <v>H0976</v>
          </cell>
          <cell r="G98" t="str">
            <v>2014 Project</v>
          </cell>
          <cell r="H98"/>
          <cell r="I98" t="str">
            <v>V492 - HAMLET</v>
          </cell>
        </row>
        <row r="99">
          <cell r="A99" t="str">
            <v>G4498</v>
          </cell>
          <cell r="B99" t="str">
            <v>2013 Project</v>
          </cell>
          <cell r="C99"/>
          <cell r="D99" t="str">
            <v>V40C - QUEENSGATE</v>
          </cell>
          <cell r="F99" t="str">
            <v>H1395</v>
          </cell>
          <cell r="G99" t="str">
            <v>2014 Project</v>
          </cell>
          <cell r="H99"/>
          <cell r="I99" t="str">
            <v>V462 - FAIRFIELD</v>
          </cell>
        </row>
        <row r="100">
          <cell r="A100" t="str">
            <v>G4534</v>
          </cell>
          <cell r="B100" t="str">
            <v>2013 Project</v>
          </cell>
          <cell r="C100" t="str">
            <v>As Builts Required</v>
          </cell>
          <cell r="D100" t="str">
            <v>VNWS - DOWNTOWN NETWORK</v>
          </cell>
          <cell r="F100" t="str">
            <v>G9018</v>
          </cell>
          <cell r="G100" t="str">
            <v>2014 Project</v>
          </cell>
          <cell r="H100"/>
          <cell r="I100" t="str">
            <v>V932 - ERLANGER</v>
          </cell>
        </row>
        <row r="101">
          <cell r="A101" t="str">
            <v>G4938</v>
          </cell>
          <cell r="B101" t="str">
            <v>2013 Project</v>
          </cell>
          <cell r="C101"/>
          <cell r="D101" t="str">
            <v>V461 - TODHUNTER</v>
          </cell>
          <cell r="F101" t="str">
            <v>G6581</v>
          </cell>
          <cell r="G101" t="str">
            <v>2014 Project</v>
          </cell>
          <cell r="H101"/>
          <cell r="I101" t="str">
            <v>V482 - LAFAYETTE</v>
          </cell>
        </row>
        <row r="102">
          <cell r="A102" t="str">
            <v>G5922</v>
          </cell>
          <cell r="B102" t="str">
            <v>2013 Project</v>
          </cell>
          <cell r="C102" t="str">
            <v>As Builts Required</v>
          </cell>
          <cell r="D102" t="str">
            <v>VNWS - DOWNTOWN NETWORK</v>
          </cell>
          <cell r="F102" t="str">
            <v>G6628</v>
          </cell>
          <cell r="G102" t="str">
            <v>2014 Project</v>
          </cell>
          <cell r="H102"/>
          <cell r="I102" t="str">
            <v>V892 - MADISON</v>
          </cell>
        </row>
        <row r="103">
          <cell r="A103" t="str">
            <v>G5925</v>
          </cell>
          <cell r="B103" t="str">
            <v>2013 Project</v>
          </cell>
          <cell r="C103"/>
          <cell r="D103" t="str">
            <v>VNWS - DOWNTOWN NETWORK</v>
          </cell>
          <cell r="F103" t="str">
            <v>G6704</v>
          </cell>
          <cell r="G103" t="str">
            <v>2014 Project</v>
          </cell>
          <cell r="H103"/>
          <cell r="I103" t="str">
            <v>V622 - TERRE HAUTE</v>
          </cell>
        </row>
        <row r="104">
          <cell r="A104" t="str">
            <v>G6792</v>
          </cell>
          <cell r="B104" t="str">
            <v>2013 Project</v>
          </cell>
          <cell r="C104"/>
          <cell r="D104" t="str">
            <v>VNWS - DOWNTOWN NETWORK</v>
          </cell>
          <cell r="F104" t="str">
            <v>G7071</v>
          </cell>
          <cell r="G104" t="str">
            <v>2014 Project</v>
          </cell>
          <cell r="H104" t="str">
            <v>As Builts Required</v>
          </cell>
          <cell r="I104" t="str">
            <v>V422 - KOKOMO</v>
          </cell>
        </row>
        <row r="105">
          <cell r="A105" t="str">
            <v>G6978</v>
          </cell>
          <cell r="B105" t="str">
            <v>2013 Project</v>
          </cell>
          <cell r="C105" t="str">
            <v>As Builts Required</v>
          </cell>
          <cell r="D105" t="str">
            <v>V502 - BRECON</v>
          </cell>
          <cell r="F105" t="str">
            <v>G7279</v>
          </cell>
          <cell r="G105" t="str">
            <v>2014 Project</v>
          </cell>
          <cell r="H105"/>
          <cell r="I105" t="str">
            <v>V782 - VINCENNES</v>
          </cell>
        </row>
        <row r="106">
          <cell r="A106" t="str">
            <v>G7613</v>
          </cell>
          <cell r="B106" t="str">
            <v>2013 Project</v>
          </cell>
          <cell r="C106"/>
          <cell r="D106" t="str">
            <v>V40C - QUEENSGATE</v>
          </cell>
          <cell r="F106" t="str">
            <v>G7341</v>
          </cell>
          <cell r="G106" t="str">
            <v>2014 Project</v>
          </cell>
          <cell r="H106"/>
          <cell r="I106" t="str">
            <v>V812 - PRINCETON</v>
          </cell>
        </row>
        <row r="107">
          <cell r="A107" t="str">
            <v>G8890</v>
          </cell>
          <cell r="B107" t="str">
            <v>2013 Project</v>
          </cell>
          <cell r="C107"/>
          <cell r="D107" t="str">
            <v>V38H - HARTWELL</v>
          </cell>
          <cell r="F107" t="str">
            <v>G7405</v>
          </cell>
          <cell r="G107" t="str">
            <v>2014 Project</v>
          </cell>
          <cell r="H107"/>
          <cell r="I107" t="str">
            <v>V882 - CLARKSVILLE</v>
          </cell>
        </row>
        <row r="108">
          <cell r="A108" t="str">
            <v>G8982</v>
          </cell>
          <cell r="B108" t="str">
            <v>2013 Project</v>
          </cell>
          <cell r="C108"/>
          <cell r="D108" t="str">
            <v>V40C - QUEENSGATE</v>
          </cell>
          <cell r="F108" t="str">
            <v>G8100</v>
          </cell>
          <cell r="G108" t="str">
            <v>2014 Project</v>
          </cell>
          <cell r="H108"/>
          <cell r="I108" t="str">
            <v>V952 - FRANKLIN</v>
          </cell>
        </row>
        <row r="109">
          <cell r="A109" t="str">
            <v>G9241</v>
          </cell>
          <cell r="B109" t="str">
            <v>2013 Project</v>
          </cell>
          <cell r="C109"/>
          <cell r="D109" t="str">
            <v>VNWS - DOWNTOWN NETWORK</v>
          </cell>
          <cell r="F109" t="str">
            <v>G8187</v>
          </cell>
          <cell r="G109" t="str">
            <v>2014 Project</v>
          </cell>
          <cell r="H109"/>
          <cell r="I109" t="str">
            <v>V642 - GREENCASTLE</v>
          </cell>
        </row>
        <row r="110">
          <cell r="A110" t="str">
            <v>G9388</v>
          </cell>
          <cell r="B110" t="str">
            <v>2013 Project</v>
          </cell>
          <cell r="C110"/>
          <cell r="D110" t="str">
            <v>V40C - QUEENSGATE</v>
          </cell>
          <cell r="F110" t="str">
            <v>G8208</v>
          </cell>
          <cell r="G110" t="str">
            <v>2014 Project</v>
          </cell>
          <cell r="H110"/>
          <cell r="I110" t="str">
            <v>V482 - LAFAYETTE</v>
          </cell>
        </row>
        <row r="111">
          <cell r="A111" t="str">
            <v>SGSHT28</v>
          </cell>
          <cell r="B111" t="str">
            <v>2013 Project</v>
          </cell>
          <cell r="C111"/>
          <cell r="D111" t="str">
            <v>VODO - PDMW OTHER DEPT OHIO</v>
          </cell>
          <cell r="F111" t="str">
            <v>G8240</v>
          </cell>
          <cell r="G111" t="str">
            <v>2014 Project</v>
          </cell>
          <cell r="H111"/>
          <cell r="I111" t="str">
            <v>V622 - TERRE HAUTE</v>
          </cell>
        </row>
        <row r="112">
          <cell r="A112" t="str">
            <v>SOH1203DC</v>
          </cell>
          <cell r="B112" t="str">
            <v>2013 Project</v>
          </cell>
          <cell r="C112" t="str">
            <v>As Builts Required</v>
          </cell>
          <cell r="D112" t="str">
            <v>VODO - PDMW OTHER DEPT OHIO</v>
          </cell>
          <cell r="F112" t="str">
            <v>G8251</v>
          </cell>
          <cell r="G112" t="str">
            <v>2014 Project</v>
          </cell>
          <cell r="H112"/>
          <cell r="I112" t="str">
            <v>V792 - SULLIVAN</v>
          </cell>
        </row>
        <row r="113">
          <cell r="A113" t="str">
            <v>G3647</v>
          </cell>
          <cell r="B113" t="str">
            <v>2013 Project</v>
          </cell>
          <cell r="C113"/>
          <cell r="D113" t="str">
            <v>V932 - ERLANGER</v>
          </cell>
          <cell r="F113" t="str">
            <v>G8483</v>
          </cell>
          <cell r="G113" t="str">
            <v>2014 Project</v>
          </cell>
          <cell r="H113"/>
          <cell r="I113" t="str">
            <v>V752 - BEDFORD</v>
          </cell>
        </row>
        <row r="114">
          <cell r="A114" t="str">
            <v>G3736</v>
          </cell>
          <cell r="B114" t="str">
            <v>2013 Project</v>
          </cell>
          <cell r="C114"/>
          <cell r="D114" t="str">
            <v>V932 - ERLANGER</v>
          </cell>
          <cell r="F114" t="str">
            <v>G8567</v>
          </cell>
          <cell r="G114" t="str">
            <v>2014 Project</v>
          </cell>
          <cell r="H114"/>
          <cell r="I114" t="str">
            <v>V832 - SHELBYVILLE</v>
          </cell>
        </row>
        <row r="115">
          <cell r="A115" t="str">
            <v>G6716</v>
          </cell>
          <cell r="B115" t="str">
            <v>2013 Project</v>
          </cell>
          <cell r="C115" t="str">
            <v>As Builts Required</v>
          </cell>
          <cell r="D115" t="str">
            <v>V932 - ERLANGER</v>
          </cell>
          <cell r="F115" t="str">
            <v>G8568</v>
          </cell>
          <cell r="G115" t="str">
            <v>2014 Project</v>
          </cell>
          <cell r="H115"/>
          <cell r="I115" t="str">
            <v>V482 - LAFAYETTE</v>
          </cell>
        </row>
        <row r="116">
          <cell r="A116" t="str">
            <v>G9056</v>
          </cell>
          <cell r="B116" t="str">
            <v>2013 Project</v>
          </cell>
          <cell r="C116"/>
          <cell r="D116" t="str">
            <v>V932 - ERLANGER</v>
          </cell>
          <cell r="F116" t="str">
            <v>G8596</v>
          </cell>
          <cell r="G116" t="str">
            <v>2014 Project</v>
          </cell>
          <cell r="H116"/>
          <cell r="I116" t="str">
            <v>V562 - CARMEL</v>
          </cell>
        </row>
        <row r="117">
          <cell r="A117" t="str">
            <v>G9171</v>
          </cell>
          <cell r="B117" t="str">
            <v>2013 Project</v>
          </cell>
          <cell r="C117"/>
          <cell r="D117" t="str">
            <v>V932 - ERLANGER</v>
          </cell>
          <cell r="F117" t="str">
            <v>G8714</v>
          </cell>
          <cell r="G117" t="str">
            <v>2014 Project</v>
          </cell>
          <cell r="H117"/>
          <cell r="I117" t="str">
            <v>V542 - NOBLESVILLE</v>
          </cell>
        </row>
        <row r="118">
          <cell r="A118" t="str">
            <v>F4092</v>
          </cell>
          <cell r="B118" t="str">
            <v>2013 Project</v>
          </cell>
          <cell r="C118"/>
          <cell r="D118" t="str">
            <v>V632 - CLINTON</v>
          </cell>
          <cell r="F118" t="str">
            <v>G8717</v>
          </cell>
          <cell r="G118" t="str">
            <v>2014 Project</v>
          </cell>
          <cell r="H118"/>
          <cell r="I118" t="str">
            <v>V842 - CONNERSVILLE</v>
          </cell>
        </row>
        <row r="119">
          <cell r="A119" t="str">
            <v>F4524</v>
          </cell>
          <cell r="B119" t="str">
            <v>2013 Project</v>
          </cell>
          <cell r="C119"/>
          <cell r="D119" t="str">
            <v>V742 - BLOOMINGTON</v>
          </cell>
          <cell r="F119" t="str">
            <v>G8754</v>
          </cell>
          <cell r="G119" t="str">
            <v>2014 Project</v>
          </cell>
          <cell r="H119"/>
          <cell r="I119" t="str">
            <v>V822 - GREENSBURG</v>
          </cell>
        </row>
        <row r="120">
          <cell r="A120" t="str">
            <v>F4525</v>
          </cell>
          <cell r="B120" t="str">
            <v>2013 Project</v>
          </cell>
          <cell r="C120" t="str">
            <v>As Builts Required</v>
          </cell>
          <cell r="D120" t="str">
            <v>V742 - BLOOMINGTON</v>
          </cell>
          <cell r="F120" t="str">
            <v>G8765</v>
          </cell>
          <cell r="G120" t="str">
            <v>2014 Project</v>
          </cell>
          <cell r="H120"/>
          <cell r="I120" t="str">
            <v>V542 - NOBLESVILLE</v>
          </cell>
        </row>
        <row r="121">
          <cell r="A121" t="str">
            <v>F8324</v>
          </cell>
          <cell r="B121" t="str">
            <v>2013 Project</v>
          </cell>
          <cell r="C121"/>
          <cell r="D121" t="str">
            <v>V742 - BLOOMINGTON</v>
          </cell>
          <cell r="F121" t="str">
            <v>G8860</v>
          </cell>
          <cell r="G121" t="str">
            <v>2014 Project</v>
          </cell>
          <cell r="H121"/>
          <cell r="I121" t="str">
            <v>V632 - CLINTON</v>
          </cell>
        </row>
        <row r="122">
          <cell r="A122" t="str">
            <v>F9664</v>
          </cell>
          <cell r="B122" t="str">
            <v>2013 Project</v>
          </cell>
          <cell r="C122"/>
          <cell r="D122" t="str">
            <v>V782 - VINCENNES</v>
          </cell>
          <cell r="F122" t="str">
            <v>G8900</v>
          </cell>
          <cell r="G122" t="str">
            <v>2014 Project</v>
          </cell>
          <cell r="H122"/>
          <cell r="I122" t="str">
            <v>V752 - BEDFORD</v>
          </cell>
        </row>
        <row r="123">
          <cell r="A123" t="str">
            <v>F9784</v>
          </cell>
          <cell r="B123" t="str">
            <v>2013 Project</v>
          </cell>
          <cell r="C123"/>
          <cell r="D123" t="str">
            <v>V882 - CLARKSVILLE</v>
          </cell>
          <cell r="F123" t="str">
            <v>G8998</v>
          </cell>
          <cell r="G123" t="str">
            <v>2014 Project</v>
          </cell>
          <cell r="H123"/>
          <cell r="I123" t="str">
            <v>V482 - LAFAYETTE</v>
          </cell>
        </row>
        <row r="124">
          <cell r="A124" t="str">
            <v>G0504</v>
          </cell>
          <cell r="B124" t="str">
            <v>2013 Project</v>
          </cell>
          <cell r="C124" t="str">
            <v>As Builts Required</v>
          </cell>
          <cell r="D124" t="str">
            <v>V422 - KOKOMO</v>
          </cell>
          <cell r="F124" t="str">
            <v>G9397</v>
          </cell>
          <cell r="G124" t="str">
            <v>2014 Project</v>
          </cell>
          <cell r="H124"/>
          <cell r="I124" t="str">
            <v>V892 - MADISON</v>
          </cell>
        </row>
        <row r="125">
          <cell r="A125" t="str">
            <v>G0507</v>
          </cell>
          <cell r="B125" t="str">
            <v>2013 Project</v>
          </cell>
          <cell r="C125"/>
          <cell r="D125" t="str">
            <v>V882 - CLARKSVILLE</v>
          </cell>
          <cell r="F125" t="str">
            <v>G9398</v>
          </cell>
          <cell r="G125" t="str">
            <v>2014 Project</v>
          </cell>
          <cell r="H125"/>
          <cell r="I125" t="str">
            <v>V892 - MADISON</v>
          </cell>
        </row>
        <row r="126">
          <cell r="A126" t="str">
            <v>G1688</v>
          </cell>
          <cell r="B126" t="str">
            <v>2013 Project</v>
          </cell>
          <cell r="C126"/>
          <cell r="D126" t="str">
            <v>V742 - BLOOMINGTON</v>
          </cell>
          <cell r="F126" t="str">
            <v>G9423</v>
          </cell>
          <cell r="G126" t="str">
            <v>2014 Project</v>
          </cell>
          <cell r="H126"/>
          <cell r="I126" t="str">
            <v>V542 - NOBLESVILLE</v>
          </cell>
        </row>
        <row r="127">
          <cell r="A127" t="str">
            <v>G1689</v>
          </cell>
          <cell r="B127" t="str">
            <v>2013 Project</v>
          </cell>
          <cell r="C127"/>
          <cell r="D127" t="str">
            <v>V752 - BEDFORD</v>
          </cell>
          <cell r="F127" t="str">
            <v>G9456</v>
          </cell>
          <cell r="G127" t="str">
            <v>2014 Project</v>
          </cell>
          <cell r="H127"/>
          <cell r="I127" t="str">
            <v>V832 - SHELBYVILLE</v>
          </cell>
        </row>
        <row r="128">
          <cell r="A128" t="str">
            <v>G1735</v>
          </cell>
          <cell r="B128" t="str">
            <v>2013 Project</v>
          </cell>
          <cell r="C128"/>
          <cell r="D128" t="str">
            <v>V952 - FRANKLIN</v>
          </cell>
          <cell r="F128" t="str">
            <v>G9492</v>
          </cell>
          <cell r="G128" t="str">
            <v>2014 Project</v>
          </cell>
          <cell r="H128"/>
          <cell r="I128" t="str">
            <v>V652 - BRAZIL</v>
          </cell>
        </row>
        <row r="129">
          <cell r="A129" t="str">
            <v>G1833</v>
          </cell>
          <cell r="B129" t="str">
            <v>2013 Project</v>
          </cell>
          <cell r="C129"/>
          <cell r="D129" t="str">
            <v>V752 - BEDFORD</v>
          </cell>
          <cell r="F129" t="str">
            <v>G9502</v>
          </cell>
          <cell r="G129" t="str">
            <v>2014 Project</v>
          </cell>
          <cell r="H129"/>
          <cell r="I129" t="str">
            <v>V812 - PRINCETON</v>
          </cell>
        </row>
        <row r="130">
          <cell r="A130" t="str">
            <v>G1834</v>
          </cell>
          <cell r="B130" t="str">
            <v>2013 Project</v>
          </cell>
          <cell r="C130"/>
          <cell r="D130" t="str">
            <v>V752 - BEDFORD</v>
          </cell>
          <cell r="F130" t="str">
            <v>G9564</v>
          </cell>
          <cell r="G130" t="str">
            <v>2014 Project</v>
          </cell>
          <cell r="H130"/>
          <cell r="I130" t="str">
            <v>V792 - SULLIVAN</v>
          </cell>
        </row>
        <row r="131">
          <cell r="A131" t="str">
            <v>G2093</v>
          </cell>
          <cell r="B131" t="str">
            <v>2013 Project</v>
          </cell>
          <cell r="C131"/>
          <cell r="D131" t="str">
            <v>V812 - PRINCETON</v>
          </cell>
          <cell r="F131" t="str">
            <v>G9670</v>
          </cell>
          <cell r="G131" t="str">
            <v>2014 Project</v>
          </cell>
          <cell r="H131"/>
          <cell r="I131" t="str">
            <v>V652 - BRAZIL</v>
          </cell>
        </row>
        <row r="132">
          <cell r="A132" t="str">
            <v>G2343</v>
          </cell>
          <cell r="B132" t="str">
            <v>2013 Project</v>
          </cell>
          <cell r="C132"/>
          <cell r="D132" t="str">
            <v>V622 - TERRE HAUTE</v>
          </cell>
          <cell r="F132" t="str">
            <v>G9694</v>
          </cell>
          <cell r="G132" t="str">
            <v>2014 Project</v>
          </cell>
          <cell r="H132"/>
          <cell r="I132" t="str">
            <v>V652 - BRAZIL</v>
          </cell>
        </row>
        <row r="133">
          <cell r="A133" t="str">
            <v>G2344</v>
          </cell>
          <cell r="B133" t="str">
            <v>2013 Project</v>
          </cell>
          <cell r="C133"/>
          <cell r="D133" t="str">
            <v>V622 - TERRE HAUTE</v>
          </cell>
          <cell r="F133" t="str">
            <v>G9848</v>
          </cell>
          <cell r="G133" t="str">
            <v>2014 Project</v>
          </cell>
          <cell r="H133"/>
          <cell r="I133" t="str">
            <v>V422 - KOKOMO</v>
          </cell>
        </row>
        <row r="134">
          <cell r="A134" t="str">
            <v>G2376</v>
          </cell>
          <cell r="B134" t="str">
            <v>2013 Project</v>
          </cell>
          <cell r="C134"/>
          <cell r="D134" t="str">
            <v>V782 - VINCENNES</v>
          </cell>
          <cell r="F134" t="str">
            <v>G9969</v>
          </cell>
          <cell r="G134" t="str">
            <v>2014 Project</v>
          </cell>
          <cell r="H134"/>
          <cell r="I134" t="str">
            <v>V952 - FRANKLIN</v>
          </cell>
        </row>
        <row r="135">
          <cell r="A135" t="str">
            <v>G2435</v>
          </cell>
          <cell r="B135" t="str">
            <v>2013 Project</v>
          </cell>
          <cell r="C135"/>
          <cell r="D135" t="str">
            <v>V642 - GREENCASTLE</v>
          </cell>
          <cell r="F135" t="str">
            <v>H0028</v>
          </cell>
          <cell r="G135" t="str">
            <v>2014 Project</v>
          </cell>
          <cell r="H135"/>
          <cell r="I135" t="str">
            <v>V812 - PRINCETON</v>
          </cell>
        </row>
        <row r="136">
          <cell r="A136" t="str">
            <v>G2835</v>
          </cell>
          <cell r="B136" t="str">
            <v>2013 Project</v>
          </cell>
          <cell r="C136"/>
          <cell r="D136" t="str">
            <v>V952 - FRANKLIN</v>
          </cell>
          <cell r="F136" t="str">
            <v>H0081</v>
          </cell>
          <cell r="G136" t="str">
            <v>2014 Project</v>
          </cell>
          <cell r="H136"/>
          <cell r="I136" t="str">
            <v>V782 - VINCENNES</v>
          </cell>
        </row>
        <row r="137">
          <cell r="A137" t="str">
            <v>G2897</v>
          </cell>
          <cell r="B137" t="str">
            <v>2013 Project</v>
          </cell>
          <cell r="C137"/>
          <cell r="D137" t="str">
            <v>V622 - TERRE HAUTE</v>
          </cell>
          <cell r="F137" t="str">
            <v>H0194</v>
          </cell>
          <cell r="G137" t="str">
            <v>2014 Project</v>
          </cell>
          <cell r="H137"/>
          <cell r="I137" t="str">
            <v>V882 - CLARKSVILLE</v>
          </cell>
        </row>
        <row r="138">
          <cell r="A138" t="str">
            <v>G2898</v>
          </cell>
          <cell r="B138" t="str">
            <v>2013 Project</v>
          </cell>
          <cell r="C138"/>
          <cell r="D138" t="str">
            <v>V622 - TERRE HAUTE</v>
          </cell>
          <cell r="F138" t="str">
            <v>H0201</v>
          </cell>
          <cell r="G138" t="str">
            <v>2014 Project</v>
          </cell>
          <cell r="H138"/>
          <cell r="I138" t="str">
            <v>V942 - COLUMBUS</v>
          </cell>
        </row>
        <row r="139">
          <cell r="A139" t="str">
            <v>G3046</v>
          </cell>
          <cell r="B139" t="str">
            <v>2013 Project</v>
          </cell>
          <cell r="C139"/>
          <cell r="D139" t="str">
            <v>V962 - SEYMORE (SEYMOUR)</v>
          </cell>
          <cell r="F139" t="str">
            <v>H0559</v>
          </cell>
          <cell r="G139" t="str">
            <v>2014 Project</v>
          </cell>
          <cell r="H139"/>
          <cell r="I139" t="str">
            <v>V812 - PRINCETON</v>
          </cell>
        </row>
        <row r="140">
          <cell r="A140" t="str">
            <v>G3049</v>
          </cell>
          <cell r="B140" t="str">
            <v>2013 Project</v>
          </cell>
          <cell r="C140"/>
          <cell r="D140" t="str">
            <v>V812 - PRINCETON</v>
          </cell>
          <cell r="F140" t="str">
            <v>H0871</v>
          </cell>
          <cell r="G140" t="str">
            <v>2014 Project</v>
          </cell>
          <cell r="H140"/>
          <cell r="I140" t="str">
            <v>VODI - PDMW OTHER DEPT IND</v>
          </cell>
        </row>
        <row r="141">
          <cell r="A141" t="str">
            <v>G3195</v>
          </cell>
          <cell r="B141" t="str">
            <v>2013 Project</v>
          </cell>
          <cell r="C141"/>
          <cell r="D141" t="str">
            <v>V882 - CLARKSVILLE</v>
          </cell>
          <cell r="F141" t="str">
            <v>H0966</v>
          </cell>
          <cell r="G141" t="str">
            <v>2014 Project</v>
          </cell>
          <cell r="H141"/>
          <cell r="I141" t="str">
            <v>V622 - TERRE HAUTE</v>
          </cell>
        </row>
        <row r="142">
          <cell r="A142" t="str">
            <v>G3534</v>
          </cell>
          <cell r="B142" t="str">
            <v>2013 Project</v>
          </cell>
          <cell r="C142"/>
          <cell r="D142" t="str">
            <v>V562 - CARMEL</v>
          </cell>
          <cell r="F142" t="str">
            <v>H0984</v>
          </cell>
          <cell r="G142" t="str">
            <v>2014 Project</v>
          </cell>
          <cell r="H142"/>
          <cell r="I142" t="str">
            <v>V542 - NOBLESVILLE</v>
          </cell>
        </row>
        <row r="143">
          <cell r="A143" t="str">
            <v>G3538</v>
          </cell>
          <cell r="B143" t="str">
            <v>2013 Project</v>
          </cell>
          <cell r="C143"/>
          <cell r="D143" t="str">
            <v>V752 - BEDFORD</v>
          </cell>
          <cell r="F143" t="str">
            <v>H0998</v>
          </cell>
          <cell r="G143" t="str">
            <v>2014 Project</v>
          </cell>
          <cell r="H143"/>
          <cell r="I143" t="str">
            <v>V482 - LAFAYETTE</v>
          </cell>
        </row>
        <row r="144">
          <cell r="A144" t="str">
            <v>G3709</v>
          </cell>
          <cell r="B144" t="str">
            <v>2013 Project</v>
          </cell>
          <cell r="C144"/>
          <cell r="D144" t="str">
            <v>V742 - BLOOMINGTON</v>
          </cell>
          <cell r="F144" t="str">
            <v>H1007</v>
          </cell>
          <cell r="G144" t="str">
            <v>2014 Project</v>
          </cell>
          <cell r="H144"/>
          <cell r="I144" t="str">
            <v>V482 - LAFAYETTE</v>
          </cell>
        </row>
        <row r="145">
          <cell r="A145" t="str">
            <v>G3814</v>
          </cell>
          <cell r="B145" t="str">
            <v>2013 Project</v>
          </cell>
          <cell r="C145" t="str">
            <v>As Builts Required</v>
          </cell>
          <cell r="D145" t="str">
            <v>V752 - BEDFORD</v>
          </cell>
          <cell r="F145" t="str">
            <v>H1118</v>
          </cell>
          <cell r="G145" t="str">
            <v>2014 Project</v>
          </cell>
          <cell r="H145"/>
          <cell r="I145" t="str">
            <v>V882 - CLARKSVILLE</v>
          </cell>
        </row>
        <row r="146">
          <cell r="A146" t="str">
            <v>G3902</v>
          </cell>
          <cell r="B146" t="str">
            <v>2013 Project</v>
          </cell>
          <cell r="C146"/>
          <cell r="D146" t="str">
            <v>V622 - TERRE HAUTE</v>
          </cell>
          <cell r="F146" t="str">
            <v>H1195</v>
          </cell>
          <cell r="G146" t="str">
            <v>2014 Project</v>
          </cell>
          <cell r="H146"/>
          <cell r="I146" t="str">
            <v>V882 - CLARKSVILLE</v>
          </cell>
        </row>
        <row r="147">
          <cell r="A147" t="str">
            <v>G3973</v>
          </cell>
          <cell r="B147" t="str">
            <v>2013 Project</v>
          </cell>
          <cell r="C147"/>
          <cell r="D147" t="str">
            <v>V742 - BLOOMINGTON</v>
          </cell>
          <cell r="F147" t="str">
            <v>H1312</v>
          </cell>
          <cell r="G147" t="str">
            <v>2014 Project</v>
          </cell>
          <cell r="H147"/>
          <cell r="I147" t="str">
            <v>V422 - KOKOMO</v>
          </cell>
        </row>
        <row r="148">
          <cell r="A148" t="str">
            <v>G4143</v>
          </cell>
          <cell r="B148" t="str">
            <v>2013 Project</v>
          </cell>
          <cell r="C148"/>
          <cell r="D148" t="str">
            <v>V622 - TERRE HAUTE</v>
          </cell>
          <cell r="F148" t="str">
            <v>H9104</v>
          </cell>
          <cell r="G148" t="str">
            <v>2014 Project</v>
          </cell>
          <cell r="H148"/>
          <cell r="I148" t="str">
            <v>V742 - BLOOMINGTON</v>
          </cell>
        </row>
        <row r="149">
          <cell r="A149" t="str">
            <v>G4237</v>
          </cell>
          <cell r="B149" t="str">
            <v>2013 Project</v>
          </cell>
          <cell r="C149"/>
          <cell r="D149" t="str">
            <v>V782 - VINCENNES</v>
          </cell>
          <cell r="F149" t="str">
            <v>G0004</v>
          </cell>
          <cell r="G149" t="str">
            <v>2014 Project</v>
          </cell>
          <cell r="H149" t="str">
            <v>As Builts Required</v>
          </cell>
          <cell r="I149" t="str">
            <v>V812 - PRINCETON</v>
          </cell>
        </row>
        <row r="150">
          <cell r="A150" t="str">
            <v>G4253</v>
          </cell>
          <cell r="B150" t="str">
            <v>2013 Project</v>
          </cell>
          <cell r="C150"/>
          <cell r="D150" t="str">
            <v>V812 - PRINCETON</v>
          </cell>
          <cell r="F150" t="str">
            <v>G4937</v>
          </cell>
          <cell r="G150" t="str">
            <v>2014 Project</v>
          </cell>
          <cell r="H150"/>
          <cell r="I150" t="str">
            <v>V832 - SHELBYVILLE</v>
          </cell>
        </row>
        <row r="151">
          <cell r="A151" t="str">
            <v>G4359</v>
          </cell>
          <cell r="B151" t="str">
            <v>2013 Project</v>
          </cell>
          <cell r="C151"/>
          <cell r="D151" t="str">
            <v>V812 - PRINCETON</v>
          </cell>
          <cell r="F151" t="str">
            <v>G7182</v>
          </cell>
          <cell r="G151" t="str">
            <v>2014 Project</v>
          </cell>
          <cell r="H151"/>
          <cell r="I151" t="str">
            <v>V832 - SHELBYVILLE</v>
          </cell>
        </row>
        <row r="152">
          <cell r="A152" t="str">
            <v>G4442</v>
          </cell>
          <cell r="B152" t="str">
            <v>2013 Project</v>
          </cell>
          <cell r="C152"/>
          <cell r="D152" t="str">
            <v>V902 - CORYDON</v>
          </cell>
          <cell r="F152" t="str">
            <v>G9074</v>
          </cell>
          <cell r="G152" t="str">
            <v>2014 Project</v>
          </cell>
          <cell r="H152"/>
          <cell r="I152" t="str">
            <v>V892 - MADISON</v>
          </cell>
        </row>
        <row r="153">
          <cell r="A153" t="str">
            <v>G5087</v>
          </cell>
          <cell r="B153" t="str">
            <v>2013 Project</v>
          </cell>
          <cell r="C153"/>
          <cell r="D153" t="str">
            <v>V452 - ROCHESTER</v>
          </cell>
          <cell r="F153" t="str">
            <v>G9546</v>
          </cell>
          <cell r="G153" t="str">
            <v>2014 Project</v>
          </cell>
          <cell r="H153" t="str">
            <v>As Builts Required</v>
          </cell>
          <cell r="I153" t="str">
            <v>V622 - TERRE HAUTE</v>
          </cell>
        </row>
        <row r="154">
          <cell r="A154" t="str">
            <v>G5401</v>
          </cell>
          <cell r="B154" t="str">
            <v>2013 Project</v>
          </cell>
          <cell r="C154"/>
          <cell r="D154" t="str">
            <v>V812 - PRINCETON</v>
          </cell>
          <cell r="F154" t="str">
            <v>G9630</v>
          </cell>
          <cell r="G154" t="str">
            <v>2014 Project</v>
          </cell>
          <cell r="H154"/>
          <cell r="I154" t="str">
            <v>V952 - FRANKLIN</v>
          </cell>
        </row>
        <row r="155">
          <cell r="A155" t="str">
            <v>G5485</v>
          </cell>
          <cell r="B155" t="str">
            <v>2013 Project</v>
          </cell>
          <cell r="C155" t="str">
            <v>As Builts Required</v>
          </cell>
          <cell r="D155" t="str">
            <v>V742 - BLOOMINGTON</v>
          </cell>
          <cell r="F155" t="str">
            <v>G9952</v>
          </cell>
          <cell r="G155" t="str">
            <v>2014 Project</v>
          </cell>
          <cell r="H155"/>
          <cell r="I155" t="str">
            <v>V962 - SEYMORE (SEYMOUR)</v>
          </cell>
        </row>
        <row r="156">
          <cell r="A156" t="str">
            <v>G6235</v>
          </cell>
          <cell r="B156" t="str">
            <v>2013 Project</v>
          </cell>
          <cell r="C156"/>
          <cell r="D156" t="str">
            <v>V952 - FRANKLIN</v>
          </cell>
          <cell r="F156" t="str">
            <v>H0347</v>
          </cell>
          <cell r="G156" t="str">
            <v>2014 Project</v>
          </cell>
          <cell r="H156"/>
          <cell r="I156" t="str">
            <v>V542 - NOBLESVILLE</v>
          </cell>
        </row>
        <row r="157">
          <cell r="A157" t="str">
            <v>G6312</v>
          </cell>
          <cell r="B157" t="str">
            <v>2013 Project</v>
          </cell>
          <cell r="C157"/>
          <cell r="D157" t="str">
            <v>V642 - GREENCASTLE</v>
          </cell>
          <cell r="F157" t="str">
            <v>H0600</v>
          </cell>
          <cell r="G157" t="str">
            <v>2014 Project</v>
          </cell>
          <cell r="H157"/>
          <cell r="I157" t="str">
            <v>V892 - MADISON</v>
          </cell>
        </row>
        <row r="158">
          <cell r="A158" t="str">
            <v>G6434</v>
          </cell>
          <cell r="B158" t="str">
            <v>2013 Project</v>
          </cell>
          <cell r="C158"/>
          <cell r="D158" t="str">
            <v>V642 - GREENCASTLE</v>
          </cell>
          <cell r="F158" t="str">
            <v>H0624</v>
          </cell>
          <cell r="G158" t="str">
            <v>2014 Project</v>
          </cell>
          <cell r="H158"/>
          <cell r="I158" t="str">
            <v>V742 - BLOOMINGTON</v>
          </cell>
        </row>
        <row r="159">
          <cell r="A159" t="str">
            <v>G6458</v>
          </cell>
          <cell r="B159" t="str">
            <v>2013 Project</v>
          </cell>
          <cell r="C159"/>
          <cell r="D159" t="str">
            <v>V842 - CONNERSVILLE</v>
          </cell>
          <cell r="F159" t="str">
            <v>H0721</v>
          </cell>
          <cell r="G159" t="str">
            <v>2014 Project</v>
          </cell>
          <cell r="H159"/>
          <cell r="I159" t="str">
            <v>V482 - LAFAYETTE</v>
          </cell>
        </row>
        <row r="160">
          <cell r="A160" t="str">
            <v>G6503</v>
          </cell>
          <cell r="B160" t="str">
            <v>2013 Project</v>
          </cell>
          <cell r="C160"/>
          <cell r="D160" t="str">
            <v>V752 - BEDFORD</v>
          </cell>
          <cell r="F160" t="str">
            <v>H1210</v>
          </cell>
          <cell r="G160" t="str">
            <v>2014 Project</v>
          </cell>
          <cell r="H160"/>
          <cell r="I160" t="str">
            <v>V742 - BLOOMINGTON</v>
          </cell>
        </row>
        <row r="161">
          <cell r="A161" t="str">
            <v>G6516</v>
          </cell>
          <cell r="B161" t="str">
            <v>2013 Project</v>
          </cell>
          <cell r="C161"/>
          <cell r="D161" t="str">
            <v>V642 - GREENCASTLE</v>
          </cell>
          <cell r="F161" t="str">
            <v>G9364</v>
          </cell>
          <cell r="G161" t="str">
            <v>2014 Project</v>
          </cell>
          <cell r="H161"/>
          <cell r="I161" t="str">
            <v>V462 - FAIRFIELD</v>
          </cell>
        </row>
        <row r="162">
          <cell r="A162" t="str">
            <v>G6519</v>
          </cell>
          <cell r="B162" t="str">
            <v>2013 Project</v>
          </cell>
          <cell r="C162" t="str">
            <v>As Builts Required</v>
          </cell>
          <cell r="D162" t="str">
            <v>V482 - LAFAYETTE</v>
          </cell>
          <cell r="F162" t="str">
            <v>H0083</v>
          </cell>
          <cell r="G162" t="str">
            <v>2014 Project</v>
          </cell>
          <cell r="H162"/>
          <cell r="I162" t="str">
            <v>V461 - TODHUNTER</v>
          </cell>
        </row>
        <row r="163">
          <cell r="A163" t="str">
            <v>G6525</v>
          </cell>
          <cell r="B163" t="str">
            <v>2013 Project</v>
          </cell>
          <cell r="C163"/>
          <cell r="D163" t="str">
            <v>V562 - CARMEL</v>
          </cell>
          <cell r="F163" t="str">
            <v>H0391</v>
          </cell>
          <cell r="G163" t="str">
            <v>2014 Project</v>
          </cell>
          <cell r="H163"/>
          <cell r="I163" t="str">
            <v>V462 - FAIRFIELD</v>
          </cell>
        </row>
        <row r="164">
          <cell r="A164" t="str">
            <v>G6532</v>
          </cell>
          <cell r="B164" t="str">
            <v>2013 Project</v>
          </cell>
          <cell r="C164"/>
          <cell r="D164" t="str">
            <v>V812 - PRINCETON</v>
          </cell>
          <cell r="F164" t="str">
            <v>H0680</v>
          </cell>
          <cell r="G164" t="str">
            <v>2014 Project</v>
          </cell>
          <cell r="H164" t="str">
            <v>As Builts Required</v>
          </cell>
          <cell r="I164" t="str">
            <v>VNWS - Dana</v>
          </cell>
        </row>
        <row r="165">
          <cell r="A165" t="str">
            <v>G6535</v>
          </cell>
          <cell r="B165" t="str">
            <v>2013 Project</v>
          </cell>
          <cell r="C165"/>
          <cell r="D165" t="str">
            <v>V902 - CORYDON</v>
          </cell>
          <cell r="F165" t="str">
            <v>H0968</v>
          </cell>
          <cell r="G165" t="str">
            <v>2014 Project</v>
          </cell>
          <cell r="H165"/>
          <cell r="I165" t="str">
            <v>V461 - TODHUNTER</v>
          </cell>
        </row>
        <row r="166">
          <cell r="A166" t="str">
            <v>G6537</v>
          </cell>
          <cell r="B166" t="str">
            <v>2013 Project</v>
          </cell>
          <cell r="C166"/>
          <cell r="D166" t="str">
            <v>V742 - BLOOMINGTON</v>
          </cell>
          <cell r="F166" t="str">
            <v>H1544</v>
          </cell>
          <cell r="G166" t="str">
            <v>2014 Project</v>
          </cell>
          <cell r="H166" t="str">
            <v>As Builts Required</v>
          </cell>
          <cell r="I166" t="str">
            <v>V40C - QUEENSGATE</v>
          </cell>
        </row>
        <row r="167">
          <cell r="A167" t="str">
            <v>G6570</v>
          </cell>
          <cell r="B167" t="str">
            <v>2013 Project</v>
          </cell>
          <cell r="C167"/>
          <cell r="D167" t="str">
            <v>V742 - BLOOMINGTON</v>
          </cell>
          <cell r="F167" t="str">
            <v>H1575</v>
          </cell>
          <cell r="G167" t="str">
            <v>2014 Project</v>
          </cell>
          <cell r="H167"/>
          <cell r="I167" t="str">
            <v>VNWS - Dana</v>
          </cell>
        </row>
        <row r="168">
          <cell r="A168" t="str">
            <v>G6579</v>
          </cell>
          <cell r="B168" t="str">
            <v>2013 Project</v>
          </cell>
          <cell r="C168"/>
          <cell r="D168" t="str">
            <v>V832 - SHELBYVILLE</v>
          </cell>
          <cell r="F168" t="str">
            <v>H1680</v>
          </cell>
          <cell r="G168" t="str">
            <v>2014 Project</v>
          </cell>
          <cell r="H168"/>
          <cell r="I168" t="str">
            <v>VNWS - DOWNTOWN NETWORK</v>
          </cell>
        </row>
        <row r="169">
          <cell r="A169" t="str">
            <v>G6583</v>
          </cell>
          <cell r="B169" t="str">
            <v>2013 Project</v>
          </cell>
          <cell r="C169"/>
          <cell r="D169" t="str">
            <v>V832 - SHELBYVILLE</v>
          </cell>
          <cell r="F169" t="str">
            <v>H2062</v>
          </cell>
          <cell r="G169" t="str">
            <v>2014 Project</v>
          </cell>
          <cell r="H169" t="str">
            <v>As Builts Required</v>
          </cell>
          <cell r="I169" t="str">
            <v>V461 - TODHUNTER</v>
          </cell>
        </row>
        <row r="170">
          <cell r="A170" t="str">
            <v>G6632</v>
          </cell>
          <cell r="B170" t="str">
            <v>2013 Project</v>
          </cell>
          <cell r="C170" t="str">
            <v>As Builts Required</v>
          </cell>
          <cell r="D170" t="str">
            <v>V882 - CLARKSVILLE</v>
          </cell>
          <cell r="F170" t="str">
            <v>H2112</v>
          </cell>
          <cell r="G170" t="str">
            <v>2014 Project</v>
          </cell>
          <cell r="H170" t="str">
            <v>As Builts Required</v>
          </cell>
          <cell r="I170" t="str">
            <v>VNWS - Dana</v>
          </cell>
        </row>
        <row r="171">
          <cell r="A171" t="str">
            <v>G6633</v>
          </cell>
          <cell r="B171" t="str">
            <v>2013 Project</v>
          </cell>
          <cell r="C171"/>
          <cell r="D171" t="str">
            <v>V542 - NOBLESVILLE</v>
          </cell>
          <cell r="F171" t="str">
            <v>H3106</v>
          </cell>
          <cell r="G171" t="str">
            <v>2014 Project</v>
          </cell>
          <cell r="H171" t="str">
            <v>As Builts Required</v>
          </cell>
          <cell r="I171" t="str">
            <v>VNWS - DOWNTOWN NETWORK</v>
          </cell>
        </row>
        <row r="172">
          <cell r="A172" t="str">
            <v>G6651</v>
          </cell>
          <cell r="B172" t="str">
            <v>2013 Project</v>
          </cell>
          <cell r="C172"/>
          <cell r="D172" t="str">
            <v>V862 - AURORA</v>
          </cell>
          <cell r="F172" t="str">
            <v>I5104</v>
          </cell>
          <cell r="G172" t="str">
            <v>2014 Project</v>
          </cell>
          <cell r="H172" t="str">
            <v>As Builts Required</v>
          </cell>
          <cell r="I172" t="str">
            <v>V932 - ERLANGER</v>
          </cell>
        </row>
        <row r="173">
          <cell r="A173" t="str">
            <v>G6707</v>
          </cell>
          <cell r="B173" t="str">
            <v>2013 Project</v>
          </cell>
          <cell r="C173"/>
          <cell r="D173" t="str">
            <v>V862 - AURORA</v>
          </cell>
          <cell r="F173" t="str">
            <v>ADELDL12</v>
          </cell>
          <cell r="G173" t="str">
            <v>2014 Project</v>
          </cell>
          <cell r="H173"/>
          <cell r="I173" t="str">
            <v>V40C - QUEENSGATE</v>
          </cell>
        </row>
        <row r="174">
          <cell r="A174" t="str">
            <v>G6735</v>
          </cell>
          <cell r="B174" t="str">
            <v>2013 Project</v>
          </cell>
          <cell r="C174"/>
          <cell r="D174" t="str">
            <v>V632 - CLINTON</v>
          </cell>
          <cell r="F174" t="str">
            <v>G0822</v>
          </cell>
          <cell r="G174" t="str">
            <v>2014 Project</v>
          </cell>
          <cell r="H174" t="str">
            <v>As Builts Required</v>
          </cell>
          <cell r="I174" t="str">
            <v>VNWS - DOWNTOWN NETWORK</v>
          </cell>
        </row>
        <row r="175">
          <cell r="A175" t="str">
            <v>G6740</v>
          </cell>
          <cell r="B175" t="str">
            <v>2013 Project</v>
          </cell>
          <cell r="C175"/>
          <cell r="D175" t="str">
            <v>V952 - FRANKLIN</v>
          </cell>
          <cell r="F175" t="str">
            <v>G9499</v>
          </cell>
          <cell r="G175" t="str">
            <v>2014 Project</v>
          </cell>
          <cell r="H175"/>
          <cell r="I175" t="str">
            <v>V492 - HAMLET</v>
          </cell>
        </row>
        <row r="176">
          <cell r="A176" t="str">
            <v>G6872</v>
          </cell>
          <cell r="B176" t="str">
            <v>2013 Project</v>
          </cell>
          <cell r="C176"/>
          <cell r="D176" t="str">
            <v>V812 - PRINCETON</v>
          </cell>
          <cell r="F176" t="str">
            <v>G9717</v>
          </cell>
          <cell r="G176" t="str">
            <v>2014 Project</v>
          </cell>
          <cell r="H176"/>
          <cell r="I176" t="str">
            <v>V461 - TODHUNTER</v>
          </cell>
        </row>
        <row r="177">
          <cell r="A177" t="str">
            <v>G6873</v>
          </cell>
          <cell r="B177" t="str">
            <v>2013 Project</v>
          </cell>
          <cell r="C177"/>
          <cell r="D177" t="str">
            <v>V812 - PRINCETON</v>
          </cell>
          <cell r="F177" t="str">
            <v>G9917</v>
          </cell>
          <cell r="G177" t="str">
            <v>2014 Project</v>
          </cell>
          <cell r="H177"/>
          <cell r="I177" t="str">
            <v>VNWS - Dana</v>
          </cell>
        </row>
        <row r="178">
          <cell r="A178" t="str">
            <v>G6874</v>
          </cell>
          <cell r="B178" t="str">
            <v>2013 Project</v>
          </cell>
          <cell r="C178"/>
          <cell r="D178" t="str">
            <v>V812 - PRINCETON</v>
          </cell>
          <cell r="F178" t="str">
            <v>H0191</v>
          </cell>
          <cell r="G178" t="str">
            <v>2014 Project</v>
          </cell>
          <cell r="H178"/>
          <cell r="I178" t="str">
            <v>V493 - LITTLE MIAMI</v>
          </cell>
        </row>
        <row r="179">
          <cell r="A179" t="str">
            <v>G6956</v>
          </cell>
          <cell r="B179" t="str">
            <v>2013 Project</v>
          </cell>
          <cell r="C179"/>
          <cell r="D179" t="str">
            <v>V942 - COLUMBUS</v>
          </cell>
          <cell r="F179" t="str">
            <v>H0395</v>
          </cell>
          <cell r="G179" t="str">
            <v>2014 Project</v>
          </cell>
          <cell r="H179" t="str">
            <v>As Builts Required</v>
          </cell>
          <cell r="I179" t="str">
            <v>V502 - BRECON</v>
          </cell>
        </row>
        <row r="180">
          <cell r="A180" t="str">
            <v>G7038</v>
          </cell>
          <cell r="B180" t="str">
            <v>2013 Project</v>
          </cell>
          <cell r="C180"/>
          <cell r="D180" t="str">
            <v>V752 - BEDFORD</v>
          </cell>
          <cell r="F180" t="str">
            <v>H0468</v>
          </cell>
          <cell r="G180" t="str">
            <v>2014 Project</v>
          </cell>
          <cell r="H180" t="str">
            <v>As Builts Required</v>
          </cell>
          <cell r="I180" t="str">
            <v>V40C - QUEENSGATE</v>
          </cell>
        </row>
        <row r="181">
          <cell r="A181" t="str">
            <v>G7041</v>
          </cell>
          <cell r="B181" t="str">
            <v>2013 Project</v>
          </cell>
          <cell r="C181"/>
          <cell r="D181" t="str">
            <v>V782 - VINCENNES</v>
          </cell>
          <cell r="F181" t="str">
            <v>H0514</v>
          </cell>
          <cell r="G181" t="str">
            <v>2014 Project</v>
          </cell>
          <cell r="H181" t="str">
            <v>As Builts Required</v>
          </cell>
          <cell r="I181" t="str">
            <v>V502 - BRECON</v>
          </cell>
        </row>
        <row r="182">
          <cell r="A182" t="str">
            <v>G7250</v>
          </cell>
          <cell r="B182" t="str">
            <v>2013 Project</v>
          </cell>
          <cell r="C182" t="str">
            <v>As Builts Required</v>
          </cell>
          <cell r="D182" t="str">
            <v>V742 - BLOOMINGTON</v>
          </cell>
          <cell r="F182" t="str">
            <v>H0639</v>
          </cell>
          <cell r="G182" t="str">
            <v>2014 Project</v>
          </cell>
          <cell r="H182" t="str">
            <v>As Builts Required</v>
          </cell>
          <cell r="I182" t="str">
            <v>V462 - FAIRFIELD</v>
          </cell>
        </row>
        <row r="183">
          <cell r="A183" t="str">
            <v>G8275</v>
          </cell>
          <cell r="B183" t="str">
            <v>2013 Project</v>
          </cell>
          <cell r="C183"/>
          <cell r="D183" t="str">
            <v>V882 - CLARKSVILLE</v>
          </cell>
          <cell r="F183" t="str">
            <v>H0942</v>
          </cell>
          <cell r="G183" t="str">
            <v>2014 Project</v>
          </cell>
          <cell r="H183"/>
          <cell r="I183" t="str">
            <v>V502 - BRECON</v>
          </cell>
        </row>
        <row r="184">
          <cell r="A184" t="str">
            <v>G8406</v>
          </cell>
          <cell r="B184" t="str">
            <v>2013 Project</v>
          </cell>
          <cell r="C184"/>
          <cell r="D184" t="str">
            <v>V542 - NOBLESVILLE</v>
          </cell>
          <cell r="F184" t="str">
            <v>H0975</v>
          </cell>
          <cell r="G184" t="str">
            <v>2014 Project</v>
          </cell>
          <cell r="H184"/>
          <cell r="I184" t="str">
            <v>V492 - HAMLET</v>
          </cell>
        </row>
        <row r="185">
          <cell r="A185" t="str">
            <v>G8478</v>
          </cell>
          <cell r="B185" t="str">
            <v>2013 Project</v>
          </cell>
          <cell r="C185"/>
          <cell r="D185" t="str">
            <v>V882 - CLARKSVILLE</v>
          </cell>
          <cell r="F185" t="str">
            <v>H1022</v>
          </cell>
          <cell r="G185" t="str">
            <v>2014 Project</v>
          </cell>
          <cell r="H185" t="str">
            <v>As Builts Required</v>
          </cell>
          <cell r="I185" t="str">
            <v>VMIA - MIAMITOWN</v>
          </cell>
        </row>
        <row r="186">
          <cell r="A186" t="str">
            <v>G8590</v>
          </cell>
          <cell r="B186" t="str">
            <v>2013 Project</v>
          </cell>
          <cell r="C186"/>
          <cell r="D186" t="str">
            <v>V882 - CLARKSVILLE</v>
          </cell>
          <cell r="F186" t="str">
            <v>H1151</v>
          </cell>
          <cell r="G186" t="str">
            <v>2014 Project</v>
          </cell>
          <cell r="H186"/>
          <cell r="I186" t="str">
            <v>V462 - FAIRFIELD</v>
          </cell>
        </row>
        <row r="187">
          <cell r="A187" t="str">
            <v>G8591</v>
          </cell>
          <cell r="B187" t="str">
            <v>2013 Project</v>
          </cell>
          <cell r="C187"/>
          <cell r="D187" t="str">
            <v>V482 - LAFAYETTE</v>
          </cell>
          <cell r="F187" t="str">
            <v>H1175</v>
          </cell>
          <cell r="G187" t="str">
            <v>2014 Project</v>
          </cell>
          <cell r="H187" t="str">
            <v>As Builts Required</v>
          </cell>
          <cell r="I187" t="str">
            <v>VNWS - DOWNTOWN NETWORK</v>
          </cell>
        </row>
        <row r="188">
          <cell r="A188" t="str">
            <v>G8707</v>
          </cell>
          <cell r="B188" t="str">
            <v>2013 Project</v>
          </cell>
          <cell r="C188"/>
          <cell r="D188" t="str">
            <v>V752 - BEDFORD</v>
          </cell>
          <cell r="F188" t="str">
            <v>H1261</v>
          </cell>
          <cell r="G188" t="str">
            <v>2014 Project</v>
          </cell>
          <cell r="H188"/>
          <cell r="I188" t="str">
            <v>V40C - QUEENSGATE</v>
          </cell>
        </row>
        <row r="189">
          <cell r="A189" t="str">
            <v>G9034</v>
          </cell>
          <cell r="B189" t="str">
            <v>2013 Project</v>
          </cell>
          <cell r="C189"/>
          <cell r="D189" t="str">
            <v>V742 - BLOOMINGTON</v>
          </cell>
          <cell r="F189" t="str">
            <v>H1492</v>
          </cell>
          <cell r="G189" t="str">
            <v>2014 Project</v>
          </cell>
          <cell r="H189" t="str">
            <v>As Builts Required</v>
          </cell>
          <cell r="I189" t="str">
            <v>V40C - QUEENSGATE</v>
          </cell>
        </row>
        <row r="190">
          <cell r="A190" t="str">
            <v>G9077</v>
          </cell>
          <cell r="B190" t="str">
            <v>2013 Project</v>
          </cell>
          <cell r="C190"/>
          <cell r="D190" t="str">
            <v>V652 - BRAZIL</v>
          </cell>
          <cell r="F190" t="str">
            <v>H1962</v>
          </cell>
          <cell r="G190" t="str">
            <v>2014 Project</v>
          </cell>
          <cell r="H190" t="str">
            <v>As Builts Required</v>
          </cell>
          <cell r="I190" t="str">
            <v>V502 - BRECON</v>
          </cell>
        </row>
        <row r="191">
          <cell r="A191" t="str">
            <v>G9216</v>
          </cell>
          <cell r="B191" t="str">
            <v>2013 Project</v>
          </cell>
          <cell r="C191"/>
          <cell r="D191" t="str">
            <v>V562 - CARMEL</v>
          </cell>
          <cell r="F191" t="str">
            <v>H1984</v>
          </cell>
          <cell r="G191" t="str">
            <v>2014 Project</v>
          </cell>
          <cell r="H191" t="str">
            <v>As Builts Required</v>
          </cell>
          <cell r="I191" t="str">
            <v>VNWS - Dana</v>
          </cell>
        </row>
        <row r="192">
          <cell r="A192" t="str">
            <v>G9482</v>
          </cell>
          <cell r="B192" t="str">
            <v>2013 Project</v>
          </cell>
          <cell r="C192"/>
          <cell r="D192" t="str">
            <v>V482 - LAFAYETTE</v>
          </cell>
          <cell r="F192" t="str">
            <v>I6118</v>
          </cell>
          <cell r="G192" t="str">
            <v>2014 Project</v>
          </cell>
          <cell r="H192" t="str">
            <v>As Builts Required</v>
          </cell>
          <cell r="I192" t="str">
            <v>VNWS - Dana</v>
          </cell>
        </row>
        <row r="193">
          <cell r="A193" t="str">
            <v>SIN1203TC</v>
          </cell>
          <cell r="B193" t="str">
            <v>2013 Project</v>
          </cell>
          <cell r="C193" t="str">
            <v>As Builts Required</v>
          </cell>
          <cell r="D193" t="str">
            <v>VOTI - PDMW OTHER IND</v>
          </cell>
          <cell r="F193" t="str">
            <v>K0122</v>
          </cell>
          <cell r="G193" t="str">
            <v>2014 Project</v>
          </cell>
          <cell r="H193" t="str">
            <v>As Builts Required</v>
          </cell>
          <cell r="I193" t="str">
            <v>V40C - QUEENSGATE</v>
          </cell>
        </row>
        <row r="194">
          <cell r="A194" t="str">
            <v>G4936</v>
          </cell>
          <cell r="B194" t="str">
            <v>2013 Project</v>
          </cell>
          <cell r="C194"/>
          <cell r="D194" t="str">
            <v>V462 - FAIRFIELD</v>
          </cell>
          <cell r="F194" t="str">
            <v>H0503</v>
          </cell>
          <cell r="G194" t="str">
            <v>2014 Project</v>
          </cell>
          <cell r="H194" t="str">
            <v>As Builts Required</v>
          </cell>
          <cell r="I194" t="str">
            <v>V932 - ERLANGER</v>
          </cell>
        </row>
        <row r="195">
          <cell r="A195" t="str">
            <v>G7204</v>
          </cell>
          <cell r="B195" t="str">
            <v>2013 Project</v>
          </cell>
          <cell r="C195" t="str">
            <v>As Builts Required</v>
          </cell>
          <cell r="D195" t="str">
            <v>VNWS - DOWNTOWN NETWORK</v>
          </cell>
          <cell r="F195" t="str">
            <v>H0638</v>
          </cell>
          <cell r="G195" t="str">
            <v>2014 Project</v>
          </cell>
          <cell r="H195"/>
          <cell r="I195" t="str">
            <v>V932 - ERLANGER</v>
          </cell>
        </row>
        <row r="196">
          <cell r="A196" t="str">
            <v>G7422</v>
          </cell>
          <cell r="B196" t="str">
            <v>2013 Project</v>
          </cell>
          <cell r="C196"/>
          <cell r="D196" t="str">
            <v>V40C - QUEENSGATE</v>
          </cell>
          <cell r="F196" t="str">
            <v>H0669</v>
          </cell>
          <cell r="G196" t="str">
            <v>2014 Project</v>
          </cell>
          <cell r="H196" t="str">
            <v>As Builts Required</v>
          </cell>
          <cell r="I196" t="str">
            <v>V932 - ERLANGER</v>
          </cell>
        </row>
        <row r="197">
          <cell r="A197" t="str">
            <v>G8181</v>
          </cell>
          <cell r="B197" t="str">
            <v>2013 Project</v>
          </cell>
          <cell r="C197"/>
          <cell r="D197" t="str">
            <v>V40C - QUEENSGATE</v>
          </cell>
          <cell r="F197" t="str">
            <v>H1381</v>
          </cell>
          <cell r="G197" t="str">
            <v>2014 Project</v>
          </cell>
          <cell r="H197"/>
          <cell r="I197" t="str">
            <v>V932 - ERLANGER</v>
          </cell>
        </row>
        <row r="198">
          <cell r="A198" t="str">
            <v>G8192</v>
          </cell>
          <cell r="B198" t="str">
            <v>2013 Project</v>
          </cell>
          <cell r="C198"/>
          <cell r="D198" t="str">
            <v>V38H - HARTWELL</v>
          </cell>
          <cell r="F198" t="str">
            <v>H1382</v>
          </cell>
          <cell r="G198" t="str">
            <v>2014 Project</v>
          </cell>
          <cell r="H198" t="str">
            <v>As Builts Required</v>
          </cell>
          <cell r="I198" t="str">
            <v>V932 - ERLANGER</v>
          </cell>
        </row>
        <row r="199">
          <cell r="A199" t="str">
            <v>G8582</v>
          </cell>
          <cell r="B199" t="str">
            <v>2013 Project</v>
          </cell>
          <cell r="C199" t="str">
            <v>As Builts Required</v>
          </cell>
          <cell r="D199" t="str">
            <v>V40C - QUEENSGATE</v>
          </cell>
          <cell r="F199" t="str">
            <v>F5765</v>
          </cell>
          <cell r="G199" t="str">
            <v>2014 Project</v>
          </cell>
          <cell r="H199" t="str">
            <v>As Builts Required</v>
          </cell>
          <cell r="I199" t="str">
            <v>V442 - HUNTINGTON</v>
          </cell>
        </row>
        <row r="200">
          <cell r="A200" t="str">
            <v>G9023</v>
          </cell>
          <cell r="B200" t="str">
            <v>2013 Project</v>
          </cell>
          <cell r="C200"/>
          <cell r="D200" t="str">
            <v>V40C - QUEENSGATE</v>
          </cell>
          <cell r="F200" t="str">
            <v>F5784</v>
          </cell>
          <cell r="G200" t="str">
            <v>2014 Project</v>
          </cell>
          <cell r="H200" t="str">
            <v>As Builts Required</v>
          </cell>
          <cell r="I200" t="str">
            <v>V432 - WABASH</v>
          </cell>
        </row>
        <row r="201">
          <cell r="A201" t="str">
            <v>G9307</v>
          </cell>
          <cell r="B201" t="str">
            <v>2013 Project</v>
          </cell>
          <cell r="C201"/>
          <cell r="D201" t="str">
            <v>V493 - LITTLE MIAMI</v>
          </cell>
          <cell r="F201" t="str">
            <v>F5904</v>
          </cell>
          <cell r="G201" t="str">
            <v>2014 Project</v>
          </cell>
          <cell r="H201" t="str">
            <v>As Builts Required</v>
          </cell>
          <cell r="I201" t="str">
            <v>V432 - WABASH</v>
          </cell>
        </row>
        <row r="202">
          <cell r="A202" t="str">
            <v>SGSHT29</v>
          </cell>
          <cell r="B202" t="str">
            <v>2013 Project</v>
          </cell>
          <cell r="C202"/>
          <cell r="D202" t="str">
            <v>VODO - PDMW OTHER DEPT OHIO</v>
          </cell>
          <cell r="F202" t="str">
            <v>F5905</v>
          </cell>
          <cell r="G202" t="str">
            <v>2014 Project</v>
          </cell>
          <cell r="H202" t="str">
            <v>As Builts Required</v>
          </cell>
          <cell r="I202" t="str">
            <v>V442 - HUNTINGTON</v>
          </cell>
        </row>
        <row r="203">
          <cell r="A203" t="str">
            <v>SGSHT30</v>
          </cell>
          <cell r="B203" t="str">
            <v>2013 Project</v>
          </cell>
          <cell r="C203"/>
          <cell r="D203" t="str">
            <v>VODO - PDMW OTHER DEPT OHIO</v>
          </cell>
          <cell r="F203" t="str">
            <v>G1267</v>
          </cell>
          <cell r="G203" t="str">
            <v>2014 Project</v>
          </cell>
          <cell r="H203"/>
          <cell r="I203" t="str">
            <v>V622 - TERRE HAUTE</v>
          </cell>
        </row>
        <row r="204">
          <cell r="A204" t="str">
            <v>G8553</v>
          </cell>
          <cell r="B204" t="str">
            <v>2013 Project</v>
          </cell>
          <cell r="C204"/>
          <cell r="D204" t="str">
            <v>V932 - ERLANGER</v>
          </cell>
          <cell r="F204" t="str">
            <v>G2345</v>
          </cell>
          <cell r="G204" t="str">
            <v>2014 Project</v>
          </cell>
          <cell r="H204" t="str">
            <v>As Builts Required</v>
          </cell>
          <cell r="I204" t="str">
            <v>V622 - TERRE HAUTE</v>
          </cell>
        </row>
        <row r="205">
          <cell r="A205" t="str">
            <v>STKYT34</v>
          </cell>
          <cell r="B205" t="str">
            <v>2013 Project</v>
          </cell>
          <cell r="C205"/>
          <cell r="D205" t="str">
            <v>VODK - PDMW OTHER DEPT KEN</v>
          </cell>
          <cell r="F205" t="str">
            <v>G6727</v>
          </cell>
          <cell r="G205" t="str">
            <v>2014 Project</v>
          </cell>
          <cell r="H205"/>
          <cell r="I205" t="str">
            <v>V572 - AVON</v>
          </cell>
        </row>
        <row r="206">
          <cell r="A206" t="str">
            <v>E4612</v>
          </cell>
          <cell r="B206" t="str">
            <v>2013 Project</v>
          </cell>
          <cell r="C206"/>
          <cell r="D206" t="str">
            <v>V742 - BLOOMINGTON</v>
          </cell>
          <cell r="F206" t="str">
            <v>G6775</v>
          </cell>
          <cell r="G206" t="str">
            <v>2014 Project</v>
          </cell>
          <cell r="H206"/>
          <cell r="I206" t="str">
            <v>V622 - TERRE HAUTE</v>
          </cell>
        </row>
        <row r="207">
          <cell r="A207" t="str">
            <v>G5053</v>
          </cell>
          <cell r="B207" t="str">
            <v>2013 Project</v>
          </cell>
          <cell r="C207"/>
          <cell r="D207" t="str">
            <v>V622 - TERRE HAUTE</v>
          </cell>
          <cell r="F207" t="str">
            <v>G6979</v>
          </cell>
          <cell r="G207" t="str">
            <v>2014 Project</v>
          </cell>
          <cell r="H207"/>
          <cell r="I207" t="str">
            <v>V542 - NOBLESVILLE</v>
          </cell>
        </row>
        <row r="208">
          <cell r="A208" t="str">
            <v>G6697</v>
          </cell>
          <cell r="B208" t="str">
            <v>2013 Project</v>
          </cell>
          <cell r="C208"/>
          <cell r="D208" t="str">
            <v>V892 - MADISON</v>
          </cell>
          <cell r="F208" t="str">
            <v>G8216</v>
          </cell>
          <cell r="G208" t="str">
            <v>2014 Project</v>
          </cell>
          <cell r="H208" t="str">
            <v>As Builts Required</v>
          </cell>
          <cell r="I208" t="str">
            <v>V652 - BRAZIL</v>
          </cell>
        </row>
        <row r="209">
          <cell r="A209" t="str">
            <v>G7373</v>
          </cell>
          <cell r="B209" t="str">
            <v>2013 Project</v>
          </cell>
          <cell r="C209"/>
          <cell r="D209" t="str">
            <v>V962 - SEYMORE (SEYMOUR)</v>
          </cell>
          <cell r="F209" t="str">
            <v>G8220</v>
          </cell>
          <cell r="G209" t="str">
            <v>2014 Project</v>
          </cell>
          <cell r="H209"/>
          <cell r="I209" t="str">
            <v>V622 - TERRE HAUTE</v>
          </cell>
        </row>
        <row r="210">
          <cell r="A210" t="str">
            <v>G8222</v>
          </cell>
          <cell r="B210" t="str">
            <v>2013 Project</v>
          </cell>
          <cell r="C210"/>
          <cell r="D210" t="str">
            <v>V962 - SEYMORE (SEYMOUR)</v>
          </cell>
          <cell r="F210" t="str">
            <v>G8228</v>
          </cell>
          <cell r="G210" t="str">
            <v>2014 Project</v>
          </cell>
          <cell r="H210" t="str">
            <v>As Builts Required</v>
          </cell>
          <cell r="I210" t="str">
            <v>V942 - COLUMBUS</v>
          </cell>
        </row>
        <row r="211">
          <cell r="A211" t="str">
            <v>G8264</v>
          </cell>
          <cell r="B211" t="str">
            <v>2013 Project</v>
          </cell>
          <cell r="C211" t="str">
            <v>As Builts Required</v>
          </cell>
          <cell r="D211" t="str">
            <v>V812 - PRINCETON</v>
          </cell>
          <cell r="F211" t="str">
            <v>G8257</v>
          </cell>
          <cell r="G211" t="str">
            <v>2014 Project</v>
          </cell>
          <cell r="H211"/>
          <cell r="I211" t="str">
            <v>V822 - GREENSBURG</v>
          </cell>
        </row>
        <row r="212">
          <cell r="A212" t="str">
            <v>G8305</v>
          </cell>
          <cell r="B212" t="str">
            <v>2013 Project</v>
          </cell>
          <cell r="C212"/>
          <cell r="D212" t="str">
            <v>V962 - SEYMORE (SEYMOUR)</v>
          </cell>
          <cell r="F212" t="str">
            <v>G8404</v>
          </cell>
          <cell r="G212" t="str">
            <v>2014 Project</v>
          </cell>
          <cell r="H212" t="str">
            <v>As Builts Required</v>
          </cell>
          <cell r="I212" t="str">
            <v>V832 - SHELBYVILLE</v>
          </cell>
        </row>
        <row r="213">
          <cell r="A213" t="str">
            <v>G8342</v>
          </cell>
          <cell r="B213" t="str">
            <v>2013 Project</v>
          </cell>
          <cell r="C213"/>
          <cell r="D213" t="str">
            <v>V962 - SEYMORE (SEYMOUR)</v>
          </cell>
          <cell r="F213" t="str">
            <v>G8705</v>
          </cell>
          <cell r="G213" t="str">
            <v>2014 Project</v>
          </cell>
          <cell r="H213"/>
          <cell r="I213" t="str">
            <v>V842 - CONNERSVILLE</v>
          </cell>
        </row>
        <row r="214">
          <cell r="A214" t="str">
            <v>G8367</v>
          </cell>
          <cell r="B214" t="str">
            <v>2013 Project</v>
          </cell>
          <cell r="C214"/>
          <cell r="D214" t="str">
            <v>V962 - SEYMORE (SEYMOUR)</v>
          </cell>
          <cell r="F214" t="str">
            <v>G8953</v>
          </cell>
          <cell r="G214" t="str">
            <v>2014 Project</v>
          </cell>
          <cell r="H214" t="str">
            <v>As Builts Required</v>
          </cell>
          <cell r="I214" t="str">
            <v>V632 - CLINTON</v>
          </cell>
        </row>
        <row r="215">
          <cell r="A215" t="str">
            <v>G8832</v>
          </cell>
          <cell r="B215" t="str">
            <v>2013 Project</v>
          </cell>
          <cell r="C215" t="str">
            <v>As Builts Required</v>
          </cell>
          <cell r="D215" t="str">
            <v>V962 - SEYMORE (SEYMOUR)</v>
          </cell>
          <cell r="F215" t="str">
            <v>G9024</v>
          </cell>
          <cell r="G215" t="str">
            <v>2014 Project</v>
          </cell>
          <cell r="H215" t="str">
            <v>As Builts Required</v>
          </cell>
          <cell r="I215" t="str">
            <v>V482 - LAFAYETTE</v>
          </cell>
        </row>
        <row r="216">
          <cell r="A216" t="str">
            <v>G9031</v>
          </cell>
          <cell r="B216" t="str">
            <v>2013 Project</v>
          </cell>
          <cell r="C216"/>
          <cell r="D216" t="str">
            <v>V542 - NOBLESVILLE</v>
          </cell>
          <cell r="F216" t="str">
            <v>G9467</v>
          </cell>
          <cell r="G216" t="str">
            <v>2014 Project</v>
          </cell>
          <cell r="H216"/>
          <cell r="I216" t="str">
            <v>V842 - CONNERSVILLE</v>
          </cell>
        </row>
        <row r="217">
          <cell r="A217" t="str">
            <v>G9079</v>
          </cell>
          <cell r="B217" t="str">
            <v>2013 Project</v>
          </cell>
          <cell r="C217"/>
          <cell r="D217" t="str">
            <v>V482 - LAFAYETTE</v>
          </cell>
          <cell r="F217" t="str">
            <v>G9574</v>
          </cell>
          <cell r="G217" t="str">
            <v>2014 Project</v>
          </cell>
          <cell r="H217"/>
          <cell r="I217" t="str">
            <v>V892 - MADISON</v>
          </cell>
        </row>
        <row r="218">
          <cell r="A218" t="str">
            <v>G9252</v>
          </cell>
          <cell r="B218" t="str">
            <v>2013 Project</v>
          </cell>
          <cell r="C218"/>
          <cell r="D218" t="str">
            <v>V542 - NOBLESVILLE</v>
          </cell>
          <cell r="F218" t="str">
            <v>G9588</v>
          </cell>
          <cell r="G218" t="str">
            <v>2014 Project</v>
          </cell>
          <cell r="H218"/>
          <cell r="I218" t="str">
            <v>V572 - AVON</v>
          </cell>
        </row>
        <row r="219">
          <cell r="A219" t="str">
            <v>G9634</v>
          </cell>
          <cell r="B219" t="str">
            <v>2013 Project</v>
          </cell>
          <cell r="C219"/>
          <cell r="D219" t="str">
            <v>V962 - SEYMORE (SEYMOUR)</v>
          </cell>
          <cell r="F219" t="str">
            <v>G9612</v>
          </cell>
          <cell r="G219" t="str">
            <v>2014 Project</v>
          </cell>
          <cell r="H219"/>
          <cell r="I219" t="str">
            <v>V812 - PRINCETON</v>
          </cell>
        </row>
        <row r="220">
          <cell r="A220" t="str">
            <v>G9668</v>
          </cell>
          <cell r="B220" t="str">
            <v>2013 Project</v>
          </cell>
          <cell r="C220"/>
          <cell r="D220" t="str">
            <v>V542 - NOBLESVILLE</v>
          </cell>
          <cell r="F220" t="str">
            <v>G9672</v>
          </cell>
          <cell r="G220" t="str">
            <v>2014 Project</v>
          </cell>
          <cell r="H220"/>
          <cell r="I220" t="str">
            <v>V632 - CLINTON</v>
          </cell>
        </row>
        <row r="221">
          <cell r="A221" t="str">
            <v>H0052</v>
          </cell>
          <cell r="B221" t="str">
            <v>2013 Project</v>
          </cell>
          <cell r="C221"/>
          <cell r="D221" t="str">
            <v>V882 - CLARKSVILLE</v>
          </cell>
          <cell r="F221" t="str">
            <v>G9691</v>
          </cell>
          <cell r="G221" t="str">
            <v>2014 Project</v>
          </cell>
          <cell r="H221"/>
          <cell r="I221" t="str">
            <v>V832 - SHELBYVILLE</v>
          </cell>
        </row>
        <row r="222">
          <cell r="A222" t="str">
            <v>G7187</v>
          </cell>
          <cell r="B222" t="str">
            <v>2013 Project</v>
          </cell>
          <cell r="C222"/>
          <cell r="D222" t="str">
            <v>V462 - FAIRFIELD</v>
          </cell>
          <cell r="F222" t="str">
            <v>G9782</v>
          </cell>
          <cell r="G222" t="str">
            <v>2014 Project</v>
          </cell>
          <cell r="H222"/>
          <cell r="I222" t="str">
            <v>V902 - CORYDON</v>
          </cell>
        </row>
        <row r="223">
          <cell r="A223" t="str">
            <v>G7188</v>
          </cell>
          <cell r="B223" t="str">
            <v>2013 Project</v>
          </cell>
          <cell r="C223"/>
          <cell r="D223" t="str">
            <v>V462 - FAIRFIELD</v>
          </cell>
          <cell r="F223" t="str">
            <v>G9905</v>
          </cell>
          <cell r="G223" t="str">
            <v>2014 Project</v>
          </cell>
          <cell r="H223"/>
          <cell r="I223" t="str">
            <v>V812 - PRINCETON</v>
          </cell>
        </row>
        <row r="224">
          <cell r="A224" t="str">
            <v>G7699</v>
          </cell>
          <cell r="B224" t="str">
            <v>2013 Project</v>
          </cell>
          <cell r="C224" t="str">
            <v>As Builts Required</v>
          </cell>
          <cell r="D224" t="str">
            <v>V461 - TODHUNTER</v>
          </cell>
          <cell r="F224" t="str">
            <v>G9941</v>
          </cell>
          <cell r="G224" t="str">
            <v>2014 Project</v>
          </cell>
          <cell r="H224"/>
          <cell r="I224" t="str">
            <v>V952 - FRANKLIN</v>
          </cell>
        </row>
        <row r="225">
          <cell r="A225" t="str">
            <v>G9223</v>
          </cell>
          <cell r="B225" t="str">
            <v>2013 Project</v>
          </cell>
          <cell r="C225"/>
          <cell r="D225" t="str">
            <v>V461 - TODHUNTER</v>
          </cell>
          <cell r="F225" t="str">
            <v>H0135</v>
          </cell>
          <cell r="G225" t="str">
            <v>2014 Project</v>
          </cell>
          <cell r="H225"/>
          <cell r="I225" t="str">
            <v>V572 - AVON</v>
          </cell>
        </row>
        <row r="226">
          <cell r="A226" t="str">
            <v>G9707</v>
          </cell>
          <cell r="B226" t="str">
            <v>2013 Project</v>
          </cell>
          <cell r="C226" t="str">
            <v>As Builts Required</v>
          </cell>
          <cell r="D226" t="str">
            <v>VNWS - DOWNTOWN NETWORK</v>
          </cell>
          <cell r="F226" t="str">
            <v>H0172</v>
          </cell>
          <cell r="G226" t="str">
            <v>2014 Project</v>
          </cell>
          <cell r="H226"/>
          <cell r="I226" t="str">
            <v>V882 - CLARKSVILLE</v>
          </cell>
        </row>
        <row r="227">
          <cell r="A227" t="str">
            <v>F5946</v>
          </cell>
          <cell r="B227" t="str">
            <v>2013 Project</v>
          </cell>
          <cell r="C227" t="str">
            <v>As Builts Required</v>
          </cell>
          <cell r="D227" t="str">
            <v>V752 - BEDFORD</v>
          </cell>
          <cell r="F227" t="str">
            <v>H0181</v>
          </cell>
          <cell r="G227" t="str">
            <v>2014 Project</v>
          </cell>
          <cell r="H227"/>
          <cell r="I227" t="str">
            <v>V832 - SHELBYVILLE</v>
          </cell>
        </row>
        <row r="228">
          <cell r="A228" t="str">
            <v>G2899</v>
          </cell>
          <cell r="B228" t="str">
            <v>2013 Project</v>
          </cell>
          <cell r="C228"/>
          <cell r="D228" t="str">
            <v>V562 - CARMEL</v>
          </cell>
          <cell r="F228" t="str">
            <v>H0229</v>
          </cell>
          <cell r="G228" t="str">
            <v>2014 Project</v>
          </cell>
          <cell r="H228"/>
          <cell r="I228" t="str">
            <v>V952 - FRANKLIN</v>
          </cell>
        </row>
        <row r="229">
          <cell r="A229" t="str">
            <v>G5342</v>
          </cell>
          <cell r="B229" t="str">
            <v>2013 Project</v>
          </cell>
          <cell r="C229"/>
          <cell r="D229" t="str">
            <v>V902 - CORYDON</v>
          </cell>
          <cell r="F229" t="str">
            <v>H0237</v>
          </cell>
          <cell r="G229" t="str">
            <v>2014 Project</v>
          </cell>
          <cell r="H229"/>
          <cell r="I229" t="str">
            <v>V962 - SEYMORE (SEYMOUR)</v>
          </cell>
        </row>
        <row r="230">
          <cell r="A230" t="str">
            <v>G6960</v>
          </cell>
          <cell r="B230" t="str">
            <v>2013 Project</v>
          </cell>
          <cell r="C230"/>
          <cell r="D230" t="str">
            <v>V432 - WABASH</v>
          </cell>
          <cell r="F230" t="str">
            <v>H0323</v>
          </cell>
          <cell r="G230" t="str">
            <v>2014 Project</v>
          </cell>
          <cell r="H230"/>
          <cell r="I230" t="str">
            <v>V482 - LAFAYETTE</v>
          </cell>
        </row>
        <row r="231">
          <cell r="A231" t="str">
            <v>G7209</v>
          </cell>
          <cell r="B231" t="str">
            <v>2013 Project</v>
          </cell>
          <cell r="C231"/>
          <cell r="D231" t="str">
            <v>V752 - BEDFORD</v>
          </cell>
          <cell r="F231" t="str">
            <v>H0404</v>
          </cell>
          <cell r="G231" t="str">
            <v>2014 Project</v>
          </cell>
          <cell r="H231"/>
          <cell r="I231" t="str">
            <v>V652 - BRAZIL</v>
          </cell>
        </row>
        <row r="232">
          <cell r="A232" t="str">
            <v>G8197</v>
          </cell>
          <cell r="B232" t="str">
            <v>2013 Project</v>
          </cell>
          <cell r="C232"/>
          <cell r="D232" t="str">
            <v>V622 - TERRE HAUTE</v>
          </cell>
          <cell r="F232" t="str">
            <v>H0406</v>
          </cell>
          <cell r="G232" t="str">
            <v>2014 Project</v>
          </cell>
          <cell r="H232" t="str">
            <v>As Builts Required</v>
          </cell>
          <cell r="I232" t="str">
            <v>V442 - HUNTINGTON</v>
          </cell>
        </row>
        <row r="233">
          <cell r="A233" t="str">
            <v>G8295</v>
          </cell>
          <cell r="B233" t="str">
            <v>2013 Project</v>
          </cell>
          <cell r="C233"/>
          <cell r="D233" t="str">
            <v>V752 - BEDFORD</v>
          </cell>
          <cell r="F233" t="str">
            <v>H0418</v>
          </cell>
          <cell r="G233" t="str">
            <v>2014 Project</v>
          </cell>
          <cell r="H233"/>
          <cell r="I233" t="str">
            <v>V742 - BLOOMINGTON</v>
          </cell>
        </row>
        <row r="234">
          <cell r="A234" t="str">
            <v>G8300</v>
          </cell>
          <cell r="B234" t="str">
            <v>2013 Project</v>
          </cell>
          <cell r="C234"/>
          <cell r="D234" t="str">
            <v>V752 - BEDFORD</v>
          </cell>
          <cell r="F234" t="str">
            <v>H0466</v>
          </cell>
          <cell r="G234" t="str">
            <v>2014 Project</v>
          </cell>
          <cell r="H234"/>
          <cell r="I234" t="str">
            <v>V562 - CARMEL</v>
          </cell>
        </row>
        <row r="235">
          <cell r="A235" t="str">
            <v>G8544</v>
          </cell>
          <cell r="B235" t="str">
            <v>2013 Project</v>
          </cell>
          <cell r="C235"/>
          <cell r="D235" t="str">
            <v>V742 - BLOOMINGTON</v>
          </cell>
          <cell r="F235" t="str">
            <v>H0530</v>
          </cell>
          <cell r="G235" t="str">
            <v>2014 Project</v>
          </cell>
          <cell r="H235" t="str">
            <v>As Builts Required</v>
          </cell>
          <cell r="I235" t="str">
            <v>V782 - VINCENNES</v>
          </cell>
        </row>
        <row r="236">
          <cell r="A236" t="str">
            <v>G9004</v>
          </cell>
          <cell r="B236" t="str">
            <v>2013 Project</v>
          </cell>
          <cell r="C236"/>
          <cell r="D236" t="str">
            <v>V542 - NOBLESVILLE</v>
          </cell>
          <cell r="F236" t="str">
            <v>H0543</v>
          </cell>
          <cell r="G236" t="str">
            <v>2014 Project</v>
          </cell>
          <cell r="H236"/>
          <cell r="I236" t="str">
            <v>V542 - NOBLESVILLE</v>
          </cell>
        </row>
        <row r="237">
          <cell r="A237" t="str">
            <v>G9347</v>
          </cell>
          <cell r="B237" t="str">
            <v>2013 Project</v>
          </cell>
          <cell r="C237"/>
          <cell r="D237" t="str">
            <v>V442 - HUNTINGTON</v>
          </cell>
          <cell r="F237" t="str">
            <v>H0889</v>
          </cell>
          <cell r="G237" t="str">
            <v>2014 Project</v>
          </cell>
          <cell r="H237"/>
          <cell r="I237" t="str">
            <v>V572 - PLAINFIELD/DANVILLE</v>
          </cell>
        </row>
        <row r="238">
          <cell r="A238" t="str">
            <v>G9607</v>
          </cell>
          <cell r="B238" t="str">
            <v>2013 Project</v>
          </cell>
          <cell r="C238"/>
          <cell r="D238" t="str">
            <v>V442 - HUNTINGTON</v>
          </cell>
          <cell r="F238" t="str">
            <v>H0969</v>
          </cell>
          <cell r="G238" t="str">
            <v>2014 Project</v>
          </cell>
          <cell r="H238"/>
          <cell r="I238" t="str">
            <v>V542 - NOBLESVILLE</v>
          </cell>
        </row>
        <row r="239">
          <cell r="A239" t="str">
            <v>G9740</v>
          </cell>
          <cell r="B239" t="str">
            <v>2013 Project</v>
          </cell>
          <cell r="C239"/>
          <cell r="D239" t="str">
            <v>V642 - GREENCASTLE</v>
          </cell>
          <cell r="F239" t="str">
            <v>H0985</v>
          </cell>
          <cell r="G239" t="str">
            <v>2014 Project</v>
          </cell>
          <cell r="H239" t="str">
            <v>As Builts Required</v>
          </cell>
          <cell r="I239" t="str">
            <v>V752 - BEDFORD</v>
          </cell>
        </row>
        <row r="240">
          <cell r="A240" t="str">
            <v>STINT913</v>
          </cell>
          <cell r="B240" t="str">
            <v>2013 Project</v>
          </cell>
          <cell r="C240"/>
          <cell r="D240" t="str">
            <v>VODI - PDMW OTHER DEPT IND</v>
          </cell>
          <cell r="F240" t="str">
            <v>H1026</v>
          </cell>
          <cell r="G240" t="str">
            <v>2014 Project</v>
          </cell>
          <cell r="H240"/>
          <cell r="I240" t="str">
            <v>V962 - SEYMORE (SEYMOUR)</v>
          </cell>
        </row>
        <row r="241">
          <cell r="A241" t="str">
            <v>G0756</v>
          </cell>
          <cell r="B241" t="str">
            <v>2013 Project</v>
          </cell>
          <cell r="C241"/>
          <cell r="D241" t="str">
            <v>V862 - AURORA</v>
          </cell>
          <cell r="F241" t="str">
            <v>H1052</v>
          </cell>
          <cell r="G241" t="str">
            <v>2014 Project</v>
          </cell>
          <cell r="H241" t="str">
            <v>As Builts Required</v>
          </cell>
          <cell r="I241" t="str">
            <v>V562 - CARMEL</v>
          </cell>
        </row>
        <row r="242">
          <cell r="A242" t="str">
            <v>G2293</v>
          </cell>
          <cell r="B242" t="str">
            <v>2013 Project</v>
          </cell>
          <cell r="C242"/>
          <cell r="D242" t="str">
            <v>V942 - COLUMBUS</v>
          </cell>
          <cell r="F242" t="str">
            <v>H1053</v>
          </cell>
          <cell r="G242" t="str">
            <v>2014 Project</v>
          </cell>
          <cell r="H242"/>
          <cell r="I242" t="str">
            <v>V562 - CARMEL</v>
          </cell>
        </row>
        <row r="243">
          <cell r="A243" t="str">
            <v>G2975</v>
          </cell>
          <cell r="B243" t="str">
            <v>2013 Project</v>
          </cell>
          <cell r="C243"/>
          <cell r="D243" t="str">
            <v>V542 - NOBLESVILLE</v>
          </cell>
          <cell r="F243" t="str">
            <v>H1112</v>
          </cell>
          <cell r="G243" t="str">
            <v>2014 Project</v>
          </cell>
          <cell r="H243"/>
          <cell r="I243" t="str">
            <v>V862 - AURORA</v>
          </cell>
        </row>
        <row r="244">
          <cell r="A244" t="str">
            <v>G6437</v>
          </cell>
          <cell r="B244" t="str">
            <v>2013 Project</v>
          </cell>
          <cell r="C244"/>
          <cell r="D244" t="str">
            <v>V752 - BEDFORD</v>
          </cell>
          <cell r="F244" t="str">
            <v>H1114</v>
          </cell>
          <cell r="G244" t="str">
            <v>2014 Project</v>
          </cell>
          <cell r="H244"/>
          <cell r="I244" t="str">
            <v>V882 - CLARKSVILLE</v>
          </cell>
        </row>
        <row r="245">
          <cell r="A245" t="str">
            <v>G6438</v>
          </cell>
          <cell r="B245" t="str">
            <v>2013 Project</v>
          </cell>
          <cell r="C245"/>
          <cell r="D245" t="str">
            <v>V742 - BLOOMINGTON</v>
          </cell>
          <cell r="F245" t="str">
            <v>H1119</v>
          </cell>
          <cell r="G245" t="str">
            <v>2014 Project</v>
          </cell>
          <cell r="H245"/>
          <cell r="I245" t="str">
            <v>V882 - CLARKSVILLE</v>
          </cell>
        </row>
        <row r="246">
          <cell r="A246" t="str">
            <v>G6440</v>
          </cell>
          <cell r="B246" t="str">
            <v>2013 Project</v>
          </cell>
          <cell r="C246"/>
          <cell r="D246" t="str">
            <v>V742 - BLOOMINGTON</v>
          </cell>
          <cell r="F246" t="str">
            <v>H1208</v>
          </cell>
          <cell r="G246" t="str">
            <v>2014 Project</v>
          </cell>
          <cell r="H246"/>
          <cell r="I246" t="str">
            <v>V902 - CORYDON</v>
          </cell>
        </row>
        <row r="247">
          <cell r="A247" t="str">
            <v>G6883</v>
          </cell>
          <cell r="B247" t="str">
            <v>2013 Project</v>
          </cell>
          <cell r="C247" t="str">
            <v>As Builts Required</v>
          </cell>
          <cell r="D247" t="str">
            <v>V822 - GREENSBURG</v>
          </cell>
          <cell r="F247" t="str">
            <v>H1214</v>
          </cell>
          <cell r="G247" t="str">
            <v>2014 Project</v>
          </cell>
          <cell r="H247"/>
          <cell r="I247" t="str">
            <v>V542 - NOBLESVILLE</v>
          </cell>
        </row>
        <row r="248">
          <cell r="A248" t="str">
            <v>G7347</v>
          </cell>
          <cell r="B248" t="str">
            <v>2013 Project</v>
          </cell>
          <cell r="C248"/>
          <cell r="D248" t="str">
            <v>V962 - SEYMORE (SEYMOUR)</v>
          </cell>
          <cell r="F248" t="str">
            <v>H1273</v>
          </cell>
          <cell r="G248" t="str">
            <v>2014 Project</v>
          </cell>
          <cell r="H248"/>
          <cell r="I248" t="str">
            <v>V542 - NOBLESVILLE</v>
          </cell>
        </row>
        <row r="249">
          <cell r="A249" t="str">
            <v>G7384</v>
          </cell>
          <cell r="B249" t="str">
            <v>2013 Project</v>
          </cell>
          <cell r="C249"/>
          <cell r="D249" t="str">
            <v>V822 - GREENSBURG</v>
          </cell>
          <cell r="F249" t="str">
            <v>H1343</v>
          </cell>
          <cell r="G249" t="str">
            <v>2014 Project</v>
          </cell>
          <cell r="H249"/>
          <cell r="I249" t="str">
            <v>V882 - CLARKSVILLE</v>
          </cell>
        </row>
        <row r="250">
          <cell r="A250" t="str">
            <v>G8078</v>
          </cell>
          <cell r="B250" t="str">
            <v>2013 Project</v>
          </cell>
          <cell r="C250"/>
          <cell r="D250" t="str">
            <v>V962 - SEYMORE (SEYMOUR)</v>
          </cell>
          <cell r="F250" t="str">
            <v>H1445</v>
          </cell>
          <cell r="G250" t="str">
            <v>2014 Project</v>
          </cell>
          <cell r="H250"/>
          <cell r="I250" t="str">
            <v>V742 - BLOOMINGTON</v>
          </cell>
        </row>
        <row r="251">
          <cell r="A251" t="str">
            <v>G8315</v>
          </cell>
          <cell r="B251" t="str">
            <v>2013 Project</v>
          </cell>
          <cell r="C251"/>
          <cell r="D251" t="str">
            <v>V962 - SEYMORE (SEYMOUR)</v>
          </cell>
          <cell r="F251" t="str">
            <v>H1506</v>
          </cell>
          <cell r="G251" t="str">
            <v>2014 Project</v>
          </cell>
          <cell r="H251"/>
          <cell r="I251" t="str">
            <v>V942 - COLUMBUS</v>
          </cell>
        </row>
        <row r="252">
          <cell r="A252" t="str">
            <v>G8358</v>
          </cell>
          <cell r="B252" t="str">
            <v>2013 Project</v>
          </cell>
          <cell r="C252"/>
          <cell r="D252" t="str">
            <v>V542 - NOBLESVILLE</v>
          </cell>
          <cell r="F252" t="str">
            <v>H1650</v>
          </cell>
          <cell r="G252" t="str">
            <v>2014 Project</v>
          </cell>
          <cell r="H252"/>
          <cell r="I252" t="str">
            <v>V572 - AVON</v>
          </cell>
        </row>
        <row r="253">
          <cell r="A253" t="str">
            <v>G8451</v>
          </cell>
          <cell r="B253" t="str">
            <v>2013 Project</v>
          </cell>
          <cell r="C253"/>
          <cell r="D253" t="str">
            <v>V542 - NOBLESVILLE</v>
          </cell>
          <cell r="F253" t="str">
            <v>H1944</v>
          </cell>
          <cell r="G253" t="str">
            <v>2014 Project</v>
          </cell>
          <cell r="H253"/>
          <cell r="I253" t="str">
            <v>V482 - LAFAYETTE</v>
          </cell>
        </row>
        <row r="254">
          <cell r="A254" t="str">
            <v>G8573</v>
          </cell>
          <cell r="B254" t="str">
            <v>2013 Project</v>
          </cell>
          <cell r="C254"/>
          <cell r="D254" t="str">
            <v>V882 - CLARKSVILLE</v>
          </cell>
          <cell r="F254" t="str">
            <v>H9103</v>
          </cell>
          <cell r="G254" t="str">
            <v>2014 Project</v>
          </cell>
          <cell r="H254"/>
          <cell r="I254" t="str">
            <v>V622 - TERRE HAUTE</v>
          </cell>
        </row>
        <row r="255">
          <cell r="A255" t="str">
            <v>G8728</v>
          </cell>
          <cell r="B255" t="str">
            <v>2013 Project</v>
          </cell>
          <cell r="C255"/>
          <cell r="D255" t="str">
            <v>V942 - COLUMBUS</v>
          </cell>
          <cell r="F255" t="str">
            <v>J2106</v>
          </cell>
          <cell r="G255" t="str">
            <v>2014 Project</v>
          </cell>
          <cell r="H255"/>
          <cell r="I255" t="str">
            <v>V552 - NEW CASTLE</v>
          </cell>
        </row>
        <row r="256">
          <cell r="A256" t="str">
            <v>G8810</v>
          </cell>
          <cell r="B256" t="str">
            <v>2013 Project</v>
          </cell>
          <cell r="C256"/>
          <cell r="D256" t="str">
            <v>V422 - KOKOMO</v>
          </cell>
          <cell r="F256" t="str">
            <v>J4107</v>
          </cell>
          <cell r="G256" t="str">
            <v>2014 Project</v>
          </cell>
          <cell r="H256"/>
          <cell r="I256" t="str">
            <v>V552 - NEW CASTLE</v>
          </cell>
        </row>
        <row r="257">
          <cell r="A257" t="str">
            <v>G8811</v>
          </cell>
          <cell r="B257" t="str">
            <v>2013 Project</v>
          </cell>
          <cell r="C257" t="str">
            <v>As Builts Required</v>
          </cell>
          <cell r="D257" t="str">
            <v>V422 - KOKOMO</v>
          </cell>
          <cell r="F257" t="str">
            <v>E7764</v>
          </cell>
          <cell r="G257" t="str">
            <v>2014 Project</v>
          </cell>
          <cell r="H257" t="str">
            <v>As Builts Required</v>
          </cell>
          <cell r="I257" t="str">
            <v>V492 - HAMLET</v>
          </cell>
        </row>
        <row r="258">
          <cell r="A258" t="str">
            <v>G8847</v>
          </cell>
          <cell r="B258" t="str">
            <v>2013 Project</v>
          </cell>
          <cell r="C258"/>
          <cell r="D258" t="str">
            <v>V542 - NOBLESVILLE</v>
          </cell>
          <cell r="F258" t="str">
            <v>G4119</v>
          </cell>
          <cell r="G258" t="str">
            <v>2014 Project</v>
          </cell>
          <cell r="H258"/>
          <cell r="I258" t="str">
            <v>VSOH - MW SS OPS OHIO</v>
          </cell>
        </row>
        <row r="259">
          <cell r="A259" t="str">
            <v>G8992</v>
          </cell>
          <cell r="B259" t="str">
            <v>2013 Project</v>
          </cell>
          <cell r="C259"/>
          <cell r="D259" t="str">
            <v>V742 - BLOOMINGTON</v>
          </cell>
          <cell r="F259" t="str">
            <v>G4155</v>
          </cell>
          <cell r="G259" t="str">
            <v>2014 Project</v>
          </cell>
          <cell r="H259"/>
          <cell r="I259" t="str">
            <v>VSOH - MW SS OPS OHIO</v>
          </cell>
        </row>
        <row r="260">
          <cell r="A260" t="str">
            <v>G9103</v>
          </cell>
          <cell r="B260" t="str">
            <v>2013 Project</v>
          </cell>
          <cell r="C260"/>
          <cell r="D260" t="str">
            <v>V422 - KOKOMO</v>
          </cell>
          <cell r="F260" t="str">
            <v>G4996</v>
          </cell>
          <cell r="G260" t="str">
            <v>2014 Project</v>
          </cell>
          <cell r="H260"/>
          <cell r="I260" t="str">
            <v>V461 - TODHUNTER</v>
          </cell>
        </row>
        <row r="261">
          <cell r="A261" t="str">
            <v>G9312</v>
          </cell>
          <cell r="B261" t="str">
            <v>2013 Project</v>
          </cell>
          <cell r="C261"/>
          <cell r="D261" t="str">
            <v>V542 - NOBLESVILLE</v>
          </cell>
          <cell r="F261" t="str">
            <v>G5481</v>
          </cell>
          <cell r="G261" t="str">
            <v>2014 Project</v>
          </cell>
          <cell r="H261" t="str">
            <v>As Builts Required</v>
          </cell>
          <cell r="I261" t="str">
            <v>V502 - BRECON</v>
          </cell>
        </row>
        <row r="262">
          <cell r="A262" t="str">
            <v>G9320</v>
          </cell>
          <cell r="B262" t="str">
            <v>2013 Project</v>
          </cell>
          <cell r="C262"/>
          <cell r="D262" t="str">
            <v>V562 - CARMEL</v>
          </cell>
          <cell r="F262" t="str">
            <v>G9209</v>
          </cell>
          <cell r="G262" t="str">
            <v>2014 Project</v>
          </cell>
          <cell r="H262"/>
          <cell r="I262" t="str">
            <v>V40C - QUEENSGATE</v>
          </cell>
        </row>
        <row r="263">
          <cell r="A263" t="str">
            <v>G9491</v>
          </cell>
          <cell r="B263" t="str">
            <v>2013 Project</v>
          </cell>
          <cell r="C263"/>
          <cell r="D263" t="str">
            <v>V882 - CLARKSVILLE</v>
          </cell>
          <cell r="F263" t="str">
            <v>G9669</v>
          </cell>
          <cell r="G263" t="str">
            <v>2014 Project</v>
          </cell>
          <cell r="H263" t="str">
            <v>As Builts Required</v>
          </cell>
          <cell r="I263" t="str">
            <v>V40C - QUEENSGATE</v>
          </cell>
        </row>
        <row r="264">
          <cell r="A264" t="str">
            <v>G9520</v>
          </cell>
          <cell r="B264" t="str">
            <v>2013 Project</v>
          </cell>
          <cell r="C264"/>
          <cell r="D264" t="str">
            <v>V552 - NEW CASTLE</v>
          </cell>
          <cell r="F264" t="str">
            <v>H0880</v>
          </cell>
          <cell r="G264" t="str">
            <v>2014 Project</v>
          </cell>
          <cell r="H264"/>
          <cell r="I264" t="str">
            <v>V462 - FAIRFIELD</v>
          </cell>
        </row>
        <row r="265">
          <cell r="A265" t="str">
            <v>G9575</v>
          </cell>
          <cell r="B265" t="str">
            <v>2013 Project</v>
          </cell>
          <cell r="C265"/>
          <cell r="D265" t="str">
            <v>V542 - NOBLESVILLE</v>
          </cell>
          <cell r="F265" t="str">
            <v>H0965</v>
          </cell>
          <cell r="G265" t="str">
            <v>2014 Project</v>
          </cell>
          <cell r="H265" t="str">
            <v>As Builts Required</v>
          </cell>
          <cell r="I265" t="str">
            <v>V38H - HARTWELL</v>
          </cell>
        </row>
        <row r="266">
          <cell r="A266" t="str">
            <v>G9656</v>
          </cell>
          <cell r="B266" t="str">
            <v>2013 Project</v>
          </cell>
          <cell r="C266"/>
          <cell r="D266" t="str">
            <v>V422 - KOKOMO</v>
          </cell>
          <cell r="F266" t="str">
            <v>H1009</v>
          </cell>
          <cell r="G266" t="str">
            <v>2014 Project</v>
          </cell>
          <cell r="H266" t="str">
            <v>As Builts Required</v>
          </cell>
          <cell r="I266" t="str">
            <v>V492 - HAMLET</v>
          </cell>
        </row>
        <row r="267">
          <cell r="A267" t="str">
            <v>G9750</v>
          </cell>
          <cell r="B267" t="str">
            <v>2013 Project</v>
          </cell>
          <cell r="C267"/>
          <cell r="D267" t="str">
            <v>V842 - CONNERSVILLE</v>
          </cell>
          <cell r="F267" t="str">
            <v>H1215</v>
          </cell>
          <cell r="G267" t="str">
            <v>2014 Project</v>
          </cell>
          <cell r="H267" t="str">
            <v>As Builts Required</v>
          </cell>
          <cell r="I267" t="str">
            <v>V462 - FAIRFIELD</v>
          </cell>
        </row>
        <row r="268">
          <cell r="A268" t="str">
            <v>G9776</v>
          </cell>
          <cell r="B268" t="str">
            <v>2013 Project</v>
          </cell>
          <cell r="C268"/>
          <cell r="D268" t="str">
            <v>V542 - NOBLESVILLE</v>
          </cell>
          <cell r="F268" t="str">
            <v>H1552</v>
          </cell>
          <cell r="G268" t="str">
            <v>2014 Project</v>
          </cell>
          <cell r="H268"/>
          <cell r="I268" t="str">
            <v>V493 - LITTLE MIAMI</v>
          </cell>
        </row>
        <row r="269">
          <cell r="A269" t="str">
            <v>G9784</v>
          </cell>
          <cell r="B269" t="str">
            <v>2013 Project</v>
          </cell>
          <cell r="C269"/>
          <cell r="D269" t="str">
            <v>V902 - CORYDON</v>
          </cell>
          <cell r="F269" t="str">
            <v>H1566</v>
          </cell>
          <cell r="G269" t="str">
            <v>2014 Project</v>
          </cell>
          <cell r="H269" t="str">
            <v>As Builts Required</v>
          </cell>
          <cell r="I269" t="str">
            <v>VNWS - Dana</v>
          </cell>
        </row>
        <row r="270">
          <cell r="A270" t="str">
            <v>G9785</v>
          </cell>
          <cell r="B270" t="str">
            <v>2013 Project</v>
          </cell>
          <cell r="C270"/>
          <cell r="D270" t="str">
            <v>V882 - CLARKSVILLE</v>
          </cell>
          <cell r="F270" t="str">
            <v>H1703</v>
          </cell>
          <cell r="G270" t="str">
            <v>2014 Project</v>
          </cell>
          <cell r="H270" t="str">
            <v>As Builts Required</v>
          </cell>
          <cell r="I270" t="str">
            <v>V492 - HAMLET</v>
          </cell>
        </row>
        <row r="271">
          <cell r="A271" t="str">
            <v>G9829</v>
          </cell>
          <cell r="B271" t="str">
            <v>2013 Project</v>
          </cell>
          <cell r="C271"/>
          <cell r="D271" t="str">
            <v>V902 - CORYDON</v>
          </cell>
          <cell r="F271" t="str">
            <v>H2104</v>
          </cell>
          <cell r="G271" t="str">
            <v>2014 Project</v>
          </cell>
          <cell r="H271" t="str">
            <v>As Builts Required</v>
          </cell>
          <cell r="I271" t="str">
            <v>V40C - QUEENSGATE</v>
          </cell>
        </row>
        <row r="272">
          <cell r="A272" t="str">
            <v>G9830</v>
          </cell>
          <cell r="B272" t="str">
            <v>2013 Project</v>
          </cell>
          <cell r="C272"/>
          <cell r="D272" t="str">
            <v>V432 - WABASH</v>
          </cell>
          <cell r="F272" t="str">
            <v>ELASTIMOL</v>
          </cell>
          <cell r="G272" t="str">
            <v>2014 Project</v>
          </cell>
          <cell r="H272" t="str">
            <v>As Builts Required</v>
          </cell>
          <cell r="I272" t="str">
            <v>VODK - PDMW OTHER DEPT KEN</v>
          </cell>
        </row>
        <row r="273">
          <cell r="A273" t="str">
            <v>G9846</v>
          </cell>
          <cell r="B273" t="str">
            <v>2013 Project</v>
          </cell>
          <cell r="C273"/>
          <cell r="D273" t="str">
            <v>V942 - COLUMBUS</v>
          </cell>
          <cell r="F273" t="str">
            <v>G9119</v>
          </cell>
          <cell r="G273" t="str">
            <v>2014 Project</v>
          </cell>
          <cell r="H273" t="str">
            <v>As Builts Required</v>
          </cell>
          <cell r="I273" t="str">
            <v>V932 - ERLANGER</v>
          </cell>
        </row>
        <row r="274">
          <cell r="A274" t="str">
            <v>G9966</v>
          </cell>
          <cell r="B274" t="str">
            <v>2013 Project</v>
          </cell>
          <cell r="C274"/>
          <cell r="D274" t="str">
            <v>V742 - BLOOMINGTON</v>
          </cell>
          <cell r="F274" t="str">
            <v>H0444</v>
          </cell>
          <cell r="G274" t="str">
            <v>2014 Project</v>
          </cell>
          <cell r="H274"/>
          <cell r="I274" t="str">
            <v>V932 - ERLANGER</v>
          </cell>
        </row>
        <row r="275">
          <cell r="A275" t="str">
            <v>H0044</v>
          </cell>
          <cell r="B275" t="str">
            <v>2013 Project</v>
          </cell>
          <cell r="C275"/>
          <cell r="D275" t="str">
            <v>V842 - CONNERSVILLE</v>
          </cell>
          <cell r="F275" t="str">
            <v>H1679</v>
          </cell>
          <cell r="G275" t="str">
            <v>2014 Project</v>
          </cell>
          <cell r="H275" t="str">
            <v>As Builts Required</v>
          </cell>
          <cell r="I275" t="str">
            <v>V932 - ERLANGER</v>
          </cell>
        </row>
        <row r="276">
          <cell r="A276" t="str">
            <v>STINT1013</v>
          </cell>
          <cell r="B276" t="str">
            <v>2013 Project</v>
          </cell>
          <cell r="C276"/>
          <cell r="D276" t="str">
            <v>VODI - PDMW OTHER DEPT IND</v>
          </cell>
          <cell r="F276" t="str">
            <v>E1994</v>
          </cell>
          <cell r="G276" t="str">
            <v>2014 Project</v>
          </cell>
          <cell r="H276"/>
          <cell r="I276" t="str">
            <v>V952 - FRANKLIN</v>
          </cell>
        </row>
        <row r="277">
          <cell r="A277" t="str">
            <v>G5903</v>
          </cell>
          <cell r="B277" t="str">
            <v>2013 Project</v>
          </cell>
          <cell r="C277" t="str">
            <v>As Builts Required</v>
          </cell>
          <cell r="D277" t="str">
            <v>VNWS - DOWNTOWN NETWORK</v>
          </cell>
          <cell r="F277" t="str">
            <v>G5681</v>
          </cell>
          <cell r="G277" t="str">
            <v>2014 Project</v>
          </cell>
          <cell r="H277"/>
          <cell r="I277" t="str">
            <v>V652 - BRAZIL</v>
          </cell>
        </row>
        <row r="278">
          <cell r="A278" t="str">
            <v>G6506</v>
          </cell>
          <cell r="B278" t="str">
            <v>2013 Project</v>
          </cell>
          <cell r="C278"/>
          <cell r="D278" t="str">
            <v>V462 - FAIRFIELD</v>
          </cell>
          <cell r="F278" t="str">
            <v>G6097</v>
          </cell>
          <cell r="G278" t="str">
            <v>2014 Project</v>
          </cell>
          <cell r="H278" t="str">
            <v>As Builts Required</v>
          </cell>
          <cell r="I278" t="str">
            <v>V882 - CLARKSVILLE</v>
          </cell>
        </row>
        <row r="279">
          <cell r="A279" t="str">
            <v>G6724</v>
          </cell>
          <cell r="B279" t="str">
            <v>2013 Project</v>
          </cell>
          <cell r="C279" t="str">
            <v>As Builts Required</v>
          </cell>
          <cell r="D279" t="str">
            <v>VNWS - DOWNTOWN NETWORK</v>
          </cell>
          <cell r="F279" t="str">
            <v>G6400</v>
          </cell>
          <cell r="G279" t="str">
            <v>2014 Project</v>
          </cell>
          <cell r="H279"/>
          <cell r="I279" t="str">
            <v>V49A - ATTICA</v>
          </cell>
        </row>
        <row r="280">
          <cell r="A280" t="str">
            <v>G6725</v>
          </cell>
          <cell r="B280" t="str">
            <v>2013 Project</v>
          </cell>
          <cell r="C280" t="str">
            <v>As Builts Required</v>
          </cell>
          <cell r="D280" t="str">
            <v>VNWS - DOWNTOWN NETWORK</v>
          </cell>
          <cell r="F280" t="str">
            <v>G6415</v>
          </cell>
          <cell r="G280" t="str">
            <v>2014 Project</v>
          </cell>
          <cell r="H280" t="str">
            <v>As Builts Required</v>
          </cell>
          <cell r="I280" t="str">
            <v>V882 - CLARKSVILLE</v>
          </cell>
        </row>
        <row r="281">
          <cell r="A281" t="str">
            <v>G7073</v>
          </cell>
          <cell r="B281" t="str">
            <v>2013 Project</v>
          </cell>
          <cell r="C281"/>
          <cell r="D281" t="str">
            <v>VNWS - DOWNTOWN NETWORK</v>
          </cell>
          <cell r="F281" t="str">
            <v>G6443</v>
          </cell>
          <cell r="G281" t="str">
            <v>2014 Project</v>
          </cell>
          <cell r="H281"/>
          <cell r="I281" t="str">
            <v>V422 - KOKOMO</v>
          </cell>
        </row>
        <row r="282">
          <cell r="A282" t="str">
            <v>G9208</v>
          </cell>
          <cell r="B282" t="str">
            <v>2013 Project</v>
          </cell>
          <cell r="C282"/>
          <cell r="D282" t="str">
            <v>V40C - QUEENSGATE</v>
          </cell>
          <cell r="F282" t="str">
            <v>G6627</v>
          </cell>
          <cell r="G282" t="str">
            <v>2014 Project</v>
          </cell>
          <cell r="H282"/>
          <cell r="I282" t="str">
            <v>V892 - MADISON</v>
          </cell>
        </row>
        <row r="283">
          <cell r="A283" t="str">
            <v>G9276</v>
          </cell>
          <cell r="B283" t="str">
            <v>2013 Project</v>
          </cell>
          <cell r="C283"/>
          <cell r="D283" t="str">
            <v>V40C - QUEENSGATE</v>
          </cell>
          <cell r="F283" t="str">
            <v>G6729</v>
          </cell>
          <cell r="G283" t="str">
            <v>2014 Project</v>
          </cell>
          <cell r="H283"/>
          <cell r="I283" t="str">
            <v>V782 - VINCENNES</v>
          </cell>
        </row>
        <row r="284">
          <cell r="A284" t="str">
            <v>G9362</v>
          </cell>
          <cell r="B284" t="str">
            <v>2013 Project</v>
          </cell>
          <cell r="C284"/>
          <cell r="D284" t="str">
            <v>V462 - FAIRFIELD</v>
          </cell>
          <cell r="F284" t="str">
            <v>G7499</v>
          </cell>
          <cell r="G284" t="str">
            <v>2014 Project</v>
          </cell>
          <cell r="H284"/>
          <cell r="I284" t="str">
            <v>V482 - LAFAYETTE</v>
          </cell>
        </row>
        <row r="285">
          <cell r="A285" t="str">
            <v>G9764</v>
          </cell>
          <cell r="B285" t="str">
            <v>2013 Project</v>
          </cell>
          <cell r="C285"/>
          <cell r="D285" t="str">
            <v>V461 - TODHUNTER</v>
          </cell>
          <cell r="F285" t="str">
            <v>G7843</v>
          </cell>
          <cell r="G285" t="str">
            <v>2014 Project</v>
          </cell>
          <cell r="H285"/>
          <cell r="I285" t="str">
            <v>V842 - CONNERSVILLE</v>
          </cell>
        </row>
        <row r="286">
          <cell r="A286" t="str">
            <v>G9886</v>
          </cell>
          <cell r="B286" t="str">
            <v>2013 Project</v>
          </cell>
          <cell r="C286"/>
          <cell r="D286" t="str">
            <v>V40C - QUEENSGATE</v>
          </cell>
          <cell r="F286" t="str">
            <v>G8019</v>
          </cell>
          <cell r="G286" t="str">
            <v>2014 Project</v>
          </cell>
          <cell r="H286"/>
          <cell r="I286" t="str">
            <v>V762 - MARTINSVILLE</v>
          </cell>
        </row>
        <row r="287">
          <cell r="A287" t="str">
            <v>G9928</v>
          </cell>
          <cell r="B287" t="str">
            <v>2013 Project</v>
          </cell>
          <cell r="C287"/>
          <cell r="D287" t="str">
            <v>V40C - QUEENSGATE</v>
          </cell>
          <cell r="F287" t="str">
            <v>G8164</v>
          </cell>
          <cell r="G287" t="str">
            <v>2014 Project</v>
          </cell>
          <cell r="H287"/>
          <cell r="I287" t="str">
            <v>V642 - GREENCASTLE</v>
          </cell>
        </row>
        <row r="288">
          <cell r="A288" t="str">
            <v>G9948</v>
          </cell>
          <cell r="B288" t="str">
            <v>2013 Project</v>
          </cell>
          <cell r="C288" t="str">
            <v>As Builts Required</v>
          </cell>
          <cell r="D288" t="str">
            <v>VNWS - DOWNTOWN NETWORK</v>
          </cell>
          <cell r="F288" t="str">
            <v>G8182</v>
          </cell>
          <cell r="G288" t="str">
            <v>2014 Project</v>
          </cell>
          <cell r="H288"/>
          <cell r="I288" t="str">
            <v>V902 - CORYDON</v>
          </cell>
        </row>
        <row r="289">
          <cell r="A289" t="str">
            <v>G5924</v>
          </cell>
          <cell r="B289" t="str">
            <v>2013 Project</v>
          </cell>
          <cell r="C289" t="str">
            <v>As Builts Required</v>
          </cell>
          <cell r="D289" t="str">
            <v>VNWS - DOWNTOWN NETWORK</v>
          </cell>
          <cell r="F289" t="str">
            <v>G8990</v>
          </cell>
          <cell r="G289" t="str">
            <v>2014 Project</v>
          </cell>
          <cell r="H289"/>
          <cell r="I289" t="str">
            <v>V642 - GREENCASTLE</v>
          </cell>
        </row>
        <row r="290">
          <cell r="A290" t="str">
            <v>G6300</v>
          </cell>
          <cell r="B290" t="str">
            <v>2013 Project</v>
          </cell>
          <cell r="C290"/>
          <cell r="D290" t="str">
            <v>V493 - LITTLE MIAMI</v>
          </cell>
          <cell r="F290" t="str">
            <v>G9365</v>
          </cell>
          <cell r="G290" t="str">
            <v>2014 Project</v>
          </cell>
          <cell r="H290" t="str">
            <v>As Builts Required</v>
          </cell>
          <cell r="I290" t="str">
            <v>V902 - CORYDON</v>
          </cell>
        </row>
        <row r="291">
          <cell r="A291" t="str">
            <v>G6305</v>
          </cell>
          <cell r="B291" t="str">
            <v>2013 Project</v>
          </cell>
          <cell r="C291"/>
          <cell r="D291" t="str">
            <v>V493 - LITTLE MIAMI</v>
          </cell>
          <cell r="F291" t="str">
            <v>G9632</v>
          </cell>
          <cell r="G291" t="str">
            <v>2014 Project</v>
          </cell>
          <cell r="H291"/>
          <cell r="I291" t="str">
            <v>V642 - GREENCASTLE</v>
          </cell>
        </row>
        <row r="292">
          <cell r="A292" t="str">
            <v>G8601</v>
          </cell>
          <cell r="B292" t="str">
            <v>2013 Project</v>
          </cell>
          <cell r="C292"/>
          <cell r="D292" t="str">
            <v>V462 - FAIRFIELD</v>
          </cell>
          <cell r="F292" t="str">
            <v>G9692</v>
          </cell>
          <cell r="G292" t="str">
            <v>2014 Project</v>
          </cell>
          <cell r="H292"/>
          <cell r="I292" t="str">
            <v>V952 - FRANKLIN</v>
          </cell>
        </row>
        <row r="293">
          <cell r="A293" t="str">
            <v>G8861</v>
          </cell>
          <cell r="B293" t="str">
            <v>2013 Project</v>
          </cell>
          <cell r="C293"/>
          <cell r="D293" t="str">
            <v>V40C - QUEENSGATE</v>
          </cell>
          <cell r="F293" t="str">
            <v>G9695</v>
          </cell>
          <cell r="G293" t="str">
            <v>2014 Project</v>
          </cell>
          <cell r="H293"/>
          <cell r="I293" t="str">
            <v>V742 - BLOOMINGTON</v>
          </cell>
        </row>
        <row r="294">
          <cell r="A294" t="str">
            <v>G9021</v>
          </cell>
          <cell r="B294" t="str">
            <v>2013 Project</v>
          </cell>
          <cell r="C294" t="str">
            <v>As Builts Required</v>
          </cell>
          <cell r="D294" t="str">
            <v>VNWS - DOWNTOWN NETWORK</v>
          </cell>
          <cell r="F294" t="str">
            <v>G9854</v>
          </cell>
          <cell r="G294" t="str">
            <v>2014 Project</v>
          </cell>
          <cell r="H294"/>
          <cell r="I294" t="str">
            <v>V952 - FRANKLIN</v>
          </cell>
        </row>
        <row r="295">
          <cell r="A295" t="str">
            <v>G9061</v>
          </cell>
          <cell r="B295" t="str">
            <v>2013 Project</v>
          </cell>
          <cell r="C295" t="str">
            <v>As Builts Required</v>
          </cell>
          <cell r="D295" t="str">
            <v>V38H - HARTWELL</v>
          </cell>
          <cell r="F295" t="str">
            <v>G9910</v>
          </cell>
          <cell r="G295" t="str">
            <v>2014 Project</v>
          </cell>
          <cell r="H295" t="str">
            <v>As Builts Required</v>
          </cell>
          <cell r="I295" t="str">
            <v>V49A - ATTICA</v>
          </cell>
        </row>
        <row r="296">
          <cell r="A296" t="str">
            <v>H0173</v>
          </cell>
          <cell r="B296" t="str">
            <v>2013 Project</v>
          </cell>
          <cell r="C296"/>
          <cell r="D296" t="str">
            <v>VNWS - Dana</v>
          </cell>
          <cell r="F296" t="str">
            <v>H0209</v>
          </cell>
          <cell r="G296" t="str">
            <v>2014 Project</v>
          </cell>
          <cell r="H296"/>
          <cell r="I296" t="str">
            <v>VSIE - MW SS OPS INDIANA EAST</v>
          </cell>
        </row>
        <row r="297">
          <cell r="A297" t="str">
            <v>H0446</v>
          </cell>
          <cell r="B297" t="str">
            <v>2013 Project</v>
          </cell>
          <cell r="C297"/>
          <cell r="D297" t="str">
            <v>VNWS - DOWNTOWN NETWORK</v>
          </cell>
          <cell r="F297" t="str">
            <v>H0212</v>
          </cell>
          <cell r="G297" t="str">
            <v>2014 Project</v>
          </cell>
          <cell r="H297"/>
          <cell r="I297" t="str">
            <v>V882 - CLARKSVILLE</v>
          </cell>
        </row>
        <row r="298">
          <cell r="A298" t="str">
            <v>SGSHT31</v>
          </cell>
          <cell r="B298" t="str">
            <v>2013 Project</v>
          </cell>
          <cell r="C298"/>
          <cell r="D298" t="str">
            <v>VODO - PDMW OTHER DEPT OHIO</v>
          </cell>
          <cell r="F298" t="str">
            <v>H0223</v>
          </cell>
          <cell r="G298" t="str">
            <v>2014 Project</v>
          </cell>
          <cell r="H298"/>
          <cell r="I298" t="str">
            <v>V752 - BEDFORD</v>
          </cell>
        </row>
        <row r="299">
          <cell r="A299" t="str">
            <v>G9304</v>
          </cell>
          <cell r="B299" t="str">
            <v>2013 Project</v>
          </cell>
          <cell r="C299"/>
          <cell r="D299" t="str">
            <v>V932 - ERLANGER</v>
          </cell>
          <cell r="F299" t="str">
            <v>H0271</v>
          </cell>
          <cell r="G299" t="str">
            <v>2014 Project</v>
          </cell>
          <cell r="H299"/>
          <cell r="I299" t="str">
            <v>VSIE - MW SS OPS INDIANA EAST</v>
          </cell>
        </row>
        <row r="300">
          <cell r="A300" t="str">
            <v>H0049</v>
          </cell>
          <cell r="B300" t="str">
            <v>2013 Project</v>
          </cell>
          <cell r="C300"/>
          <cell r="D300" t="str">
            <v>V932 - ERLANGER</v>
          </cell>
          <cell r="F300" t="str">
            <v>H0363</v>
          </cell>
          <cell r="G300" t="str">
            <v>2014 Project</v>
          </cell>
          <cell r="H300"/>
          <cell r="I300" t="str">
            <v>V542 - NOBLESVILLE</v>
          </cell>
        </row>
        <row r="301">
          <cell r="A301" t="str">
            <v>G8033</v>
          </cell>
          <cell r="B301" t="str">
            <v>2013 Project</v>
          </cell>
          <cell r="C301"/>
          <cell r="D301" t="str">
            <v>V562 - CARMEL</v>
          </cell>
          <cell r="F301" t="str">
            <v>H0509</v>
          </cell>
          <cell r="G301" t="str">
            <v>2014 Project</v>
          </cell>
          <cell r="H301" t="str">
            <v>As Builts Required</v>
          </cell>
          <cell r="I301" t="str">
            <v>V622 - TERRE HAUTE</v>
          </cell>
        </row>
        <row r="302">
          <cell r="A302" t="str">
            <v>G8035</v>
          </cell>
          <cell r="B302" t="str">
            <v>2013 Project</v>
          </cell>
          <cell r="C302"/>
          <cell r="D302" t="str">
            <v>V962 - SEYMORE (SEYMOUR)</v>
          </cell>
          <cell r="F302" t="str">
            <v>H0541</v>
          </cell>
          <cell r="G302" t="str">
            <v>2014 Project</v>
          </cell>
          <cell r="H302" t="str">
            <v>As Builts Required</v>
          </cell>
          <cell r="I302" t="str">
            <v>V902 - CORYDON</v>
          </cell>
        </row>
        <row r="303">
          <cell r="A303" t="str">
            <v>G8135</v>
          </cell>
          <cell r="B303" t="str">
            <v>2013 Project</v>
          </cell>
          <cell r="C303"/>
          <cell r="D303" t="str">
            <v>V622 - TERRE HAUTE</v>
          </cell>
          <cell r="F303" t="str">
            <v>H0698</v>
          </cell>
          <cell r="G303" t="str">
            <v>2014 Project</v>
          </cell>
          <cell r="H303"/>
          <cell r="I303" t="str">
            <v>V942 - COLUMBUS</v>
          </cell>
        </row>
        <row r="304">
          <cell r="A304" t="str">
            <v>G8323</v>
          </cell>
          <cell r="B304" t="str">
            <v>2013 Project</v>
          </cell>
          <cell r="C304"/>
          <cell r="D304" t="str">
            <v>V892 - MADISON</v>
          </cell>
          <cell r="F304" t="str">
            <v>H0752</v>
          </cell>
          <cell r="G304" t="str">
            <v>2014 Project</v>
          </cell>
          <cell r="H304"/>
          <cell r="I304" t="str">
            <v>V882 - CLARKSVILLE</v>
          </cell>
        </row>
        <row r="305">
          <cell r="A305" t="str">
            <v>G8335</v>
          </cell>
          <cell r="B305" t="str">
            <v>2013 Project</v>
          </cell>
          <cell r="C305"/>
          <cell r="D305" t="str">
            <v>V882 - CLARKSVILLE</v>
          </cell>
          <cell r="F305" t="str">
            <v>H0882</v>
          </cell>
          <cell r="G305" t="str">
            <v>2014 Project</v>
          </cell>
          <cell r="H305"/>
          <cell r="I305" t="str">
            <v>V622 - TERRE HAUTE</v>
          </cell>
        </row>
        <row r="306">
          <cell r="A306" t="str">
            <v>G8480</v>
          </cell>
          <cell r="B306" t="str">
            <v>2013 Project</v>
          </cell>
          <cell r="C306"/>
          <cell r="D306" t="str">
            <v>V882 - CLARKSVILLE</v>
          </cell>
          <cell r="F306" t="str">
            <v>H1344</v>
          </cell>
          <cell r="G306" t="str">
            <v>2014 Project</v>
          </cell>
          <cell r="H306"/>
          <cell r="I306" t="str">
            <v>V572 - AVON</v>
          </cell>
        </row>
        <row r="307">
          <cell r="A307" t="str">
            <v>G8481</v>
          </cell>
          <cell r="B307" t="str">
            <v>2013 Project</v>
          </cell>
          <cell r="C307"/>
          <cell r="D307" t="str">
            <v>V882 - CLARKSVILLE</v>
          </cell>
          <cell r="F307" t="str">
            <v>H1466</v>
          </cell>
          <cell r="G307" t="str">
            <v>2014 Project</v>
          </cell>
          <cell r="H307"/>
          <cell r="I307" t="str">
            <v>V572 - AVON</v>
          </cell>
        </row>
        <row r="308">
          <cell r="A308" t="str">
            <v>G8575</v>
          </cell>
          <cell r="B308" t="str">
            <v>2013 Project</v>
          </cell>
          <cell r="C308"/>
          <cell r="D308" t="str">
            <v>V902 - CORYDON</v>
          </cell>
          <cell r="F308" t="str">
            <v>H1622</v>
          </cell>
          <cell r="G308" t="str">
            <v>2014 Project</v>
          </cell>
          <cell r="H308"/>
          <cell r="I308" t="str">
            <v>V542 - NOBLESVILLE</v>
          </cell>
        </row>
        <row r="309">
          <cell r="A309" t="str">
            <v>G8624</v>
          </cell>
          <cell r="B309" t="str">
            <v>2013 Project</v>
          </cell>
          <cell r="C309"/>
          <cell r="D309" t="str">
            <v>V892 - MADISON</v>
          </cell>
          <cell r="F309" t="str">
            <v>H1690</v>
          </cell>
          <cell r="G309" t="str">
            <v>2014 Project</v>
          </cell>
          <cell r="H309"/>
          <cell r="I309" t="str">
            <v>V882 - CLARKSVILLE</v>
          </cell>
        </row>
        <row r="310">
          <cell r="A310" t="str">
            <v>G8627</v>
          </cell>
          <cell r="B310" t="str">
            <v>2013 Project</v>
          </cell>
          <cell r="C310"/>
          <cell r="D310" t="str">
            <v>V892 - MADISON</v>
          </cell>
          <cell r="F310" t="str">
            <v>H1694</v>
          </cell>
          <cell r="G310" t="str">
            <v>2014 Project</v>
          </cell>
          <cell r="H310"/>
          <cell r="I310" t="str">
            <v>V942 - COLUMBUS</v>
          </cell>
        </row>
        <row r="311">
          <cell r="A311" t="str">
            <v>G8718</v>
          </cell>
          <cell r="B311" t="str">
            <v>2013 Project</v>
          </cell>
          <cell r="C311"/>
          <cell r="D311" t="str">
            <v>V742 - BLOOMINGTON</v>
          </cell>
          <cell r="F311" t="str">
            <v>H1910</v>
          </cell>
          <cell r="G311" t="str">
            <v>2014 Project</v>
          </cell>
          <cell r="H311"/>
          <cell r="I311" t="str">
            <v>V882 - CLARKSVILLE</v>
          </cell>
        </row>
        <row r="312">
          <cell r="A312" t="str">
            <v>G8767</v>
          </cell>
          <cell r="B312" t="str">
            <v>2013 Project</v>
          </cell>
          <cell r="C312"/>
          <cell r="D312" t="str">
            <v>V902 - CORYDON</v>
          </cell>
          <cell r="F312" t="str">
            <v>J0115</v>
          </cell>
          <cell r="G312" t="str">
            <v>2014 Project</v>
          </cell>
          <cell r="H312"/>
          <cell r="I312" t="str">
            <v>V542 - NOBLESVILLE</v>
          </cell>
        </row>
        <row r="313">
          <cell r="A313" t="str">
            <v>G9076</v>
          </cell>
          <cell r="B313" t="str">
            <v>2013 Project</v>
          </cell>
          <cell r="C313" t="str">
            <v>As Builts Required</v>
          </cell>
          <cell r="D313" t="str">
            <v>V762 - MARTINSVILLE</v>
          </cell>
          <cell r="F313" t="str">
            <v>J2103</v>
          </cell>
          <cell r="G313" t="str">
            <v>2014 Project</v>
          </cell>
          <cell r="H313"/>
          <cell r="I313" t="str">
            <v>V842 - CONNERSVILLE</v>
          </cell>
        </row>
        <row r="314">
          <cell r="A314" t="str">
            <v>G9306</v>
          </cell>
          <cell r="B314" t="str">
            <v>2013 Project</v>
          </cell>
          <cell r="C314"/>
          <cell r="D314" t="str">
            <v>V632 - CLINTON</v>
          </cell>
          <cell r="F314" t="str">
            <v>J2104</v>
          </cell>
          <cell r="G314" t="str">
            <v>2014 Project</v>
          </cell>
          <cell r="H314"/>
          <cell r="I314" t="str">
            <v>V552 - NEW CASTLE</v>
          </cell>
        </row>
        <row r="315">
          <cell r="A315" t="str">
            <v>G9451</v>
          </cell>
          <cell r="B315" t="str">
            <v>2013 Project</v>
          </cell>
          <cell r="C315"/>
          <cell r="D315" t="str">
            <v>V902 - CORYDON</v>
          </cell>
        </row>
        <row r="316">
          <cell r="A316" t="str">
            <v>G9460</v>
          </cell>
          <cell r="B316" t="str">
            <v>2013 Project</v>
          </cell>
          <cell r="C316"/>
          <cell r="D316" t="str">
            <v>V882 - CLARKSVILLE</v>
          </cell>
        </row>
        <row r="317">
          <cell r="A317" t="str">
            <v>G9483</v>
          </cell>
          <cell r="B317" t="str">
            <v>2013 Project</v>
          </cell>
          <cell r="C317"/>
          <cell r="D317" t="str">
            <v>V742 - BLOOMINGTON</v>
          </cell>
        </row>
        <row r="318">
          <cell r="A318" t="str">
            <v>G9627</v>
          </cell>
          <cell r="B318" t="str">
            <v>2013 Project</v>
          </cell>
          <cell r="C318"/>
          <cell r="D318" t="str">
            <v>V542 - NOBLESVILLE</v>
          </cell>
        </row>
        <row r="319">
          <cell r="A319" t="str">
            <v>G9646</v>
          </cell>
          <cell r="B319" t="str">
            <v>2013 Project</v>
          </cell>
          <cell r="C319"/>
          <cell r="D319" t="str">
            <v>V742 - BLOOMINGTON</v>
          </cell>
        </row>
        <row r="320">
          <cell r="A320" t="str">
            <v>G9664</v>
          </cell>
          <cell r="B320" t="str">
            <v>2013 Project</v>
          </cell>
          <cell r="C320"/>
          <cell r="D320" t="str">
            <v>V552 - NEW CASTLE</v>
          </cell>
        </row>
        <row r="321">
          <cell r="A321" t="str">
            <v>G9811</v>
          </cell>
          <cell r="B321" t="str">
            <v>2013 Project</v>
          </cell>
          <cell r="C321"/>
          <cell r="D321" t="str">
            <v>V832 - SHELBYVILLE</v>
          </cell>
        </row>
        <row r="322">
          <cell r="A322" t="str">
            <v>G9827</v>
          </cell>
          <cell r="B322" t="str">
            <v>2013 Project</v>
          </cell>
          <cell r="C322"/>
          <cell r="D322" t="str">
            <v>V902 - CORYDON</v>
          </cell>
        </row>
        <row r="323">
          <cell r="A323" t="str">
            <v>G9845</v>
          </cell>
          <cell r="B323" t="str">
            <v>2013 Project</v>
          </cell>
          <cell r="C323"/>
          <cell r="D323" t="str">
            <v>V892 - MADISON</v>
          </cell>
        </row>
        <row r="324">
          <cell r="A324" t="str">
            <v>G9867</v>
          </cell>
          <cell r="B324" t="str">
            <v>2013 Project</v>
          </cell>
          <cell r="C324"/>
          <cell r="D324" t="str">
            <v>V482 - LAFAYETTE</v>
          </cell>
        </row>
        <row r="325">
          <cell r="A325" t="str">
            <v>G9882</v>
          </cell>
          <cell r="B325" t="str">
            <v>2013 Project</v>
          </cell>
          <cell r="C325"/>
          <cell r="D325" t="str">
            <v>V542 - NOBLESVILLE</v>
          </cell>
        </row>
        <row r="326">
          <cell r="A326" t="str">
            <v>G9883</v>
          </cell>
          <cell r="B326" t="str">
            <v>2013 Project</v>
          </cell>
          <cell r="C326"/>
          <cell r="D326" t="str">
            <v>V542 - NOBLESVILLE</v>
          </cell>
        </row>
        <row r="327">
          <cell r="A327" t="str">
            <v>G9898</v>
          </cell>
          <cell r="B327" t="str">
            <v>2013 Project</v>
          </cell>
          <cell r="C327"/>
          <cell r="D327" t="str">
            <v>V742 - BLOOMINGTON</v>
          </cell>
        </row>
        <row r="328">
          <cell r="A328" t="str">
            <v>G9904</v>
          </cell>
          <cell r="B328" t="str">
            <v>2013 Project</v>
          </cell>
          <cell r="C328"/>
          <cell r="D328" t="str">
            <v>V482 - LAFAYETTE</v>
          </cell>
        </row>
        <row r="329">
          <cell r="A329" t="str">
            <v>G9907</v>
          </cell>
          <cell r="B329" t="str">
            <v>2013 Project</v>
          </cell>
          <cell r="C329"/>
          <cell r="D329" t="str">
            <v>V882 - CLARKSVILLE</v>
          </cell>
        </row>
        <row r="330">
          <cell r="A330" t="str">
            <v>H0067</v>
          </cell>
          <cell r="B330" t="str">
            <v>2013 Project</v>
          </cell>
          <cell r="C330"/>
          <cell r="D330" t="str">
            <v>V902 - CORYDON</v>
          </cell>
        </row>
        <row r="331">
          <cell r="A331" t="str">
            <v>H0113</v>
          </cell>
          <cell r="B331" t="str">
            <v>2013 Project</v>
          </cell>
          <cell r="C331"/>
          <cell r="D331" t="str">
            <v>V432 - WABASH</v>
          </cell>
        </row>
        <row r="332">
          <cell r="A332" t="str">
            <v>H0132</v>
          </cell>
          <cell r="B332" t="str">
            <v>2013 Project</v>
          </cell>
          <cell r="C332"/>
          <cell r="D332" t="str">
            <v>V432 - WABASH</v>
          </cell>
        </row>
        <row r="333">
          <cell r="A333" t="str">
            <v>H0189</v>
          </cell>
          <cell r="B333" t="str">
            <v>2013 Project</v>
          </cell>
          <cell r="C333"/>
          <cell r="D333" t="str">
            <v>V882 - CLARKSVILLE</v>
          </cell>
        </row>
        <row r="334">
          <cell r="A334" t="str">
            <v>H0305</v>
          </cell>
          <cell r="B334" t="str">
            <v>2013 Project</v>
          </cell>
          <cell r="C334"/>
          <cell r="D334" t="str">
            <v>V552 - NEW CASTLE</v>
          </cell>
        </row>
        <row r="335">
          <cell r="A335" t="str">
            <v>H0402</v>
          </cell>
          <cell r="B335" t="str">
            <v>2013 Project</v>
          </cell>
          <cell r="C335"/>
          <cell r="D335" t="str">
            <v>V572 - AVON</v>
          </cell>
        </row>
        <row r="336">
          <cell r="A336" t="str">
            <v>H0439</v>
          </cell>
          <cell r="B336" t="str">
            <v>2013 Project</v>
          </cell>
          <cell r="C336"/>
          <cell r="D336" t="str">
            <v>V742 - BLOOMINGTON</v>
          </cell>
        </row>
        <row r="337">
          <cell r="A337" t="str">
            <v>G7338</v>
          </cell>
          <cell r="B337" t="str">
            <v>2013 Project</v>
          </cell>
          <cell r="C337"/>
          <cell r="D337" t="str">
            <v>VNWS - DOWNTOWN NETWORK</v>
          </cell>
        </row>
        <row r="338">
          <cell r="A338" t="str">
            <v>G8932</v>
          </cell>
          <cell r="B338" t="str">
            <v>2013 Project</v>
          </cell>
          <cell r="C338"/>
          <cell r="D338" t="str">
            <v>V502 - BRECON</v>
          </cell>
        </row>
        <row r="339">
          <cell r="A339" t="str">
            <v>G9015</v>
          </cell>
          <cell r="B339" t="str">
            <v>2013 Project</v>
          </cell>
          <cell r="C339"/>
          <cell r="D339" t="str">
            <v>V462 - FAIRFIELD</v>
          </cell>
        </row>
        <row r="340">
          <cell r="A340" t="str">
            <v>G9449</v>
          </cell>
          <cell r="B340" t="str">
            <v>2013 Project</v>
          </cell>
          <cell r="C340"/>
          <cell r="D340" t="str">
            <v>V38H - HARTWELL</v>
          </cell>
        </row>
        <row r="341">
          <cell r="A341" t="str">
            <v>G9872</v>
          </cell>
          <cell r="B341" t="str">
            <v>2013 Project</v>
          </cell>
          <cell r="C341"/>
          <cell r="D341" t="str">
            <v>V461 - TODHUNTER</v>
          </cell>
        </row>
        <row r="342">
          <cell r="A342" t="str">
            <v>H0307</v>
          </cell>
          <cell r="B342" t="str">
            <v>2013 Project</v>
          </cell>
          <cell r="C342"/>
          <cell r="D342" t="str">
            <v>V40C - QUEENSGATE</v>
          </cell>
        </row>
        <row r="343">
          <cell r="A343" t="str">
            <v>SGSHT33</v>
          </cell>
          <cell r="B343" t="str">
            <v>2013 Project</v>
          </cell>
          <cell r="C343"/>
          <cell r="D343" t="str">
            <v>VODO - PDMW OTHER DEPT OHIO</v>
          </cell>
        </row>
        <row r="344">
          <cell r="A344" t="str">
            <v>SOH1302DC</v>
          </cell>
          <cell r="B344" t="str">
            <v>2013 Project</v>
          </cell>
          <cell r="C344"/>
          <cell r="D344" t="str">
            <v>VODO - PDMW OTHER DEPT OHIO</v>
          </cell>
        </row>
        <row r="345">
          <cell r="A345" t="str">
            <v>STORM2TO</v>
          </cell>
          <cell r="B345" t="str">
            <v>2013 Project</v>
          </cell>
          <cell r="C345" t="str">
            <v>As Builts Required</v>
          </cell>
          <cell r="D345" t="str">
            <v>STFS - STF - Stuart-Foster-Line 4511</v>
          </cell>
        </row>
        <row r="346">
          <cell r="A346" t="str">
            <v>G9849</v>
          </cell>
          <cell r="B346" t="str">
            <v>2013 Project</v>
          </cell>
          <cell r="C346"/>
          <cell r="D346" t="str">
            <v>V932 - ERLANGER</v>
          </cell>
        </row>
        <row r="347">
          <cell r="A347" t="str">
            <v>H0104</v>
          </cell>
          <cell r="B347" t="str">
            <v>2013 Project</v>
          </cell>
          <cell r="C347"/>
          <cell r="D347" t="str">
            <v>V932 - ERLANGER</v>
          </cell>
        </row>
        <row r="348">
          <cell r="A348" t="str">
            <v>D2150</v>
          </cell>
          <cell r="B348" t="str">
            <v>2013 Project</v>
          </cell>
          <cell r="C348"/>
          <cell r="D348" t="str">
            <v>VODI - PDMW OTHER DEPT IND</v>
          </cell>
        </row>
        <row r="349">
          <cell r="A349" t="str">
            <v>G6728</v>
          </cell>
          <cell r="B349" t="str">
            <v>2013 Project</v>
          </cell>
          <cell r="C349"/>
          <cell r="D349" t="str">
            <v>V782 - VINCENNES</v>
          </cell>
        </row>
        <row r="350">
          <cell r="A350" t="str">
            <v>G7064</v>
          </cell>
          <cell r="B350" t="str">
            <v>2013 Project</v>
          </cell>
          <cell r="C350"/>
          <cell r="D350" t="str">
            <v>V622 - TERRE HAUTE</v>
          </cell>
        </row>
        <row r="351">
          <cell r="A351" t="str">
            <v>G7190</v>
          </cell>
          <cell r="B351" t="str">
            <v>2013 Project</v>
          </cell>
          <cell r="C351"/>
          <cell r="D351" t="str">
            <v>V962 - SEYMORE (SEYMOUR)</v>
          </cell>
        </row>
        <row r="352">
          <cell r="A352" t="str">
            <v>G7200</v>
          </cell>
          <cell r="B352" t="str">
            <v>2013 Project</v>
          </cell>
          <cell r="C352"/>
          <cell r="D352" t="str">
            <v>V762 - MARTINSVILLE</v>
          </cell>
        </row>
        <row r="353">
          <cell r="A353" t="str">
            <v>G8084</v>
          </cell>
          <cell r="B353" t="str">
            <v>2013 Project</v>
          </cell>
          <cell r="C353"/>
          <cell r="D353" t="str">
            <v>V782 - VINCENNES</v>
          </cell>
        </row>
        <row r="354">
          <cell r="A354" t="str">
            <v>G8088</v>
          </cell>
          <cell r="B354" t="str">
            <v>2013 Project</v>
          </cell>
          <cell r="C354"/>
          <cell r="D354" t="str">
            <v>V742 - BLOOMINGTON</v>
          </cell>
        </row>
        <row r="355">
          <cell r="A355" t="str">
            <v>G8089</v>
          </cell>
          <cell r="B355" t="str">
            <v>2013 Project</v>
          </cell>
          <cell r="C355"/>
          <cell r="D355" t="str">
            <v>V742 - BLOOMINGTON</v>
          </cell>
        </row>
        <row r="356">
          <cell r="A356" t="str">
            <v>G8102</v>
          </cell>
          <cell r="B356" t="str">
            <v>2013 Project</v>
          </cell>
          <cell r="C356"/>
          <cell r="D356" t="str">
            <v>V742 - BLOOMINGTON</v>
          </cell>
        </row>
        <row r="357">
          <cell r="A357" t="str">
            <v>G8123</v>
          </cell>
          <cell r="B357" t="str">
            <v>2013 Project</v>
          </cell>
          <cell r="C357"/>
          <cell r="D357" t="str">
            <v>V742 - BLOOMINGTON</v>
          </cell>
        </row>
        <row r="358">
          <cell r="A358" t="str">
            <v>G8126</v>
          </cell>
          <cell r="B358" t="str">
            <v>2013 Project</v>
          </cell>
          <cell r="C358"/>
          <cell r="D358" t="str">
            <v>V742 - BLOOMINGTON</v>
          </cell>
        </row>
        <row r="359">
          <cell r="A359" t="str">
            <v>G8139</v>
          </cell>
          <cell r="B359" t="str">
            <v>2013 Project</v>
          </cell>
          <cell r="C359"/>
          <cell r="D359" t="str">
            <v>V782 - VINCENNES</v>
          </cell>
        </row>
        <row r="360">
          <cell r="A360" t="str">
            <v>G8833</v>
          </cell>
          <cell r="B360" t="str">
            <v>2013 Project</v>
          </cell>
          <cell r="C360"/>
          <cell r="D360" t="str">
            <v>V962 - SEYMORE (SEYMOUR)</v>
          </cell>
        </row>
        <row r="361">
          <cell r="A361" t="str">
            <v>G9323</v>
          </cell>
          <cell r="B361" t="str">
            <v>2013 Project</v>
          </cell>
          <cell r="C361"/>
          <cell r="D361" t="str">
            <v>V862 - AURORA</v>
          </cell>
        </row>
        <row r="362">
          <cell r="A362" t="str">
            <v>G9394</v>
          </cell>
          <cell r="B362" t="str">
            <v>2013 Project</v>
          </cell>
          <cell r="C362"/>
          <cell r="D362" t="str">
            <v>V882 - CLARKSVILLE</v>
          </cell>
        </row>
        <row r="363">
          <cell r="A363" t="str">
            <v>G9484</v>
          </cell>
          <cell r="B363" t="str">
            <v>2013 Project</v>
          </cell>
          <cell r="C363"/>
          <cell r="D363" t="str">
            <v>V482 - LAFAYETTE</v>
          </cell>
        </row>
        <row r="364">
          <cell r="A364" t="str">
            <v>G9587</v>
          </cell>
          <cell r="B364" t="str">
            <v>2013 Project</v>
          </cell>
          <cell r="C364"/>
          <cell r="D364" t="str">
            <v>V622 - TERRE HAUTE</v>
          </cell>
        </row>
        <row r="365">
          <cell r="A365" t="str">
            <v>G9595</v>
          </cell>
          <cell r="B365" t="str">
            <v>2013 Project</v>
          </cell>
          <cell r="C365"/>
          <cell r="D365" t="str">
            <v>V652 - BRAZIL</v>
          </cell>
        </row>
        <row r="366">
          <cell r="A366" t="str">
            <v>G9601</v>
          </cell>
          <cell r="B366" t="str">
            <v>2013 Project</v>
          </cell>
          <cell r="C366" t="str">
            <v>As Builts Required</v>
          </cell>
          <cell r="D366" t="str">
            <v>V652 - BRAZIL</v>
          </cell>
        </row>
        <row r="367">
          <cell r="A367" t="str">
            <v>G9603</v>
          </cell>
          <cell r="B367" t="str">
            <v>2013 Project</v>
          </cell>
          <cell r="C367"/>
          <cell r="D367" t="str">
            <v>V902 - CORYDON</v>
          </cell>
        </row>
        <row r="368">
          <cell r="A368" t="str">
            <v>G9611</v>
          </cell>
          <cell r="B368" t="str">
            <v>2013 Project</v>
          </cell>
          <cell r="C368"/>
          <cell r="D368" t="str">
            <v>V552 - NEW CASTLE</v>
          </cell>
        </row>
        <row r="369">
          <cell r="A369" t="str">
            <v>G9621</v>
          </cell>
          <cell r="B369" t="str">
            <v>2013 Project</v>
          </cell>
          <cell r="C369"/>
          <cell r="D369" t="str">
            <v>V882 - CLARKSVILLE</v>
          </cell>
        </row>
        <row r="370">
          <cell r="A370" t="str">
            <v>G9629</v>
          </cell>
          <cell r="B370" t="str">
            <v>2013 Project</v>
          </cell>
          <cell r="C370"/>
          <cell r="D370" t="str">
            <v>V422 - KOKOMO</v>
          </cell>
        </row>
        <row r="371">
          <cell r="A371" t="str">
            <v>G9681</v>
          </cell>
          <cell r="B371" t="str">
            <v>2013 Project</v>
          </cell>
          <cell r="C371"/>
          <cell r="D371" t="str">
            <v>V942 - COLUMBUS</v>
          </cell>
        </row>
        <row r="372">
          <cell r="A372" t="str">
            <v>G9693</v>
          </cell>
          <cell r="B372" t="str">
            <v>2013 Project</v>
          </cell>
          <cell r="C372"/>
          <cell r="D372" t="str">
            <v>V562 - CARMEL</v>
          </cell>
        </row>
        <row r="373">
          <cell r="A373" t="str">
            <v>G9697</v>
          </cell>
          <cell r="B373" t="str">
            <v>2013 Project</v>
          </cell>
          <cell r="C373"/>
          <cell r="D373" t="str">
            <v>V422 - KOKOMO</v>
          </cell>
        </row>
        <row r="374">
          <cell r="A374" t="str">
            <v>G9708</v>
          </cell>
          <cell r="B374" t="str">
            <v>2013 Project</v>
          </cell>
          <cell r="C374"/>
          <cell r="D374" t="str">
            <v>V902 - CORYDON</v>
          </cell>
        </row>
        <row r="375">
          <cell r="A375" t="str">
            <v>G9787</v>
          </cell>
          <cell r="B375" t="str">
            <v>2013 Project</v>
          </cell>
          <cell r="C375"/>
          <cell r="D375" t="str">
            <v>V842 - CONNERSVILLE</v>
          </cell>
        </row>
        <row r="376">
          <cell r="A376" t="str">
            <v>G9809</v>
          </cell>
          <cell r="B376" t="str">
            <v>2013 Project</v>
          </cell>
          <cell r="C376"/>
          <cell r="D376" t="str">
            <v>V542 - NOBLESVILLE</v>
          </cell>
        </row>
        <row r="377">
          <cell r="A377" t="str">
            <v>G9900</v>
          </cell>
          <cell r="B377" t="str">
            <v>2013 Project</v>
          </cell>
          <cell r="C377"/>
          <cell r="D377" t="str">
            <v>V962 - SEYMORE (SEYMOUR)</v>
          </cell>
        </row>
        <row r="378">
          <cell r="A378" t="str">
            <v>G9982</v>
          </cell>
          <cell r="B378" t="str">
            <v>2013 Project</v>
          </cell>
          <cell r="C378"/>
          <cell r="D378" t="str">
            <v>V562 - CARMEL</v>
          </cell>
        </row>
        <row r="379">
          <cell r="A379" t="str">
            <v>H0011</v>
          </cell>
          <cell r="B379" t="str">
            <v>2013 Project</v>
          </cell>
          <cell r="C379"/>
          <cell r="D379" t="str">
            <v>V842 - CONNERSVILLE</v>
          </cell>
        </row>
        <row r="380">
          <cell r="A380" t="str">
            <v>H0064</v>
          </cell>
          <cell r="B380" t="str">
            <v>2013 Project</v>
          </cell>
          <cell r="C380"/>
          <cell r="D380" t="str">
            <v>V962 - SEYMORE (SEYMOUR)</v>
          </cell>
        </row>
        <row r="381">
          <cell r="A381" t="str">
            <v>H0187</v>
          </cell>
          <cell r="B381" t="str">
            <v>2013 Project</v>
          </cell>
          <cell r="C381"/>
          <cell r="D381" t="str">
            <v>V882 - CLARKSVILLE</v>
          </cell>
        </row>
        <row r="382">
          <cell r="A382" t="str">
            <v>H0190</v>
          </cell>
          <cell r="B382" t="str">
            <v>2013 Project</v>
          </cell>
          <cell r="C382"/>
          <cell r="D382" t="str">
            <v>V882 - CLARKSVILLE</v>
          </cell>
        </row>
        <row r="383">
          <cell r="A383" t="str">
            <v>H0200</v>
          </cell>
          <cell r="B383" t="str">
            <v>2013 Project</v>
          </cell>
          <cell r="C383"/>
          <cell r="D383" t="str">
            <v>V962 - SEYMORE (SEYMOUR)</v>
          </cell>
        </row>
        <row r="384">
          <cell r="A384" t="str">
            <v>H0210</v>
          </cell>
          <cell r="B384" t="str">
            <v>2013 Project</v>
          </cell>
          <cell r="C384"/>
          <cell r="D384" t="str">
            <v>V562 - CARMEL</v>
          </cell>
        </row>
        <row r="385">
          <cell r="A385" t="str">
            <v>SIN1301DC</v>
          </cell>
          <cell r="B385" t="str">
            <v>2013 Project</v>
          </cell>
          <cell r="C385" t="str">
            <v>As Builts Required</v>
          </cell>
          <cell r="D385" t="str">
            <v>VODI - PDMW OTHER DEPT IND</v>
          </cell>
        </row>
        <row r="386">
          <cell r="A386" t="str">
            <v>SIN1302DC</v>
          </cell>
          <cell r="B386" t="str">
            <v>2013 Project</v>
          </cell>
          <cell r="C386" t="str">
            <v>As Builts Required</v>
          </cell>
          <cell r="D386" t="str">
            <v>VODI - PDMW OTHER DEPT IND</v>
          </cell>
        </row>
        <row r="387">
          <cell r="A387" t="str">
            <v>SIN1302TC</v>
          </cell>
          <cell r="B387" t="str">
            <v>2013 Project</v>
          </cell>
          <cell r="C387" t="str">
            <v>As Builts Required</v>
          </cell>
          <cell r="D387" t="str">
            <v>VOTI - PDMW OTHER IND</v>
          </cell>
        </row>
        <row r="388">
          <cell r="A388" t="str">
            <v>E1013</v>
          </cell>
          <cell r="B388" t="str">
            <v>2013 Project</v>
          </cell>
          <cell r="C388"/>
          <cell r="D388" t="str">
            <v>VSIE - MW SS OPS INDIANA EAST</v>
          </cell>
        </row>
        <row r="389">
          <cell r="A389" t="str">
            <v>E1333</v>
          </cell>
          <cell r="B389" t="str">
            <v>2013 Project</v>
          </cell>
          <cell r="C389"/>
          <cell r="D389" t="str">
            <v>VSIE - MW SS OPS INDIANA EAST</v>
          </cell>
        </row>
        <row r="390">
          <cell r="A390" t="str">
            <v>G7065</v>
          </cell>
          <cell r="B390" t="str">
            <v>2013 Project</v>
          </cell>
          <cell r="C390"/>
          <cell r="D390" t="str">
            <v>V432 - WABASH</v>
          </cell>
        </row>
        <row r="391">
          <cell r="A391" t="str">
            <v>G7538</v>
          </cell>
          <cell r="B391" t="str">
            <v>2013 Project</v>
          </cell>
          <cell r="C391"/>
          <cell r="D391" t="str">
            <v>V542 - NOBLESVILLE</v>
          </cell>
        </row>
        <row r="392">
          <cell r="A392" t="str">
            <v>G7702</v>
          </cell>
          <cell r="B392" t="str">
            <v>2013 Project</v>
          </cell>
          <cell r="C392"/>
          <cell r="D392" t="str">
            <v>V482 - LAFAYETTE</v>
          </cell>
        </row>
        <row r="393">
          <cell r="A393" t="str">
            <v>G7951</v>
          </cell>
          <cell r="B393" t="str">
            <v>2013 Project</v>
          </cell>
          <cell r="C393"/>
          <cell r="D393" t="str">
            <v>V632 - CLINTON</v>
          </cell>
        </row>
        <row r="394">
          <cell r="A394" t="str">
            <v>G8079</v>
          </cell>
          <cell r="B394" t="str">
            <v>2013 Project</v>
          </cell>
          <cell r="C394"/>
          <cell r="D394" t="str">
            <v>V762 - MARTINSVILLE</v>
          </cell>
        </row>
        <row r="395">
          <cell r="A395" t="str">
            <v>G8083</v>
          </cell>
          <cell r="B395" t="str">
            <v>2013 Project</v>
          </cell>
          <cell r="C395"/>
          <cell r="D395" t="str">
            <v>V762 - MARTINSVILLE</v>
          </cell>
        </row>
        <row r="396">
          <cell r="A396" t="str">
            <v>G8519</v>
          </cell>
          <cell r="B396" t="str">
            <v>2013 Project</v>
          </cell>
          <cell r="C396"/>
          <cell r="D396" t="str">
            <v>V422 - KOKOMO</v>
          </cell>
        </row>
        <row r="397">
          <cell r="A397" t="str">
            <v>G8521</v>
          </cell>
          <cell r="B397" t="str">
            <v>2013 Project</v>
          </cell>
          <cell r="C397"/>
          <cell r="D397" t="str">
            <v>V422 - KOKOMO</v>
          </cell>
        </row>
        <row r="398">
          <cell r="A398" t="str">
            <v>G8667</v>
          </cell>
          <cell r="B398" t="str">
            <v>2013 Project</v>
          </cell>
          <cell r="C398"/>
          <cell r="D398" t="str">
            <v>V632 - CLINTON</v>
          </cell>
        </row>
        <row r="399">
          <cell r="A399" t="str">
            <v>G8891</v>
          </cell>
          <cell r="B399" t="str">
            <v>2013 Project</v>
          </cell>
          <cell r="C399"/>
          <cell r="D399" t="str">
            <v>V442 - HUNTINGTON</v>
          </cell>
        </row>
        <row r="400">
          <cell r="A400" t="str">
            <v>G9169</v>
          </cell>
          <cell r="B400" t="str">
            <v>2013 Project</v>
          </cell>
          <cell r="C400" t="str">
            <v>As Builts Required</v>
          </cell>
          <cell r="D400" t="str">
            <v>V442 - HUNTINGTON</v>
          </cell>
        </row>
        <row r="401">
          <cell r="A401" t="str">
            <v>G9207</v>
          </cell>
          <cell r="B401" t="str">
            <v>2013 Project</v>
          </cell>
          <cell r="C401"/>
          <cell r="D401" t="str">
            <v>V482 - LAFAYETTE</v>
          </cell>
        </row>
        <row r="402">
          <cell r="A402" t="str">
            <v>G9374</v>
          </cell>
          <cell r="B402" t="str">
            <v>2013 Project</v>
          </cell>
          <cell r="C402"/>
          <cell r="D402" t="str">
            <v>V632 - CLINTON</v>
          </cell>
        </row>
        <row r="403">
          <cell r="A403" t="str">
            <v>G9464</v>
          </cell>
          <cell r="B403" t="str">
            <v>2013 Project</v>
          </cell>
          <cell r="C403"/>
          <cell r="D403" t="str">
            <v>V862 - AURORA</v>
          </cell>
        </row>
        <row r="404">
          <cell r="A404" t="str">
            <v>G9470</v>
          </cell>
          <cell r="B404" t="str">
            <v>2013 Project</v>
          </cell>
          <cell r="C404"/>
          <cell r="D404" t="str">
            <v>V942 - COLUMBUS</v>
          </cell>
        </row>
        <row r="405">
          <cell r="A405" t="str">
            <v>G9471</v>
          </cell>
          <cell r="B405" t="str">
            <v>2013 Project</v>
          </cell>
          <cell r="C405"/>
          <cell r="D405" t="str">
            <v>V942 - COLUMBUS</v>
          </cell>
        </row>
        <row r="406">
          <cell r="A406" t="str">
            <v>G9576</v>
          </cell>
          <cell r="B406" t="str">
            <v>2013 Project</v>
          </cell>
          <cell r="C406"/>
          <cell r="D406" t="str">
            <v>V742 - BLOOMINGTON</v>
          </cell>
        </row>
        <row r="407">
          <cell r="A407" t="str">
            <v>G9678</v>
          </cell>
          <cell r="B407" t="str">
            <v>2013 Project</v>
          </cell>
          <cell r="C407"/>
          <cell r="D407" t="str">
            <v>V942 - COLUMBUS</v>
          </cell>
        </row>
        <row r="408">
          <cell r="A408" t="str">
            <v>G9679</v>
          </cell>
          <cell r="B408" t="str">
            <v>2013 Project</v>
          </cell>
          <cell r="C408"/>
          <cell r="D408" t="str">
            <v>V942 - COLUMBUS</v>
          </cell>
        </row>
        <row r="409">
          <cell r="A409" t="str">
            <v>G9751</v>
          </cell>
          <cell r="B409" t="str">
            <v>2013 Project</v>
          </cell>
          <cell r="C409"/>
          <cell r="D409" t="str">
            <v>V482 - LAFAYETTE</v>
          </cell>
        </row>
        <row r="410">
          <cell r="A410" t="str">
            <v>G9884</v>
          </cell>
          <cell r="B410" t="str">
            <v>2013 Project</v>
          </cell>
          <cell r="C410"/>
          <cell r="D410" t="str">
            <v>V422 - KOKOMO</v>
          </cell>
        </row>
        <row r="411">
          <cell r="A411" t="str">
            <v>G9946</v>
          </cell>
          <cell r="B411" t="str">
            <v>2013 Project</v>
          </cell>
          <cell r="C411"/>
          <cell r="D411" t="str">
            <v>V482 - LAFAYETTE</v>
          </cell>
        </row>
        <row r="412">
          <cell r="A412" t="str">
            <v>H0042</v>
          </cell>
          <cell r="B412" t="str">
            <v>2013 Project</v>
          </cell>
          <cell r="C412"/>
          <cell r="D412" t="str">
            <v>V832 - SHELBYVILLE</v>
          </cell>
        </row>
        <row r="413">
          <cell r="A413" t="str">
            <v>H0062</v>
          </cell>
          <cell r="B413" t="str">
            <v>2013 Project</v>
          </cell>
          <cell r="C413"/>
          <cell r="D413" t="str">
            <v>V882 - CLARKSVILLE</v>
          </cell>
        </row>
        <row r="414">
          <cell r="A414" t="str">
            <v>H0072</v>
          </cell>
          <cell r="B414" t="str">
            <v>2013 Project</v>
          </cell>
          <cell r="C414"/>
          <cell r="D414" t="str">
            <v>V49A - ATTICA</v>
          </cell>
        </row>
        <row r="415">
          <cell r="A415" t="str">
            <v>H0182</v>
          </cell>
          <cell r="B415" t="str">
            <v>2013 Project</v>
          </cell>
          <cell r="C415"/>
          <cell r="D415" t="str">
            <v>V962 - SEYMORE (SEYMOUR)</v>
          </cell>
        </row>
        <row r="416">
          <cell r="A416" t="str">
            <v>H0233</v>
          </cell>
          <cell r="B416" t="str">
            <v>2013 Project</v>
          </cell>
          <cell r="C416"/>
          <cell r="D416" t="str">
            <v>V882 - CLARKSVILLE</v>
          </cell>
        </row>
        <row r="417">
          <cell r="A417" t="str">
            <v>H0241</v>
          </cell>
          <cell r="B417" t="str">
            <v>2013 Project</v>
          </cell>
          <cell r="C417"/>
          <cell r="D417" t="str">
            <v>V542 - NOBLESVILLE</v>
          </cell>
        </row>
        <row r="418">
          <cell r="A418" t="str">
            <v>H0291</v>
          </cell>
          <cell r="B418" t="str">
            <v>2013 Project</v>
          </cell>
          <cell r="C418"/>
          <cell r="D418" t="str">
            <v>V482 - LAFAYETTE</v>
          </cell>
        </row>
        <row r="419">
          <cell r="A419" t="str">
            <v>H0308</v>
          </cell>
          <cell r="B419" t="str">
            <v>2013 Project</v>
          </cell>
          <cell r="C419"/>
          <cell r="D419" t="str">
            <v>V482 - LAFAYETTE</v>
          </cell>
        </row>
        <row r="420">
          <cell r="A420" t="str">
            <v>H0355</v>
          </cell>
          <cell r="B420" t="str">
            <v>2013 Project</v>
          </cell>
          <cell r="C420"/>
          <cell r="D420" t="str">
            <v>V482 - LAFAYETTE</v>
          </cell>
        </row>
        <row r="421">
          <cell r="A421" t="str">
            <v>H0366</v>
          </cell>
          <cell r="B421" t="str">
            <v>2013 Project</v>
          </cell>
          <cell r="C421"/>
          <cell r="D421" t="str">
            <v>V742 - BLOOMINGTON</v>
          </cell>
        </row>
        <row r="422">
          <cell r="A422" t="str">
            <v>H0438</v>
          </cell>
          <cell r="B422" t="str">
            <v>2013 Project</v>
          </cell>
          <cell r="C422"/>
          <cell r="D422" t="str">
            <v>V482 - LAFAYETTE</v>
          </cell>
        </row>
        <row r="423">
          <cell r="A423" t="str">
            <v>H0462</v>
          </cell>
          <cell r="B423" t="str">
            <v>2013 Project</v>
          </cell>
          <cell r="C423"/>
          <cell r="D423" t="str">
            <v>V482 - LAFAYETTE</v>
          </cell>
        </row>
        <row r="424">
          <cell r="A424" t="str">
            <v>H0588</v>
          </cell>
          <cell r="B424" t="str">
            <v>2013 Project</v>
          </cell>
          <cell r="C424"/>
          <cell r="D424" t="str">
            <v>V882 - CLARKSVILLE</v>
          </cell>
        </row>
        <row r="425">
          <cell r="A425" t="str">
            <v>H0659</v>
          </cell>
          <cell r="B425" t="str">
            <v>2013 Project</v>
          </cell>
          <cell r="C425"/>
          <cell r="D425" t="str">
            <v>V742 - BLOOMINGTON</v>
          </cell>
        </row>
        <row r="426">
          <cell r="A426" t="str">
            <v>H0887</v>
          </cell>
          <cell r="B426" t="str">
            <v>2013 Project</v>
          </cell>
          <cell r="C426"/>
          <cell r="D426" t="str">
            <v>V422 - KOKOMO</v>
          </cell>
        </row>
        <row r="427">
          <cell r="A427" t="str">
            <v>G9501</v>
          </cell>
          <cell r="B427" t="str">
            <v>2013 Project</v>
          </cell>
          <cell r="C427"/>
          <cell r="D427" t="str">
            <v>V932 - ERLANGER</v>
          </cell>
        </row>
        <row r="428">
          <cell r="A428" t="str">
            <v>H0282</v>
          </cell>
          <cell r="B428" t="str">
            <v>2013 Project</v>
          </cell>
          <cell r="C428"/>
          <cell r="D428" t="str">
            <v>V932 - ERLANGER</v>
          </cell>
        </row>
        <row r="429">
          <cell r="A429" t="str">
            <v>G0787</v>
          </cell>
          <cell r="B429" t="str">
            <v>2013 Project</v>
          </cell>
          <cell r="C429"/>
          <cell r="D429" t="str">
            <v>V493 - LITTLE MIAMI</v>
          </cell>
        </row>
        <row r="430">
          <cell r="A430" t="str">
            <v>G3689</v>
          </cell>
          <cell r="B430" t="str">
            <v>2013 Project</v>
          </cell>
          <cell r="C430"/>
          <cell r="D430" t="str">
            <v>V493 - LITTLE MIAMI</v>
          </cell>
        </row>
        <row r="431">
          <cell r="A431" t="str">
            <v>G6644</v>
          </cell>
          <cell r="B431" t="str">
            <v>2013 Project</v>
          </cell>
          <cell r="C431"/>
          <cell r="D431" t="str">
            <v>V40C - QUEENSGATE</v>
          </cell>
        </row>
        <row r="432">
          <cell r="A432" t="str">
            <v>G6827</v>
          </cell>
          <cell r="B432" t="str">
            <v>2013 Project</v>
          </cell>
          <cell r="C432"/>
          <cell r="D432" t="str">
            <v>VNWS - DOWNTOWN NETWORK</v>
          </cell>
        </row>
        <row r="433">
          <cell r="A433" t="str">
            <v>G7088</v>
          </cell>
          <cell r="B433" t="str">
            <v>2013 Project</v>
          </cell>
          <cell r="C433"/>
          <cell r="D433" t="str">
            <v>V461 - TODHUNTER</v>
          </cell>
        </row>
        <row r="434">
          <cell r="A434" t="str">
            <v>G7090</v>
          </cell>
          <cell r="B434" t="str">
            <v>2013 Project</v>
          </cell>
          <cell r="C434"/>
          <cell r="D434" t="str">
            <v>V461 - TODHUNTER</v>
          </cell>
        </row>
        <row r="435">
          <cell r="A435" t="str">
            <v>G7421</v>
          </cell>
          <cell r="B435" t="str">
            <v>2013 Project</v>
          </cell>
          <cell r="C435"/>
          <cell r="D435" t="str">
            <v>V492 - HAMLET</v>
          </cell>
        </row>
        <row r="436">
          <cell r="A436" t="str">
            <v>G7432</v>
          </cell>
          <cell r="B436" t="str">
            <v>2013 Project</v>
          </cell>
          <cell r="C436"/>
          <cell r="D436" t="str">
            <v>V492 - HAMLET</v>
          </cell>
        </row>
        <row r="437">
          <cell r="A437" t="str">
            <v>G8043</v>
          </cell>
          <cell r="B437" t="str">
            <v>2013 Project</v>
          </cell>
          <cell r="C437"/>
          <cell r="D437" t="str">
            <v>V38H - HARTWELL</v>
          </cell>
        </row>
        <row r="438">
          <cell r="A438" t="str">
            <v>G8485</v>
          </cell>
          <cell r="B438" t="str">
            <v>2013 Project</v>
          </cell>
          <cell r="C438"/>
          <cell r="D438" t="str">
            <v>V492 - HAMLET</v>
          </cell>
        </row>
        <row r="439">
          <cell r="A439" t="str">
            <v>G9181</v>
          </cell>
          <cell r="B439" t="str">
            <v>2013 Project</v>
          </cell>
          <cell r="C439"/>
          <cell r="D439" t="str">
            <v>V492 - HAMLET</v>
          </cell>
        </row>
        <row r="440">
          <cell r="A440" t="str">
            <v>G9249</v>
          </cell>
          <cell r="B440" t="str">
            <v>2013 Project</v>
          </cell>
          <cell r="C440"/>
          <cell r="D440" t="str">
            <v>V493 - LITTLE MIAMI</v>
          </cell>
        </row>
        <row r="441">
          <cell r="A441" t="str">
            <v>G9302</v>
          </cell>
          <cell r="B441" t="str">
            <v>2013 Project</v>
          </cell>
          <cell r="C441"/>
          <cell r="D441" t="str">
            <v>V40C - QUEENSGATE</v>
          </cell>
        </row>
        <row r="442">
          <cell r="A442" t="str">
            <v>G9395</v>
          </cell>
          <cell r="B442" t="str">
            <v>2013 Project</v>
          </cell>
          <cell r="C442"/>
          <cell r="D442" t="str">
            <v>V462 - FAIRFIELD</v>
          </cell>
        </row>
        <row r="443">
          <cell r="A443" t="str">
            <v>G9475</v>
          </cell>
          <cell r="B443" t="str">
            <v>2013 Project</v>
          </cell>
          <cell r="C443"/>
          <cell r="D443" t="str">
            <v>V462 - FAIRFIELD</v>
          </cell>
        </row>
        <row r="444">
          <cell r="A444" t="str">
            <v>H0133</v>
          </cell>
          <cell r="B444" t="str">
            <v>2013 Project</v>
          </cell>
          <cell r="C444"/>
          <cell r="D444" t="str">
            <v>V502 - BRECON</v>
          </cell>
        </row>
        <row r="445">
          <cell r="A445" t="str">
            <v>H0134</v>
          </cell>
          <cell r="B445" t="str">
            <v>2013 Project</v>
          </cell>
          <cell r="C445"/>
          <cell r="D445" t="str">
            <v>V462 - FAIRFIELD</v>
          </cell>
        </row>
        <row r="446">
          <cell r="A446" t="str">
            <v>H0188</v>
          </cell>
          <cell r="B446" t="str">
            <v>2013 Project</v>
          </cell>
          <cell r="C446"/>
          <cell r="D446" t="str">
            <v>V40C - QUEENSGATE</v>
          </cell>
        </row>
        <row r="447">
          <cell r="A447" t="str">
            <v>H0441</v>
          </cell>
          <cell r="B447" t="str">
            <v>2013 Project</v>
          </cell>
          <cell r="C447"/>
          <cell r="D447" t="str">
            <v>V38H - HARTWELL</v>
          </cell>
        </row>
        <row r="448">
          <cell r="A448" t="str">
            <v>H0786</v>
          </cell>
          <cell r="B448" t="str">
            <v>2013 Project</v>
          </cell>
          <cell r="C448" t="str">
            <v>As Builts Required</v>
          </cell>
          <cell r="D448" t="str">
            <v>VNWS - Dana</v>
          </cell>
        </row>
        <row r="449">
          <cell r="A449" t="str">
            <v>H0818</v>
          </cell>
          <cell r="B449" t="str">
            <v>2013 Project</v>
          </cell>
          <cell r="C449"/>
          <cell r="D449" t="str">
            <v>V40C - QUEENSGATE</v>
          </cell>
        </row>
        <row r="450">
          <cell r="A450" t="str">
            <v>H0897</v>
          </cell>
          <cell r="B450" t="str">
            <v>2013 Project</v>
          </cell>
          <cell r="C450"/>
          <cell r="D450" t="str">
            <v>V40C - QUEENSGATE</v>
          </cell>
        </row>
        <row r="451">
          <cell r="A451" t="str">
            <v>SGSHT32</v>
          </cell>
          <cell r="B451" t="str">
            <v>2013 Project</v>
          </cell>
          <cell r="C451"/>
          <cell r="D451" t="str">
            <v>VODO - PDMW OTHER DEPT OHIO</v>
          </cell>
        </row>
        <row r="452">
          <cell r="A452" t="str">
            <v>G8106</v>
          </cell>
          <cell r="B452" t="str">
            <v>2013 Project</v>
          </cell>
          <cell r="C452"/>
          <cell r="D452" t="str">
            <v>V622 - TERRE HAUTE</v>
          </cell>
        </row>
        <row r="453">
          <cell r="A453" t="str">
            <v>G8128</v>
          </cell>
          <cell r="B453" t="str">
            <v>2013 Project</v>
          </cell>
          <cell r="C453"/>
          <cell r="D453" t="str">
            <v>V622 - TERRE HAUTE</v>
          </cell>
        </row>
        <row r="454">
          <cell r="A454" t="str">
            <v>G8169</v>
          </cell>
          <cell r="B454" t="str">
            <v>2013 Project</v>
          </cell>
          <cell r="C454"/>
          <cell r="D454" t="str">
            <v>V622 - TERRE HAUTE</v>
          </cell>
        </row>
        <row r="455">
          <cell r="A455" t="str">
            <v>G8183</v>
          </cell>
          <cell r="B455" t="str">
            <v>2013 Project</v>
          </cell>
          <cell r="C455"/>
          <cell r="D455" t="str">
            <v>V622 - TERRE HAUTE</v>
          </cell>
        </row>
        <row r="456">
          <cell r="A456" t="str">
            <v>G8346</v>
          </cell>
          <cell r="B456" t="str">
            <v>2013 Project</v>
          </cell>
          <cell r="C456"/>
          <cell r="D456" t="str">
            <v>V622 - TERRE HAUTE</v>
          </cell>
        </row>
        <row r="457">
          <cell r="A457" t="str">
            <v>G8586</v>
          </cell>
          <cell r="B457" t="str">
            <v>2013 Project</v>
          </cell>
          <cell r="C457"/>
          <cell r="D457" t="str">
            <v>V542 - NOBLESVILLE</v>
          </cell>
        </row>
        <row r="458">
          <cell r="A458" t="str">
            <v>G8599</v>
          </cell>
          <cell r="B458" t="str">
            <v>2013 Project</v>
          </cell>
          <cell r="C458"/>
          <cell r="D458" t="str">
            <v>V902 - CORYDON</v>
          </cell>
        </row>
        <row r="459">
          <cell r="A459" t="str">
            <v>G9503</v>
          </cell>
          <cell r="B459" t="str">
            <v>2013 Project</v>
          </cell>
          <cell r="C459"/>
          <cell r="D459" t="str">
            <v>V622 - TERRE HAUTE</v>
          </cell>
        </row>
        <row r="460">
          <cell r="A460" t="str">
            <v>G9578</v>
          </cell>
          <cell r="B460" t="str">
            <v>2013 Project</v>
          </cell>
          <cell r="C460"/>
          <cell r="D460" t="str">
            <v>V902 - CORYDON</v>
          </cell>
        </row>
        <row r="461">
          <cell r="A461" t="str">
            <v>G9598</v>
          </cell>
          <cell r="B461" t="str">
            <v>2013 Project</v>
          </cell>
          <cell r="C461"/>
          <cell r="D461" t="str">
            <v>V752 - BEDFORD</v>
          </cell>
        </row>
        <row r="462">
          <cell r="A462" t="str">
            <v>G9600</v>
          </cell>
          <cell r="B462" t="str">
            <v>2013 Project</v>
          </cell>
          <cell r="C462"/>
          <cell r="D462" t="str">
            <v>V652 - BRAZIL</v>
          </cell>
        </row>
        <row r="463">
          <cell r="A463" t="str">
            <v>G9626</v>
          </cell>
          <cell r="B463" t="str">
            <v>2013 Project</v>
          </cell>
          <cell r="C463"/>
          <cell r="D463" t="str">
            <v>V542 - NOBLESVILLE</v>
          </cell>
        </row>
        <row r="464">
          <cell r="A464" t="str">
            <v>G9741</v>
          </cell>
          <cell r="B464" t="str">
            <v>2013 Project</v>
          </cell>
          <cell r="C464"/>
          <cell r="D464" t="str">
            <v>V752 - BEDFORD</v>
          </cell>
        </row>
        <row r="465">
          <cell r="A465" t="str">
            <v>G9749</v>
          </cell>
          <cell r="B465" t="str">
            <v>2013 Project</v>
          </cell>
          <cell r="C465"/>
          <cell r="D465" t="str">
            <v>V542 - NOBLESVILLE</v>
          </cell>
        </row>
        <row r="466">
          <cell r="A466" t="str">
            <v>G9765</v>
          </cell>
          <cell r="B466" t="str">
            <v>2013 Project</v>
          </cell>
          <cell r="C466"/>
          <cell r="D466" t="str">
            <v>V752 - BEDFORD</v>
          </cell>
        </row>
        <row r="467">
          <cell r="A467" t="str">
            <v>G9801</v>
          </cell>
          <cell r="B467" t="str">
            <v>2013 Project</v>
          </cell>
          <cell r="C467"/>
          <cell r="D467" t="str">
            <v>V422 - KOKOMO</v>
          </cell>
        </row>
        <row r="468">
          <cell r="A468" t="str">
            <v>G9847</v>
          </cell>
          <cell r="B468" t="str">
            <v>2013 Project</v>
          </cell>
          <cell r="C468"/>
          <cell r="D468" t="str">
            <v>V882 - CLARKSVILLE</v>
          </cell>
        </row>
        <row r="469">
          <cell r="A469" t="str">
            <v>H0058</v>
          </cell>
          <cell r="B469" t="str">
            <v>2013 Project</v>
          </cell>
          <cell r="C469"/>
          <cell r="D469" t="str">
            <v>V482 - LAFAYETTE</v>
          </cell>
        </row>
        <row r="470">
          <cell r="A470" t="str">
            <v>H0137</v>
          </cell>
          <cell r="B470" t="str">
            <v>2013 Project</v>
          </cell>
          <cell r="C470"/>
          <cell r="D470" t="str">
            <v>V752 - BEDFORD</v>
          </cell>
        </row>
        <row r="471">
          <cell r="A471" t="str">
            <v>H0230</v>
          </cell>
          <cell r="B471" t="str">
            <v>2013 Project</v>
          </cell>
          <cell r="C471"/>
          <cell r="D471" t="str">
            <v>V882 - CLARKSVILLE</v>
          </cell>
        </row>
        <row r="472">
          <cell r="A472" t="str">
            <v>H0523</v>
          </cell>
          <cell r="B472" t="str">
            <v>2013 Project</v>
          </cell>
          <cell r="C472"/>
          <cell r="D472" t="str">
            <v>V542 - NOBLESVILLE</v>
          </cell>
        </row>
        <row r="473">
          <cell r="A473" t="str">
            <v>H0529</v>
          </cell>
          <cell r="B473" t="str">
            <v>2013 Project</v>
          </cell>
          <cell r="C473" t="str">
            <v>As Builts Required</v>
          </cell>
          <cell r="D473" t="str">
            <v>V572 - AVON</v>
          </cell>
        </row>
        <row r="474">
          <cell r="A474" t="str">
            <v>H0547</v>
          </cell>
          <cell r="B474" t="str">
            <v>2013 Project</v>
          </cell>
          <cell r="C474"/>
          <cell r="D474" t="str">
            <v>V942 - COLUMBUS</v>
          </cell>
        </row>
        <row r="475">
          <cell r="A475" t="str">
            <v>H0935</v>
          </cell>
          <cell r="B475" t="str">
            <v>2013 Project</v>
          </cell>
          <cell r="C475"/>
          <cell r="D475" t="str">
            <v>V572 - PLAINFIELD/DANVILLE</v>
          </cell>
        </row>
        <row r="476">
          <cell r="A476" t="str">
            <v>G3098</v>
          </cell>
          <cell r="B476" t="str">
            <v>2013 Project</v>
          </cell>
          <cell r="C476"/>
          <cell r="D476" t="str">
            <v>V493 - LITTLE MIAMI</v>
          </cell>
        </row>
        <row r="477">
          <cell r="A477" t="str">
            <v>G5340</v>
          </cell>
          <cell r="B477" t="str">
            <v>2013 Project</v>
          </cell>
          <cell r="C477"/>
          <cell r="D477" t="str">
            <v>V492 - HAMLET</v>
          </cell>
        </row>
        <row r="478">
          <cell r="A478" t="str">
            <v>G5697</v>
          </cell>
          <cell r="B478" t="str">
            <v>2013 Project</v>
          </cell>
          <cell r="C478"/>
          <cell r="D478" t="str">
            <v>V492 - HAMLET</v>
          </cell>
        </row>
        <row r="479">
          <cell r="A479" t="str">
            <v>G5805</v>
          </cell>
          <cell r="B479" t="str">
            <v>2013 Project</v>
          </cell>
          <cell r="C479"/>
          <cell r="D479" t="str">
            <v>VNWS - DOWNTOWN NETWORK</v>
          </cell>
        </row>
        <row r="480">
          <cell r="A480" t="str">
            <v>G5921</v>
          </cell>
          <cell r="B480" t="str">
            <v>2013 Project</v>
          </cell>
          <cell r="C480"/>
          <cell r="D480" t="str">
            <v>VNWS - DOWNTOWN NETWORK</v>
          </cell>
        </row>
        <row r="481">
          <cell r="A481" t="str">
            <v>G5923</v>
          </cell>
          <cell r="B481" t="str">
            <v>2013 Project</v>
          </cell>
          <cell r="C481" t="str">
            <v>As Builts Required</v>
          </cell>
          <cell r="D481" t="str">
            <v>VNWS - DOWNTOWN NETWORK</v>
          </cell>
        </row>
        <row r="482">
          <cell r="A482" t="str">
            <v>G6616</v>
          </cell>
          <cell r="B482" t="str">
            <v>2013 Project</v>
          </cell>
          <cell r="C482"/>
          <cell r="D482" t="str">
            <v>VNWS - DOWNTOWN NETWORK</v>
          </cell>
        </row>
        <row r="483">
          <cell r="A483" t="str">
            <v>G9053</v>
          </cell>
          <cell r="B483" t="str">
            <v>2013 Project</v>
          </cell>
          <cell r="C483"/>
          <cell r="D483" t="str">
            <v>V502 - BRECON</v>
          </cell>
        </row>
        <row r="484">
          <cell r="A484" t="str">
            <v>G9375</v>
          </cell>
          <cell r="B484" t="str">
            <v>2013 Project</v>
          </cell>
          <cell r="C484" t="str">
            <v>As Builts Required</v>
          </cell>
          <cell r="D484" t="str">
            <v>V40C - QUEENSGATE</v>
          </cell>
        </row>
        <row r="485">
          <cell r="A485" t="str">
            <v>G9387</v>
          </cell>
          <cell r="B485" t="str">
            <v>2013 Project</v>
          </cell>
          <cell r="C485" t="str">
            <v>As Builts Required</v>
          </cell>
          <cell r="D485" t="str">
            <v>VNWS - DOWNTOWN NETWORK</v>
          </cell>
        </row>
        <row r="486">
          <cell r="A486" t="str">
            <v>G9457</v>
          </cell>
          <cell r="B486" t="str">
            <v>2013 Project</v>
          </cell>
          <cell r="C486"/>
          <cell r="D486" t="str">
            <v>V492 - HAMLET</v>
          </cell>
        </row>
        <row r="487">
          <cell r="A487" t="str">
            <v>G9458</v>
          </cell>
          <cell r="B487" t="str">
            <v>2013 Project</v>
          </cell>
          <cell r="C487"/>
          <cell r="D487" t="str">
            <v>V492 - HAMLET</v>
          </cell>
        </row>
        <row r="488">
          <cell r="A488" t="str">
            <v>G9903</v>
          </cell>
          <cell r="B488" t="str">
            <v>2013 Project</v>
          </cell>
          <cell r="C488"/>
          <cell r="D488" t="str">
            <v>V461 - TODHUNTER</v>
          </cell>
        </row>
        <row r="489">
          <cell r="A489" t="str">
            <v>G9977</v>
          </cell>
          <cell r="B489" t="str">
            <v>2013 Project</v>
          </cell>
          <cell r="C489"/>
          <cell r="D489" t="str">
            <v>V462 - FAIRFIELD</v>
          </cell>
        </row>
        <row r="490">
          <cell r="A490" t="str">
            <v>H0010</v>
          </cell>
          <cell r="B490" t="str">
            <v>2013 Project</v>
          </cell>
          <cell r="C490" t="str">
            <v>As Builts Required</v>
          </cell>
          <cell r="D490" t="str">
            <v>VNWS - DOWNTOWN NETWORK</v>
          </cell>
        </row>
        <row r="491">
          <cell r="A491" t="str">
            <v>H0055</v>
          </cell>
          <cell r="B491" t="str">
            <v>2013 Project</v>
          </cell>
          <cell r="C491"/>
          <cell r="D491" t="str">
            <v>V502 - BRECON</v>
          </cell>
        </row>
        <row r="492">
          <cell r="A492" t="str">
            <v>H0060</v>
          </cell>
          <cell r="B492" t="str">
            <v>2013 Project</v>
          </cell>
          <cell r="C492"/>
          <cell r="D492" t="str">
            <v>V40C - QUEENSGATE</v>
          </cell>
        </row>
        <row r="493">
          <cell r="A493" t="str">
            <v>H0080</v>
          </cell>
          <cell r="B493" t="str">
            <v>2013 Project</v>
          </cell>
          <cell r="C493" t="str">
            <v>As Builts Required</v>
          </cell>
          <cell r="D493" t="str">
            <v>VNWS - Dana</v>
          </cell>
        </row>
        <row r="494">
          <cell r="A494" t="str">
            <v>H0170</v>
          </cell>
          <cell r="B494" t="str">
            <v>2013 Project</v>
          </cell>
          <cell r="C494"/>
          <cell r="D494" t="str">
            <v>V461 - TODHUNTER</v>
          </cell>
        </row>
        <row r="495">
          <cell r="A495" t="str">
            <v>H0860</v>
          </cell>
          <cell r="B495" t="str">
            <v>2013 Project</v>
          </cell>
          <cell r="C495" t="str">
            <v>As Builts Required</v>
          </cell>
          <cell r="D495" t="str">
            <v>VNWS - DOWNTOWN NETWORK</v>
          </cell>
        </row>
        <row r="496">
          <cell r="A496" t="str">
            <v>H1004</v>
          </cell>
          <cell r="B496" t="str">
            <v>2013 Project</v>
          </cell>
          <cell r="C496" t="str">
            <v>As Builts Required</v>
          </cell>
          <cell r="D496" t="str">
            <v>VNWS - DOWNTOWN NETWORK</v>
          </cell>
        </row>
        <row r="497">
          <cell r="A497" t="str">
            <v>E7404</v>
          </cell>
          <cell r="B497" t="str">
            <v>2013 Project</v>
          </cell>
          <cell r="C497"/>
          <cell r="D497" t="str">
            <v>VDIN - MW DISTRIB DESIGN IND</v>
          </cell>
        </row>
        <row r="498">
          <cell r="A498" t="str">
            <v>G6761</v>
          </cell>
          <cell r="B498" t="str">
            <v>2013 Project</v>
          </cell>
          <cell r="C498"/>
          <cell r="D498" t="str">
            <v>V572 - AVON</v>
          </cell>
        </row>
        <row r="499">
          <cell r="A499" t="str">
            <v>G8175</v>
          </cell>
          <cell r="B499" t="str">
            <v>2013 Project</v>
          </cell>
          <cell r="C499"/>
          <cell r="D499" t="str">
            <v>V822 - GREENSBURG</v>
          </cell>
        </row>
        <row r="500">
          <cell r="A500" t="str">
            <v>G8260</v>
          </cell>
          <cell r="B500" t="str">
            <v>2013 Project</v>
          </cell>
          <cell r="C500"/>
          <cell r="D500" t="str">
            <v>V822 - GREENSBURG</v>
          </cell>
        </row>
        <row r="501">
          <cell r="A501" t="str">
            <v>G8395</v>
          </cell>
          <cell r="B501" t="str">
            <v>2013 Project</v>
          </cell>
          <cell r="C501"/>
          <cell r="D501" t="str">
            <v>V422 - KOKOMO</v>
          </cell>
        </row>
        <row r="502">
          <cell r="A502" t="str">
            <v>G8456</v>
          </cell>
          <cell r="B502" t="str">
            <v>2013 Project</v>
          </cell>
          <cell r="C502"/>
          <cell r="D502" t="str">
            <v>V542 - NOBLESVILLE</v>
          </cell>
        </row>
        <row r="503">
          <cell r="A503" t="str">
            <v>G8643</v>
          </cell>
          <cell r="B503" t="str">
            <v>2013 Project</v>
          </cell>
          <cell r="C503"/>
          <cell r="D503" t="str">
            <v>V452 - ROCHESTER</v>
          </cell>
        </row>
        <row r="504">
          <cell r="A504" t="str">
            <v>G9027</v>
          </cell>
          <cell r="B504" t="str">
            <v>2013 Project</v>
          </cell>
          <cell r="C504"/>
          <cell r="D504" t="str">
            <v>V892 - MADISON</v>
          </cell>
        </row>
        <row r="505">
          <cell r="A505" t="str">
            <v>G9604</v>
          </cell>
          <cell r="B505" t="str">
            <v>2013 Project</v>
          </cell>
          <cell r="C505"/>
          <cell r="D505" t="str">
            <v>V952 - FRANKLIN</v>
          </cell>
        </row>
        <row r="506">
          <cell r="A506" t="str">
            <v>H0025</v>
          </cell>
          <cell r="B506" t="str">
            <v>2013 Project</v>
          </cell>
          <cell r="C506"/>
          <cell r="D506" t="str">
            <v>V892 - MADISON</v>
          </cell>
        </row>
        <row r="507">
          <cell r="A507" t="str">
            <v>H0196</v>
          </cell>
          <cell r="B507" t="str">
            <v>2013 Project</v>
          </cell>
          <cell r="C507"/>
          <cell r="D507" t="str">
            <v>V902 - CORYDON</v>
          </cell>
        </row>
        <row r="508">
          <cell r="A508" t="str">
            <v>H0288</v>
          </cell>
          <cell r="B508" t="str">
            <v>2013 Project</v>
          </cell>
          <cell r="C508"/>
          <cell r="D508" t="str">
            <v>V432 - WABASH</v>
          </cell>
        </row>
        <row r="509">
          <cell r="A509" t="str">
            <v>H0506</v>
          </cell>
          <cell r="B509" t="str">
            <v>2013 Project</v>
          </cell>
          <cell r="C509"/>
          <cell r="D509" t="str">
            <v>V902 - CORYDON</v>
          </cell>
        </row>
        <row r="510">
          <cell r="A510" t="str">
            <v>H0916</v>
          </cell>
          <cell r="B510" t="str">
            <v>2013 Project</v>
          </cell>
          <cell r="C510"/>
          <cell r="D510" t="str">
            <v>V542 - NOBLESVILLE</v>
          </cell>
        </row>
        <row r="511">
          <cell r="A511" t="str">
            <v>STINT1113</v>
          </cell>
          <cell r="B511" t="str">
            <v>2013 Project</v>
          </cell>
          <cell r="C511"/>
          <cell r="D511" t="str">
            <v>VODI - PDMW OTHER DEPT IND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Funding Project Request"/>
      <sheetName val="CAPITAL Detail Project SUBMAINT"/>
      <sheetName val="CAPITAL Detail Project Request"/>
      <sheetName val="NON-CAPITAL Detail Project Req."/>
      <sheetName val="Data for DropDowns"/>
      <sheetName val="Lookup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">
          <cell r="B5" t="str">
            <v>Pick one…</v>
          </cell>
        </row>
        <row r="6">
          <cell r="B6" t="str">
            <v>VODI:RB:75115:Pwr Delivery Indiana Unspecified</v>
          </cell>
        </row>
        <row r="7">
          <cell r="B7" t="str">
            <v>VODK:RB:75084:Pwr Delivery Kentucky Unspecified</v>
          </cell>
        </row>
        <row r="8">
          <cell r="B8" t="str">
            <v>VODO:RB:75023:Pwr Delivery Ohio Unspecified</v>
          </cell>
        </row>
      </sheetData>
      <sheetData sheetId="5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x Listing"/>
      <sheetName val="Midwest Tax Listing"/>
      <sheetName val="All 2.28 Projects Failing ARCs"/>
      <sheetName val="Common Issues"/>
      <sheetName val="V2 Tax Listing"/>
      <sheetName val="ARC Failures"/>
      <sheetName val="Projects Unitized"/>
      <sheetName val="referenc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1">
          <cell r="A1" t="str">
            <v>Project</v>
          </cell>
          <cell r="B1" t="str">
            <v>2013 Projects</v>
          </cell>
        </row>
        <row r="2">
          <cell r="A2" t="str">
            <v>G3099</v>
          </cell>
          <cell r="B2" t="str">
            <v>2013 Projects</v>
          </cell>
        </row>
        <row r="3">
          <cell r="A3" t="str">
            <v>G6450</v>
          </cell>
          <cell r="B3" t="str">
            <v>2013 Projects</v>
          </cell>
        </row>
        <row r="4">
          <cell r="A4" t="str">
            <v>G7172</v>
          </cell>
          <cell r="B4" t="str">
            <v>2013 Projects</v>
          </cell>
        </row>
        <row r="5">
          <cell r="A5" t="str">
            <v>G7174</v>
          </cell>
          <cell r="B5" t="str">
            <v>2013 Projects</v>
          </cell>
        </row>
        <row r="6">
          <cell r="A6" t="str">
            <v>G7410</v>
          </cell>
          <cell r="B6" t="str">
            <v>2013 Projects</v>
          </cell>
        </row>
        <row r="7">
          <cell r="A7" t="str">
            <v>G7423</v>
          </cell>
          <cell r="B7" t="str">
            <v>2013 Projects</v>
          </cell>
        </row>
        <row r="8">
          <cell r="A8" t="str">
            <v>G7718</v>
          </cell>
          <cell r="B8" t="str">
            <v>2013 Projects</v>
          </cell>
        </row>
        <row r="9">
          <cell r="A9" t="str">
            <v>G7881</v>
          </cell>
          <cell r="B9" t="str">
            <v>2013 Projects</v>
          </cell>
        </row>
        <row r="10">
          <cell r="A10" t="str">
            <v>G8198</v>
          </cell>
          <cell r="B10" t="str">
            <v>2013 Projects</v>
          </cell>
        </row>
        <row r="11">
          <cell r="A11" t="str">
            <v>G8470</v>
          </cell>
          <cell r="B11" t="str">
            <v>2013 Projects</v>
          </cell>
        </row>
        <row r="12">
          <cell r="A12" t="str">
            <v>G8471</v>
          </cell>
          <cell r="B12" t="str">
            <v>2013 Projects</v>
          </cell>
        </row>
        <row r="13">
          <cell r="A13" t="str">
            <v>SGSHT312</v>
          </cell>
          <cell r="B13" t="str">
            <v>2013 Projects</v>
          </cell>
        </row>
        <row r="14">
          <cell r="A14" t="str">
            <v>G1661</v>
          </cell>
          <cell r="B14" t="str">
            <v>2013 Projects</v>
          </cell>
        </row>
        <row r="15">
          <cell r="A15" t="str">
            <v>F4346</v>
          </cell>
          <cell r="B15" t="str">
            <v>2013 Projects</v>
          </cell>
        </row>
        <row r="16">
          <cell r="A16" t="str">
            <v>F9508</v>
          </cell>
          <cell r="B16" t="str">
            <v>2013 Projects</v>
          </cell>
        </row>
        <row r="17">
          <cell r="A17" t="str">
            <v>G6114</v>
          </cell>
          <cell r="B17" t="str">
            <v>2013 Projects</v>
          </cell>
        </row>
        <row r="18">
          <cell r="A18" t="str">
            <v>G6115</v>
          </cell>
          <cell r="B18" t="str">
            <v>2013 Projects</v>
          </cell>
        </row>
        <row r="19">
          <cell r="A19" t="str">
            <v>G6195</v>
          </cell>
          <cell r="B19" t="str">
            <v>2013 Projects</v>
          </cell>
        </row>
        <row r="20">
          <cell r="A20" t="str">
            <v>G6351</v>
          </cell>
          <cell r="B20" t="str">
            <v>2013 Projects</v>
          </cell>
        </row>
        <row r="21">
          <cell r="A21" t="str">
            <v>G6352</v>
          </cell>
          <cell r="B21" t="str">
            <v>2013 Projects</v>
          </cell>
        </row>
        <row r="22">
          <cell r="A22" t="str">
            <v>G6738</v>
          </cell>
          <cell r="B22" t="str">
            <v>2013 Projects</v>
          </cell>
        </row>
        <row r="23">
          <cell r="A23" t="str">
            <v>G7061</v>
          </cell>
          <cell r="B23" t="str">
            <v>2013 Projects</v>
          </cell>
        </row>
        <row r="24">
          <cell r="A24" t="str">
            <v>G8291</v>
          </cell>
          <cell r="B24" t="str">
            <v>2013 Projects</v>
          </cell>
        </row>
        <row r="25">
          <cell r="A25" t="str">
            <v>G8362</v>
          </cell>
          <cell r="B25" t="str">
            <v>2013 Projects</v>
          </cell>
        </row>
        <row r="26">
          <cell r="A26" t="str">
            <v>G8571</v>
          </cell>
          <cell r="B26" t="str">
            <v>2013 Projects</v>
          </cell>
        </row>
        <row r="27">
          <cell r="A27" t="str">
            <v>G8966</v>
          </cell>
          <cell r="B27" t="str">
            <v>2013 Projects</v>
          </cell>
        </row>
        <row r="28">
          <cell r="A28" t="str">
            <v>G4094</v>
          </cell>
          <cell r="B28" t="str">
            <v>2013 Projects</v>
          </cell>
        </row>
        <row r="29">
          <cell r="A29" t="str">
            <v>G5926</v>
          </cell>
          <cell r="B29" t="str">
            <v>2013 Projects</v>
          </cell>
        </row>
        <row r="30">
          <cell r="A30" t="str">
            <v>G6054</v>
          </cell>
          <cell r="B30" t="str">
            <v>2013 Projects</v>
          </cell>
        </row>
        <row r="31">
          <cell r="A31" t="str">
            <v>G6302</v>
          </cell>
          <cell r="B31" t="str">
            <v>2013 Projects</v>
          </cell>
        </row>
        <row r="32">
          <cell r="A32" t="str">
            <v>G6307</v>
          </cell>
          <cell r="B32" t="str">
            <v>2013 Projects</v>
          </cell>
        </row>
        <row r="33">
          <cell r="A33" t="str">
            <v>G6308</v>
          </cell>
          <cell r="B33" t="str">
            <v>2013 Projects</v>
          </cell>
        </row>
        <row r="34">
          <cell r="A34" t="str">
            <v>G6449</v>
          </cell>
          <cell r="B34" t="str">
            <v>2013 Projects</v>
          </cell>
        </row>
        <row r="35">
          <cell r="A35" t="str">
            <v>G7011</v>
          </cell>
          <cell r="B35" t="str">
            <v>2013 Projects</v>
          </cell>
        </row>
        <row r="36">
          <cell r="A36" t="str">
            <v>G7418</v>
          </cell>
          <cell r="B36" t="str">
            <v>2013 Projects</v>
          </cell>
        </row>
        <row r="37">
          <cell r="A37" t="str">
            <v>G7539</v>
          </cell>
          <cell r="B37" t="str">
            <v>2013 Projects</v>
          </cell>
        </row>
        <row r="38">
          <cell r="A38" t="str">
            <v>G7563</v>
          </cell>
          <cell r="B38" t="str">
            <v>2013 Projects</v>
          </cell>
        </row>
        <row r="39">
          <cell r="A39" t="str">
            <v>G8176</v>
          </cell>
          <cell r="B39" t="str">
            <v>2013 Projects</v>
          </cell>
        </row>
        <row r="40">
          <cell r="A40" t="str">
            <v>G8552</v>
          </cell>
          <cell r="B40" t="str">
            <v>2013 Projects</v>
          </cell>
        </row>
        <row r="41">
          <cell r="A41" t="str">
            <v>G2299</v>
          </cell>
          <cell r="B41" t="str">
            <v>2013 Projects</v>
          </cell>
        </row>
        <row r="42">
          <cell r="A42" t="str">
            <v>G4694</v>
          </cell>
          <cell r="B42" t="str">
            <v>2013 Projects</v>
          </cell>
        </row>
        <row r="43">
          <cell r="A43" t="str">
            <v>G6618</v>
          </cell>
          <cell r="B43" t="str">
            <v>2013 Projects</v>
          </cell>
        </row>
        <row r="44">
          <cell r="A44" t="str">
            <v>G6668</v>
          </cell>
          <cell r="B44" t="str">
            <v>2013 Projects</v>
          </cell>
        </row>
        <row r="45">
          <cell r="A45" t="str">
            <v>G6980</v>
          </cell>
          <cell r="B45" t="str">
            <v>2013 Projects</v>
          </cell>
        </row>
        <row r="46">
          <cell r="A46" t="str">
            <v>G7003</v>
          </cell>
          <cell r="B46" t="str">
            <v>2013 Projects</v>
          </cell>
        </row>
        <row r="47">
          <cell r="A47" t="str">
            <v>G7060</v>
          </cell>
          <cell r="B47" t="str">
            <v>2013 Projects</v>
          </cell>
        </row>
        <row r="48">
          <cell r="A48" t="str">
            <v>G7070</v>
          </cell>
          <cell r="B48" t="str">
            <v>2013 Projects</v>
          </cell>
        </row>
        <row r="49">
          <cell r="A49" t="str">
            <v>G7098</v>
          </cell>
          <cell r="B49" t="str">
            <v>2013 Projects</v>
          </cell>
        </row>
        <row r="50">
          <cell r="A50" t="str">
            <v>G7108</v>
          </cell>
          <cell r="B50" t="str">
            <v>2013 Projects</v>
          </cell>
        </row>
        <row r="51">
          <cell r="A51" t="str">
            <v>G7342</v>
          </cell>
          <cell r="B51" t="str">
            <v>2013 Projects</v>
          </cell>
        </row>
        <row r="52">
          <cell r="A52" t="str">
            <v>G7965</v>
          </cell>
          <cell r="B52" t="str">
            <v>2013 Projects</v>
          </cell>
        </row>
        <row r="53">
          <cell r="A53" t="str">
            <v>G8243</v>
          </cell>
          <cell r="B53" t="str">
            <v>2013 Projects</v>
          </cell>
        </row>
        <row r="54">
          <cell r="A54" t="str">
            <v>G8365</v>
          </cell>
          <cell r="B54" t="str">
            <v>2013 Projects</v>
          </cell>
        </row>
        <row r="55">
          <cell r="A55" t="str">
            <v>G8403</v>
          </cell>
          <cell r="B55" t="str">
            <v>2013 Projects</v>
          </cell>
        </row>
        <row r="56">
          <cell r="A56" t="str">
            <v>G8850</v>
          </cell>
          <cell r="B56" t="str">
            <v>2013 Projects</v>
          </cell>
        </row>
        <row r="57">
          <cell r="A57" t="str">
            <v>G9002</v>
          </cell>
          <cell r="B57" t="str">
            <v>2013 Projects</v>
          </cell>
        </row>
        <row r="58">
          <cell r="A58" t="str">
            <v>SIN1203DC</v>
          </cell>
          <cell r="B58" t="str">
            <v>2013 Projects</v>
          </cell>
        </row>
        <row r="59">
          <cell r="A59" t="str">
            <v>G1739</v>
          </cell>
          <cell r="B59" t="str">
            <v>2013 Projects</v>
          </cell>
        </row>
        <row r="60">
          <cell r="A60" t="str">
            <v>G5456</v>
          </cell>
          <cell r="B60" t="str">
            <v>2013 Projects</v>
          </cell>
        </row>
        <row r="61">
          <cell r="A61" t="str">
            <v>G5480</v>
          </cell>
          <cell r="B61" t="str">
            <v>2013 Projects</v>
          </cell>
        </row>
        <row r="62">
          <cell r="A62" t="str">
            <v>G5678</v>
          </cell>
          <cell r="B62" t="str">
            <v>2013 Projects</v>
          </cell>
        </row>
        <row r="63">
          <cell r="A63" t="str">
            <v>G8713</v>
          </cell>
          <cell r="B63" t="str">
            <v>2013 Projects</v>
          </cell>
        </row>
        <row r="64">
          <cell r="A64" t="str">
            <v>G3619</v>
          </cell>
          <cell r="B64" t="str">
            <v>2013 Projects</v>
          </cell>
        </row>
        <row r="65">
          <cell r="A65" t="str">
            <v>G4698</v>
          </cell>
          <cell r="B65" t="str">
            <v>2013 Projects</v>
          </cell>
        </row>
        <row r="66">
          <cell r="A66" t="str">
            <v>G6319</v>
          </cell>
          <cell r="B66" t="str">
            <v>2013 Projects</v>
          </cell>
        </row>
        <row r="67">
          <cell r="A67" t="str">
            <v>G6403</v>
          </cell>
          <cell r="B67" t="str">
            <v>2013 Projects</v>
          </cell>
        </row>
        <row r="68">
          <cell r="A68" t="str">
            <v>G6531</v>
          </cell>
          <cell r="B68" t="str">
            <v>2013 Projects</v>
          </cell>
        </row>
        <row r="69">
          <cell r="A69" t="str">
            <v>G6563</v>
          </cell>
          <cell r="B69" t="str">
            <v>2013 Projects</v>
          </cell>
        </row>
        <row r="70">
          <cell r="A70" t="str">
            <v>G6568</v>
          </cell>
          <cell r="B70" t="str">
            <v>2013 Projects</v>
          </cell>
        </row>
        <row r="71">
          <cell r="A71" t="str">
            <v>G6571</v>
          </cell>
          <cell r="B71" t="str">
            <v>2013 Projects</v>
          </cell>
        </row>
        <row r="72">
          <cell r="A72" t="str">
            <v>G6595</v>
          </cell>
          <cell r="B72" t="str">
            <v>2013 Projects</v>
          </cell>
        </row>
        <row r="73">
          <cell r="A73" t="str">
            <v>G6647</v>
          </cell>
          <cell r="B73" t="str">
            <v>2013 Projects</v>
          </cell>
        </row>
        <row r="74">
          <cell r="A74" t="str">
            <v>G6814</v>
          </cell>
          <cell r="B74" t="str">
            <v>2013 Projects</v>
          </cell>
        </row>
        <row r="75">
          <cell r="A75" t="str">
            <v>G6947</v>
          </cell>
          <cell r="B75" t="str">
            <v>2013 Projects</v>
          </cell>
        </row>
        <row r="76">
          <cell r="A76" t="str">
            <v>G6981</v>
          </cell>
          <cell r="B76" t="str">
            <v>2013 Projects</v>
          </cell>
        </row>
        <row r="77">
          <cell r="A77" t="str">
            <v>G7242</v>
          </cell>
          <cell r="B77" t="str">
            <v>2013 Projects</v>
          </cell>
        </row>
        <row r="78">
          <cell r="A78" t="str">
            <v>G7320</v>
          </cell>
          <cell r="B78" t="str">
            <v>2013 Projects</v>
          </cell>
        </row>
        <row r="79">
          <cell r="A79" t="str">
            <v>G7708</v>
          </cell>
          <cell r="B79" t="str">
            <v>2013 Projects</v>
          </cell>
        </row>
        <row r="80">
          <cell r="A80" t="str">
            <v>G8104</v>
          </cell>
          <cell r="B80" t="str">
            <v>2013 Projects</v>
          </cell>
        </row>
        <row r="81">
          <cell r="A81" t="str">
            <v>G8363</v>
          </cell>
          <cell r="B81" t="str">
            <v>2013 Projects</v>
          </cell>
        </row>
        <row r="82">
          <cell r="A82" t="str">
            <v>G8719</v>
          </cell>
          <cell r="B82" t="str">
            <v>2013 Projects</v>
          </cell>
        </row>
        <row r="83">
          <cell r="A83" t="str">
            <v>G8758</v>
          </cell>
          <cell r="B83" t="str">
            <v>2013 Projects</v>
          </cell>
        </row>
        <row r="84">
          <cell r="A84" t="str">
            <v>G8762</v>
          </cell>
          <cell r="B84" t="str">
            <v>2013 Projects</v>
          </cell>
        </row>
        <row r="85">
          <cell r="A85" t="str">
            <v>G8763</v>
          </cell>
          <cell r="B85" t="str">
            <v>2013 Projects</v>
          </cell>
        </row>
        <row r="86">
          <cell r="A86" t="str">
            <v>G9163</v>
          </cell>
          <cell r="B86" t="str">
            <v>2013 Projects</v>
          </cell>
        </row>
        <row r="87">
          <cell r="A87" t="str">
            <v>F9165</v>
          </cell>
          <cell r="B87" t="str">
            <v>2013 Projects</v>
          </cell>
        </row>
        <row r="88">
          <cell r="A88" t="str">
            <v>G1469</v>
          </cell>
          <cell r="B88" t="str">
            <v>2013 Projects</v>
          </cell>
        </row>
        <row r="89">
          <cell r="A89" t="str">
            <v>G2394</v>
          </cell>
          <cell r="B89" t="str">
            <v>2013 Projects</v>
          </cell>
        </row>
        <row r="90">
          <cell r="A90" t="str">
            <v>G2434</v>
          </cell>
          <cell r="B90" t="str">
            <v>2013 Projects</v>
          </cell>
        </row>
        <row r="91">
          <cell r="A91" t="str">
            <v>G2675</v>
          </cell>
          <cell r="B91" t="str">
            <v>2013 Projects</v>
          </cell>
        </row>
        <row r="92">
          <cell r="A92" t="str">
            <v>G2713</v>
          </cell>
          <cell r="B92" t="str">
            <v>2013 Projects</v>
          </cell>
        </row>
        <row r="93">
          <cell r="A93" t="str">
            <v>G2933</v>
          </cell>
          <cell r="B93" t="str">
            <v>2013 Projects</v>
          </cell>
        </row>
        <row r="94">
          <cell r="A94" t="str">
            <v>G3078</v>
          </cell>
          <cell r="B94" t="str">
            <v>2013 Projects</v>
          </cell>
        </row>
        <row r="95">
          <cell r="A95" t="str">
            <v>G3379</v>
          </cell>
          <cell r="B95" t="str">
            <v>2013 Projects</v>
          </cell>
        </row>
        <row r="96">
          <cell r="A96" t="str">
            <v>G3473</v>
          </cell>
          <cell r="B96" t="str">
            <v>2013 Projects</v>
          </cell>
        </row>
        <row r="97">
          <cell r="A97" t="str">
            <v>G3617</v>
          </cell>
          <cell r="B97" t="str">
            <v>2013 Projects</v>
          </cell>
        </row>
        <row r="98">
          <cell r="A98" t="str">
            <v>G3718</v>
          </cell>
          <cell r="B98" t="str">
            <v>2013 Projects</v>
          </cell>
        </row>
        <row r="99">
          <cell r="A99" t="str">
            <v>G4498</v>
          </cell>
          <cell r="B99" t="str">
            <v>2013 Projects</v>
          </cell>
        </row>
        <row r="100">
          <cell r="A100" t="str">
            <v>G4534</v>
          </cell>
          <cell r="B100" t="str">
            <v>2013 Projects</v>
          </cell>
        </row>
        <row r="101">
          <cell r="A101" t="str">
            <v>G4938</v>
          </cell>
          <cell r="B101" t="str">
            <v>2013 Projects</v>
          </cell>
        </row>
        <row r="102">
          <cell r="A102" t="str">
            <v>G5922</v>
          </cell>
          <cell r="B102" t="str">
            <v>2013 Projects</v>
          </cell>
        </row>
        <row r="103">
          <cell r="A103" t="str">
            <v>G5925</v>
          </cell>
          <cell r="B103" t="str">
            <v>2013 Projects</v>
          </cell>
        </row>
        <row r="104">
          <cell r="A104" t="str">
            <v>G6792</v>
          </cell>
          <cell r="B104" t="str">
            <v>2013 Projects</v>
          </cell>
        </row>
        <row r="105">
          <cell r="A105" t="str">
            <v>G6978</v>
          </cell>
          <cell r="B105" t="str">
            <v>2013 Projects</v>
          </cell>
        </row>
        <row r="106">
          <cell r="A106" t="str">
            <v>G7613</v>
          </cell>
          <cell r="B106" t="str">
            <v>2013 Projects</v>
          </cell>
        </row>
        <row r="107">
          <cell r="A107" t="str">
            <v>G8890</v>
          </cell>
          <cell r="B107" t="str">
            <v>2013 Projects</v>
          </cell>
        </row>
        <row r="108">
          <cell r="A108" t="str">
            <v>G8982</v>
          </cell>
          <cell r="B108" t="str">
            <v>2013 Projects</v>
          </cell>
        </row>
        <row r="109">
          <cell r="A109" t="str">
            <v>G9241</v>
          </cell>
          <cell r="B109" t="str">
            <v>2013 Projects</v>
          </cell>
        </row>
        <row r="110">
          <cell r="A110" t="str">
            <v>G9388</v>
          </cell>
          <cell r="B110" t="str">
            <v>2013 Projects</v>
          </cell>
        </row>
        <row r="111">
          <cell r="A111" t="str">
            <v>SGSHT28</v>
          </cell>
          <cell r="B111" t="str">
            <v>2013 Projects</v>
          </cell>
        </row>
        <row r="112">
          <cell r="A112" t="str">
            <v>SOH1203DC</v>
          </cell>
          <cell r="B112" t="str">
            <v>2013 Projects</v>
          </cell>
        </row>
        <row r="113">
          <cell r="A113" t="str">
            <v>G3647</v>
          </cell>
          <cell r="B113" t="str">
            <v>2013 Projects</v>
          </cell>
        </row>
        <row r="114">
          <cell r="A114" t="str">
            <v>G3736</v>
          </cell>
          <cell r="B114" t="str">
            <v>2013 Projects</v>
          </cell>
        </row>
        <row r="115">
          <cell r="A115" t="str">
            <v>G6716</v>
          </cell>
          <cell r="B115" t="str">
            <v>2013 Projects</v>
          </cell>
        </row>
        <row r="116">
          <cell r="A116" t="str">
            <v>G9056</v>
          </cell>
          <cell r="B116" t="str">
            <v>2013 Projects</v>
          </cell>
        </row>
        <row r="117">
          <cell r="A117" t="str">
            <v>G9171</v>
          </cell>
          <cell r="B117" t="str">
            <v>2013 Projects</v>
          </cell>
        </row>
        <row r="118">
          <cell r="A118" t="str">
            <v>F4092</v>
          </cell>
          <cell r="B118" t="str">
            <v>2013 Projects</v>
          </cell>
        </row>
        <row r="119">
          <cell r="A119" t="str">
            <v>F4524</v>
          </cell>
          <cell r="B119" t="str">
            <v>2013 Projects</v>
          </cell>
        </row>
        <row r="120">
          <cell r="A120" t="str">
            <v>F4525</v>
          </cell>
          <cell r="B120" t="str">
            <v>2013 Projects</v>
          </cell>
        </row>
        <row r="121">
          <cell r="A121" t="str">
            <v>F8324</v>
          </cell>
          <cell r="B121" t="str">
            <v>2013 Projects</v>
          </cell>
        </row>
        <row r="122">
          <cell r="A122" t="str">
            <v>F9664</v>
          </cell>
          <cell r="B122" t="str">
            <v>2013 Projects</v>
          </cell>
        </row>
        <row r="123">
          <cell r="A123" t="str">
            <v>F9784</v>
          </cell>
          <cell r="B123" t="str">
            <v>2013 Projects</v>
          </cell>
        </row>
        <row r="124">
          <cell r="A124" t="str">
            <v>G0504</v>
          </cell>
          <cell r="B124" t="str">
            <v>2013 Projects</v>
          </cell>
        </row>
        <row r="125">
          <cell r="A125" t="str">
            <v>G0507</v>
          </cell>
          <cell r="B125" t="str">
            <v>2013 Projects</v>
          </cell>
        </row>
        <row r="126">
          <cell r="A126" t="str">
            <v>G1688</v>
          </cell>
          <cell r="B126" t="str">
            <v>2013 Projects</v>
          </cell>
        </row>
        <row r="127">
          <cell r="A127" t="str">
            <v>G1689</v>
          </cell>
          <cell r="B127" t="str">
            <v>2013 Projects</v>
          </cell>
        </row>
        <row r="128">
          <cell r="A128" t="str">
            <v>G1735</v>
          </cell>
          <cell r="B128" t="str">
            <v>2013 Projects</v>
          </cell>
        </row>
        <row r="129">
          <cell r="A129" t="str">
            <v>G1833</v>
          </cell>
          <cell r="B129" t="str">
            <v>2013 Projects</v>
          </cell>
        </row>
        <row r="130">
          <cell r="A130" t="str">
            <v>G1834</v>
          </cell>
          <cell r="B130" t="str">
            <v>2013 Projects</v>
          </cell>
        </row>
        <row r="131">
          <cell r="A131" t="str">
            <v>G2093</v>
          </cell>
          <cell r="B131" t="str">
            <v>2013 Projects</v>
          </cell>
        </row>
        <row r="132">
          <cell r="A132" t="str">
            <v>G2343</v>
          </cell>
          <cell r="B132" t="str">
            <v>2013 Projects</v>
          </cell>
        </row>
        <row r="133">
          <cell r="A133" t="str">
            <v>G2344</v>
          </cell>
          <cell r="B133" t="str">
            <v>2013 Projects</v>
          </cell>
        </row>
        <row r="134">
          <cell r="A134" t="str">
            <v>G2376</v>
          </cell>
          <cell r="B134" t="str">
            <v>2013 Projects</v>
          </cell>
        </row>
        <row r="135">
          <cell r="A135" t="str">
            <v>G2435</v>
          </cell>
          <cell r="B135" t="str">
            <v>2013 Projects</v>
          </cell>
        </row>
        <row r="136">
          <cell r="A136" t="str">
            <v>G2835</v>
          </cell>
          <cell r="B136" t="str">
            <v>2013 Projects</v>
          </cell>
        </row>
        <row r="137">
          <cell r="A137" t="str">
            <v>G2897</v>
          </cell>
          <cell r="B137" t="str">
            <v>2013 Projects</v>
          </cell>
        </row>
        <row r="138">
          <cell r="A138" t="str">
            <v>G2898</v>
          </cell>
          <cell r="B138" t="str">
            <v>2013 Projects</v>
          </cell>
        </row>
        <row r="139">
          <cell r="A139" t="str">
            <v>G3046</v>
          </cell>
          <cell r="B139" t="str">
            <v>2013 Projects</v>
          </cell>
        </row>
        <row r="140">
          <cell r="A140" t="str">
            <v>G3049</v>
          </cell>
          <cell r="B140" t="str">
            <v>2013 Projects</v>
          </cell>
        </row>
        <row r="141">
          <cell r="A141" t="str">
            <v>G3195</v>
          </cell>
          <cell r="B141" t="str">
            <v>2013 Projects</v>
          </cell>
        </row>
        <row r="142">
          <cell r="A142" t="str">
            <v>G3534</v>
          </cell>
          <cell r="B142" t="str">
            <v>2013 Projects</v>
          </cell>
        </row>
        <row r="143">
          <cell r="A143" t="str">
            <v>G3538</v>
          </cell>
          <cell r="B143" t="str">
            <v>2013 Projects</v>
          </cell>
        </row>
        <row r="144">
          <cell r="A144" t="str">
            <v>G3709</v>
          </cell>
          <cell r="B144" t="str">
            <v>2013 Projects</v>
          </cell>
        </row>
        <row r="145">
          <cell r="A145" t="str">
            <v>G3814</v>
          </cell>
          <cell r="B145" t="str">
            <v>2013 Projects</v>
          </cell>
        </row>
        <row r="146">
          <cell r="A146" t="str">
            <v>G3902</v>
          </cell>
          <cell r="B146" t="str">
            <v>2013 Projects</v>
          </cell>
        </row>
        <row r="147">
          <cell r="A147" t="str">
            <v>G3973</v>
          </cell>
          <cell r="B147" t="str">
            <v>2013 Projects</v>
          </cell>
        </row>
        <row r="148">
          <cell r="A148" t="str">
            <v>G4143</v>
          </cell>
          <cell r="B148" t="str">
            <v>2013 Projects</v>
          </cell>
        </row>
        <row r="149">
          <cell r="A149" t="str">
            <v>G4237</v>
          </cell>
          <cell r="B149" t="str">
            <v>2013 Projects</v>
          </cell>
        </row>
        <row r="150">
          <cell r="A150" t="str">
            <v>G4253</v>
          </cell>
          <cell r="B150" t="str">
            <v>2013 Projects</v>
          </cell>
        </row>
        <row r="151">
          <cell r="A151" t="str">
            <v>G4359</v>
          </cell>
          <cell r="B151" t="str">
            <v>2013 Projects</v>
          </cell>
        </row>
        <row r="152">
          <cell r="A152" t="str">
            <v>G4442</v>
          </cell>
          <cell r="B152" t="str">
            <v>2013 Projects</v>
          </cell>
        </row>
        <row r="153">
          <cell r="A153" t="str">
            <v>G5087</v>
          </cell>
          <cell r="B153" t="str">
            <v>2013 Projects</v>
          </cell>
        </row>
        <row r="154">
          <cell r="A154" t="str">
            <v>G5401</v>
          </cell>
          <cell r="B154" t="str">
            <v>2013 Projects</v>
          </cell>
        </row>
        <row r="155">
          <cell r="A155" t="str">
            <v>G5485</v>
          </cell>
          <cell r="B155" t="str">
            <v>2013 Projects</v>
          </cell>
        </row>
        <row r="156">
          <cell r="A156" t="str">
            <v>G6235</v>
          </cell>
          <cell r="B156" t="str">
            <v>2013 Projects</v>
          </cell>
        </row>
        <row r="157">
          <cell r="A157" t="str">
            <v>G6312</v>
          </cell>
          <cell r="B157" t="str">
            <v>2013 Projects</v>
          </cell>
        </row>
        <row r="158">
          <cell r="A158" t="str">
            <v>G6434</v>
          </cell>
          <cell r="B158" t="str">
            <v>2013 Projects</v>
          </cell>
        </row>
        <row r="159">
          <cell r="A159" t="str">
            <v>G6458</v>
          </cell>
          <cell r="B159" t="str">
            <v>2013 Projects</v>
          </cell>
        </row>
        <row r="160">
          <cell r="A160" t="str">
            <v>G6503</v>
          </cell>
          <cell r="B160" t="str">
            <v>2013 Projects</v>
          </cell>
        </row>
        <row r="161">
          <cell r="A161" t="str">
            <v>G6516</v>
          </cell>
          <cell r="B161" t="str">
            <v>2013 Projects</v>
          </cell>
        </row>
        <row r="162">
          <cell r="A162" t="str">
            <v>G6519</v>
          </cell>
          <cell r="B162" t="str">
            <v>2013 Projects</v>
          </cell>
        </row>
        <row r="163">
          <cell r="A163" t="str">
            <v>G6525</v>
          </cell>
          <cell r="B163" t="str">
            <v>2013 Projects</v>
          </cell>
        </row>
        <row r="164">
          <cell r="A164" t="str">
            <v>G6532</v>
          </cell>
          <cell r="B164" t="str">
            <v>2013 Projects</v>
          </cell>
        </row>
        <row r="165">
          <cell r="A165" t="str">
            <v>G6535</v>
          </cell>
          <cell r="B165" t="str">
            <v>2013 Projects</v>
          </cell>
        </row>
        <row r="166">
          <cell r="A166" t="str">
            <v>G6537</v>
          </cell>
          <cell r="B166" t="str">
            <v>2013 Projects</v>
          </cell>
        </row>
        <row r="167">
          <cell r="A167" t="str">
            <v>G6570</v>
          </cell>
          <cell r="B167" t="str">
            <v>2013 Projects</v>
          </cell>
        </row>
        <row r="168">
          <cell r="A168" t="str">
            <v>G6579</v>
          </cell>
          <cell r="B168" t="str">
            <v>2013 Projects</v>
          </cell>
        </row>
        <row r="169">
          <cell r="A169" t="str">
            <v>G6583</v>
          </cell>
          <cell r="B169" t="str">
            <v>2013 Projects</v>
          </cell>
        </row>
        <row r="170">
          <cell r="A170" t="str">
            <v>G6632</v>
          </cell>
          <cell r="B170" t="str">
            <v>2013 Projects</v>
          </cell>
        </row>
        <row r="171">
          <cell r="A171" t="str">
            <v>G6633</v>
          </cell>
          <cell r="B171" t="str">
            <v>2013 Projects</v>
          </cell>
        </row>
        <row r="172">
          <cell r="A172" t="str">
            <v>G6651</v>
          </cell>
          <cell r="B172" t="str">
            <v>2013 Projects</v>
          </cell>
        </row>
        <row r="173">
          <cell r="A173" t="str">
            <v>G6707</v>
          </cell>
          <cell r="B173" t="str">
            <v>2013 Projects</v>
          </cell>
        </row>
        <row r="174">
          <cell r="A174" t="str">
            <v>G6735</v>
          </cell>
          <cell r="B174" t="str">
            <v>2013 Projects</v>
          </cell>
        </row>
        <row r="175">
          <cell r="A175" t="str">
            <v>G6740</v>
          </cell>
          <cell r="B175" t="str">
            <v>2013 Projects</v>
          </cell>
        </row>
        <row r="176">
          <cell r="A176" t="str">
            <v>G6872</v>
          </cell>
          <cell r="B176" t="str">
            <v>2013 Projects</v>
          </cell>
        </row>
        <row r="177">
          <cell r="A177" t="str">
            <v>G6873</v>
          </cell>
          <cell r="B177" t="str">
            <v>2013 Projects</v>
          </cell>
        </row>
        <row r="178">
          <cell r="A178" t="str">
            <v>G6874</v>
          </cell>
          <cell r="B178" t="str">
            <v>2013 Projects</v>
          </cell>
        </row>
        <row r="179">
          <cell r="A179" t="str">
            <v>G6956</v>
          </cell>
          <cell r="B179" t="str">
            <v>2013 Projects</v>
          </cell>
        </row>
        <row r="180">
          <cell r="A180" t="str">
            <v>G7038</v>
          </cell>
          <cell r="B180" t="str">
            <v>2013 Projects</v>
          </cell>
        </row>
        <row r="181">
          <cell r="A181" t="str">
            <v>G7041</v>
          </cell>
          <cell r="B181" t="str">
            <v>2013 Projects</v>
          </cell>
        </row>
        <row r="182">
          <cell r="A182" t="str">
            <v>G7250</v>
          </cell>
          <cell r="B182" t="str">
            <v>2013 Projects</v>
          </cell>
        </row>
        <row r="183">
          <cell r="A183" t="str">
            <v>G8275</v>
          </cell>
          <cell r="B183" t="str">
            <v>2013 Projects</v>
          </cell>
        </row>
        <row r="184">
          <cell r="A184" t="str">
            <v>G8406</v>
          </cell>
          <cell r="B184" t="str">
            <v>2013 Projects</v>
          </cell>
        </row>
        <row r="185">
          <cell r="A185" t="str">
            <v>G8478</v>
          </cell>
          <cell r="B185" t="str">
            <v>2013 Projects</v>
          </cell>
        </row>
        <row r="186">
          <cell r="A186" t="str">
            <v>G8590</v>
          </cell>
          <cell r="B186" t="str">
            <v>2013 Projects</v>
          </cell>
        </row>
        <row r="187">
          <cell r="A187" t="str">
            <v>G8591</v>
          </cell>
          <cell r="B187" t="str">
            <v>2013 Projects</v>
          </cell>
        </row>
        <row r="188">
          <cell r="A188" t="str">
            <v>G8707</v>
          </cell>
          <cell r="B188" t="str">
            <v>2013 Projects</v>
          </cell>
        </row>
        <row r="189">
          <cell r="A189" t="str">
            <v>G9034</v>
          </cell>
          <cell r="B189" t="str">
            <v>2013 Projects</v>
          </cell>
        </row>
        <row r="190">
          <cell r="A190" t="str">
            <v>G9077</v>
          </cell>
          <cell r="B190" t="str">
            <v>2013 Projects</v>
          </cell>
        </row>
        <row r="191">
          <cell r="A191" t="str">
            <v>G9216</v>
          </cell>
          <cell r="B191" t="str">
            <v>2013 Projects</v>
          </cell>
        </row>
        <row r="192">
          <cell r="A192" t="str">
            <v>G9482</v>
          </cell>
          <cell r="B192" t="str">
            <v>2013 Projects</v>
          </cell>
        </row>
        <row r="193">
          <cell r="A193" t="str">
            <v>SIN1203TC</v>
          </cell>
          <cell r="B193" t="str">
            <v>2013 Projects</v>
          </cell>
        </row>
        <row r="194">
          <cell r="A194" t="str">
            <v>G4936</v>
          </cell>
          <cell r="B194" t="str">
            <v>2013 Projects</v>
          </cell>
        </row>
        <row r="195">
          <cell r="A195" t="str">
            <v>G7204</v>
          </cell>
          <cell r="B195" t="str">
            <v>2013 Projects</v>
          </cell>
        </row>
        <row r="196">
          <cell r="A196" t="str">
            <v>G7422</v>
          </cell>
          <cell r="B196" t="str">
            <v>2013 Projects</v>
          </cell>
        </row>
        <row r="197">
          <cell r="A197" t="str">
            <v>G8181</v>
          </cell>
          <cell r="B197" t="str">
            <v>2013 Projects</v>
          </cell>
        </row>
        <row r="198">
          <cell r="A198" t="str">
            <v>G8192</v>
          </cell>
          <cell r="B198" t="str">
            <v>2013 Projects</v>
          </cell>
        </row>
        <row r="199">
          <cell r="A199" t="str">
            <v>G8582</v>
          </cell>
          <cell r="B199" t="str">
            <v>2013 Projects</v>
          </cell>
        </row>
        <row r="200">
          <cell r="A200" t="str">
            <v>G9023</v>
          </cell>
          <cell r="B200" t="str">
            <v>2013 Projects</v>
          </cell>
        </row>
        <row r="201">
          <cell r="A201" t="str">
            <v>G9307</v>
          </cell>
          <cell r="B201" t="str">
            <v>2013 Projects</v>
          </cell>
        </row>
        <row r="202">
          <cell r="A202" t="str">
            <v>SGSHT29</v>
          </cell>
          <cell r="B202" t="str">
            <v>2013 Projects</v>
          </cell>
        </row>
        <row r="203">
          <cell r="A203" t="str">
            <v>SGSHT30</v>
          </cell>
          <cell r="B203" t="str">
            <v>2013 Projects</v>
          </cell>
        </row>
        <row r="204">
          <cell r="A204" t="str">
            <v>G8553</v>
          </cell>
          <cell r="B204" t="str">
            <v>2013 Projects</v>
          </cell>
        </row>
        <row r="205">
          <cell r="A205" t="str">
            <v>STKYT34</v>
          </cell>
          <cell r="B205" t="str">
            <v>2013 Projects</v>
          </cell>
        </row>
        <row r="206">
          <cell r="A206" t="str">
            <v>E4612</v>
          </cell>
          <cell r="B206" t="str">
            <v>2013 Projects</v>
          </cell>
        </row>
        <row r="207">
          <cell r="A207" t="str">
            <v>G5053</v>
          </cell>
          <cell r="B207" t="str">
            <v>2013 Projects</v>
          </cell>
        </row>
        <row r="208">
          <cell r="A208" t="str">
            <v>G6697</v>
          </cell>
          <cell r="B208" t="str">
            <v>2013 Projects</v>
          </cell>
        </row>
        <row r="209">
          <cell r="A209" t="str">
            <v>G7373</v>
          </cell>
          <cell r="B209" t="str">
            <v>2013 Projects</v>
          </cell>
        </row>
        <row r="210">
          <cell r="A210" t="str">
            <v>G8222</v>
          </cell>
          <cell r="B210" t="str">
            <v>2013 Projects</v>
          </cell>
        </row>
        <row r="211">
          <cell r="A211" t="str">
            <v>G8264</v>
          </cell>
          <cell r="B211" t="str">
            <v>2013 Projects</v>
          </cell>
        </row>
        <row r="212">
          <cell r="A212" t="str">
            <v>G8305</v>
          </cell>
          <cell r="B212" t="str">
            <v>2013 Projects</v>
          </cell>
        </row>
        <row r="213">
          <cell r="A213" t="str">
            <v>G8342</v>
          </cell>
          <cell r="B213" t="str">
            <v>2013 Projects</v>
          </cell>
        </row>
        <row r="214">
          <cell r="A214" t="str">
            <v>G8367</v>
          </cell>
          <cell r="B214" t="str">
            <v>2013 Projects</v>
          </cell>
        </row>
        <row r="215">
          <cell r="A215" t="str">
            <v>G8832</v>
          </cell>
          <cell r="B215" t="str">
            <v>2013 Projects</v>
          </cell>
        </row>
        <row r="216">
          <cell r="A216" t="str">
            <v>G9031</v>
          </cell>
          <cell r="B216" t="str">
            <v>2013 Projects</v>
          </cell>
        </row>
        <row r="217">
          <cell r="A217" t="str">
            <v>G9079</v>
          </cell>
          <cell r="B217" t="str">
            <v>2013 Projects</v>
          </cell>
        </row>
        <row r="218">
          <cell r="A218" t="str">
            <v>G9252</v>
          </cell>
          <cell r="B218" t="str">
            <v>2013 Projects</v>
          </cell>
        </row>
        <row r="219">
          <cell r="A219" t="str">
            <v>G9634</v>
          </cell>
          <cell r="B219" t="str">
            <v>2013 Projects</v>
          </cell>
        </row>
        <row r="220">
          <cell r="A220" t="str">
            <v>G9668</v>
          </cell>
          <cell r="B220" t="str">
            <v>2013 Projects</v>
          </cell>
        </row>
        <row r="221">
          <cell r="A221" t="str">
            <v>H0052</v>
          </cell>
          <cell r="B221" t="str">
            <v>2013 Projects</v>
          </cell>
        </row>
        <row r="222">
          <cell r="A222" t="str">
            <v>G7187</v>
          </cell>
          <cell r="B222" t="str">
            <v>2013 Projects</v>
          </cell>
        </row>
        <row r="223">
          <cell r="A223" t="str">
            <v>G7188</v>
          </cell>
          <cell r="B223" t="str">
            <v>2013 Projects</v>
          </cell>
        </row>
        <row r="224">
          <cell r="A224" t="str">
            <v>G7699</v>
          </cell>
          <cell r="B224" t="str">
            <v>2013 Projects</v>
          </cell>
        </row>
        <row r="225">
          <cell r="A225" t="str">
            <v>G9223</v>
          </cell>
          <cell r="B225" t="str">
            <v>2013 Projects</v>
          </cell>
        </row>
        <row r="226">
          <cell r="A226" t="str">
            <v>G9707</v>
          </cell>
          <cell r="B226" t="str">
            <v>2013 Projects</v>
          </cell>
        </row>
        <row r="227">
          <cell r="A227" t="str">
            <v>F5946</v>
          </cell>
          <cell r="B227" t="str">
            <v>2013 Projects</v>
          </cell>
        </row>
        <row r="228">
          <cell r="A228" t="str">
            <v>G2899</v>
          </cell>
          <cell r="B228" t="str">
            <v>2013 Projects</v>
          </cell>
        </row>
        <row r="229">
          <cell r="A229" t="str">
            <v>G5342</v>
          </cell>
          <cell r="B229" t="str">
            <v>2013 Projects</v>
          </cell>
        </row>
        <row r="230">
          <cell r="A230" t="str">
            <v>G6960</v>
          </cell>
          <cell r="B230" t="str">
            <v>2013 Projects</v>
          </cell>
        </row>
        <row r="231">
          <cell r="A231" t="str">
            <v>G7209</v>
          </cell>
          <cell r="B231" t="str">
            <v>2013 Projects</v>
          </cell>
        </row>
        <row r="232">
          <cell r="A232" t="str">
            <v>G8197</v>
          </cell>
          <cell r="B232" t="str">
            <v>2013 Projects</v>
          </cell>
        </row>
        <row r="233">
          <cell r="A233" t="str">
            <v>G8295</v>
          </cell>
          <cell r="B233" t="str">
            <v>2013 Projects</v>
          </cell>
        </row>
        <row r="234">
          <cell r="A234" t="str">
            <v>G8300</v>
          </cell>
          <cell r="B234" t="str">
            <v>2013 Projects</v>
          </cell>
        </row>
        <row r="235">
          <cell r="A235" t="str">
            <v>G8544</v>
          </cell>
          <cell r="B235" t="str">
            <v>2013 Projects</v>
          </cell>
        </row>
        <row r="236">
          <cell r="A236" t="str">
            <v>G9004</v>
          </cell>
          <cell r="B236" t="str">
            <v>2013 Projects</v>
          </cell>
        </row>
        <row r="237">
          <cell r="A237" t="str">
            <v>G9347</v>
          </cell>
          <cell r="B237" t="str">
            <v>2013 Projects</v>
          </cell>
        </row>
        <row r="238">
          <cell r="A238" t="str">
            <v>G9607</v>
          </cell>
          <cell r="B238" t="str">
            <v>2013 Projects</v>
          </cell>
        </row>
        <row r="239">
          <cell r="A239" t="str">
            <v>G9740</v>
          </cell>
          <cell r="B239" t="str">
            <v>2013 Projects</v>
          </cell>
        </row>
        <row r="240">
          <cell r="A240" t="str">
            <v>STINT913</v>
          </cell>
          <cell r="B240" t="str">
            <v>2013 Projects</v>
          </cell>
        </row>
        <row r="241">
          <cell r="A241" t="str">
            <v>G0756</v>
          </cell>
          <cell r="B241" t="str">
            <v>2013 Projects</v>
          </cell>
        </row>
        <row r="242">
          <cell r="A242" t="str">
            <v>G2293</v>
          </cell>
          <cell r="B242" t="str">
            <v>2013 Projects</v>
          </cell>
        </row>
        <row r="243">
          <cell r="A243" t="str">
            <v>G2975</v>
          </cell>
          <cell r="B243" t="str">
            <v>2013 Projects</v>
          </cell>
        </row>
        <row r="244">
          <cell r="A244" t="str">
            <v>G6437</v>
          </cell>
          <cell r="B244" t="str">
            <v>2013 Projects</v>
          </cell>
        </row>
        <row r="245">
          <cell r="A245" t="str">
            <v>G6438</v>
          </cell>
          <cell r="B245" t="str">
            <v>2013 Projects</v>
          </cell>
        </row>
        <row r="246">
          <cell r="A246" t="str">
            <v>G6440</v>
          </cell>
          <cell r="B246" t="str">
            <v>2013 Projects</v>
          </cell>
        </row>
        <row r="247">
          <cell r="A247" t="str">
            <v>G6883</v>
          </cell>
          <cell r="B247" t="str">
            <v>2013 Projects</v>
          </cell>
        </row>
        <row r="248">
          <cell r="A248" t="str">
            <v>G7347</v>
          </cell>
          <cell r="B248" t="str">
            <v>2013 Projects</v>
          </cell>
        </row>
        <row r="249">
          <cell r="A249" t="str">
            <v>G7384</v>
          </cell>
          <cell r="B249" t="str">
            <v>2013 Projects</v>
          </cell>
        </row>
        <row r="250">
          <cell r="A250" t="str">
            <v>G8078</v>
          </cell>
          <cell r="B250" t="str">
            <v>2013 Projects</v>
          </cell>
        </row>
        <row r="251">
          <cell r="A251" t="str">
            <v>G8315</v>
          </cell>
          <cell r="B251" t="str">
            <v>2013 Projects</v>
          </cell>
        </row>
        <row r="252">
          <cell r="A252" t="str">
            <v>G8358</v>
          </cell>
          <cell r="B252" t="str">
            <v>2013 Projects</v>
          </cell>
        </row>
        <row r="253">
          <cell r="A253" t="str">
            <v>G8451</v>
          </cell>
          <cell r="B253" t="str">
            <v>2013 Projects</v>
          </cell>
        </row>
        <row r="254">
          <cell r="A254" t="str">
            <v>G8573</v>
          </cell>
          <cell r="B254" t="str">
            <v>2013 Projects</v>
          </cell>
        </row>
        <row r="255">
          <cell r="A255" t="str">
            <v>G8728</v>
          </cell>
          <cell r="B255" t="str">
            <v>2013 Projects</v>
          </cell>
        </row>
        <row r="256">
          <cell r="A256" t="str">
            <v>G8810</v>
          </cell>
          <cell r="B256" t="str">
            <v>2013 Projects</v>
          </cell>
        </row>
        <row r="257">
          <cell r="A257" t="str">
            <v>G8811</v>
          </cell>
          <cell r="B257" t="str">
            <v>2013 Projects</v>
          </cell>
        </row>
        <row r="258">
          <cell r="A258" t="str">
            <v>G8847</v>
          </cell>
          <cell r="B258" t="str">
            <v>2013 Projects</v>
          </cell>
        </row>
        <row r="259">
          <cell r="A259" t="str">
            <v>G8992</v>
          </cell>
          <cell r="B259" t="str">
            <v>2013 Projects</v>
          </cell>
        </row>
        <row r="260">
          <cell r="A260" t="str">
            <v>G9103</v>
          </cell>
          <cell r="B260" t="str">
            <v>2013 Projects</v>
          </cell>
        </row>
        <row r="261">
          <cell r="A261" t="str">
            <v>G9312</v>
          </cell>
          <cell r="B261" t="str">
            <v>2013 Projects</v>
          </cell>
        </row>
        <row r="262">
          <cell r="A262" t="str">
            <v>G9320</v>
          </cell>
          <cell r="B262" t="str">
            <v>2013 Projects</v>
          </cell>
        </row>
        <row r="263">
          <cell r="A263" t="str">
            <v>G9491</v>
          </cell>
          <cell r="B263" t="str">
            <v>2013 Projects</v>
          </cell>
        </row>
        <row r="264">
          <cell r="A264" t="str">
            <v>G9520</v>
          </cell>
          <cell r="B264" t="str">
            <v>2013 Projects</v>
          </cell>
        </row>
        <row r="265">
          <cell r="A265" t="str">
            <v>G9575</v>
          </cell>
          <cell r="B265" t="str">
            <v>2013 Projects</v>
          </cell>
        </row>
        <row r="266">
          <cell r="A266" t="str">
            <v>G9656</v>
          </cell>
          <cell r="B266" t="str">
            <v>2013 Projects</v>
          </cell>
        </row>
        <row r="267">
          <cell r="A267" t="str">
            <v>G9750</v>
          </cell>
          <cell r="B267" t="str">
            <v>2013 Projects</v>
          </cell>
        </row>
        <row r="268">
          <cell r="A268" t="str">
            <v>G9776</v>
          </cell>
          <cell r="B268" t="str">
            <v>2013 Projects</v>
          </cell>
        </row>
        <row r="269">
          <cell r="A269" t="str">
            <v>G9784</v>
          </cell>
          <cell r="B269" t="str">
            <v>2013 Projects</v>
          </cell>
        </row>
        <row r="270">
          <cell r="A270" t="str">
            <v>G9785</v>
          </cell>
          <cell r="B270" t="str">
            <v>2013 Projects</v>
          </cell>
        </row>
        <row r="271">
          <cell r="A271" t="str">
            <v>G9829</v>
          </cell>
          <cell r="B271" t="str">
            <v>2013 Projects</v>
          </cell>
        </row>
        <row r="272">
          <cell r="A272" t="str">
            <v>G9830</v>
          </cell>
          <cell r="B272" t="str">
            <v>2013 Projects</v>
          </cell>
        </row>
        <row r="273">
          <cell r="A273" t="str">
            <v>G9846</v>
          </cell>
          <cell r="B273" t="str">
            <v>2013 Projects</v>
          </cell>
        </row>
        <row r="274">
          <cell r="A274" t="str">
            <v>G9966</v>
          </cell>
          <cell r="B274" t="str">
            <v>2013 Projects</v>
          </cell>
        </row>
        <row r="275">
          <cell r="A275" t="str">
            <v>H0044</v>
          </cell>
          <cell r="B275" t="str">
            <v>2013 Projects</v>
          </cell>
        </row>
        <row r="276">
          <cell r="A276" t="str">
            <v>STINT1013</v>
          </cell>
          <cell r="B276" t="str">
            <v>2013 Projects</v>
          </cell>
        </row>
        <row r="277">
          <cell r="A277" t="str">
            <v>G5903</v>
          </cell>
          <cell r="B277" t="str">
            <v>2013 Projects</v>
          </cell>
        </row>
        <row r="278">
          <cell r="A278" t="str">
            <v>G6506</v>
          </cell>
          <cell r="B278" t="str">
            <v>2013 Projects</v>
          </cell>
        </row>
        <row r="279">
          <cell r="A279" t="str">
            <v>G6724</v>
          </cell>
          <cell r="B279" t="str">
            <v>2013 Projects</v>
          </cell>
        </row>
        <row r="280">
          <cell r="A280" t="str">
            <v>G6725</v>
          </cell>
          <cell r="B280" t="str">
            <v>2013 Projects</v>
          </cell>
        </row>
        <row r="281">
          <cell r="A281" t="str">
            <v>G7073</v>
          </cell>
          <cell r="B281" t="str">
            <v>2013 Projects</v>
          </cell>
        </row>
        <row r="282">
          <cell r="A282" t="str">
            <v>G9208</v>
          </cell>
          <cell r="B282" t="str">
            <v>2013 Projects</v>
          </cell>
        </row>
        <row r="283">
          <cell r="A283" t="str">
            <v>G9276</v>
          </cell>
          <cell r="B283" t="str">
            <v>2013 Projects</v>
          </cell>
        </row>
        <row r="284">
          <cell r="A284" t="str">
            <v>G9362</v>
          </cell>
          <cell r="B284" t="str">
            <v>2013 Projects</v>
          </cell>
        </row>
        <row r="285">
          <cell r="A285" t="str">
            <v>G9764</v>
          </cell>
          <cell r="B285" t="str">
            <v>2013 Projects</v>
          </cell>
        </row>
        <row r="286">
          <cell r="A286" t="str">
            <v>G9886</v>
          </cell>
          <cell r="B286" t="str">
            <v>2013 Projects</v>
          </cell>
        </row>
        <row r="287">
          <cell r="A287" t="str">
            <v>G9928</v>
          </cell>
          <cell r="B287" t="str">
            <v>2013 Projects</v>
          </cell>
        </row>
        <row r="288">
          <cell r="A288" t="str">
            <v>G9948</v>
          </cell>
          <cell r="B288" t="str">
            <v>2013 Projects</v>
          </cell>
        </row>
        <row r="289">
          <cell r="A289" t="str">
            <v>G5924</v>
          </cell>
          <cell r="B289" t="str">
            <v>2013 Projects</v>
          </cell>
        </row>
        <row r="290">
          <cell r="A290" t="str">
            <v>G6300</v>
          </cell>
          <cell r="B290" t="str">
            <v>2013 Projects</v>
          </cell>
        </row>
        <row r="291">
          <cell r="A291" t="str">
            <v>G6305</v>
          </cell>
          <cell r="B291" t="str">
            <v>2013 Projects</v>
          </cell>
        </row>
        <row r="292">
          <cell r="A292" t="str">
            <v>G8601</v>
          </cell>
          <cell r="B292" t="str">
            <v>2013 Projects</v>
          </cell>
        </row>
        <row r="293">
          <cell r="A293" t="str">
            <v>G8861</v>
          </cell>
          <cell r="B293" t="str">
            <v>2013 Projects</v>
          </cell>
        </row>
        <row r="294">
          <cell r="A294" t="str">
            <v>G9021</v>
          </cell>
          <cell r="B294" t="str">
            <v>2013 Projects</v>
          </cell>
        </row>
        <row r="295">
          <cell r="A295" t="str">
            <v>G9061</v>
          </cell>
          <cell r="B295" t="str">
            <v>2013 Projects</v>
          </cell>
        </row>
        <row r="296">
          <cell r="A296" t="str">
            <v>H0173</v>
          </cell>
          <cell r="B296" t="str">
            <v>2013 Projects</v>
          </cell>
        </row>
        <row r="297">
          <cell r="A297" t="str">
            <v>H0446</v>
          </cell>
          <cell r="B297" t="str">
            <v>2013 Projects</v>
          </cell>
        </row>
        <row r="298">
          <cell r="A298" t="str">
            <v>SGSHT31</v>
          </cell>
          <cell r="B298" t="str">
            <v>2013 Projects</v>
          </cell>
        </row>
        <row r="299">
          <cell r="A299" t="str">
            <v>G9304</v>
          </cell>
          <cell r="B299" t="str">
            <v>2013 Projects</v>
          </cell>
        </row>
        <row r="300">
          <cell r="A300" t="str">
            <v>H0049</v>
          </cell>
          <cell r="B300" t="str">
            <v>2013 Projects</v>
          </cell>
        </row>
        <row r="301">
          <cell r="A301" t="str">
            <v>G8033</v>
          </cell>
          <cell r="B301" t="str">
            <v>2013 Projects</v>
          </cell>
        </row>
        <row r="302">
          <cell r="A302" t="str">
            <v>G8035</v>
          </cell>
          <cell r="B302" t="str">
            <v>2013 Projects</v>
          </cell>
        </row>
        <row r="303">
          <cell r="A303" t="str">
            <v>G8135</v>
          </cell>
          <cell r="B303" t="str">
            <v>2013 Projects</v>
          </cell>
        </row>
        <row r="304">
          <cell r="A304" t="str">
            <v>G8323</v>
          </cell>
          <cell r="B304" t="str">
            <v>2013 Projects</v>
          </cell>
        </row>
        <row r="305">
          <cell r="A305" t="str">
            <v>G8335</v>
          </cell>
          <cell r="B305" t="str">
            <v>2013 Projects</v>
          </cell>
        </row>
        <row r="306">
          <cell r="A306" t="str">
            <v>G8480</v>
          </cell>
          <cell r="B306" t="str">
            <v>2013 Projects</v>
          </cell>
        </row>
        <row r="307">
          <cell r="A307" t="str">
            <v>G8481</v>
          </cell>
          <cell r="B307" t="str">
            <v>2013 Projects</v>
          </cell>
        </row>
        <row r="308">
          <cell r="A308" t="str">
            <v>G8575</v>
          </cell>
          <cell r="B308" t="str">
            <v>2013 Projects</v>
          </cell>
        </row>
        <row r="309">
          <cell r="A309" t="str">
            <v>G8624</v>
          </cell>
          <cell r="B309" t="str">
            <v>2013 Projects</v>
          </cell>
        </row>
        <row r="310">
          <cell r="A310" t="str">
            <v>G8627</v>
          </cell>
          <cell r="B310" t="str">
            <v>2013 Projects</v>
          </cell>
        </row>
        <row r="311">
          <cell r="A311" t="str">
            <v>G8718</v>
          </cell>
          <cell r="B311" t="str">
            <v>2013 Projects</v>
          </cell>
        </row>
        <row r="312">
          <cell r="A312" t="str">
            <v>G8767</v>
          </cell>
          <cell r="B312" t="str">
            <v>2013 Projects</v>
          </cell>
        </row>
        <row r="313">
          <cell r="A313" t="str">
            <v>G9076</v>
          </cell>
          <cell r="B313" t="str">
            <v>2013 Projects</v>
          </cell>
        </row>
        <row r="314">
          <cell r="A314" t="str">
            <v>G9306</v>
          </cell>
          <cell r="B314" t="str">
            <v>2013 Projects</v>
          </cell>
        </row>
        <row r="315">
          <cell r="A315" t="str">
            <v>G9451</v>
          </cell>
          <cell r="B315" t="str">
            <v>2013 Projects</v>
          </cell>
        </row>
        <row r="316">
          <cell r="A316" t="str">
            <v>G9460</v>
          </cell>
          <cell r="B316" t="str">
            <v>2013 Projects</v>
          </cell>
        </row>
        <row r="317">
          <cell r="A317" t="str">
            <v>G9483</v>
          </cell>
          <cell r="B317" t="str">
            <v>2013 Projects</v>
          </cell>
        </row>
        <row r="318">
          <cell r="A318" t="str">
            <v>G9627</v>
          </cell>
          <cell r="B318" t="str">
            <v>2013 Projects</v>
          </cell>
        </row>
        <row r="319">
          <cell r="A319" t="str">
            <v>G9646</v>
          </cell>
          <cell r="B319" t="str">
            <v>2013 Projects</v>
          </cell>
        </row>
        <row r="320">
          <cell r="A320" t="str">
            <v>G9664</v>
          </cell>
          <cell r="B320" t="str">
            <v>2013 Projects</v>
          </cell>
        </row>
        <row r="321">
          <cell r="A321" t="str">
            <v>G9811</v>
          </cell>
          <cell r="B321" t="str">
            <v>2013 Projects</v>
          </cell>
        </row>
        <row r="322">
          <cell r="A322" t="str">
            <v>G9827</v>
          </cell>
          <cell r="B322" t="str">
            <v>2013 Projects</v>
          </cell>
        </row>
        <row r="323">
          <cell r="A323" t="str">
            <v>G9845</v>
          </cell>
          <cell r="B323" t="str">
            <v>2013 Projects</v>
          </cell>
        </row>
        <row r="324">
          <cell r="A324" t="str">
            <v>G9867</v>
          </cell>
          <cell r="B324" t="str">
            <v>2013 Projects</v>
          </cell>
        </row>
        <row r="325">
          <cell r="A325" t="str">
            <v>G9882</v>
          </cell>
          <cell r="B325" t="str">
            <v>2013 Projects</v>
          </cell>
        </row>
        <row r="326">
          <cell r="A326" t="str">
            <v>G9883</v>
          </cell>
          <cell r="B326" t="str">
            <v>2013 Projects</v>
          </cell>
        </row>
        <row r="327">
          <cell r="A327" t="str">
            <v>G9898</v>
          </cell>
          <cell r="B327" t="str">
            <v>2013 Projects</v>
          </cell>
        </row>
        <row r="328">
          <cell r="A328" t="str">
            <v>G9904</v>
          </cell>
          <cell r="B328" t="str">
            <v>2013 Projects</v>
          </cell>
        </row>
        <row r="329">
          <cell r="A329" t="str">
            <v>G9907</v>
          </cell>
          <cell r="B329" t="str">
            <v>2013 Projects</v>
          </cell>
        </row>
        <row r="330">
          <cell r="A330" t="str">
            <v>H0067</v>
          </cell>
          <cell r="B330" t="str">
            <v>2013 Projects</v>
          </cell>
        </row>
        <row r="331">
          <cell r="A331" t="str">
            <v>H0113</v>
          </cell>
          <cell r="B331" t="str">
            <v>2013 Projects</v>
          </cell>
        </row>
        <row r="332">
          <cell r="A332" t="str">
            <v>H0132</v>
          </cell>
          <cell r="B332" t="str">
            <v>2013 Projects</v>
          </cell>
        </row>
        <row r="333">
          <cell r="A333" t="str">
            <v>H0189</v>
          </cell>
          <cell r="B333" t="str">
            <v>2013 Projects</v>
          </cell>
        </row>
        <row r="334">
          <cell r="A334" t="str">
            <v>H0305</v>
          </cell>
          <cell r="B334" t="str">
            <v>2013 Projects</v>
          </cell>
        </row>
        <row r="335">
          <cell r="A335" t="str">
            <v>H0402</v>
          </cell>
          <cell r="B335" t="str">
            <v>2013 Projects</v>
          </cell>
        </row>
        <row r="336">
          <cell r="A336" t="str">
            <v>H0439</v>
          </cell>
          <cell r="B336" t="str">
            <v>2013 Projects</v>
          </cell>
        </row>
        <row r="337">
          <cell r="A337" t="str">
            <v>G7338</v>
          </cell>
          <cell r="B337" t="str">
            <v>2013 Projects</v>
          </cell>
        </row>
        <row r="338">
          <cell r="A338" t="str">
            <v>G8932</v>
          </cell>
          <cell r="B338" t="str">
            <v>2013 Projects</v>
          </cell>
        </row>
        <row r="339">
          <cell r="A339" t="str">
            <v>G9015</v>
          </cell>
          <cell r="B339" t="str">
            <v>2013 Projects</v>
          </cell>
        </row>
        <row r="340">
          <cell r="A340" t="str">
            <v>G9449</v>
          </cell>
          <cell r="B340" t="str">
            <v>2013 Projects</v>
          </cell>
        </row>
        <row r="341">
          <cell r="A341" t="str">
            <v>G9872</v>
          </cell>
          <cell r="B341" t="str">
            <v>2013 Projects</v>
          </cell>
        </row>
        <row r="342">
          <cell r="A342" t="str">
            <v>H0307</v>
          </cell>
          <cell r="B342" t="str">
            <v>2013 Projects</v>
          </cell>
        </row>
        <row r="343">
          <cell r="A343" t="str">
            <v>SGSHT33</v>
          </cell>
          <cell r="B343" t="str">
            <v>2013 Projects</v>
          </cell>
        </row>
        <row r="344">
          <cell r="A344" t="str">
            <v>SOH1302DC</v>
          </cell>
          <cell r="B344" t="str">
            <v>2013 Projects</v>
          </cell>
        </row>
        <row r="345">
          <cell r="A345" t="str">
            <v>STORM2TO</v>
          </cell>
          <cell r="B345" t="str">
            <v>2013 Projects</v>
          </cell>
        </row>
        <row r="346">
          <cell r="A346" t="str">
            <v>G9849</v>
          </cell>
          <cell r="B346" t="str">
            <v>2013 Projects</v>
          </cell>
        </row>
        <row r="347">
          <cell r="A347" t="str">
            <v>H0104</v>
          </cell>
          <cell r="B347" t="str">
            <v>2013 Projects</v>
          </cell>
        </row>
        <row r="348">
          <cell r="A348" t="str">
            <v>D2150</v>
          </cell>
          <cell r="B348" t="str">
            <v>2013 Projects</v>
          </cell>
        </row>
        <row r="349">
          <cell r="A349" t="str">
            <v>G6728</v>
          </cell>
          <cell r="B349" t="str">
            <v>2013 Projects</v>
          </cell>
        </row>
        <row r="350">
          <cell r="A350" t="str">
            <v>G7064</v>
          </cell>
          <cell r="B350" t="str">
            <v>2013 Projects</v>
          </cell>
        </row>
        <row r="351">
          <cell r="A351" t="str">
            <v>G7190</v>
          </cell>
          <cell r="B351" t="str">
            <v>2013 Projects</v>
          </cell>
        </row>
        <row r="352">
          <cell r="A352" t="str">
            <v>G7200</v>
          </cell>
          <cell r="B352" t="str">
            <v>2013 Projects</v>
          </cell>
        </row>
        <row r="353">
          <cell r="A353" t="str">
            <v>G8084</v>
          </cell>
          <cell r="B353" t="str">
            <v>2013 Projects</v>
          </cell>
        </row>
        <row r="354">
          <cell r="A354" t="str">
            <v>G8088</v>
          </cell>
          <cell r="B354" t="str">
            <v>2013 Projects</v>
          </cell>
        </row>
        <row r="355">
          <cell r="A355" t="str">
            <v>G8089</v>
          </cell>
          <cell r="B355" t="str">
            <v>2013 Projects</v>
          </cell>
        </row>
        <row r="356">
          <cell r="A356" t="str">
            <v>G8102</v>
          </cell>
          <cell r="B356" t="str">
            <v>2013 Projects</v>
          </cell>
        </row>
        <row r="357">
          <cell r="A357" t="str">
            <v>G8123</v>
          </cell>
          <cell r="B357" t="str">
            <v>2013 Projects</v>
          </cell>
        </row>
        <row r="358">
          <cell r="A358" t="str">
            <v>G8126</v>
          </cell>
          <cell r="B358" t="str">
            <v>2013 Projects</v>
          </cell>
        </row>
        <row r="359">
          <cell r="A359" t="str">
            <v>G8139</v>
          </cell>
          <cell r="B359" t="str">
            <v>2013 Projects</v>
          </cell>
        </row>
        <row r="360">
          <cell r="A360" t="str">
            <v>G8833</v>
          </cell>
          <cell r="B360" t="str">
            <v>2013 Projects</v>
          </cell>
        </row>
        <row r="361">
          <cell r="A361" t="str">
            <v>G9323</v>
          </cell>
          <cell r="B361" t="str">
            <v>2013 Projects</v>
          </cell>
        </row>
        <row r="362">
          <cell r="A362" t="str">
            <v>G9394</v>
          </cell>
          <cell r="B362" t="str">
            <v>2013 Projects</v>
          </cell>
        </row>
        <row r="363">
          <cell r="A363" t="str">
            <v>G9484</v>
          </cell>
          <cell r="B363" t="str">
            <v>2013 Projects</v>
          </cell>
        </row>
        <row r="364">
          <cell r="A364" t="str">
            <v>G9587</v>
          </cell>
          <cell r="B364" t="str">
            <v>2013 Projects</v>
          </cell>
        </row>
        <row r="365">
          <cell r="A365" t="str">
            <v>G9595</v>
          </cell>
          <cell r="B365" t="str">
            <v>2013 Projects</v>
          </cell>
        </row>
        <row r="366">
          <cell r="A366" t="str">
            <v>G9601</v>
          </cell>
          <cell r="B366" t="str">
            <v>2013 Projects</v>
          </cell>
        </row>
        <row r="367">
          <cell r="A367" t="str">
            <v>G9603</v>
          </cell>
          <cell r="B367" t="str">
            <v>2013 Projects</v>
          </cell>
        </row>
        <row r="368">
          <cell r="A368" t="str">
            <v>G9611</v>
          </cell>
          <cell r="B368" t="str">
            <v>2013 Projects</v>
          </cell>
        </row>
        <row r="369">
          <cell r="A369" t="str">
            <v>G9621</v>
          </cell>
          <cell r="B369" t="str">
            <v>2013 Projects</v>
          </cell>
        </row>
        <row r="370">
          <cell r="A370" t="str">
            <v>G9629</v>
          </cell>
          <cell r="B370" t="str">
            <v>2013 Projects</v>
          </cell>
        </row>
        <row r="371">
          <cell r="A371" t="str">
            <v>G9681</v>
          </cell>
          <cell r="B371" t="str">
            <v>2013 Projects</v>
          </cell>
        </row>
        <row r="372">
          <cell r="A372" t="str">
            <v>G9693</v>
          </cell>
          <cell r="B372" t="str">
            <v>2013 Projects</v>
          </cell>
        </row>
        <row r="373">
          <cell r="A373" t="str">
            <v>G9697</v>
          </cell>
          <cell r="B373" t="str">
            <v>2013 Projects</v>
          </cell>
        </row>
        <row r="374">
          <cell r="A374" t="str">
            <v>G9708</v>
          </cell>
          <cell r="B374" t="str">
            <v>2013 Projects</v>
          </cell>
        </row>
        <row r="375">
          <cell r="A375" t="str">
            <v>G9787</v>
          </cell>
          <cell r="B375" t="str">
            <v>2013 Projects</v>
          </cell>
        </row>
        <row r="376">
          <cell r="A376" t="str">
            <v>G9809</v>
          </cell>
          <cell r="B376" t="str">
            <v>2013 Projects</v>
          </cell>
        </row>
        <row r="377">
          <cell r="A377" t="str">
            <v>G9900</v>
          </cell>
          <cell r="B377" t="str">
            <v>2013 Projects</v>
          </cell>
        </row>
        <row r="378">
          <cell r="A378" t="str">
            <v>G9982</v>
          </cell>
          <cell r="B378" t="str">
            <v>2013 Projects</v>
          </cell>
        </row>
        <row r="379">
          <cell r="A379" t="str">
            <v>H0011</v>
          </cell>
          <cell r="B379" t="str">
            <v>2013 Projects</v>
          </cell>
        </row>
        <row r="380">
          <cell r="A380" t="str">
            <v>H0064</v>
          </cell>
          <cell r="B380" t="str">
            <v>2013 Projects</v>
          </cell>
        </row>
        <row r="381">
          <cell r="A381" t="str">
            <v>H0187</v>
          </cell>
          <cell r="B381" t="str">
            <v>2013 Projects</v>
          </cell>
        </row>
        <row r="382">
          <cell r="A382" t="str">
            <v>H0190</v>
          </cell>
          <cell r="B382" t="str">
            <v>2013 Projects</v>
          </cell>
        </row>
        <row r="383">
          <cell r="A383" t="str">
            <v>H0200</v>
          </cell>
          <cell r="B383" t="str">
            <v>2013 Projects</v>
          </cell>
        </row>
        <row r="384">
          <cell r="A384" t="str">
            <v>H0210</v>
          </cell>
          <cell r="B384" t="str">
            <v>2013 Projects</v>
          </cell>
        </row>
        <row r="385">
          <cell r="A385" t="str">
            <v>SIN1301DC</v>
          </cell>
          <cell r="B385" t="str">
            <v>2013 Projects</v>
          </cell>
        </row>
        <row r="386">
          <cell r="A386" t="str">
            <v>SIN1302DC</v>
          </cell>
          <cell r="B386" t="str">
            <v>2013 Projects</v>
          </cell>
        </row>
        <row r="387">
          <cell r="A387" t="str">
            <v>SIN1302TC</v>
          </cell>
          <cell r="B387" t="str">
            <v>2013 Projects</v>
          </cell>
        </row>
        <row r="388">
          <cell r="A388" t="str">
            <v>E1013</v>
          </cell>
          <cell r="B388" t="str">
            <v>2013 Projects</v>
          </cell>
        </row>
        <row r="389">
          <cell r="A389" t="str">
            <v>E1333</v>
          </cell>
          <cell r="B389" t="str">
            <v>2013 Projects</v>
          </cell>
        </row>
        <row r="390">
          <cell r="A390" t="str">
            <v>G7065</v>
          </cell>
          <cell r="B390" t="str">
            <v>2013 Projects</v>
          </cell>
        </row>
        <row r="391">
          <cell r="A391" t="str">
            <v>G7538</v>
          </cell>
          <cell r="B391" t="str">
            <v>2013 Projects</v>
          </cell>
        </row>
        <row r="392">
          <cell r="A392" t="str">
            <v>G7702</v>
          </cell>
          <cell r="B392" t="str">
            <v>2013 Projects</v>
          </cell>
        </row>
        <row r="393">
          <cell r="A393" t="str">
            <v>G7951</v>
          </cell>
          <cell r="B393" t="str">
            <v>2013 Projects</v>
          </cell>
        </row>
        <row r="394">
          <cell r="A394" t="str">
            <v>G8079</v>
          </cell>
          <cell r="B394" t="str">
            <v>2013 Projects</v>
          </cell>
        </row>
        <row r="395">
          <cell r="A395" t="str">
            <v>G8083</v>
          </cell>
          <cell r="B395" t="str">
            <v>2013 Projects</v>
          </cell>
        </row>
        <row r="396">
          <cell r="A396" t="str">
            <v>G8519</v>
          </cell>
          <cell r="B396" t="str">
            <v>2013 Projects</v>
          </cell>
        </row>
        <row r="397">
          <cell r="A397" t="str">
            <v>G8521</v>
          </cell>
          <cell r="B397" t="str">
            <v>2013 Projects</v>
          </cell>
        </row>
        <row r="398">
          <cell r="A398" t="str">
            <v>G8667</v>
          </cell>
          <cell r="B398" t="str">
            <v>2013 Projects</v>
          </cell>
        </row>
        <row r="399">
          <cell r="A399" t="str">
            <v>G8891</v>
          </cell>
          <cell r="B399" t="str">
            <v>2013 Projects</v>
          </cell>
        </row>
        <row r="400">
          <cell r="A400" t="str">
            <v>G9169</v>
          </cell>
          <cell r="B400" t="str">
            <v>2013 Projects</v>
          </cell>
        </row>
        <row r="401">
          <cell r="A401" t="str">
            <v>G9207</v>
          </cell>
          <cell r="B401" t="str">
            <v>2013 Projects</v>
          </cell>
        </row>
        <row r="402">
          <cell r="A402" t="str">
            <v>G9374</v>
          </cell>
          <cell r="B402" t="str">
            <v>2013 Projects</v>
          </cell>
        </row>
        <row r="403">
          <cell r="A403" t="str">
            <v>G9464</v>
          </cell>
          <cell r="B403" t="str">
            <v>2013 Projects</v>
          </cell>
        </row>
        <row r="404">
          <cell r="A404" t="str">
            <v>G9470</v>
          </cell>
          <cell r="B404" t="str">
            <v>2013 Projects</v>
          </cell>
        </row>
        <row r="405">
          <cell r="A405" t="str">
            <v>G9471</v>
          </cell>
          <cell r="B405" t="str">
            <v>2013 Projects</v>
          </cell>
        </row>
        <row r="406">
          <cell r="A406" t="str">
            <v>G9576</v>
          </cell>
          <cell r="B406" t="str">
            <v>2013 Projects</v>
          </cell>
        </row>
        <row r="407">
          <cell r="A407" t="str">
            <v>G9678</v>
          </cell>
          <cell r="B407" t="str">
            <v>2013 Projects</v>
          </cell>
        </row>
        <row r="408">
          <cell r="A408" t="str">
            <v>G9679</v>
          </cell>
          <cell r="B408" t="str">
            <v>2013 Projects</v>
          </cell>
        </row>
        <row r="409">
          <cell r="A409" t="str">
            <v>G9751</v>
          </cell>
          <cell r="B409" t="str">
            <v>2013 Projects</v>
          </cell>
        </row>
        <row r="410">
          <cell r="A410" t="str">
            <v>G9884</v>
          </cell>
          <cell r="B410" t="str">
            <v>2013 Projects</v>
          </cell>
        </row>
        <row r="411">
          <cell r="A411" t="str">
            <v>G9946</v>
          </cell>
          <cell r="B411" t="str">
            <v>2013 Projects</v>
          </cell>
        </row>
        <row r="412">
          <cell r="A412" t="str">
            <v>H0042</v>
          </cell>
          <cell r="B412" t="str">
            <v>2013 Projects</v>
          </cell>
        </row>
        <row r="413">
          <cell r="A413" t="str">
            <v>H0062</v>
          </cell>
          <cell r="B413" t="str">
            <v>2013 Projects</v>
          </cell>
        </row>
        <row r="414">
          <cell r="A414" t="str">
            <v>H0072</v>
          </cell>
          <cell r="B414" t="str">
            <v>2013 Projects</v>
          </cell>
        </row>
        <row r="415">
          <cell r="A415" t="str">
            <v>H0182</v>
          </cell>
          <cell r="B415" t="str">
            <v>2013 Projects</v>
          </cell>
        </row>
        <row r="416">
          <cell r="A416" t="str">
            <v>H0233</v>
          </cell>
          <cell r="B416" t="str">
            <v>2013 Projects</v>
          </cell>
        </row>
        <row r="417">
          <cell r="A417" t="str">
            <v>H0241</v>
          </cell>
          <cell r="B417" t="str">
            <v>2013 Projects</v>
          </cell>
        </row>
        <row r="418">
          <cell r="A418" t="str">
            <v>H0291</v>
          </cell>
          <cell r="B418" t="str">
            <v>2013 Projects</v>
          </cell>
        </row>
        <row r="419">
          <cell r="A419" t="str">
            <v>H0308</v>
          </cell>
          <cell r="B419" t="str">
            <v>2013 Projects</v>
          </cell>
        </row>
        <row r="420">
          <cell r="A420" t="str">
            <v>H0355</v>
          </cell>
          <cell r="B420" t="str">
            <v>2013 Projects</v>
          </cell>
        </row>
        <row r="421">
          <cell r="A421" t="str">
            <v>H0366</v>
          </cell>
          <cell r="B421" t="str">
            <v>2013 Projects</v>
          </cell>
        </row>
        <row r="422">
          <cell r="A422" t="str">
            <v>H0438</v>
          </cell>
          <cell r="B422" t="str">
            <v>2013 Projects</v>
          </cell>
        </row>
        <row r="423">
          <cell r="A423" t="str">
            <v>H0462</v>
          </cell>
          <cell r="B423" t="str">
            <v>2013 Projects</v>
          </cell>
        </row>
        <row r="424">
          <cell r="A424" t="str">
            <v>H0588</v>
          </cell>
          <cell r="B424" t="str">
            <v>2013 Projects</v>
          </cell>
        </row>
        <row r="425">
          <cell r="A425" t="str">
            <v>H0659</v>
          </cell>
          <cell r="B425" t="str">
            <v>2013 Projects</v>
          </cell>
        </row>
        <row r="426">
          <cell r="A426" t="str">
            <v>H0887</v>
          </cell>
          <cell r="B426" t="str">
            <v>2013 Projects</v>
          </cell>
        </row>
        <row r="427">
          <cell r="A427" t="str">
            <v>G9501</v>
          </cell>
          <cell r="B427" t="str">
            <v>2013 Projects</v>
          </cell>
        </row>
        <row r="428">
          <cell r="A428" t="str">
            <v>H0282</v>
          </cell>
          <cell r="B428" t="str">
            <v>2013 Projects</v>
          </cell>
        </row>
        <row r="429">
          <cell r="A429" t="str">
            <v>G0787</v>
          </cell>
          <cell r="B429" t="str">
            <v>2013 Projects</v>
          </cell>
        </row>
        <row r="430">
          <cell r="A430" t="str">
            <v>G3689</v>
          </cell>
          <cell r="B430" t="str">
            <v>2013 Projects</v>
          </cell>
        </row>
        <row r="431">
          <cell r="A431" t="str">
            <v>G6644</v>
          </cell>
          <cell r="B431" t="str">
            <v>2013 Projects</v>
          </cell>
        </row>
        <row r="432">
          <cell r="A432" t="str">
            <v>G6827</v>
          </cell>
          <cell r="B432" t="str">
            <v>2013 Projects</v>
          </cell>
        </row>
        <row r="433">
          <cell r="A433" t="str">
            <v>G7088</v>
          </cell>
          <cell r="B433" t="str">
            <v>2013 Projects</v>
          </cell>
        </row>
        <row r="434">
          <cell r="A434" t="str">
            <v>G7090</v>
          </cell>
          <cell r="B434" t="str">
            <v>2013 Projects</v>
          </cell>
        </row>
        <row r="435">
          <cell r="A435" t="str">
            <v>G7421</v>
          </cell>
          <cell r="B435" t="str">
            <v>2013 Projects</v>
          </cell>
        </row>
        <row r="436">
          <cell r="A436" t="str">
            <v>G7432</v>
          </cell>
          <cell r="B436" t="str">
            <v>2013 Projects</v>
          </cell>
        </row>
        <row r="437">
          <cell r="A437" t="str">
            <v>G8043</v>
          </cell>
          <cell r="B437" t="str">
            <v>2013 Projects</v>
          </cell>
        </row>
        <row r="438">
          <cell r="A438" t="str">
            <v>G8485</v>
          </cell>
          <cell r="B438" t="str">
            <v>2013 Projects</v>
          </cell>
        </row>
        <row r="439">
          <cell r="A439" t="str">
            <v>G9181</v>
          </cell>
          <cell r="B439" t="str">
            <v>2013 Projects</v>
          </cell>
        </row>
        <row r="440">
          <cell r="A440" t="str">
            <v>G9249</v>
          </cell>
          <cell r="B440" t="str">
            <v>2013 Projects</v>
          </cell>
        </row>
        <row r="441">
          <cell r="A441" t="str">
            <v>G9302</v>
          </cell>
          <cell r="B441" t="str">
            <v>2013 Projects</v>
          </cell>
        </row>
        <row r="442">
          <cell r="A442" t="str">
            <v>G9395</v>
          </cell>
          <cell r="B442" t="str">
            <v>2013 Projects</v>
          </cell>
        </row>
        <row r="443">
          <cell r="A443" t="str">
            <v>G9475</v>
          </cell>
          <cell r="B443" t="str">
            <v>2013 Projects</v>
          </cell>
        </row>
        <row r="444">
          <cell r="A444" t="str">
            <v>H0133</v>
          </cell>
          <cell r="B444" t="str">
            <v>2013 Projects</v>
          </cell>
        </row>
        <row r="445">
          <cell r="A445" t="str">
            <v>H0134</v>
          </cell>
          <cell r="B445" t="str">
            <v>2013 Projects</v>
          </cell>
        </row>
        <row r="446">
          <cell r="A446" t="str">
            <v>H0188</v>
          </cell>
          <cell r="B446" t="str">
            <v>2013 Projects</v>
          </cell>
        </row>
        <row r="447">
          <cell r="A447" t="str">
            <v>H0441</v>
          </cell>
          <cell r="B447" t="str">
            <v>2013 Projects</v>
          </cell>
        </row>
        <row r="448">
          <cell r="A448" t="str">
            <v>H0786</v>
          </cell>
          <cell r="B448" t="str">
            <v>2013 Projects</v>
          </cell>
        </row>
        <row r="449">
          <cell r="A449" t="str">
            <v>H0818</v>
          </cell>
          <cell r="B449" t="str">
            <v>2013 Projects</v>
          </cell>
        </row>
        <row r="450">
          <cell r="A450" t="str">
            <v>H0897</v>
          </cell>
          <cell r="B450" t="str">
            <v>2013 Projects</v>
          </cell>
        </row>
        <row r="451">
          <cell r="A451" t="str">
            <v>SGSHT32</v>
          </cell>
          <cell r="B451" t="str">
            <v>2013 Projects</v>
          </cell>
        </row>
        <row r="452">
          <cell r="A452" t="str">
            <v>G8106</v>
          </cell>
          <cell r="B452" t="str">
            <v>2013 Projects</v>
          </cell>
        </row>
        <row r="453">
          <cell r="A453" t="str">
            <v>G8128</v>
          </cell>
          <cell r="B453" t="str">
            <v>2013 Projects</v>
          </cell>
        </row>
        <row r="454">
          <cell r="A454" t="str">
            <v>G8169</v>
          </cell>
          <cell r="B454" t="str">
            <v>2013 Projects</v>
          </cell>
        </row>
        <row r="455">
          <cell r="A455" t="str">
            <v>G8183</v>
          </cell>
          <cell r="B455" t="str">
            <v>2013 Projects</v>
          </cell>
        </row>
        <row r="456">
          <cell r="A456" t="str">
            <v>G8346</v>
          </cell>
          <cell r="B456" t="str">
            <v>2013 Projects</v>
          </cell>
        </row>
        <row r="457">
          <cell r="A457" t="str">
            <v>G8586</v>
          </cell>
          <cell r="B457" t="str">
            <v>2013 Projects</v>
          </cell>
        </row>
        <row r="458">
          <cell r="A458" t="str">
            <v>G8599</v>
          </cell>
          <cell r="B458" t="str">
            <v>2013 Projects</v>
          </cell>
        </row>
        <row r="459">
          <cell r="A459" t="str">
            <v>G9503</v>
          </cell>
          <cell r="B459" t="str">
            <v>2013 Projects</v>
          </cell>
        </row>
        <row r="460">
          <cell r="A460" t="str">
            <v>G9578</v>
          </cell>
          <cell r="B460" t="str">
            <v>2013 Projects</v>
          </cell>
        </row>
        <row r="461">
          <cell r="A461" t="str">
            <v>G9598</v>
          </cell>
          <cell r="B461" t="str">
            <v>2013 Projects</v>
          </cell>
        </row>
        <row r="462">
          <cell r="A462" t="str">
            <v>G9600</v>
          </cell>
          <cell r="B462" t="str">
            <v>2013 Projects</v>
          </cell>
        </row>
        <row r="463">
          <cell r="A463" t="str">
            <v>G9626</v>
          </cell>
          <cell r="B463" t="str">
            <v>2013 Projects</v>
          </cell>
        </row>
        <row r="464">
          <cell r="A464" t="str">
            <v>G9741</v>
          </cell>
          <cell r="B464" t="str">
            <v>2013 Projects</v>
          </cell>
        </row>
        <row r="465">
          <cell r="A465" t="str">
            <v>G9749</v>
          </cell>
          <cell r="B465" t="str">
            <v>2013 Projects</v>
          </cell>
        </row>
        <row r="466">
          <cell r="A466" t="str">
            <v>G9765</v>
          </cell>
          <cell r="B466" t="str">
            <v>2013 Projects</v>
          </cell>
        </row>
        <row r="467">
          <cell r="A467" t="str">
            <v>G9801</v>
          </cell>
          <cell r="B467" t="str">
            <v>2013 Projects</v>
          </cell>
        </row>
        <row r="468">
          <cell r="A468" t="str">
            <v>G9847</v>
          </cell>
          <cell r="B468" t="str">
            <v>2013 Projects</v>
          </cell>
        </row>
        <row r="469">
          <cell r="A469" t="str">
            <v>H0058</v>
          </cell>
          <cell r="B469" t="str">
            <v>2013 Projects</v>
          </cell>
        </row>
        <row r="470">
          <cell r="A470" t="str">
            <v>H0137</v>
          </cell>
          <cell r="B470" t="str">
            <v>2013 Projects</v>
          </cell>
        </row>
        <row r="471">
          <cell r="A471" t="str">
            <v>H0230</v>
          </cell>
          <cell r="B471" t="str">
            <v>2013 Projects</v>
          </cell>
        </row>
        <row r="472">
          <cell r="A472" t="str">
            <v>H0523</v>
          </cell>
          <cell r="B472" t="str">
            <v>2013 Projects</v>
          </cell>
        </row>
        <row r="473">
          <cell r="A473" t="str">
            <v>H0529</v>
          </cell>
          <cell r="B473" t="str">
            <v>2013 Projects</v>
          </cell>
        </row>
        <row r="474">
          <cell r="A474" t="str">
            <v>H0547</v>
          </cell>
          <cell r="B474" t="str">
            <v>2013 Projects</v>
          </cell>
        </row>
        <row r="475">
          <cell r="A475" t="str">
            <v>H0935</v>
          </cell>
          <cell r="B475" t="str">
            <v>2013 Projects</v>
          </cell>
        </row>
        <row r="476">
          <cell r="A476" t="str">
            <v>G3098</v>
          </cell>
          <cell r="B476" t="str">
            <v>2013 Projects</v>
          </cell>
        </row>
        <row r="477">
          <cell r="A477" t="str">
            <v>G5340</v>
          </cell>
          <cell r="B477" t="str">
            <v>2013 Projects</v>
          </cell>
        </row>
        <row r="478">
          <cell r="A478" t="str">
            <v>G5697</v>
          </cell>
          <cell r="B478" t="str">
            <v>2013 Projects</v>
          </cell>
        </row>
        <row r="479">
          <cell r="A479" t="str">
            <v>G5805</v>
          </cell>
          <cell r="B479" t="str">
            <v>2013 Projects</v>
          </cell>
        </row>
        <row r="480">
          <cell r="A480" t="str">
            <v>G5921</v>
          </cell>
          <cell r="B480" t="str">
            <v>2013 Projects</v>
          </cell>
        </row>
        <row r="481">
          <cell r="A481" t="str">
            <v>G5923</v>
          </cell>
          <cell r="B481" t="str">
            <v>2013 Projects</v>
          </cell>
        </row>
        <row r="482">
          <cell r="A482" t="str">
            <v>G6616</v>
          </cell>
          <cell r="B482" t="str">
            <v>2013 Projects</v>
          </cell>
        </row>
        <row r="483">
          <cell r="A483" t="str">
            <v>G9053</v>
          </cell>
          <cell r="B483" t="str">
            <v>2013 Projects</v>
          </cell>
        </row>
        <row r="484">
          <cell r="A484" t="str">
            <v>G9375</v>
          </cell>
          <cell r="B484" t="str">
            <v>2013 Projects</v>
          </cell>
        </row>
        <row r="485">
          <cell r="A485" t="str">
            <v>G9387</v>
          </cell>
          <cell r="B485" t="str">
            <v>2013 Projects</v>
          </cell>
        </row>
        <row r="486">
          <cell r="A486" t="str">
            <v>G9457</v>
          </cell>
          <cell r="B486" t="str">
            <v>2013 Projects</v>
          </cell>
        </row>
        <row r="487">
          <cell r="A487" t="str">
            <v>G9458</v>
          </cell>
          <cell r="B487" t="str">
            <v>2013 Projects</v>
          </cell>
        </row>
        <row r="488">
          <cell r="A488" t="str">
            <v>G9903</v>
          </cell>
          <cell r="B488" t="str">
            <v>2013 Projects</v>
          </cell>
        </row>
        <row r="489">
          <cell r="A489" t="str">
            <v>G9977</v>
          </cell>
          <cell r="B489" t="str">
            <v>2013 Projects</v>
          </cell>
        </row>
        <row r="490">
          <cell r="A490" t="str">
            <v>H0010</v>
          </cell>
          <cell r="B490" t="str">
            <v>2013 Projects</v>
          </cell>
        </row>
        <row r="491">
          <cell r="A491" t="str">
            <v>H0055</v>
          </cell>
          <cell r="B491" t="str">
            <v>2013 Projects</v>
          </cell>
        </row>
        <row r="492">
          <cell r="A492" t="str">
            <v>H0060</v>
          </cell>
          <cell r="B492" t="str">
            <v>2013 Projects</v>
          </cell>
        </row>
        <row r="493">
          <cell r="A493" t="str">
            <v>H0080</v>
          </cell>
          <cell r="B493" t="str">
            <v>2013 Projects</v>
          </cell>
        </row>
        <row r="494">
          <cell r="A494" t="str">
            <v>H0170</v>
          </cell>
          <cell r="B494" t="str">
            <v>2013 Projects</v>
          </cell>
        </row>
        <row r="495">
          <cell r="A495" t="str">
            <v>H0860</v>
          </cell>
          <cell r="B495" t="str">
            <v>2013 Projects</v>
          </cell>
        </row>
        <row r="496">
          <cell r="A496" t="str">
            <v>H1004</v>
          </cell>
          <cell r="B496" t="str">
            <v>2013 Projects</v>
          </cell>
        </row>
        <row r="497">
          <cell r="A497" t="str">
            <v>E7404</v>
          </cell>
          <cell r="B497" t="str">
            <v>2013 Projects</v>
          </cell>
        </row>
        <row r="498">
          <cell r="A498" t="str">
            <v>G6761</v>
          </cell>
          <cell r="B498" t="str">
            <v>2013 Projects</v>
          </cell>
        </row>
        <row r="499">
          <cell r="A499" t="str">
            <v>G8175</v>
          </cell>
          <cell r="B499" t="str">
            <v>2013 Projects</v>
          </cell>
        </row>
        <row r="500">
          <cell r="A500" t="str">
            <v>G8260</v>
          </cell>
          <cell r="B500" t="str">
            <v>2013 Projects</v>
          </cell>
        </row>
        <row r="501">
          <cell r="A501" t="str">
            <v>G8395</v>
          </cell>
          <cell r="B501" t="str">
            <v>2013 Projects</v>
          </cell>
        </row>
        <row r="502">
          <cell r="A502" t="str">
            <v>G8456</v>
          </cell>
          <cell r="B502" t="str">
            <v>2013 Projects</v>
          </cell>
        </row>
        <row r="503">
          <cell r="A503" t="str">
            <v>G8643</v>
          </cell>
          <cell r="B503" t="str">
            <v>2013 Projects</v>
          </cell>
        </row>
        <row r="504">
          <cell r="A504" t="str">
            <v>G9027</v>
          </cell>
          <cell r="B504" t="str">
            <v>2013 Projects</v>
          </cell>
        </row>
        <row r="505">
          <cell r="A505" t="str">
            <v>G9604</v>
          </cell>
          <cell r="B505" t="str">
            <v>2013 Projects</v>
          </cell>
        </row>
        <row r="506">
          <cell r="A506" t="str">
            <v>H0025</v>
          </cell>
          <cell r="B506" t="str">
            <v>2013 Projects</v>
          </cell>
        </row>
        <row r="507">
          <cell r="A507" t="str">
            <v>H0196</v>
          </cell>
          <cell r="B507" t="str">
            <v>2013 Projects</v>
          </cell>
        </row>
        <row r="508">
          <cell r="A508" t="str">
            <v>H0288</v>
          </cell>
          <cell r="B508" t="str">
            <v>2013 Projects</v>
          </cell>
        </row>
        <row r="509">
          <cell r="A509" t="str">
            <v>H0506</v>
          </cell>
          <cell r="B509" t="str">
            <v>2013 Projects</v>
          </cell>
        </row>
        <row r="510">
          <cell r="A510" t="str">
            <v>H0916</v>
          </cell>
          <cell r="B510" t="str">
            <v>2013 Projects</v>
          </cell>
        </row>
        <row r="511">
          <cell r="A511" t="str">
            <v>STINT1113</v>
          </cell>
          <cell r="B511" t="str">
            <v>2013 Projects</v>
          </cell>
        </row>
        <row r="512">
          <cell r="A512" t="str">
            <v>G3981</v>
          </cell>
          <cell r="B512" t="str">
            <v>2014 Projects</v>
          </cell>
        </row>
        <row r="513">
          <cell r="A513" t="str">
            <v>G5782</v>
          </cell>
          <cell r="B513" t="str">
            <v>2014 Projects</v>
          </cell>
        </row>
        <row r="514">
          <cell r="A514" t="str">
            <v>G7093</v>
          </cell>
          <cell r="B514" t="str">
            <v>2014 Projects</v>
          </cell>
        </row>
        <row r="515">
          <cell r="A515" t="str">
            <v>G7494</v>
          </cell>
          <cell r="B515" t="str">
            <v>2014 Projects</v>
          </cell>
        </row>
        <row r="516">
          <cell r="A516" t="str">
            <v>G8703</v>
          </cell>
          <cell r="B516" t="str">
            <v>2014 Projects</v>
          </cell>
        </row>
        <row r="517">
          <cell r="A517" t="str">
            <v>G9222</v>
          </cell>
          <cell r="B517" t="str">
            <v>2014 Projects</v>
          </cell>
        </row>
        <row r="518">
          <cell r="A518" t="str">
            <v>G9663</v>
          </cell>
          <cell r="B518" t="str">
            <v>2014 Projects</v>
          </cell>
        </row>
        <row r="519">
          <cell r="A519" t="str">
            <v>G9926</v>
          </cell>
          <cell r="B519" t="str">
            <v>2014 Projects</v>
          </cell>
        </row>
        <row r="520">
          <cell r="A520" t="str">
            <v>H0015</v>
          </cell>
          <cell r="B520" t="str">
            <v>2014 Projects</v>
          </cell>
        </row>
        <row r="521">
          <cell r="A521" t="str">
            <v>H0580</v>
          </cell>
          <cell r="B521" t="str">
            <v>2014 Projects</v>
          </cell>
        </row>
        <row r="522">
          <cell r="A522" t="str">
            <v>H0608</v>
          </cell>
          <cell r="B522" t="str">
            <v>2014 Projects</v>
          </cell>
        </row>
        <row r="523">
          <cell r="A523" t="str">
            <v>H0610</v>
          </cell>
          <cell r="B523" t="str">
            <v>2014 Projects</v>
          </cell>
        </row>
        <row r="524">
          <cell r="A524" t="str">
            <v>H0700</v>
          </cell>
          <cell r="B524" t="str">
            <v>2014 Projects</v>
          </cell>
        </row>
        <row r="525">
          <cell r="A525" t="str">
            <v>H0903</v>
          </cell>
          <cell r="B525" t="str">
            <v>2014 Projects</v>
          </cell>
        </row>
        <row r="526">
          <cell r="A526" t="str">
            <v>H0905</v>
          </cell>
          <cell r="B526" t="str">
            <v>2014 Projects</v>
          </cell>
        </row>
        <row r="527">
          <cell r="A527" t="str">
            <v>H0964</v>
          </cell>
          <cell r="B527" t="str">
            <v>2014 Projects</v>
          </cell>
        </row>
        <row r="528">
          <cell r="A528" t="str">
            <v>G9684</v>
          </cell>
          <cell r="B528" t="str">
            <v>2014 Projects</v>
          </cell>
        </row>
        <row r="529">
          <cell r="A529" t="str">
            <v>G1535</v>
          </cell>
          <cell r="B529" t="str">
            <v>2014 Projects</v>
          </cell>
        </row>
        <row r="530">
          <cell r="A530" t="str">
            <v>G2862</v>
          </cell>
          <cell r="B530" t="str">
            <v>2014 Projects</v>
          </cell>
        </row>
        <row r="531">
          <cell r="A531" t="str">
            <v>G4934</v>
          </cell>
          <cell r="B531" t="str">
            <v>2014 Projects</v>
          </cell>
        </row>
        <row r="532">
          <cell r="A532" t="str">
            <v>G5036</v>
          </cell>
          <cell r="B532" t="str">
            <v>2014 Projects</v>
          </cell>
        </row>
        <row r="533">
          <cell r="A533" t="str">
            <v>G5037</v>
          </cell>
          <cell r="B533" t="str">
            <v>2014 Projects</v>
          </cell>
        </row>
        <row r="534">
          <cell r="A534" t="str">
            <v>G8016</v>
          </cell>
          <cell r="B534" t="str">
            <v>2014 Projects</v>
          </cell>
        </row>
        <row r="535">
          <cell r="A535" t="str">
            <v>G8017</v>
          </cell>
          <cell r="B535" t="str">
            <v>2014 Projects</v>
          </cell>
        </row>
        <row r="536">
          <cell r="A536" t="str">
            <v>G8065</v>
          </cell>
          <cell r="B536" t="str">
            <v>2014 Projects</v>
          </cell>
        </row>
        <row r="537">
          <cell r="A537" t="str">
            <v>G8066</v>
          </cell>
          <cell r="B537" t="str">
            <v>2014 Projects</v>
          </cell>
        </row>
        <row r="538">
          <cell r="A538" t="str">
            <v>G8520</v>
          </cell>
          <cell r="B538" t="str">
            <v>2014 Projects</v>
          </cell>
        </row>
        <row r="539">
          <cell r="A539" t="str">
            <v>G8580</v>
          </cell>
          <cell r="B539" t="str">
            <v>2014 Projects</v>
          </cell>
        </row>
        <row r="540">
          <cell r="A540" t="str">
            <v>G8639</v>
          </cell>
          <cell r="B540" t="str">
            <v>2014 Projects</v>
          </cell>
        </row>
        <row r="541">
          <cell r="A541" t="str">
            <v>G8642</v>
          </cell>
          <cell r="B541" t="str">
            <v>2014 Projects</v>
          </cell>
        </row>
        <row r="542">
          <cell r="A542" t="str">
            <v>G8644</v>
          </cell>
          <cell r="B542" t="str">
            <v>2014 Projects</v>
          </cell>
        </row>
        <row r="543">
          <cell r="A543" t="str">
            <v>G9028</v>
          </cell>
          <cell r="B543" t="str">
            <v>2014 Projects</v>
          </cell>
        </row>
        <row r="544">
          <cell r="A544" t="str">
            <v>G9406</v>
          </cell>
          <cell r="B544" t="str">
            <v>2014 Projects</v>
          </cell>
        </row>
        <row r="545">
          <cell r="A545" t="str">
            <v>G9461</v>
          </cell>
          <cell r="B545" t="str">
            <v>2014 Projects</v>
          </cell>
        </row>
        <row r="546">
          <cell r="A546" t="str">
            <v>G9594</v>
          </cell>
          <cell r="B546" t="str">
            <v>2014 Projects</v>
          </cell>
        </row>
        <row r="547">
          <cell r="A547" t="str">
            <v>G9906</v>
          </cell>
          <cell r="B547" t="str">
            <v>2014 Projects</v>
          </cell>
        </row>
        <row r="548">
          <cell r="A548" t="str">
            <v>G9919</v>
          </cell>
          <cell r="B548" t="str">
            <v>2014 Projects</v>
          </cell>
        </row>
        <row r="549">
          <cell r="A549" t="str">
            <v>G9993</v>
          </cell>
          <cell r="B549" t="str">
            <v>2014 Projects</v>
          </cell>
        </row>
        <row r="550">
          <cell r="A550" t="str">
            <v>H0059</v>
          </cell>
          <cell r="B550" t="str">
            <v>2014 Projects</v>
          </cell>
        </row>
        <row r="551">
          <cell r="A551" t="str">
            <v>H0065</v>
          </cell>
          <cell r="B551" t="str">
            <v>2014 Projects</v>
          </cell>
        </row>
        <row r="552">
          <cell r="A552" t="str">
            <v>H0175</v>
          </cell>
          <cell r="B552" t="str">
            <v>2014 Projects</v>
          </cell>
        </row>
        <row r="553">
          <cell r="A553" t="str">
            <v>H0258</v>
          </cell>
          <cell r="B553" t="str">
            <v>2014 Projects</v>
          </cell>
        </row>
        <row r="554">
          <cell r="A554" t="str">
            <v>H0593</v>
          </cell>
          <cell r="B554" t="str">
            <v>2014 Projects</v>
          </cell>
        </row>
        <row r="555">
          <cell r="A555" t="str">
            <v>H0956</v>
          </cell>
          <cell r="B555" t="str">
            <v>2014 Projects</v>
          </cell>
        </row>
        <row r="556">
          <cell r="A556" t="str">
            <v>H1063</v>
          </cell>
          <cell r="B556" t="str">
            <v>2014 Projects</v>
          </cell>
        </row>
        <row r="557">
          <cell r="A557" t="str">
            <v>H1232</v>
          </cell>
          <cell r="B557" t="str">
            <v>2014 Projects</v>
          </cell>
        </row>
        <row r="558">
          <cell r="A558" t="str">
            <v>G8092</v>
          </cell>
          <cell r="B558" t="str">
            <v>2014 Projects</v>
          </cell>
        </row>
        <row r="559">
          <cell r="A559" t="str">
            <v>G8431</v>
          </cell>
          <cell r="B559" t="str">
            <v>2014 Projects</v>
          </cell>
        </row>
        <row r="560">
          <cell r="A560" t="str">
            <v>G8574</v>
          </cell>
          <cell r="B560" t="str">
            <v>2014 Projects</v>
          </cell>
        </row>
        <row r="561">
          <cell r="A561" t="str">
            <v>G9970</v>
          </cell>
          <cell r="B561" t="str">
            <v>2014 Projects</v>
          </cell>
        </row>
        <row r="562">
          <cell r="A562" t="str">
            <v>H0724</v>
          </cell>
          <cell r="B562" t="str">
            <v>2014 Projects</v>
          </cell>
        </row>
        <row r="563">
          <cell r="A563" t="str">
            <v>H0801</v>
          </cell>
          <cell r="B563" t="str">
            <v>2014 Projects</v>
          </cell>
        </row>
        <row r="564">
          <cell r="A564" t="str">
            <v>H0819</v>
          </cell>
          <cell r="B564" t="str">
            <v>2014 Projects</v>
          </cell>
        </row>
        <row r="565">
          <cell r="A565" t="str">
            <v>H0957</v>
          </cell>
          <cell r="B565" t="str">
            <v>2014 Projects</v>
          </cell>
        </row>
        <row r="566">
          <cell r="A566" t="str">
            <v>H1078</v>
          </cell>
          <cell r="B566" t="str">
            <v>2014 Projects</v>
          </cell>
        </row>
        <row r="567">
          <cell r="A567" t="str">
            <v>H1115</v>
          </cell>
          <cell r="B567" t="str">
            <v>2014 Projects</v>
          </cell>
        </row>
        <row r="568">
          <cell r="A568" t="str">
            <v>H1144</v>
          </cell>
          <cell r="B568" t="str">
            <v>2014 Projects</v>
          </cell>
        </row>
        <row r="569">
          <cell r="A569" t="str">
            <v>H1184</v>
          </cell>
          <cell r="B569" t="str">
            <v>2014 Projects</v>
          </cell>
        </row>
        <row r="570">
          <cell r="A570" t="str">
            <v>H1421</v>
          </cell>
          <cell r="B570" t="str">
            <v>2014 Projects</v>
          </cell>
        </row>
        <row r="571">
          <cell r="A571" t="str">
            <v>G5675</v>
          </cell>
          <cell r="B571" t="str">
            <v>2014 Projects</v>
          </cell>
        </row>
        <row r="572">
          <cell r="A572" t="str">
            <v>G7649</v>
          </cell>
          <cell r="B572" t="str">
            <v>2014 Projects</v>
          </cell>
        </row>
        <row r="573">
          <cell r="A573" t="str">
            <v>G7735</v>
          </cell>
          <cell r="B573" t="str">
            <v>2014 Projects</v>
          </cell>
        </row>
        <row r="574">
          <cell r="A574" t="str">
            <v>G8259</v>
          </cell>
          <cell r="B574" t="str">
            <v>2014 Projects</v>
          </cell>
        </row>
        <row r="575">
          <cell r="A575" t="str">
            <v>G8282</v>
          </cell>
          <cell r="B575" t="str">
            <v>2014 Projects</v>
          </cell>
        </row>
        <row r="576">
          <cell r="A576" t="str">
            <v>G8359</v>
          </cell>
          <cell r="B576" t="str">
            <v>2014 Projects</v>
          </cell>
        </row>
        <row r="577">
          <cell r="A577" t="str">
            <v>G8403</v>
          </cell>
          <cell r="B577" t="str">
            <v>2014 Projects</v>
          </cell>
        </row>
        <row r="578">
          <cell r="A578" t="str">
            <v>G8433</v>
          </cell>
          <cell r="B578" t="str">
            <v>2014 Projects</v>
          </cell>
        </row>
        <row r="579">
          <cell r="A579" t="str">
            <v>G8465</v>
          </cell>
          <cell r="B579" t="str">
            <v>2014 Projects</v>
          </cell>
        </row>
        <row r="580">
          <cell r="A580" t="str">
            <v>G8492</v>
          </cell>
          <cell r="B580" t="str">
            <v>2014 Projects</v>
          </cell>
        </row>
        <row r="581">
          <cell r="A581" t="str">
            <v>G8595</v>
          </cell>
          <cell r="B581" t="str">
            <v>2014 Projects</v>
          </cell>
        </row>
        <row r="582">
          <cell r="A582" t="str">
            <v>G8625</v>
          </cell>
          <cell r="B582" t="str">
            <v>2014 Projects</v>
          </cell>
        </row>
        <row r="583">
          <cell r="A583" t="str">
            <v>G8628</v>
          </cell>
          <cell r="B583" t="str">
            <v>2014 Projects</v>
          </cell>
        </row>
        <row r="584">
          <cell r="A584" t="str">
            <v>G8999</v>
          </cell>
          <cell r="B584" t="str">
            <v>2014 Projects</v>
          </cell>
        </row>
        <row r="585">
          <cell r="A585" t="str">
            <v>G9473</v>
          </cell>
          <cell r="B585" t="str">
            <v>2014 Projects</v>
          </cell>
        </row>
        <row r="586">
          <cell r="A586" t="str">
            <v>G9496</v>
          </cell>
          <cell r="B586" t="str">
            <v>2014 Projects</v>
          </cell>
        </row>
        <row r="587">
          <cell r="A587" t="str">
            <v>G9512</v>
          </cell>
          <cell r="B587" t="str">
            <v>2014 Projects</v>
          </cell>
        </row>
        <row r="588">
          <cell r="A588" t="str">
            <v>G9585</v>
          </cell>
          <cell r="B588" t="str">
            <v>2014 Projects</v>
          </cell>
        </row>
        <row r="589">
          <cell r="A589" t="str">
            <v>G9605</v>
          </cell>
          <cell r="B589" t="str">
            <v>2014 Projects</v>
          </cell>
        </row>
        <row r="590">
          <cell r="A590" t="str">
            <v>G9615</v>
          </cell>
          <cell r="B590" t="str">
            <v>2014 Projects</v>
          </cell>
        </row>
        <row r="591">
          <cell r="A591" t="str">
            <v>G9622</v>
          </cell>
          <cell r="B591" t="str">
            <v>2014 Projects</v>
          </cell>
        </row>
        <row r="592">
          <cell r="A592" t="str">
            <v>G9779</v>
          </cell>
          <cell r="B592" t="str">
            <v>2014 Projects</v>
          </cell>
        </row>
        <row r="593">
          <cell r="A593" t="str">
            <v>G9786</v>
          </cell>
          <cell r="B593" t="str">
            <v>2014 Projects</v>
          </cell>
        </row>
        <row r="594">
          <cell r="A594" t="str">
            <v>G9875</v>
          </cell>
          <cell r="B594" t="str">
            <v>2014 Projects</v>
          </cell>
        </row>
        <row r="595">
          <cell r="A595" t="str">
            <v>H0102</v>
          </cell>
          <cell r="B595" t="str">
            <v>2014 Projects</v>
          </cell>
        </row>
        <row r="596">
          <cell r="A596" t="str">
            <v>H0242</v>
          </cell>
          <cell r="B596" t="str">
            <v>2014 Projects</v>
          </cell>
        </row>
        <row r="597">
          <cell r="A597" t="str">
            <v>H0467</v>
          </cell>
          <cell r="B597" t="str">
            <v>2014 Projects</v>
          </cell>
        </row>
        <row r="598">
          <cell r="A598" t="str">
            <v>H0533</v>
          </cell>
          <cell r="B598" t="str">
            <v>2014 Projects</v>
          </cell>
        </row>
        <row r="599">
          <cell r="A599" t="str">
            <v>H0867</v>
          </cell>
          <cell r="B599" t="str">
            <v>2014 Projects</v>
          </cell>
        </row>
        <row r="600">
          <cell r="A600" t="str">
            <v>H0888</v>
          </cell>
          <cell r="B600" t="str">
            <v>2014 Projects</v>
          </cell>
        </row>
        <row r="601">
          <cell r="A601" t="str">
            <v>H0993</v>
          </cell>
          <cell r="B601" t="str">
            <v>2014 Projects</v>
          </cell>
        </row>
        <row r="602">
          <cell r="A602" t="str">
            <v>G7617</v>
          </cell>
          <cell r="B602" t="str">
            <v>2014 Projects</v>
          </cell>
        </row>
        <row r="603">
          <cell r="A603" t="str">
            <v>G7618</v>
          </cell>
          <cell r="B603" t="str">
            <v>2014 Projects</v>
          </cell>
        </row>
        <row r="604">
          <cell r="A604" t="str">
            <v>G9366</v>
          </cell>
          <cell r="B604" t="str">
            <v>2014 Projects</v>
          </cell>
        </row>
        <row r="605">
          <cell r="A605" t="str">
            <v>G9628</v>
          </cell>
          <cell r="B605" t="str">
            <v>2014 Projects</v>
          </cell>
        </row>
        <row r="606">
          <cell r="A606" t="str">
            <v>G9737</v>
          </cell>
          <cell r="B606" t="str">
            <v>2014 Projects</v>
          </cell>
        </row>
        <row r="607">
          <cell r="A607" t="str">
            <v>G9892</v>
          </cell>
          <cell r="B607" t="str">
            <v>2014 Projects</v>
          </cell>
        </row>
        <row r="608">
          <cell r="A608" t="str">
            <v>H0976</v>
          </cell>
          <cell r="B608" t="str">
            <v>2014 Projects</v>
          </cell>
        </row>
        <row r="609">
          <cell r="A609" t="str">
            <v>H1395</v>
          </cell>
          <cell r="B609" t="str">
            <v>2014 Projects</v>
          </cell>
        </row>
        <row r="610">
          <cell r="A610" t="str">
            <v>G9018</v>
          </cell>
          <cell r="B610" t="str">
            <v>2014 Projects</v>
          </cell>
        </row>
        <row r="611">
          <cell r="A611" t="str">
            <v>G6581</v>
          </cell>
          <cell r="B611" t="str">
            <v>2014 Projects</v>
          </cell>
        </row>
        <row r="612">
          <cell r="A612" t="str">
            <v>G6628</v>
          </cell>
          <cell r="B612" t="str">
            <v>2014 Projects</v>
          </cell>
        </row>
        <row r="613">
          <cell r="A613" t="str">
            <v>G6704</v>
          </cell>
          <cell r="B613" t="str">
            <v>2014 Projects</v>
          </cell>
        </row>
        <row r="614">
          <cell r="A614" t="str">
            <v>G7071</v>
          </cell>
          <cell r="B614" t="str">
            <v>2014 Projects</v>
          </cell>
        </row>
        <row r="615">
          <cell r="A615" t="str">
            <v>G7279</v>
          </cell>
          <cell r="B615" t="str">
            <v>2014 Projects</v>
          </cell>
        </row>
        <row r="616">
          <cell r="A616" t="str">
            <v>G7341</v>
          </cell>
          <cell r="B616" t="str">
            <v>2014 Projects</v>
          </cell>
        </row>
        <row r="617">
          <cell r="A617" t="str">
            <v>G7405</v>
          </cell>
          <cell r="B617" t="str">
            <v>2014 Projects</v>
          </cell>
        </row>
        <row r="618">
          <cell r="A618" t="str">
            <v>G8100</v>
          </cell>
          <cell r="B618" t="str">
            <v>2014 Projects</v>
          </cell>
        </row>
        <row r="619">
          <cell r="A619" t="str">
            <v>G8187</v>
          </cell>
          <cell r="B619" t="str">
            <v>2014 Projects</v>
          </cell>
        </row>
        <row r="620">
          <cell r="A620" t="str">
            <v>G8208</v>
          </cell>
          <cell r="B620" t="str">
            <v>2014 Projects</v>
          </cell>
        </row>
        <row r="621">
          <cell r="A621" t="str">
            <v>G8240</v>
          </cell>
          <cell r="B621" t="str">
            <v>2014 Projects</v>
          </cell>
        </row>
        <row r="622">
          <cell r="A622" t="str">
            <v>G8251</v>
          </cell>
          <cell r="B622" t="str">
            <v>2014 Projects</v>
          </cell>
        </row>
        <row r="623">
          <cell r="A623" t="str">
            <v>G8483</v>
          </cell>
          <cell r="B623" t="str">
            <v>2014 Projects</v>
          </cell>
        </row>
        <row r="624">
          <cell r="A624" t="str">
            <v>G8567</v>
          </cell>
          <cell r="B624" t="str">
            <v>2014 Projects</v>
          </cell>
        </row>
        <row r="625">
          <cell r="A625" t="str">
            <v>G8568</v>
          </cell>
          <cell r="B625" t="str">
            <v>2014 Projects</v>
          </cell>
        </row>
        <row r="626">
          <cell r="A626" t="str">
            <v>G8596</v>
          </cell>
          <cell r="B626" t="str">
            <v>2014 Projects</v>
          </cell>
        </row>
        <row r="627">
          <cell r="A627" t="str">
            <v>G8714</v>
          </cell>
          <cell r="B627" t="str">
            <v>2014 Projects</v>
          </cell>
        </row>
        <row r="628">
          <cell r="A628" t="str">
            <v>G8717</v>
          </cell>
          <cell r="B628" t="str">
            <v>2014 Projects</v>
          </cell>
        </row>
        <row r="629">
          <cell r="A629" t="str">
            <v>G8754</v>
          </cell>
          <cell r="B629" t="str">
            <v>2014 Projects</v>
          </cell>
        </row>
        <row r="630">
          <cell r="A630" t="str">
            <v>G8765</v>
          </cell>
          <cell r="B630" t="str">
            <v>2014 Projects</v>
          </cell>
        </row>
        <row r="631">
          <cell r="A631" t="str">
            <v>G8860</v>
          </cell>
          <cell r="B631" t="str">
            <v>2014 Projects</v>
          </cell>
        </row>
        <row r="632">
          <cell r="A632" t="str">
            <v>G8900</v>
          </cell>
          <cell r="B632" t="str">
            <v>2014 Projects</v>
          </cell>
        </row>
        <row r="633">
          <cell r="A633" t="str">
            <v>G8998</v>
          </cell>
          <cell r="B633" t="str">
            <v>2014 Projects</v>
          </cell>
        </row>
        <row r="634">
          <cell r="A634" t="str">
            <v>G9397</v>
          </cell>
          <cell r="B634" t="str">
            <v>2014 Projects</v>
          </cell>
        </row>
        <row r="635">
          <cell r="A635" t="str">
            <v>G9398</v>
          </cell>
          <cell r="B635" t="str">
            <v>2014 Projects</v>
          </cell>
        </row>
        <row r="636">
          <cell r="A636" t="str">
            <v>G9423</v>
          </cell>
          <cell r="B636" t="str">
            <v>2014 Projects</v>
          </cell>
        </row>
        <row r="637">
          <cell r="A637" t="str">
            <v>G9456</v>
          </cell>
          <cell r="B637" t="str">
            <v>2014 Projects</v>
          </cell>
        </row>
        <row r="638">
          <cell r="A638" t="str">
            <v>G9492</v>
          </cell>
          <cell r="B638" t="str">
            <v>2014 Projects</v>
          </cell>
        </row>
        <row r="639">
          <cell r="A639" t="str">
            <v>G9502</v>
          </cell>
          <cell r="B639" t="str">
            <v>2014 Projects</v>
          </cell>
        </row>
        <row r="640">
          <cell r="A640" t="str">
            <v>G9564</v>
          </cell>
          <cell r="B640" t="str">
            <v>2014 Projects</v>
          </cell>
        </row>
        <row r="641">
          <cell r="A641" t="str">
            <v>G9670</v>
          </cell>
          <cell r="B641" t="str">
            <v>2014 Projects</v>
          </cell>
        </row>
        <row r="642">
          <cell r="A642" t="str">
            <v>G9694</v>
          </cell>
          <cell r="B642" t="str">
            <v>2014 Projects</v>
          </cell>
        </row>
        <row r="643">
          <cell r="A643" t="str">
            <v>G9848</v>
          </cell>
          <cell r="B643" t="str">
            <v>2014 Projects</v>
          </cell>
        </row>
        <row r="644">
          <cell r="A644" t="str">
            <v>G9969</v>
          </cell>
          <cell r="B644" t="str">
            <v>2014 Projects</v>
          </cell>
        </row>
        <row r="645">
          <cell r="A645" t="str">
            <v>H0028</v>
          </cell>
          <cell r="B645" t="str">
            <v>2014 Projects</v>
          </cell>
        </row>
        <row r="646">
          <cell r="A646" t="str">
            <v>H0081</v>
          </cell>
          <cell r="B646" t="str">
            <v>2014 Projects</v>
          </cell>
        </row>
        <row r="647">
          <cell r="A647" t="str">
            <v>H0194</v>
          </cell>
          <cell r="B647" t="str">
            <v>2014 Projects</v>
          </cell>
        </row>
        <row r="648">
          <cell r="A648" t="str">
            <v>H0201</v>
          </cell>
          <cell r="B648" t="str">
            <v>2014 Projects</v>
          </cell>
        </row>
        <row r="649">
          <cell r="A649" t="str">
            <v>H0559</v>
          </cell>
          <cell r="B649" t="str">
            <v>2014 Projects</v>
          </cell>
        </row>
        <row r="650">
          <cell r="A650" t="str">
            <v>H0871</v>
          </cell>
          <cell r="B650" t="str">
            <v>2014 Projects</v>
          </cell>
        </row>
        <row r="651">
          <cell r="A651" t="str">
            <v>H0966</v>
          </cell>
          <cell r="B651" t="str">
            <v>2014 Projects</v>
          </cell>
        </row>
        <row r="652">
          <cell r="A652" t="str">
            <v>H0984</v>
          </cell>
          <cell r="B652" t="str">
            <v>2014 Projects</v>
          </cell>
        </row>
        <row r="653">
          <cell r="A653" t="str">
            <v>H0998</v>
          </cell>
          <cell r="B653" t="str">
            <v>2014 Projects</v>
          </cell>
        </row>
        <row r="654">
          <cell r="A654" t="str">
            <v>H1007</v>
          </cell>
          <cell r="B654" t="str">
            <v>2014 Projects</v>
          </cell>
        </row>
        <row r="655">
          <cell r="A655" t="str">
            <v>H1118</v>
          </cell>
          <cell r="B655" t="str">
            <v>2014 Projects</v>
          </cell>
        </row>
        <row r="656">
          <cell r="A656" t="str">
            <v>H1195</v>
          </cell>
          <cell r="B656" t="str">
            <v>2014 Projects</v>
          </cell>
        </row>
        <row r="657">
          <cell r="A657" t="str">
            <v>H1312</v>
          </cell>
          <cell r="B657" t="str">
            <v>2014 Projects</v>
          </cell>
        </row>
        <row r="658">
          <cell r="A658" t="str">
            <v>H9104</v>
          </cell>
          <cell r="B658" t="str">
            <v>2014 Projects</v>
          </cell>
        </row>
        <row r="659">
          <cell r="A659" t="str">
            <v>G0004</v>
          </cell>
          <cell r="B659" t="str">
            <v>2014 Projects</v>
          </cell>
        </row>
        <row r="660">
          <cell r="A660" t="str">
            <v>G4937</v>
          </cell>
          <cell r="B660" t="str">
            <v>2014 Projects</v>
          </cell>
        </row>
        <row r="661">
          <cell r="A661" t="str">
            <v>G7182</v>
          </cell>
          <cell r="B661" t="str">
            <v>2014 Projects</v>
          </cell>
        </row>
        <row r="662">
          <cell r="A662" t="str">
            <v>G9074</v>
          </cell>
          <cell r="B662" t="str">
            <v>2014 Projects</v>
          </cell>
        </row>
        <row r="663">
          <cell r="A663" t="str">
            <v>G9546</v>
          </cell>
          <cell r="B663" t="str">
            <v>2014 Projects</v>
          </cell>
        </row>
        <row r="664">
          <cell r="A664" t="str">
            <v>G9630</v>
          </cell>
          <cell r="B664" t="str">
            <v>2014 Projects</v>
          </cell>
        </row>
        <row r="665">
          <cell r="A665" t="str">
            <v>G9952</v>
          </cell>
          <cell r="B665" t="str">
            <v>2014 Projects</v>
          </cell>
        </row>
        <row r="666">
          <cell r="A666" t="str">
            <v>H0347</v>
          </cell>
          <cell r="B666" t="str">
            <v>2014 Projects</v>
          </cell>
        </row>
        <row r="667">
          <cell r="A667" t="str">
            <v>H0600</v>
          </cell>
          <cell r="B667" t="str">
            <v>2014 Projects</v>
          </cell>
        </row>
        <row r="668">
          <cell r="A668" t="str">
            <v>H0624</v>
          </cell>
          <cell r="B668" t="str">
            <v>2014 Projects</v>
          </cell>
        </row>
        <row r="669">
          <cell r="A669" t="str">
            <v>H0721</v>
          </cell>
          <cell r="B669" t="str">
            <v>2014 Projects</v>
          </cell>
        </row>
        <row r="670">
          <cell r="A670" t="str">
            <v>H1210</v>
          </cell>
          <cell r="B670" t="str">
            <v>2014 Projects</v>
          </cell>
        </row>
        <row r="671">
          <cell r="A671" t="str">
            <v>G9364</v>
          </cell>
          <cell r="B671" t="str">
            <v>2014 Projects</v>
          </cell>
        </row>
        <row r="672">
          <cell r="A672" t="str">
            <v>H0083</v>
          </cell>
          <cell r="B672" t="str">
            <v>2014 Projects</v>
          </cell>
        </row>
        <row r="673">
          <cell r="A673" t="str">
            <v>H0391</v>
          </cell>
          <cell r="B673" t="str">
            <v>2014 Projects</v>
          </cell>
        </row>
        <row r="674">
          <cell r="A674" t="str">
            <v>H0680</v>
          </cell>
          <cell r="B674" t="str">
            <v>2014 Projects</v>
          </cell>
        </row>
        <row r="675">
          <cell r="A675" t="str">
            <v>H0968</v>
          </cell>
          <cell r="B675" t="str">
            <v>2014 Projects</v>
          </cell>
        </row>
        <row r="676">
          <cell r="A676" t="str">
            <v>H1544</v>
          </cell>
          <cell r="B676" t="str">
            <v>2014 Projects</v>
          </cell>
        </row>
        <row r="677">
          <cell r="A677" t="str">
            <v>H1575</v>
          </cell>
          <cell r="B677" t="str">
            <v>2014 Projects</v>
          </cell>
        </row>
        <row r="678">
          <cell r="A678" t="str">
            <v>H1680</v>
          </cell>
          <cell r="B678" t="str">
            <v>2014 Projects</v>
          </cell>
        </row>
        <row r="679">
          <cell r="A679" t="str">
            <v>H2062</v>
          </cell>
          <cell r="B679" t="str">
            <v>2014 Projects</v>
          </cell>
        </row>
        <row r="680">
          <cell r="A680" t="str">
            <v>H2112</v>
          </cell>
          <cell r="B680" t="str">
            <v>2014 Projects</v>
          </cell>
        </row>
        <row r="681">
          <cell r="A681" t="str">
            <v>H3106</v>
          </cell>
          <cell r="B681" t="str">
            <v>2014 Projects</v>
          </cell>
        </row>
        <row r="682">
          <cell r="A682" t="str">
            <v>I5104</v>
          </cell>
          <cell r="B682" t="str">
            <v>2014 Projects</v>
          </cell>
        </row>
        <row r="683">
          <cell r="A683" t="str">
            <v>ADELDL12</v>
          </cell>
          <cell r="B683" t="str">
            <v>2014 Projects</v>
          </cell>
        </row>
        <row r="684">
          <cell r="A684" t="str">
            <v>G0822</v>
          </cell>
          <cell r="B684" t="str">
            <v>2014 Projects</v>
          </cell>
        </row>
        <row r="685">
          <cell r="A685" t="str">
            <v>G9499</v>
          </cell>
          <cell r="B685" t="str">
            <v>2014 Projects</v>
          </cell>
        </row>
        <row r="686">
          <cell r="A686" t="str">
            <v>G9717</v>
          </cell>
          <cell r="B686" t="str">
            <v>2014 Projects</v>
          </cell>
        </row>
        <row r="687">
          <cell r="A687" t="str">
            <v>G9917</v>
          </cell>
          <cell r="B687" t="str">
            <v>2014 Projects</v>
          </cell>
        </row>
        <row r="688">
          <cell r="A688" t="str">
            <v>H0191</v>
          </cell>
          <cell r="B688" t="str">
            <v>2014 Projects</v>
          </cell>
        </row>
        <row r="689">
          <cell r="A689" t="str">
            <v>H0395</v>
          </cell>
          <cell r="B689" t="str">
            <v>2014 Projects</v>
          </cell>
        </row>
        <row r="690">
          <cell r="A690" t="str">
            <v>H0468</v>
          </cell>
          <cell r="B690" t="str">
            <v>2014 Projects</v>
          </cell>
        </row>
        <row r="691">
          <cell r="A691" t="str">
            <v>H0514</v>
          </cell>
          <cell r="B691" t="str">
            <v>2014 Projects</v>
          </cell>
        </row>
        <row r="692">
          <cell r="A692" t="str">
            <v>H0639</v>
          </cell>
          <cell r="B692" t="str">
            <v>2014 Projects</v>
          </cell>
        </row>
        <row r="693">
          <cell r="A693" t="str">
            <v>H0942</v>
          </cell>
          <cell r="B693" t="str">
            <v>2014 Projects</v>
          </cell>
        </row>
        <row r="694">
          <cell r="A694" t="str">
            <v>H0975</v>
          </cell>
          <cell r="B694" t="str">
            <v>2014 Projects</v>
          </cell>
        </row>
        <row r="695">
          <cell r="A695" t="str">
            <v>H1022</v>
          </cell>
          <cell r="B695" t="str">
            <v>2014 Projects</v>
          </cell>
        </row>
        <row r="696">
          <cell r="A696" t="str">
            <v>H1151</v>
          </cell>
          <cell r="B696" t="str">
            <v>2014 Projects</v>
          </cell>
        </row>
        <row r="697">
          <cell r="A697" t="str">
            <v>H1175</v>
          </cell>
          <cell r="B697" t="str">
            <v>2014 Projects</v>
          </cell>
        </row>
        <row r="698">
          <cell r="A698" t="str">
            <v>H1261</v>
          </cell>
          <cell r="B698" t="str">
            <v>2014 Projects</v>
          </cell>
        </row>
        <row r="699">
          <cell r="A699" t="str">
            <v>H1492</v>
          </cell>
          <cell r="B699" t="str">
            <v>2014 Projects</v>
          </cell>
        </row>
        <row r="700">
          <cell r="A700" t="str">
            <v>H1962</v>
          </cell>
          <cell r="B700" t="str">
            <v>2014 Projects</v>
          </cell>
        </row>
        <row r="701">
          <cell r="A701" t="str">
            <v>H1984</v>
          </cell>
          <cell r="B701" t="str">
            <v>2014 Projects</v>
          </cell>
        </row>
        <row r="702">
          <cell r="A702" t="str">
            <v>I6118</v>
          </cell>
          <cell r="B702" t="str">
            <v>2014 Projects</v>
          </cell>
        </row>
        <row r="703">
          <cell r="A703" t="str">
            <v>K0122</v>
          </cell>
          <cell r="B703" t="str">
            <v>2014 Projects</v>
          </cell>
        </row>
        <row r="704">
          <cell r="A704" t="str">
            <v>H0503</v>
          </cell>
          <cell r="B704" t="str">
            <v>2014 Projects</v>
          </cell>
        </row>
        <row r="705">
          <cell r="A705" t="str">
            <v>H0638</v>
          </cell>
          <cell r="B705" t="str">
            <v>2014 Projects</v>
          </cell>
        </row>
        <row r="706">
          <cell r="A706" t="str">
            <v>H0669</v>
          </cell>
          <cell r="B706" t="str">
            <v>2014 Projects</v>
          </cell>
        </row>
        <row r="707">
          <cell r="A707" t="str">
            <v>H1381</v>
          </cell>
          <cell r="B707" t="str">
            <v>2014 Projects</v>
          </cell>
        </row>
        <row r="708">
          <cell r="A708" t="str">
            <v>H1382</v>
          </cell>
          <cell r="B708" t="str">
            <v>2014 Projects</v>
          </cell>
        </row>
        <row r="709">
          <cell r="A709" t="str">
            <v>F5765</v>
          </cell>
          <cell r="B709" t="str">
            <v>2014 Projects</v>
          </cell>
        </row>
        <row r="710">
          <cell r="A710" t="str">
            <v>F5784</v>
          </cell>
          <cell r="B710" t="str">
            <v>2014 Projects</v>
          </cell>
        </row>
        <row r="711">
          <cell r="A711" t="str">
            <v>F5904</v>
          </cell>
          <cell r="B711" t="str">
            <v>2014 Projects</v>
          </cell>
        </row>
        <row r="712">
          <cell r="A712" t="str">
            <v>F5905</v>
          </cell>
          <cell r="B712" t="str">
            <v>2014 Projects</v>
          </cell>
        </row>
        <row r="713">
          <cell r="A713" t="str">
            <v>G1267</v>
          </cell>
          <cell r="B713" t="str">
            <v>2014 Projects</v>
          </cell>
        </row>
        <row r="714">
          <cell r="A714" t="str">
            <v>G2345</v>
          </cell>
          <cell r="B714" t="str">
            <v>2014 Projects</v>
          </cell>
        </row>
        <row r="715">
          <cell r="A715" t="str">
            <v>G6727</v>
          </cell>
          <cell r="B715" t="str">
            <v>2014 Projects</v>
          </cell>
        </row>
        <row r="716">
          <cell r="A716" t="str">
            <v>G6775</v>
          </cell>
          <cell r="B716" t="str">
            <v>2014 Projects</v>
          </cell>
        </row>
        <row r="717">
          <cell r="A717" t="str">
            <v>G6979</v>
          </cell>
          <cell r="B717" t="str">
            <v>2014 Projects</v>
          </cell>
        </row>
        <row r="718">
          <cell r="A718" t="str">
            <v>G8216</v>
          </cell>
          <cell r="B718" t="str">
            <v>2014 Projects</v>
          </cell>
        </row>
        <row r="719">
          <cell r="A719" t="str">
            <v>G8220</v>
          </cell>
          <cell r="B719" t="str">
            <v>2014 Projects</v>
          </cell>
        </row>
        <row r="720">
          <cell r="A720" t="str">
            <v>G8228</v>
          </cell>
          <cell r="B720" t="str">
            <v>2014 Projects</v>
          </cell>
        </row>
        <row r="721">
          <cell r="A721" t="str">
            <v>G8257</v>
          </cell>
          <cell r="B721" t="str">
            <v>2014 Projects</v>
          </cell>
        </row>
        <row r="722">
          <cell r="A722" t="str">
            <v>G8404</v>
          </cell>
          <cell r="B722" t="str">
            <v>2014 Projects</v>
          </cell>
        </row>
        <row r="723">
          <cell r="A723" t="str">
            <v>G8705</v>
          </cell>
          <cell r="B723" t="str">
            <v>2014 Projects</v>
          </cell>
        </row>
        <row r="724">
          <cell r="A724" t="str">
            <v>G8953</v>
          </cell>
          <cell r="B724" t="str">
            <v>2014 Projects</v>
          </cell>
        </row>
        <row r="725">
          <cell r="A725" t="str">
            <v>G9024</v>
          </cell>
          <cell r="B725" t="str">
            <v>2014 Projects</v>
          </cell>
        </row>
        <row r="726">
          <cell r="A726" t="str">
            <v>G9467</v>
          </cell>
          <cell r="B726" t="str">
            <v>2014 Projects</v>
          </cell>
        </row>
        <row r="727">
          <cell r="A727" t="str">
            <v>G9574</v>
          </cell>
          <cell r="B727" t="str">
            <v>2014 Projects</v>
          </cell>
        </row>
        <row r="728">
          <cell r="A728" t="str">
            <v>G9588</v>
          </cell>
          <cell r="B728" t="str">
            <v>2014 Projects</v>
          </cell>
        </row>
        <row r="729">
          <cell r="A729" t="str">
            <v>G9612</v>
          </cell>
          <cell r="B729" t="str">
            <v>2014 Projects</v>
          </cell>
        </row>
        <row r="730">
          <cell r="A730" t="str">
            <v>G9672</v>
          </cell>
          <cell r="B730" t="str">
            <v>2014 Projects</v>
          </cell>
        </row>
        <row r="731">
          <cell r="A731" t="str">
            <v>G9691</v>
          </cell>
          <cell r="B731" t="str">
            <v>2014 Projects</v>
          </cell>
        </row>
        <row r="732">
          <cell r="A732" t="str">
            <v>G9782</v>
          </cell>
          <cell r="B732" t="str">
            <v>2014 Projects</v>
          </cell>
        </row>
        <row r="733">
          <cell r="A733" t="str">
            <v>G9905</v>
          </cell>
          <cell r="B733" t="str">
            <v>2014 Projects</v>
          </cell>
        </row>
        <row r="734">
          <cell r="A734" t="str">
            <v>G9941</v>
          </cell>
          <cell r="B734" t="str">
            <v>2014 Projects</v>
          </cell>
        </row>
        <row r="735">
          <cell r="A735" t="str">
            <v>H0135</v>
          </cell>
          <cell r="B735" t="str">
            <v>2014 Projects</v>
          </cell>
        </row>
        <row r="736">
          <cell r="A736" t="str">
            <v>H0172</v>
          </cell>
          <cell r="B736" t="str">
            <v>2014 Projects</v>
          </cell>
        </row>
        <row r="737">
          <cell r="A737" t="str">
            <v>H0181</v>
          </cell>
          <cell r="B737" t="str">
            <v>2014 Projects</v>
          </cell>
        </row>
        <row r="738">
          <cell r="A738" t="str">
            <v>H0229</v>
          </cell>
          <cell r="B738" t="str">
            <v>2014 Projects</v>
          </cell>
        </row>
        <row r="739">
          <cell r="A739" t="str">
            <v>H0237</v>
          </cell>
          <cell r="B739" t="str">
            <v>2014 Projects</v>
          </cell>
        </row>
        <row r="740">
          <cell r="A740" t="str">
            <v>H0323</v>
          </cell>
          <cell r="B740" t="str">
            <v>2014 Projects</v>
          </cell>
        </row>
        <row r="741">
          <cell r="A741" t="str">
            <v>H0404</v>
          </cell>
          <cell r="B741" t="str">
            <v>2014 Projects</v>
          </cell>
        </row>
        <row r="742">
          <cell r="A742" t="str">
            <v>H0406</v>
          </cell>
          <cell r="B742" t="str">
            <v>2014 Projects</v>
          </cell>
        </row>
        <row r="743">
          <cell r="A743" t="str">
            <v>H0418</v>
          </cell>
          <cell r="B743" t="str">
            <v>2014 Projects</v>
          </cell>
        </row>
        <row r="744">
          <cell r="A744" t="str">
            <v>H0466</v>
          </cell>
          <cell r="B744" t="str">
            <v>2014 Projects</v>
          </cell>
        </row>
        <row r="745">
          <cell r="A745" t="str">
            <v>H0530</v>
          </cell>
          <cell r="B745" t="str">
            <v>2014 Projects</v>
          </cell>
        </row>
        <row r="746">
          <cell r="A746" t="str">
            <v>H0543</v>
          </cell>
          <cell r="B746" t="str">
            <v>2014 Projects</v>
          </cell>
        </row>
        <row r="747">
          <cell r="A747" t="str">
            <v>H0889</v>
          </cell>
          <cell r="B747" t="str">
            <v>2014 Projects</v>
          </cell>
        </row>
        <row r="748">
          <cell r="A748" t="str">
            <v>H0969</v>
          </cell>
          <cell r="B748" t="str">
            <v>2014 Projects</v>
          </cell>
        </row>
        <row r="749">
          <cell r="A749" t="str">
            <v>H0985</v>
          </cell>
          <cell r="B749" t="str">
            <v>2014 Projects</v>
          </cell>
        </row>
        <row r="750">
          <cell r="A750" t="str">
            <v>H1026</v>
          </cell>
          <cell r="B750" t="str">
            <v>2014 Projects</v>
          </cell>
        </row>
        <row r="751">
          <cell r="A751" t="str">
            <v>H1052</v>
          </cell>
          <cell r="B751" t="str">
            <v>2014 Projects</v>
          </cell>
        </row>
        <row r="752">
          <cell r="A752" t="str">
            <v>H1053</v>
          </cell>
          <cell r="B752" t="str">
            <v>2014 Projects</v>
          </cell>
        </row>
        <row r="753">
          <cell r="A753" t="str">
            <v>H1112</v>
          </cell>
          <cell r="B753" t="str">
            <v>2014 Projects</v>
          </cell>
        </row>
        <row r="754">
          <cell r="A754" t="str">
            <v>H1114</v>
          </cell>
          <cell r="B754" t="str">
            <v>2014 Projects</v>
          </cell>
        </row>
        <row r="755">
          <cell r="A755" t="str">
            <v>H1119</v>
          </cell>
          <cell r="B755" t="str">
            <v>2014 Projects</v>
          </cell>
        </row>
        <row r="756">
          <cell r="A756" t="str">
            <v>H1208</v>
          </cell>
          <cell r="B756" t="str">
            <v>2014 Projects</v>
          </cell>
        </row>
        <row r="757">
          <cell r="A757" t="str">
            <v>H1214</v>
          </cell>
          <cell r="B757" t="str">
            <v>2014 Projects</v>
          </cell>
        </row>
        <row r="758">
          <cell r="A758" t="str">
            <v>H1273</v>
          </cell>
          <cell r="B758" t="str">
            <v>2014 Projects</v>
          </cell>
        </row>
        <row r="759">
          <cell r="A759" t="str">
            <v>H1343</v>
          </cell>
          <cell r="B759" t="str">
            <v>2014 Projects</v>
          </cell>
        </row>
        <row r="760">
          <cell r="A760" t="str">
            <v>H1445</v>
          </cell>
          <cell r="B760" t="str">
            <v>2014 Projects</v>
          </cell>
        </row>
        <row r="761">
          <cell r="A761" t="str">
            <v>H1506</v>
          </cell>
          <cell r="B761" t="str">
            <v>2014 Projects</v>
          </cell>
        </row>
        <row r="762">
          <cell r="A762" t="str">
            <v>H1650</v>
          </cell>
          <cell r="B762" t="str">
            <v>2014 Projects</v>
          </cell>
        </row>
        <row r="763">
          <cell r="A763" t="str">
            <v>H1944</v>
          </cell>
          <cell r="B763" t="str">
            <v>2014 Projects</v>
          </cell>
        </row>
        <row r="764">
          <cell r="A764" t="str">
            <v>H9103</v>
          </cell>
          <cell r="B764" t="str">
            <v>2014 Projects</v>
          </cell>
        </row>
        <row r="765">
          <cell r="A765" t="str">
            <v>J2106</v>
          </cell>
          <cell r="B765" t="str">
            <v>2014 Projects</v>
          </cell>
        </row>
        <row r="766">
          <cell r="A766" t="str">
            <v>J4107</v>
          </cell>
          <cell r="B766" t="str">
            <v>2014 Projects</v>
          </cell>
        </row>
        <row r="767">
          <cell r="A767" t="str">
            <v>E7764</v>
          </cell>
          <cell r="B767" t="str">
            <v>2014 Projects</v>
          </cell>
        </row>
        <row r="768">
          <cell r="A768" t="str">
            <v>G4119</v>
          </cell>
          <cell r="B768" t="str">
            <v>2014 Projects</v>
          </cell>
        </row>
        <row r="769">
          <cell r="A769" t="str">
            <v>G4155</v>
          </cell>
          <cell r="B769" t="str">
            <v>2014 Projects</v>
          </cell>
        </row>
        <row r="770">
          <cell r="A770" t="str">
            <v>G4996</v>
          </cell>
          <cell r="B770" t="str">
            <v>2014 Projects</v>
          </cell>
        </row>
        <row r="771">
          <cell r="A771" t="str">
            <v>G5481</v>
          </cell>
          <cell r="B771" t="str">
            <v>2014 Projects</v>
          </cell>
        </row>
        <row r="772">
          <cell r="A772" t="str">
            <v>G9209</v>
          </cell>
          <cell r="B772" t="str">
            <v>2014 Projects</v>
          </cell>
        </row>
        <row r="773">
          <cell r="A773" t="str">
            <v>G9669</v>
          </cell>
          <cell r="B773" t="str">
            <v>2014 Projects</v>
          </cell>
        </row>
        <row r="774">
          <cell r="A774" t="str">
            <v>H0880</v>
          </cell>
          <cell r="B774" t="str">
            <v>2014 Projects</v>
          </cell>
        </row>
        <row r="775">
          <cell r="A775" t="str">
            <v>H0965</v>
          </cell>
          <cell r="B775" t="str">
            <v>2014 Projects</v>
          </cell>
        </row>
        <row r="776">
          <cell r="A776" t="str">
            <v>H1009</v>
          </cell>
          <cell r="B776" t="str">
            <v>2014 Projects</v>
          </cell>
        </row>
        <row r="777">
          <cell r="A777" t="str">
            <v>H1215</v>
          </cell>
          <cell r="B777" t="str">
            <v>2014 Projects</v>
          </cell>
        </row>
        <row r="778">
          <cell r="A778" t="str">
            <v>H1552</v>
          </cell>
          <cell r="B778" t="str">
            <v>2014 Projects</v>
          </cell>
        </row>
        <row r="779">
          <cell r="A779" t="str">
            <v>H1566</v>
          </cell>
          <cell r="B779" t="str">
            <v>2014 Projects</v>
          </cell>
        </row>
        <row r="780">
          <cell r="A780" t="str">
            <v>H1703</v>
          </cell>
          <cell r="B780" t="str">
            <v>2014 Projects</v>
          </cell>
        </row>
        <row r="781">
          <cell r="A781" t="str">
            <v>H2104</v>
          </cell>
          <cell r="B781" t="str">
            <v>2014 Projects</v>
          </cell>
        </row>
        <row r="782">
          <cell r="A782" t="str">
            <v>ELASTIMOL</v>
          </cell>
          <cell r="B782" t="str">
            <v>2014 Projects</v>
          </cell>
        </row>
        <row r="783">
          <cell r="A783" t="str">
            <v>G9119</v>
          </cell>
          <cell r="B783" t="str">
            <v>2014 Projects</v>
          </cell>
        </row>
        <row r="784">
          <cell r="A784" t="str">
            <v>H0444</v>
          </cell>
          <cell r="B784" t="str">
            <v>2014 Projects</v>
          </cell>
        </row>
        <row r="785">
          <cell r="A785" t="str">
            <v>H1679</v>
          </cell>
          <cell r="B785" t="str">
            <v>2014 Projects</v>
          </cell>
        </row>
        <row r="786">
          <cell r="A786" t="str">
            <v>E1994</v>
          </cell>
          <cell r="B786" t="str">
            <v>2014 Projects</v>
          </cell>
        </row>
        <row r="787">
          <cell r="A787" t="str">
            <v>G5681</v>
          </cell>
          <cell r="B787" t="str">
            <v>2014 Projects</v>
          </cell>
        </row>
        <row r="788">
          <cell r="A788" t="str">
            <v>G6097</v>
          </cell>
          <cell r="B788" t="str">
            <v>2014 Projects</v>
          </cell>
        </row>
        <row r="789">
          <cell r="A789" t="str">
            <v>G6400</v>
          </cell>
          <cell r="B789" t="str">
            <v>2014 Projects</v>
          </cell>
        </row>
        <row r="790">
          <cell r="A790" t="str">
            <v>G6415</v>
          </cell>
          <cell r="B790" t="str">
            <v>2014 Projects</v>
          </cell>
        </row>
        <row r="791">
          <cell r="A791" t="str">
            <v>G6443</v>
          </cell>
          <cell r="B791" t="str">
            <v>2014 Projects</v>
          </cell>
        </row>
        <row r="792">
          <cell r="A792" t="str">
            <v>G6627</v>
          </cell>
          <cell r="B792" t="str">
            <v>2014 Projects</v>
          </cell>
        </row>
        <row r="793">
          <cell r="A793" t="str">
            <v>G6729</v>
          </cell>
          <cell r="B793" t="str">
            <v>2014 Projects</v>
          </cell>
        </row>
        <row r="794">
          <cell r="A794" t="str">
            <v>G7499</v>
          </cell>
          <cell r="B794" t="str">
            <v>2014 Projects</v>
          </cell>
        </row>
        <row r="795">
          <cell r="A795" t="str">
            <v>G7843</v>
          </cell>
          <cell r="B795" t="str">
            <v>2014 Projects</v>
          </cell>
        </row>
        <row r="796">
          <cell r="A796" t="str">
            <v>G8019</v>
          </cell>
          <cell r="B796" t="str">
            <v>2014 Projects</v>
          </cell>
        </row>
        <row r="797">
          <cell r="A797" t="str">
            <v>G8164</v>
          </cell>
          <cell r="B797" t="str">
            <v>2014 Projects</v>
          </cell>
        </row>
        <row r="798">
          <cell r="A798" t="str">
            <v>G8182</v>
          </cell>
          <cell r="B798" t="str">
            <v>2014 Projects</v>
          </cell>
        </row>
        <row r="799">
          <cell r="A799" t="str">
            <v>G8990</v>
          </cell>
          <cell r="B799" t="str">
            <v>2014 Projects</v>
          </cell>
        </row>
        <row r="800">
          <cell r="A800" t="str">
            <v>G9365</v>
          </cell>
          <cell r="B800" t="str">
            <v>2014 Projects</v>
          </cell>
        </row>
        <row r="801">
          <cell r="A801" t="str">
            <v>G9632</v>
          </cell>
          <cell r="B801" t="str">
            <v>2014 Projects</v>
          </cell>
        </row>
        <row r="802">
          <cell r="A802" t="str">
            <v>G9692</v>
          </cell>
          <cell r="B802" t="str">
            <v>2014 Projects</v>
          </cell>
        </row>
        <row r="803">
          <cell r="A803" t="str">
            <v>G9695</v>
          </cell>
          <cell r="B803" t="str">
            <v>2014 Projects</v>
          </cell>
        </row>
        <row r="804">
          <cell r="A804" t="str">
            <v>G9854</v>
          </cell>
          <cell r="B804" t="str">
            <v>2014 Projects</v>
          </cell>
        </row>
        <row r="805">
          <cell r="A805" t="str">
            <v>G9910</v>
          </cell>
          <cell r="B805" t="str">
            <v>2014 Projects</v>
          </cell>
        </row>
        <row r="806">
          <cell r="A806" t="str">
            <v>H0209</v>
          </cell>
          <cell r="B806" t="str">
            <v>2014 Projects</v>
          </cell>
        </row>
        <row r="807">
          <cell r="A807" t="str">
            <v>H0212</v>
          </cell>
          <cell r="B807" t="str">
            <v>2014 Projects</v>
          </cell>
        </row>
        <row r="808">
          <cell r="A808" t="str">
            <v>H0223</v>
          </cell>
          <cell r="B808" t="str">
            <v>2014 Projects</v>
          </cell>
        </row>
        <row r="809">
          <cell r="A809" t="str">
            <v>H0271</v>
          </cell>
          <cell r="B809" t="str">
            <v>2014 Projects</v>
          </cell>
        </row>
        <row r="810">
          <cell r="A810" t="str">
            <v>H0363</v>
          </cell>
          <cell r="B810" t="str">
            <v>2014 Projects</v>
          </cell>
        </row>
        <row r="811">
          <cell r="A811" t="str">
            <v>H0509</v>
          </cell>
          <cell r="B811" t="str">
            <v>2014 Projects</v>
          </cell>
        </row>
        <row r="812">
          <cell r="A812" t="str">
            <v>H0541</v>
          </cell>
          <cell r="B812" t="str">
            <v>2014 Projects</v>
          </cell>
        </row>
        <row r="813">
          <cell r="A813" t="str">
            <v>H0698</v>
          </cell>
          <cell r="B813" t="str">
            <v>2014 Projects</v>
          </cell>
        </row>
        <row r="814">
          <cell r="A814" t="str">
            <v>H0752</v>
          </cell>
          <cell r="B814" t="str">
            <v>2014 Projects</v>
          </cell>
        </row>
        <row r="815">
          <cell r="A815" t="str">
            <v>H0882</v>
          </cell>
          <cell r="B815" t="str">
            <v>2014 Projects</v>
          </cell>
        </row>
        <row r="816">
          <cell r="A816" t="str">
            <v>H1344</v>
          </cell>
          <cell r="B816" t="str">
            <v>2014 Projects</v>
          </cell>
        </row>
        <row r="817">
          <cell r="A817" t="str">
            <v>H1466</v>
          </cell>
          <cell r="B817" t="str">
            <v>2014 Projects</v>
          </cell>
        </row>
        <row r="818">
          <cell r="A818" t="str">
            <v>H1622</v>
          </cell>
          <cell r="B818" t="str">
            <v>2014 Projects</v>
          </cell>
        </row>
        <row r="819">
          <cell r="A819" t="str">
            <v>H1690</v>
          </cell>
          <cell r="B819" t="str">
            <v>2014 Projects</v>
          </cell>
        </row>
        <row r="820">
          <cell r="A820" t="str">
            <v>H1694</v>
          </cell>
          <cell r="B820" t="str">
            <v>2014 Projects</v>
          </cell>
        </row>
        <row r="821">
          <cell r="A821" t="str">
            <v>H1910</v>
          </cell>
          <cell r="B821" t="str">
            <v>2014 Projects</v>
          </cell>
        </row>
        <row r="822">
          <cell r="A822" t="str">
            <v>J0115</v>
          </cell>
          <cell r="B822" t="str">
            <v>2014 Projects</v>
          </cell>
        </row>
        <row r="823">
          <cell r="A823" t="str">
            <v>J2103</v>
          </cell>
          <cell r="B823" t="str">
            <v>2014 Projects</v>
          </cell>
        </row>
        <row r="824">
          <cell r="A824" t="str">
            <v>J2104</v>
          </cell>
          <cell r="B824" t="str">
            <v>2014 Projects</v>
          </cell>
        </row>
        <row r="825">
          <cell r="A825" t="str">
            <v>E7384</v>
          </cell>
          <cell r="B825" t="str">
            <v>2010-2012 Projects</v>
          </cell>
        </row>
        <row r="826">
          <cell r="A826" t="str">
            <v>E5590</v>
          </cell>
          <cell r="B826" t="str">
            <v>2010-2012 Projects</v>
          </cell>
        </row>
        <row r="827">
          <cell r="A827" t="str">
            <v>E5724</v>
          </cell>
          <cell r="B827" t="str">
            <v>2010-2012 Projects</v>
          </cell>
        </row>
        <row r="828">
          <cell r="A828" t="str">
            <v>C9983</v>
          </cell>
          <cell r="B828" t="str">
            <v>2010-2012 Projects</v>
          </cell>
        </row>
        <row r="829">
          <cell r="A829" t="str">
            <v>F0964</v>
          </cell>
          <cell r="B829" t="str">
            <v>2010-2012 Projects</v>
          </cell>
        </row>
        <row r="830">
          <cell r="A830" t="str">
            <v>E9286</v>
          </cell>
          <cell r="B830" t="str">
            <v>2010-2012 Projects</v>
          </cell>
        </row>
        <row r="831">
          <cell r="A831" t="str">
            <v>E9924</v>
          </cell>
          <cell r="B831" t="str">
            <v>2010-2012 Projects</v>
          </cell>
        </row>
        <row r="832">
          <cell r="A832" t="str">
            <v>G1926</v>
          </cell>
          <cell r="B832" t="str">
            <v>2010-2012 Projects</v>
          </cell>
        </row>
        <row r="833">
          <cell r="A833" t="str">
            <v>G1927</v>
          </cell>
          <cell r="B833" t="str">
            <v>2010-2012 Projects</v>
          </cell>
        </row>
        <row r="834">
          <cell r="A834" t="str">
            <v>G3023</v>
          </cell>
          <cell r="B834" t="str">
            <v>2010-2012 Projects</v>
          </cell>
        </row>
        <row r="835">
          <cell r="A835" t="str">
            <v>G2340</v>
          </cell>
          <cell r="B835" t="str">
            <v>2010-2012 Projects</v>
          </cell>
        </row>
        <row r="836">
          <cell r="A836" t="str">
            <v>G1914</v>
          </cell>
          <cell r="B836" t="str">
            <v>2010-2012 Projects</v>
          </cell>
        </row>
        <row r="837">
          <cell r="A837" t="str">
            <v>G2955</v>
          </cell>
          <cell r="B837" t="str">
            <v>2010-2012 Projects</v>
          </cell>
        </row>
        <row r="838">
          <cell r="A838" t="str">
            <v>G1818</v>
          </cell>
          <cell r="B838" t="str">
            <v>2010-2012 Projects</v>
          </cell>
        </row>
        <row r="839">
          <cell r="A839" t="str">
            <v>G1820</v>
          </cell>
          <cell r="B839" t="str">
            <v>2010-2012 Projects</v>
          </cell>
        </row>
        <row r="840">
          <cell r="A840" t="str">
            <v>G2238</v>
          </cell>
          <cell r="B840" t="str">
            <v>2010-2012 Projects</v>
          </cell>
        </row>
        <row r="841">
          <cell r="A841" t="str">
            <v>G1915</v>
          </cell>
          <cell r="B841" t="str">
            <v>2010-2012 Projects</v>
          </cell>
        </row>
        <row r="842">
          <cell r="A842" t="str">
            <v>G2236</v>
          </cell>
          <cell r="B842" t="str">
            <v>2010-2012 Projects</v>
          </cell>
        </row>
        <row r="843">
          <cell r="A843" t="str">
            <v>G2654</v>
          </cell>
          <cell r="B843" t="str">
            <v>2010-2012 Projects</v>
          </cell>
        </row>
        <row r="844">
          <cell r="A844" t="str">
            <v>G2351</v>
          </cell>
          <cell r="B844" t="str">
            <v>2010-2012 Projects</v>
          </cell>
        </row>
        <row r="845">
          <cell r="A845" t="str">
            <v>G2457</v>
          </cell>
          <cell r="B845" t="str">
            <v>2010-2012 Projects</v>
          </cell>
        </row>
        <row r="846">
          <cell r="A846" t="str">
            <v>G2815</v>
          </cell>
          <cell r="B846" t="str">
            <v>2010-2012 Projects</v>
          </cell>
        </row>
        <row r="847">
          <cell r="A847" t="str">
            <v>G3359</v>
          </cell>
          <cell r="B847" t="str">
            <v>2010-2012 Projects</v>
          </cell>
        </row>
        <row r="848">
          <cell r="A848" t="str">
            <v>G3362</v>
          </cell>
          <cell r="B848" t="str">
            <v>2010-2012 Projects</v>
          </cell>
        </row>
        <row r="849">
          <cell r="A849" t="str">
            <v>G2160</v>
          </cell>
          <cell r="B849" t="str">
            <v>2010-2012 Projects</v>
          </cell>
        </row>
        <row r="850">
          <cell r="A850" t="str">
            <v>G1875</v>
          </cell>
          <cell r="B850" t="str">
            <v>2010-2012 Projects</v>
          </cell>
        </row>
        <row r="851">
          <cell r="A851" t="str">
            <v>G2433</v>
          </cell>
          <cell r="B851" t="str">
            <v>2010-2012 Projects</v>
          </cell>
        </row>
        <row r="852">
          <cell r="A852" t="str">
            <v>G2255</v>
          </cell>
          <cell r="B852" t="str">
            <v>2010-2012 Projects</v>
          </cell>
        </row>
        <row r="853">
          <cell r="A853" t="str">
            <v>G2958</v>
          </cell>
          <cell r="B853" t="str">
            <v>2010-2012 Projects</v>
          </cell>
        </row>
        <row r="854">
          <cell r="A854" t="str">
            <v>G3320</v>
          </cell>
          <cell r="B854" t="str">
            <v>2010-2012 Projects</v>
          </cell>
        </row>
        <row r="855">
          <cell r="A855" t="str">
            <v>G0244</v>
          </cell>
          <cell r="B855" t="str">
            <v>2010-2012 Projects</v>
          </cell>
        </row>
        <row r="856">
          <cell r="A856" t="str">
            <v>F6427</v>
          </cell>
          <cell r="B856" t="str">
            <v>2010-2012 Projects</v>
          </cell>
        </row>
        <row r="857">
          <cell r="A857" t="str">
            <v>G2574</v>
          </cell>
          <cell r="B857" t="str">
            <v>2010-2012 Projects</v>
          </cell>
        </row>
        <row r="858">
          <cell r="A858" t="str">
            <v>F0166</v>
          </cell>
          <cell r="B858" t="str">
            <v>2010-2012 Projects</v>
          </cell>
        </row>
        <row r="859">
          <cell r="A859" t="str">
            <v>G4856</v>
          </cell>
          <cell r="B859" t="str">
            <v>2010-2012 Projects</v>
          </cell>
        </row>
        <row r="860">
          <cell r="A860" t="str">
            <v>G4860</v>
          </cell>
          <cell r="B860" t="str">
            <v>2010-2012 Projects</v>
          </cell>
        </row>
        <row r="861">
          <cell r="A861" t="str">
            <v>G7893</v>
          </cell>
          <cell r="B861" t="str">
            <v>2010-2012 Projects</v>
          </cell>
        </row>
        <row r="862">
          <cell r="A862" t="str">
            <v>F4505</v>
          </cell>
          <cell r="B862" t="str">
            <v>2010-2012 Projects</v>
          </cell>
        </row>
        <row r="863">
          <cell r="A863" t="str">
            <v>G5493</v>
          </cell>
          <cell r="B863" t="str">
            <v>2010-2012 Projects</v>
          </cell>
        </row>
        <row r="864">
          <cell r="A864" t="str">
            <v>F1245</v>
          </cell>
          <cell r="B864" t="str">
            <v>2010-2012 Projects</v>
          </cell>
        </row>
        <row r="865">
          <cell r="A865" t="str">
            <v>G0770</v>
          </cell>
          <cell r="B865" t="str">
            <v>2010-2012 Projects</v>
          </cell>
        </row>
        <row r="866">
          <cell r="A866" t="str">
            <v>G4859</v>
          </cell>
          <cell r="B866" t="str">
            <v>2010-2012 Projects</v>
          </cell>
        </row>
        <row r="867">
          <cell r="A867" t="str">
            <v>G4858</v>
          </cell>
          <cell r="B867" t="str">
            <v>2010-2012 Projects</v>
          </cell>
        </row>
        <row r="868">
          <cell r="A868" t="str">
            <v>F0684</v>
          </cell>
          <cell r="B868" t="str">
            <v>2010-2012 Projects</v>
          </cell>
        </row>
        <row r="869">
          <cell r="A869" t="str">
            <v>F4091</v>
          </cell>
          <cell r="B869" t="str">
            <v>2010-2012 Projects</v>
          </cell>
        </row>
        <row r="870">
          <cell r="A870" t="str">
            <v>F6824</v>
          </cell>
          <cell r="B870" t="str">
            <v>2010-2012 Projects</v>
          </cell>
        </row>
        <row r="871">
          <cell r="A871" t="str">
            <v>G1821</v>
          </cell>
          <cell r="B871" t="str">
            <v>2010-2012 Projects</v>
          </cell>
        </row>
        <row r="872">
          <cell r="A872" t="str">
            <v>F7425</v>
          </cell>
          <cell r="B872" t="str">
            <v>2010-2012 Projects</v>
          </cell>
        </row>
        <row r="873">
          <cell r="A873" t="str">
            <v>G7107</v>
          </cell>
          <cell r="B873" t="str">
            <v>2010-2012 Projects</v>
          </cell>
        </row>
        <row r="874">
          <cell r="A874" t="str">
            <v>G7504</v>
          </cell>
          <cell r="B874" t="str">
            <v>2010-2012 Projects</v>
          </cell>
        </row>
        <row r="875">
          <cell r="A875" t="str">
            <v>F4464</v>
          </cell>
          <cell r="B875" t="str">
            <v>2010-2012 Projects</v>
          </cell>
        </row>
        <row r="876">
          <cell r="A876" t="str">
            <v>G1684</v>
          </cell>
          <cell r="B876" t="str">
            <v>2010-2012 Projects</v>
          </cell>
        </row>
        <row r="877">
          <cell r="A877" t="str">
            <v>F5024</v>
          </cell>
          <cell r="B877" t="str">
            <v>2010-2012 Projects</v>
          </cell>
        </row>
        <row r="878">
          <cell r="A878" t="str">
            <v>G1725</v>
          </cell>
          <cell r="B878" t="str">
            <v>2010-2012 Projects</v>
          </cell>
        </row>
        <row r="879">
          <cell r="A879" t="str">
            <v>F4284</v>
          </cell>
          <cell r="B879" t="str">
            <v>2010-2012 Projects</v>
          </cell>
        </row>
        <row r="880">
          <cell r="A880" t="str">
            <v>F3644</v>
          </cell>
          <cell r="B880" t="str">
            <v>2010-2012 Projects</v>
          </cell>
        </row>
        <row r="881">
          <cell r="A881" t="str">
            <v>F5249</v>
          </cell>
          <cell r="B881" t="str">
            <v>2010-2012 Projects</v>
          </cell>
        </row>
        <row r="882">
          <cell r="A882" t="str">
            <v>F4004</v>
          </cell>
          <cell r="B882" t="str">
            <v>2010-2012 Projects</v>
          </cell>
        </row>
        <row r="883">
          <cell r="A883" t="str">
            <v>G1544</v>
          </cell>
          <cell r="B883" t="str">
            <v>2010-2012 Projects</v>
          </cell>
        </row>
        <row r="884">
          <cell r="A884" t="str">
            <v>F5884</v>
          </cell>
          <cell r="B884" t="str">
            <v>2010-2012 Projects</v>
          </cell>
        </row>
        <row r="885">
          <cell r="A885" t="str">
            <v>G1721</v>
          </cell>
          <cell r="B885" t="str">
            <v>2010-2012 Projects</v>
          </cell>
        </row>
        <row r="886">
          <cell r="A886" t="str">
            <v>G1566</v>
          </cell>
          <cell r="B886" t="str">
            <v>2010-2012 Projects</v>
          </cell>
        </row>
        <row r="887">
          <cell r="A887" t="str">
            <v>G1733</v>
          </cell>
          <cell r="B887" t="str">
            <v>2010-2012 Projects</v>
          </cell>
        </row>
        <row r="888">
          <cell r="A888" t="str">
            <v>G1755</v>
          </cell>
          <cell r="B888" t="str">
            <v>2010-2012 Projects</v>
          </cell>
        </row>
        <row r="889">
          <cell r="A889" t="str">
            <v>G1471</v>
          </cell>
          <cell r="B889" t="str">
            <v>2010-2012 Projects</v>
          </cell>
        </row>
        <row r="890">
          <cell r="A890" t="str">
            <v>G1527</v>
          </cell>
          <cell r="B890" t="str">
            <v>2010-2012 Projects</v>
          </cell>
        </row>
        <row r="891">
          <cell r="A891" t="str">
            <v>G1738</v>
          </cell>
          <cell r="B891" t="str">
            <v>2010-2012 Projects</v>
          </cell>
        </row>
        <row r="892">
          <cell r="A892" t="str">
            <v>G1634</v>
          </cell>
          <cell r="B892" t="str">
            <v>2010-2012 Projects</v>
          </cell>
        </row>
        <row r="893">
          <cell r="A893" t="str">
            <v>F6724</v>
          </cell>
          <cell r="B893" t="str">
            <v>2010-2012 Projects</v>
          </cell>
        </row>
        <row r="894">
          <cell r="A894" t="str">
            <v>G6435</v>
          </cell>
          <cell r="B894" t="str">
            <v>2010-2012 Projects</v>
          </cell>
        </row>
        <row r="895">
          <cell r="A895" t="str">
            <v>G7039</v>
          </cell>
          <cell r="B895" t="str">
            <v>2010-2012 Projects</v>
          </cell>
        </row>
        <row r="896">
          <cell r="A896" t="str">
            <v>G3853</v>
          </cell>
          <cell r="B896" t="str">
            <v>2010-2012 Projects</v>
          </cell>
        </row>
        <row r="897">
          <cell r="A897" t="str">
            <v>G3553</v>
          </cell>
          <cell r="B897" t="str">
            <v>2010-2012 Projects</v>
          </cell>
        </row>
        <row r="898">
          <cell r="A898" t="str">
            <v>G5482</v>
          </cell>
          <cell r="B898" t="str">
            <v>2010-2012 Projects</v>
          </cell>
        </row>
        <row r="899">
          <cell r="A899" t="str">
            <v>G6446</v>
          </cell>
          <cell r="B899" t="str">
            <v>2010-2012 Projects</v>
          </cell>
        </row>
        <row r="900">
          <cell r="A900" t="str">
            <v>G3613</v>
          </cell>
          <cell r="B900" t="str">
            <v>2010-2012 Projects</v>
          </cell>
        </row>
        <row r="901">
          <cell r="A901" t="str">
            <v>G6675</v>
          </cell>
          <cell r="B901" t="str">
            <v>2010-2012 Projects</v>
          </cell>
        </row>
        <row r="902">
          <cell r="A902" t="str">
            <v>G6488</v>
          </cell>
          <cell r="B902" t="str">
            <v>2010-2012 Projects</v>
          </cell>
        </row>
        <row r="903">
          <cell r="A903" t="str">
            <v>G3624</v>
          </cell>
          <cell r="B903" t="str">
            <v>2010-2012 Projects</v>
          </cell>
        </row>
        <row r="904">
          <cell r="A904" t="str">
            <v>G6868</v>
          </cell>
          <cell r="B904" t="str">
            <v>2010-2012 Projects</v>
          </cell>
        </row>
        <row r="905">
          <cell r="A905" t="str">
            <v>G6406</v>
          </cell>
          <cell r="B905" t="str">
            <v>2010-2012 Projects</v>
          </cell>
        </row>
        <row r="906">
          <cell r="A906" t="str">
            <v>G7077</v>
          </cell>
          <cell r="B906" t="str">
            <v>2010-2012 Projects</v>
          </cell>
        </row>
        <row r="907">
          <cell r="A907" t="str">
            <v>G6321</v>
          </cell>
          <cell r="B907" t="str">
            <v>2010-2012 Projects</v>
          </cell>
        </row>
        <row r="908">
          <cell r="A908" t="str">
            <v>G5256</v>
          </cell>
          <cell r="B908" t="str">
            <v>2010-2012 Projects</v>
          </cell>
        </row>
        <row r="909">
          <cell r="A909" t="str">
            <v>G7094</v>
          </cell>
          <cell r="B909" t="str">
            <v>2010-2012 Projects</v>
          </cell>
        </row>
        <row r="910">
          <cell r="A910" t="str">
            <v>G7025</v>
          </cell>
          <cell r="B910" t="str">
            <v>2010-2012 Projects</v>
          </cell>
        </row>
        <row r="911">
          <cell r="A911" t="str">
            <v>G1536</v>
          </cell>
          <cell r="B911" t="str">
            <v>2010-2012 Projects</v>
          </cell>
        </row>
        <row r="912">
          <cell r="A912" t="str">
            <v>G1724</v>
          </cell>
          <cell r="B912" t="str">
            <v>2010-2012 Projects</v>
          </cell>
        </row>
        <row r="913">
          <cell r="A913" t="str">
            <v>G9443</v>
          </cell>
          <cell r="B913" t="str">
            <v>2010-2012 Projects</v>
          </cell>
        </row>
        <row r="914">
          <cell r="A914" t="str">
            <v>G7078</v>
          </cell>
          <cell r="B914" t="str">
            <v>2010-2012 Projects</v>
          </cell>
        </row>
        <row r="915">
          <cell r="A915" t="str">
            <v>G3622</v>
          </cell>
          <cell r="B915" t="str">
            <v>2010-2012 Projects</v>
          </cell>
        </row>
        <row r="916">
          <cell r="A916" t="str">
            <v>G3721</v>
          </cell>
          <cell r="B916" t="str">
            <v>2010-2012 Projects</v>
          </cell>
        </row>
        <row r="917">
          <cell r="A917" t="str">
            <v>G3539</v>
          </cell>
          <cell r="B917" t="str">
            <v>2010-2012 Projects</v>
          </cell>
        </row>
        <row r="918">
          <cell r="A918" t="str">
            <v>G5117</v>
          </cell>
          <cell r="B918" t="str">
            <v>2010-2012 Projects</v>
          </cell>
        </row>
        <row r="919">
          <cell r="A919" t="str">
            <v>G6444</v>
          </cell>
          <cell r="B919" t="str">
            <v>2010-2012 Projects</v>
          </cell>
        </row>
        <row r="920">
          <cell r="A920" t="str">
            <v>G7022</v>
          </cell>
          <cell r="B920" t="str">
            <v>2010-2012 Projects</v>
          </cell>
        </row>
        <row r="921">
          <cell r="A921" t="str">
            <v>G6967</v>
          </cell>
          <cell r="B921" t="str">
            <v>2010-2012 Projects</v>
          </cell>
        </row>
        <row r="922">
          <cell r="A922" t="str">
            <v>G1802</v>
          </cell>
          <cell r="B922" t="str">
            <v>2010-2012 Projects</v>
          </cell>
        </row>
        <row r="923">
          <cell r="A923" t="str">
            <v>G0268</v>
          </cell>
          <cell r="B923" t="str">
            <v>2010-2012 Projects</v>
          </cell>
        </row>
        <row r="924">
          <cell r="A924" t="str">
            <v>F9909</v>
          </cell>
          <cell r="B924" t="str">
            <v>2010-2012 Projects</v>
          </cell>
        </row>
        <row r="925">
          <cell r="A925" t="str">
            <v>F5367</v>
          </cell>
          <cell r="B925" t="str">
            <v>2010-2012 Projects</v>
          </cell>
        </row>
        <row r="926">
          <cell r="A926" t="str">
            <v>G0267</v>
          </cell>
          <cell r="B926" t="str">
            <v>2010-2012 Projects</v>
          </cell>
        </row>
        <row r="927">
          <cell r="A927" t="str">
            <v>G1577</v>
          </cell>
          <cell r="B927" t="str">
            <v>2010-2012 Projects</v>
          </cell>
        </row>
        <row r="928">
          <cell r="A928" t="str">
            <v>G1723</v>
          </cell>
          <cell r="B928" t="str">
            <v>2010-2012 Projects</v>
          </cell>
        </row>
        <row r="929">
          <cell r="A929" t="str">
            <v>G0270</v>
          </cell>
          <cell r="B929" t="str">
            <v>2010-2012 Projects</v>
          </cell>
        </row>
        <row r="930">
          <cell r="A930" t="str">
            <v>G4713</v>
          </cell>
          <cell r="B930" t="str">
            <v>2010-2012 Projects</v>
          </cell>
        </row>
        <row r="931">
          <cell r="A931" t="str">
            <v>E8204</v>
          </cell>
          <cell r="B931" t="str">
            <v>2010-2012 Projects</v>
          </cell>
        </row>
        <row r="932">
          <cell r="A932" t="str">
            <v>G1876</v>
          </cell>
          <cell r="B932" t="str">
            <v>2010-2012 Projects</v>
          </cell>
        </row>
        <row r="933">
          <cell r="A933" t="str">
            <v>G1963</v>
          </cell>
          <cell r="B933" t="str">
            <v>2010-2012 Projects</v>
          </cell>
        </row>
        <row r="934">
          <cell r="A934" t="str">
            <v>G2241</v>
          </cell>
          <cell r="B934" t="str">
            <v>2010-2012 Projects</v>
          </cell>
        </row>
        <row r="935">
          <cell r="A935" t="str">
            <v>G1464</v>
          </cell>
          <cell r="B935" t="str">
            <v>2010-2012 Projects</v>
          </cell>
        </row>
        <row r="936">
          <cell r="A936" t="str">
            <v>G0583</v>
          </cell>
          <cell r="B936" t="str">
            <v>2010-2012 Projects</v>
          </cell>
        </row>
        <row r="937">
          <cell r="A937" t="str">
            <v>G4137</v>
          </cell>
          <cell r="B937" t="str">
            <v>2010-2012 Projects</v>
          </cell>
        </row>
        <row r="938">
          <cell r="A938" t="str">
            <v>F2484</v>
          </cell>
          <cell r="B938" t="str">
            <v>2010-2012 Projects</v>
          </cell>
        </row>
        <row r="939">
          <cell r="A939" t="str">
            <v>G1813</v>
          </cell>
          <cell r="B939" t="str">
            <v>2010-2012 Projects</v>
          </cell>
        </row>
        <row r="940">
          <cell r="A940" t="str">
            <v>F5484</v>
          </cell>
          <cell r="B940" t="str">
            <v>2010-2012 Projects</v>
          </cell>
        </row>
        <row r="941">
          <cell r="A941" t="str">
            <v>F7344</v>
          </cell>
          <cell r="B941" t="str">
            <v>2010-2012 Projects</v>
          </cell>
        </row>
        <row r="942">
          <cell r="A942" t="str">
            <v>F0709</v>
          </cell>
          <cell r="B942" t="str">
            <v>2010-2012 Projects</v>
          </cell>
        </row>
        <row r="943">
          <cell r="A943" t="str">
            <v>F5109</v>
          </cell>
          <cell r="B943" t="str">
            <v>2010-2012 Projects</v>
          </cell>
        </row>
        <row r="944">
          <cell r="A944" t="str">
            <v>G0269</v>
          </cell>
          <cell r="B944" t="str">
            <v>2010-2012 Projects</v>
          </cell>
        </row>
        <row r="945">
          <cell r="A945" t="str">
            <v>G0425</v>
          </cell>
          <cell r="B945" t="str">
            <v>2010-2012 Projects</v>
          </cell>
        </row>
        <row r="946">
          <cell r="A946" t="str">
            <v>G0530</v>
          </cell>
          <cell r="B946" t="str">
            <v>2010-2012 Projects</v>
          </cell>
        </row>
        <row r="947">
          <cell r="A947" t="str">
            <v>G1558</v>
          </cell>
          <cell r="B947" t="str">
            <v>2010-2012 Projects</v>
          </cell>
        </row>
        <row r="948">
          <cell r="A948" t="str">
            <v>G2918</v>
          </cell>
          <cell r="B948" t="str">
            <v>2010-2012 Projects</v>
          </cell>
        </row>
        <row r="949">
          <cell r="A949" t="str">
            <v>G4604</v>
          </cell>
          <cell r="B949" t="str">
            <v>2010-2012 Projects</v>
          </cell>
        </row>
        <row r="950">
          <cell r="A950" t="str">
            <v>G6619</v>
          </cell>
          <cell r="B950" t="str">
            <v>2010-2012 Projects</v>
          </cell>
        </row>
        <row r="951">
          <cell r="A951" t="str">
            <v>G8750</v>
          </cell>
          <cell r="B951" t="str">
            <v>2010-2012 Projects</v>
          </cell>
        </row>
        <row r="952">
          <cell r="A952" t="str">
            <v>G1654</v>
          </cell>
          <cell r="B952" t="str">
            <v>2010-2012 Projects</v>
          </cell>
        </row>
        <row r="953">
          <cell r="A953" t="str">
            <v>G3813</v>
          </cell>
          <cell r="B953" t="str">
            <v>2010-2012 Projects</v>
          </cell>
        </row>
        <row r="954">
          <cell r="A954" t="str">
            <v>G4633</v>
          </cell>
          <cell r="B954" t="str">
            <v>2010-2012 Projects</v>
          </cell>
        </row>
        <row r="955">
          <cell r="A955" t="str">
            <v>G2237</v>
          </cell>
          <cell r="B955" t="str">
            <v>2010-2012 Projects</v>
          </cell>
        </row>
        <row r="956">
          <cell r="A956" t="str">
            <v>G1917</v>
          </cell>
          <cell r="B956" t="str">
            <v>2010-2012 Projects</v>
          </cell>
        </row>
        <row r="957">
          <cell r="A957" t="str">
            <v>G1945</v>
          </cell>
          <cell r="B957" t="str">
            <v>2010-2012 Projects</v>
          </cell>
        </row>
        <row r="958">
          <cell r="A958" t="str">
            <v>G1944</v>
          </cell>
          <cell r="B958" t="str">
            <v>2010-2012 Projects</v>
          </cell>
        </row>
        <row r="959">
          <cell r="A959" t="str">
            <v>G1959</v>
          </cell>
          <cell r="B959" t="str">
            <v>2010-2012 Projects</v>
          </cell>
        </row>
        <row r="960">
          <cell r="A960" t="str">
            <v>G2400</v>
          </cell>
          <cell r="B960" t="str">
            <v>2010-2012 Projects</v>
          </cell>
        </row>
        <row r="961">
          <cell r="A961" t="str">
            <v>G1404</v>
          </cell>
          <cell r="B961" t="str">
            <v>2010-2012 Projects</v>
          </cell>
        </row>
        <row r="962">
          <cell r="A962" t="str">
            <v>G3685</v>
          </cell>
          <cell r="B962" t="str">
            <v>2010-2012 Projects</v>
          </cell>
        </row>
        <row r="963">
          <cell r="A963" t="str">
            <v>G8961</v>
          </cell>
          <cell r="B963" t="str">
            <v>2010-2012 Projects</v>
          </cell>
        </row>
        <row r="964">
          <cell r="A964" t="str">
            <v>F6184</v>
          </cell>
          <cell r="B964" t="str">
            <v>2010-2012 Projects</v>
          </cell>
        </row>
        <row r="965">
          <cell r="A965" t="str">
            <v>D2437</v>
          </cell>
          <cell r="B965" t="str">
            <v>2010-2012 Projects</v>
          </cell>
        </row>
        <row r="966">
          <cell r="A966" t="str">
            <v>E8644</v>
          </cell>
          <cell r="B966" t="str">
            <v>2010-2012 Projects</v>
          </cell>
        </row>
        <row r="967">
          <cell r="A967" t="str">
            <v>F0065</v>
          </cell>
          <cell r="B967" t="str">
            <v>2010-2012 Projects</v>
          </cell>
        </row>
        <row r="968">
          <cell r="A968" t="str">
            <v>E8705</v>
          </cell>
          <cell r="B968" t="str">
            <v>2010-2012 Projects</v>
          </cell>
        </row>
        <row r="969">
          <cell r="A969" t="str">
            <v>G2213</v>
          </cell>
          <cell r="B969" t="str">
            <v>2010-2012 Projects</v>
          </cell>
        </row>
        <row r="970">
          <cell r="A970" t="str">
            <v>G1960</v>
          </cell>
          <cell r="B970" t="str">
            <v>2010-2012 Projects</v>
          </cell>
        </row>
        <row r="971">
          <cell r="A971" t="str">
            <v>G1931</v>
          </cell>
          <cell r="B971" t="str">
            <v>2010-2012 Projects</v>
          </cell>
        </row>
        <row r="972">
          <cell r="A972" t="str">
            <v>F0165</v>
          </cell>
          <cell r="B972" t="str">
            <v>2010-2012 Projects</v>
          </cell>
        </row>
        <row r="973">
          <cell r="A973" t="str">
            <v>F0685</v>
          </cell>
          <cell r="B973" t="str">
            <v>2010-2012 Projects</v>
          </cell>
        </row>
        <row r="974">
          <cell r="A974" t="str">
            <v>F4325</v>
          </cell>
          <cell r="B974" t="str">
            <v>2010-2012 Projects</v>
          </cell>
        </row>
        <row r="975">
          <cell r="A975" t="str">
            <v>F5984</v>
          </cell>
          <cell r="B975" t="str">
            <v>2010-2012 Projects</v>
          </cell>
        </row>
        <row r="976">
          <cell r="A976" t="str">
            <v>F3784</v>
          </cell>
          <cell r="B976" t="str">
            <v>2010-2012 Projects</v>
          </cell>
        </row>
        <row r="977">
          <cell r="A977" t="str">
            <v>F4045</v>
          </cell>
          <cell r="B977" t="str">
            <v>2010-2012 Projects</v>
          </cell>
        </row>
        <row r="978">
          <cell r="A978" t="str">
            <v>F4724</v>
          </cell>
          <cell r="B978" t="str">
            <v>2010-2012 Projects</v>
          </cell>
        </row>
        <row r="979">
          <cell r="A979" t="str">
            <v>F4944</v>
          </cell>
          <cell r="B979" t="str">
            <v>2010-2012 Projects</v>
          </cell>
        </row>
        <row r="980">
          <cell r="A980" t="str">
            <v>F5129</v>
          </cell>
          <cell r="B980" t="str">
            <v>2010-2012 Projects</v>
          </cell>
        </row>
        <row r="981">
          <cell r="A981" t="str">
            <v>F5384</v>
          </cell>
          <cell r="B981" t="str">
            <v>2010-2012 Projects</v>
          </cell>
        </row>
        <row r="982">
          <cell r="A982" t="str">
            <v>G0645</v>
          </cell>
          <cell r="B982" t="str">
            <v>2010-2012 Projects</v>
          </cell>
        </row>
        <row r="983">
          <cell r="A983" t="str">
            <v>G9455</v>
          </cell>
          <cell r="B983" t="str">
            <v>2010-2012 Projects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"/>
      <sheetName val="Paste"/>
      <sheetName val="TDG Post Commit Factors"/>
    </sheetNames>
    <sheetDataSet>
      <sheetData sheetId="0" refreshError="1"/>
      <sheetData sheetId="1" refreshError="1">
        <row r="1">
          <cell r="A1" t="str">
            <v>Month/Year</v>
          </cell>
        </row>
        <row r="2">
          <cell r="A2">
            <v>40817</v>
          </cell>
        </row>
        <row r="3">
          <cell r="A3" t="str">
            <v>Department</v>
          </cell>
        </row>
        <row r="4">
          <cell r="A4" t="str">
            <v>Distribution</v>
          </cell>
          <cell r="C4" t="str">
            <v>Corrective Maintenance - Distribution</v>
          </cell>
          <cell r="D4" t="str">
            <v>Components and Process Engineering</v>
          </cell>
          <cell r="E4">
            <v>2</v>
          </cell>
          <cell r="F4">
            <v>5</v>
          </cell>
          <cell r="G4">
            <v>5</v>
          </cell>
          <cell r="H4">
            <v>1</v>
          </cell>
        </row>
        <row r="5">
          <cell r="A5" t="str">
            <v>Distribution</v>
          </cell>
        </row>
        <row r="6">
          <cell r="A6" t="str">
            <v>Distribution</v>
          </cell>
        </row>
        <row r="7">
          <cell r="A7" t="str">
            <v>Distribution</v>
          </cell>
        </row>
        <row r="8">
          <cell r="A8" t="str">
            <v>Distribution</v>
          </cell>
        </row>
        <row r="9">
          <cell r="A9" t="str">
            <v>Distribution</v>
          </cell>
        </row>
        <row r="10">
          <cell r="A10" t="str">
            <v>Distribution</v>
          </cell>
        </row>
        <row r="11">
          <cell r="A11" t="str">
            <v>Distribution</v>
          </cell>
        </row>
        <row r="12">
          <cell r="A12" t="str">
            <v>Distribution</v>
          </cell>
        </row>
        <row r="13">
          <cell r="A13" t="str">
            <v>Distribution</v>
          </cell>
        </row>
        <row r="14">
          <cell r="A14" t="str">
            <v>Distribution</v>
          </cell>
        </row>
        <row r="15">
          <cell r="A15" t="str">
            <v>Distribution</v>
          </cell>
        </row>
        <row r="16">
          <cell r="A16" t="str">
            <v>Distribution</v>
          </cell>
        </row>
        <row r="17">
          <cell r="A17" t="str">
            <v>Distribution</v>
          </cell>
        </row>
        <row r="18">
          <cell r="A18" t="str">
            <v>Distribution</v>
          </cell>
        </row>
        <row r="19">
          <cell r="A19" t="str">
            <v>Distribution</v>
          </cell>
        </row>
        <row r="20">
          <cell r="A20" t="str">
            <v>Distribution</v>
          </cell>
        </row>
        <row r="21">
          <cell r="A21" t="str">
            <v>Distribution</v>
          </cell>
        </row>
        <row r="22">
          <cell r="A22" t="str">
            <v>Distribution</v>
          </cell>
        </row>
        <row r="23">
          <cell r="A23" t="str">
            <v>Distribution</v>
          </cell>
        </row>
        <row r="24">
          <cell r="A24" t="str">
            <v>Distribution</v>
          </cell>
        </row>
        <row r="25">
          <cell r="A25" t="str">
            <v>Distribution</v>
          </cell>
        </row>
        <row r="26">
          <cell r="A26" t="str">
            <v>Distribution</v>
          </cell>
        </row>
        <row r="27">
          <cell r="A27" t="str">
            <v>Distribution</v>
          </cell>
        </row>
        <row r="28">
          <cell r="A28" t="str">
            <v>Distribution</v>
          </cell>
        </row>
        <row r="29">
          <cell r="A29" t="str">
            <v>Distribution</v>
          </cell>
        </row>
        <row r="30">
          <cell r="A30" t="str">
            <v>Distribution</v>
          </cell>
        </row>
        <row r="31">
          <cell r="A31" t="str">
            <v>Distribution</v>
          </cell>
        </row>
        <row r="32">
          <cell r="A32" t="str">
            <v>Distribution</v>
          </cell>
        </row>
        <row r="33">
          <cell r="A33" t="str">
            <v>Distribution</v>
          </cell>
        </row>
        <row r="34">
          <cell r="A34" t="str">
            <v>Distribution</v>
          </cell>
        </row>
        <row r="35">
          <cell r="A35" t="str">
            <v>Distribution</v>
          </cell>
        </row>
        <row r="36">
          <cell r="A36" t="str">
            <v>Distribution</v>
          </cell>
        </row>
        <row r="37">
          <cell r="A37" t="str">
            <v>Distribution</v>
          </cell>
        </row>
        <row r="38">
          <cell r="A38" t="str">
            <v>Distribution</v>
          </cell>
        </row>
        <row r="39">
          <cell r="A39" t="str">
            <v>Distribution</v>
          </cell>
        </row>
        <row r="40">
          <cell r="A40" t="str">
            <v>Distribution</v>
          </cell>
        </row>
        <row r="41">
          <cell r="A41" t="str">
            <v>Distribution</v>
          </cell>
        </row>
        <row r="42">
          <cell r="A42" t="str">
            <v>Distribution</v>
          </cell>
        </row>
        <row r="43">
          <cell r="A43" t="str">
            <v>Distribution</v>
          </cell>
        </row>
        <row r="44">
          <cell r="A44" t="str">
            <v>Distribution</v>
          </cell>
        </row>
        <row r="45">
          <cell r="A45" t="str">
            <v>Distribution</v>
          </cell>
        </row>
        <row r="46">
          <cell r="A46" t="str">
            <v>Distribution</v>
          </cell>
        </row>
        <row r="47">
          <cell r="A47" t="str">
            <v>Distribution</v>
          </cell>
        </row>
        <row r="48">
          <cell r="A48" t="str">
            <v>Distribution</v>
          </cell>
        </row>
        <row r="49">
          <cell r="A49" t="str">
            <v>Distribution</v>
          </cell>
        </row>
        <row r="50">
          <cell r="A50" t="str">
            <v>Distribution</v>
          </cell>
        </row>
        <row r="51">
          <cell r="A51" t="str">
            <v>Distribution</v>
          </cell>
        </row>
        <row r="52">
          <cell r="A52" t="str">
            <v>Distribution</v>
          </cell>
        </row>
        <row r="53">
          <cell r="A53" t="str">
            <v>Distribution</v>
          </cell>
        </row>
        <row r="54">
          <cell r="A54" t="str">
            <v>Distribution</v>
          </cell>
        </row>
        <row r="55">
          <cell r="A55" t="str">
            <v>Distribution</v>
          </cell>
        </row>
        <row r="56">
          <cell r="A56" t="str">
            <v>Distribution</v>
          </cell>
        </row>
        <row r="57">
          <cell r="A57" t="str">
            <v>Distribution</v>
          </cell>
        </row>
        <row r="58">
          <cell r="A58" t="str">
            <v>Distribution</v>
          </cell>
        </row>
        <row r="59">
          <cell r="A59" t="str">
            <v>Distribution</v>
          </cell>
        </row>
        <row r="60">
          <cell r="A60" t="str">
            <v>Distribution</v>
          </cell>
        </row>
        <row r="61">
          <cell r="A61" t="str">
            <v>Distribution</v>
          </cell>
        </row>
        <row r="62">
          <cell r="A62" t="str">
            <v>Distribution</v>
          </cell>
        </row>
        <row r="63">
          <cell r="A63" t="str">
            <v>Distribution</v>
          </cell>
        </row>
        <row r="64">
          <cell r="A64" t="str">
            <v>Distribution</v>
          </cell>
        </row>
        <row r="65">
          <cell r="A65" t="str">
            <v>Distribution</v>
          </cell>
        </row>
        <row r="66">
          <cell r="A66" t="str">
            <v>Distribution</v>
          </cell>
        </row>
        <row r="67">
          <cell r="A67" t="str">
            <v>Distribution</v>
          </cell>
        </row>
        <row r="68">
          <cell r="A68" t="str">
            <v>Distribution</v>
          </cell>
        </row>
        <row r="69">
          <cell r="A69" t="str">
            <v>Distribution</v>
          </cell>
        </row>
        <row r="70">
          <cell r="A70" t="str">
            <v>Distribution</v>
          </cell>
        </row>
        <row r="71">
          <cell r="A71" t="str">
            <v>Distribution</v>
          </cell>
        </row>
        <row r="72">
          <cell r="A72" t="str">
            <v>Distribution</v>
          </cell>
        </row>
        <row r="73">
          <cell r="A73" t="str">
            <v>Distribution</v>
          </cell>
        </row>
        <row r="74">
          <cell r="A74" t="str">
            <v>Distribution</v>
          </cell>
        </row>
        <row r="75">
          <cell r="A75" t="str">
            <v>Distribution</v>
          </cell>
        </row>
        <row r="76">
          <cell r="A76" t="str">
            <v>Distribution</v>
          </cell>
        </row>
        <row r="77">
          <cell r="A77" t="str">
            <v>Distribution</v>
          </cell>
        </row>
        <row r="78">
          <cell r="A78" t="str">
            <v>Distribution</v>
          </cell>
        </row>
        <row r="79">
          <cell r="A79" t="str">
            <v>Distribution</v>
          </cell>
        </row>
        <row r="80">
          <cell r="A80" t="str">
            <v>Distribution</v>
          </cell>
        </row>
        <row r="81">
          <cell r="A81" t="str">
            <v>Distribution</v>
          </cell>
        </row>
        <row r="82">
          <cell r="A82" t="str">
            <v>Distribution</v>
          </cell>
        </row>
        <row r="83">
          <cell r="A83" t="str">
            <v>Distribution</v>
          </cell>
        </row>
        <row r="84">
          <cell r="A84" t="str">
            <v>Distribution</v>
          </cell>
        </row>
        <row r="85">
          <cell r="A85" t="str">
            <v>Distribution</v>
          </cell>
        </row>
        <row r="86">
          <cell r="A86" t="str">
            <v>Distribution</v>
          </cell>
        </row>
        <row r="87">
          <cell r="A87" t="str">
            <v>Distribution</v>
          </cell>
        </row>
        <row r="88">
          <cell r="A88" t="str">
            <v>Distribution</v>
          </cell>
        </row>
        <row r="89">
          <cell r="A89" t="str">
            <v>Distribution</v>
          </cell>
        </row>
        <row r="90">
          <cell r="A90" t="str">
            <v>Distribution</v>
          </cell>
        </row>
        <row r="91">
          <cell r="A91" t="str">
            <v>Distribution</v>
          </cell>
        </row>
        <row r="92">
          <cell r="A92" t="str">
            <v>Distribution</v>
          </cell>
        </row>
        <row r="93">
          <cell r="A93" t="str">
            <v>Distribution</v>
          </cell>
        </row>
        <row r="94">
          <cell r="A94" t="str">
            <v>Distribution</v>
          </cell>
        </row>
        <row r="95">
          <cell r="A95" t="str">
            <v>Distribution</v>
          </cell>
        </row>
        <row r="96">
          <cell r="A96" t="str">
            <v>Distribution</v>
          </cell>
        </row>
        <row r="97">
          <cell r="A97" t="str">
            <v>Distribution</v>
          </cell>
        </row>
        <row r="98">
          <cell r="A98" t="str">
            <v>Distribution</v>
          </cell>
        </row>
        <row r="99">
          <cell r="A99" t="str">
            <v>Distribution</v>
          </cell>
        </row>
        <row r="100">
          <cell r="A100" t="str">
            <v>Distribution</v>
          </cell>
        </row>
        <row r="101">
          <cell r="A101" t="str">
            <v>Distribution</v>
          </cell>
        </row>
        <row r="102">
          <cell r="A102" t="str">
            <v>Distribution</v>
          </cell>
        </row>
        <row r="103">
          <cell r="A103" t="str">
            <v>Distribution</v>
          </cell>
        </row>
        <row r="104">
          <cell r="A104" t="str">
            <v>Distribution</v>
          </cell>
        </row>
        <row r="105">
          <cell r="A105" t="str">
            <v>Distribution</v>
          </cell>
        </row>
        <row r="106">
          <cell r="A106" t="str">
            <v>Distribution</v>
          </cell>
        </row>
        <row r="107">
          <cell r="A107" t="str">
            <v>Distribution</v>
          </cell>
        </row>
        <row r="108">
          <cell r="A108" t="str">
            <v>Distribution</v>
          </cell>
        </row>
        <row r="109">
          <cell r="A109" t="str">
            <v>Distribution</v>
          </cell>
        </row>
        <row r="110">
          <cell r="A110" t="str">
            <v>Distribution</v>
          </cell>
        </row>
        <row r="111">
          <cell r="A111" t="str">
            <v>Distribution</v>
          </cell>
        </row>
        <row r="112">
          <cell r="A112" t="str">
            <v>Distribution</v>
          </cell>
        </row>
        <row r="113">
          <cell r="A113" t="str">
            <v>Distribution</v>
          </cell>
        </row>
        <row r="114">
          <cell r="A114" t="str">
            <v>Distribution</v>
          </cell>
        </row>
        <row r="115">
          <cell r="A115" t="str">
            <v>Distribution</v>
          </cell>
        </row>
        <row r="116">
          <cell r="A116" t="str">
            <v>Distribution</v>
          </cell>
        </row>
        <row r="117">
          <cell r="A117" t="str">
            <v>Distribution</v>
          </cell>
        </row>
        <row r="118">
          <cell r="A118" t="str">
            <v>Distribution</v>
          </cell>
        </row>
        <row r="119">
          <cell r="A119" t="str">
            <v>Distribution</v>
          </cell>
        </row>
        <row r="120">
          <cell r="A120" t="str">
            <v>Distribution</v>
          </cell>
        </row>
        <row r="121">
          <cell r="A121" t="str">
            <v>Distribution</v>
          </cell>
        </row>
        <row r="122">
          <cell r="A122" t="str">
            <v>Distribution</v>
          </cell>
        </row>
        <row r="123">
          <cell r="A123" t="str">
            <v>Distribution</v>
          </cell>
        </row>
        <row r="124">
          <cell r="A124" t="str">
            <v>Distribution</v>
          </cell>
        </row>
        <row r="125">
          <cell r="A125" t="str">
            <v>Distribution</v>
          </cell>
        </row>
        <row r="126">
          <cell r="A126" t="str">
            <v>Distribution</v>
          </cell>
        </row>
        <row r="127">
          <cell r="A127" t="str">
            <v>Distribution</v>
          </cell>
        </row>
        <row r="128">
          <cell r="A128" t="str">
            <v>Distribution</v>
          </cell>
        </row>
        <row r="129">
          <cell r="A129" t="str">
            <v>Distribution</v>
          </cell>
        </row>
        <row r="130">
          <cell r="A130" t="str">
            <v>Distribution</v>
          </cell>
        </row>
        <row r="131">
          <cell r="A131" t="str">
            <v>Distribution</v>
          </cell>
        </row>
        <row r="132">
          <cell r="A132" t="str">
            <v>Distribution</v>
          </cell>
        </row>
        <row r="133">
          <cell r="A133" t="str">
            <v>Distribution</v>
          </cell>
        </row>
        <row r="134">
          <cell r="A134" t="str">
            <v>Distribution</v>
          </cell>
        </row>
        <row r="135">
          <cell r="A135" t="str">
            <v>Distribution</v>
          </cell>
        </row>
        <row r="136">
          <cell r="A136" t="str">
            <v>Distribution</v>
          </cell>
        </row>
        <row r="137">
          <cell r="A137" t="str">
            <v>Distribution</v>
          </cell>
        </row>
        <row r="138">
          <cell r="A138" t="str">
            <v>Distribution</v>
          </cell>
        </row>
        <row r="139">
          <cell r="A139" t="str">
            <v>Distribution</v>
          </cell>
        </row>
        <row r="140">
          <cell r="A140" t="str">
            <v>Distribution</v>
          </cell>
        </row>
        <row r="141">
          <cell r="A141" t="str">
            <v>Distribution</v>
          </cell>
        </row>
        <row r="142">
          <cell r="A142" t="str">
            <v>Distribution</v>
          </cell>
        </row>
        <row r="143">
          <cell r="A143" t="str">
            <v>Distribution</v>
          </cell>
        </row>
        <row r="144">
          <cell r="A144" t="str">
            <v>Distribution</v>
          </cell>
        </row>
        <row r="145">
          <cell r="A145" t="str">
            <v>Distribution</v>
          </cell>
        </row>
        <row r="146">
          <cell r="A146" t="str">
            <v>Distribution</v>
          </cell>
        </row>
        <row r="147">
          <cell r="A147" t="str">
            <v>Distribution</v>
          </cell>
        </row>
        <row r="148">
          <cell r="A148" t="str">
            <v>Distribution</v>
          </cell>
        </row>
        <row r="149">
          <cell r="A149" t="str">
            <v>Distribution</v>
          </cell>
        </row>
        <row r="150">
          <cell r="A150" t="str">
            <v>Distribution</v>
          </cell>
        </row>
        <row r="151">
          <cell r="A151" t="str">
            <v>Distribution</v>
          </cell>
        </row>
        <row r="152">
          <cell r="A152" t="str">
            <v>Distribution</v>
          </cell>
        </row>
        <row r="153">
          <cell r="A153" t="str">
            <v>Distribution</v>
          </cell>
        </row>
        <row r="154">
          <cell r="A154" t="str">
            <v>Distribution</v>
          </cell>
        </row>
        <row r="155">
          <cell r="A155" t="str">
            <v>Distribution</v>
          </cell>
        </row>
        <row r="156">
          <cell r="A156" t="str">
            <v>Distribution</v>
          </cell>
        </row>
        <row r="157">
          <cell r="A157" t="str">
            <v>Distribution</v>
          </cell>
        </row>
        <row r="158">
          <cell r="A158" t="str">
            <v>Distribution</v>
          </cell>
        </row>
        <row r="159">
          <cell r="A159" t="str">
            <v>Distribution</v>
          </cell>
        </row>
        <row r="160">
          <cell r="A160" t="str">
            <v>Distribution</v>
          </cell>
        </row>
        <row r="161">
          <cell r="A161" t="str">
            <v>Distribution</v>
          </cell>
        </row>
        <row r="162">
          <cell r="A162" t="str">
            <v>Distribution</v>
          </cell>
        </row>
        <row r="163">
          <cell r="A163" t="str">
            <v>Distribution</v>
          </cell>
        </row>
        <row r="164">
          <cell r="A164" t="str">
            <v>Distribution</v>
          </cell>
        </row>
        <row r="165">
          <cell r="A165" t="str">
            <v>Distribution</v>
          </cell>
        </row>
        <row r="166">
          <cell r="A166" t="str">
            <v>Distribution</v>
          </cell>
        </row>
        <row r="167">
          <cell r="A167" t="str">
            <v>Distribution</v>
          </cell>
        </row>
        <row r="168">
          <cell r="A168" t="str">
            <v>Distribution</v>
          </cell>
        </row>
        <row r="169">
          <cell r="A169" t="str">
            <v>Distribution</v>
          </cell>
        </row>
        <row r="170">
          <cell r="A170" t="str">
            <v>Distribution</v>
          </cell>
        </row>
        <row r="171">
          <cell r="A171" t="str">
            <v>Distribution</v>
          </cell>
        </row>
        <row r="172">
          <cell r="A172" t="str">
            <v>Distribution</v>
          </cell>
        </row>
        <row r="173">
          <cell r="A173" t="str">
            <v>Distribution</v>
          </cell>
        </row>
        <row r="174">
          <cell r="A174" t="str">
            <v>Distribution</v>
          </cell>
        </row>
        <row r="175">
          <cell r="A175" t="str">
            <v>Distribution</v>
          </cell>
        </row>
        <row r="176">
          <cell r="A176" t="str">
            <v>Distribution</v>
          </cell>
        </row>
        <row r="177">
          <cell r="A177" t="str">
            <v>Distribution</v>
          </cell>
        </row>
        <row r="178">
          <cell r="A178" t="str">
            <v>Distribution</v>
          </cell>
        </row>
        <row r="179">
          <cell r="A179" t="str">
            <v>Distribution</v>
          </cell>
        </row>
        <row r="180">
          <cell r="A180" t="str">
            <v>Distribution</v>
          </cell>
        </row>
        <row r="181">
          <cell r="A181" t="str">
            <v>Distribution</v>
          </cell>
        </row>
        <row r="182">
          <cell r="A182" t="str">
            <v>Distribution</v>
          </cell>
        </row>
        <row r="183">
          <cell r="A183" t="str">
            <v>Distribution</v>
          </cell>
        </row>
        <row r="184">
          <cell r="A184" t="str">
            <v>Distribution</v>
          </cell>
        </row>
        <row r="185">
          <cell r="A185" t="str">
            <v>Distribution</v>
          </cell>
        </row>
        <row r="186">
          <cell r="A186" t="str">
            <v>Distribution</v>
          </cell>
        </row>
        <row r="187">
          <cell r="A187" t="str">
            <v>Distribution</v>
          </cell>
        </row>
        <row r="188">
          <cell r="A188" t="str">
            <v>Distribution</v>
          </cell>
        </row>
        <row r="189">
          <cell r="A189" t="str">
            <v>Distribution</v>
          </cell>
        </row>
        <row r="190">
          <cell r="A190" t="str">
            <v>Distribution</v>
          </cell>
        </row>
        <row r="191">
          <cell r="A191" t="str">
            <v>Distribution</v>
          </cell>
        </row>
        <row r="192">
          <cell r="A192" t="str">
            <v>Distribution</v>
          </cell>
        </row>
        <row r="193">
          <cell r="A193" t="str">
            <v>Distribution</v>
          </cell>
        </row>
        <row r="194">
          <cell r="A194" t="str">
            <v>Distribution</v>
          </cell>
        </row>
        <row r="195">
          <cell r="A195" t="str">
            <v>Distribution</v>
          </cell>
        </row>
        <row r="196">
          <cell r="A196" t="str">
            <v>Distribution</v>
          </cell>
        </row>
        <row r="197">
          <cell r="A197" t="str">
            <v>Distribution</v>
          </cell>
        </row>
        <row r="198">
          <cell r="A198" t="str">
            <v>Distribution</v>
          </cell>
        </row>
        <row r="199">
          <cell r="A199" t="str">
            <v>Distribution</v>
          </cell>
        </row>
        <row r="200">
          <cell r="A200" t="str">
            <v>Distribution</v>
          </cell>
        </row>
        <row r="201">
          <cell r="A201" t="str">
            <v>Distribution</v>
          </cell>
        </row>
        <row r="202">
          <cell r="A202" t="str">
            <v>Distribution</v>
          </cell>
        </row>
        <row r="203">
          <cell r="A203" t="str">
            <v>Distribution</v>
          </cell>
        </row>
        <row r="204">
          <cell r="A204" t="str">
            <v>Distribution</v>
          </cell>
        </row>
        <row r="205">
          <cell r="A205" t="str">
            <v>Distribution</v>
          </cell>
        </row>
        <row r="206">
          <cell r="A206" t="str">
            <v>Distribution</v>
          </cell>
        </row>
        <row r="207">
          <cell r="A207" t="str">
            <v>Distribution</v>
          </cell>
        </row>
        <row r="208">
          <cell r="A208" t="str">
            <v>Distribution</v>
          </cell>
        </row>
        <row r="209">
          <cell r="A209" t="str">
            <v>Distribution</v>
          </cell>
        </row>
        <row r="210">
          <cell r="A210" t="str">
            <v>Distribution</v>
          </cell>
        </row>
        <row r="211">
          <cell r="A211" t="str">
            <v>Distribution</v>
          </cell>
        </row>
        <row r="212">
          <cell r="A212" t="str">
            <v>Distribution</v>
          </cell>
        </row>
        <row r="213">
          <cell r="A213" t="str">
            <v>Distribution</v>
          </cell>
        </row>
        <row r="214">
          <cell r="A214" t="str">
            <v>Distribution</v>
          </cell>
        </row>
        <row r="215">
          <cell r="A215" t="str">
            <v>Distribution</v>
          </cell>
        </row>
        <row r="216">
          <cell r="A216" t="str">
            <v>Distribution</v>
          </cell>
        </row>
        <row r="217">
          <cell r="A217" t="str">
            <v>Distribution</v>
          </cell>
        </row>
        <row r="218">
          <cell r="A218" t="str">
            <v>Distribution</v>
          </cell>
        </row>
        <row r="219">
          <cell r="A219" t="str">
            <v>Distribution</v>
          </cell>
        </row>
        <row r="220">
          <cell r="A220" t="str">
            <v>Distribution</v>
          </cell>
        </row>
        <row r="221">
          <cell r="A221" t="str">
            <v>Distribution</v>
          </cell>
        </row>
        <row r="222">
          <cell r="A222" t="str">
            <v>Distribution</v>
          </cell>
        </row>
        <row r="223">
          <cell r="A223" t="str">
            <v>Distribution</v>
          </cell>
        </row>
        <row r="224">
          <cell r="A224" t="str">
            <v>Distribution</v>
          </cell>
        </row>
        <row r="225">
          <cell r="A225" t="str">
            <v>Distribution</v>
          </cell>
        </row>
        <row r="226">
          <cell r="A226" t="str">
            <v>Distribution</v>
          </cell>
        </row>
        <row r="227">
          <cell r="A227" t="str">
            <v>Distribution</v>
          </cell>
        </row>
        <row r="228">
          <cell r="A228" t="str">
            <v>Distribution</v>
          </cell>
        </row>
        <row r="229">
          <cell r="A229" t="str">
            <v>Distribution</v>
          </cell>
        </row>
        <row r="230">
          <cell r="A230" t="str">
            <v>Distribution</v>
          </cell>
        </row>
        <row r="231">
          <cell r="A231" t="str">
            <v>Distribution</v>
          </cell>
        </row>
        <row r="232">
          <cell r="A232" t="str">
            <v>Distribution</v>
          </cell>
        </row>
        <row r="233">
          <cell r="A233" t="str">
            <v>Group Admin</v>
          </cell>
        </row>
        <row r="234">
          <cell r="A234" t="str">
            <v>Group Admin</v>
          </cell>
        </row>
        <row r="235">
          <cell r="A235" t="str">
            <v>Group Admin</v>
          </cell>
        </row>
        <row r="236">
          <cell r="A236" t="str">
            <v>Group Admin</v>
          </cell>
        </row>
        <row r="237">
          <cell r="A237" t="str">
            <v>Group Admin</v>
          </cell>
        </row>
        <row r="238">
          <cell r="A238" t="str">
            <v>Group Admin</v>
          </cell>
        </row>
        <row r="239">
          <cell r="A239" t="str">
            <v>Group Admin</v>
          </cell>
        </row>
        <row r="240">
          <cell r="A240" t="str">
            <v>Integration</v>
          </cell>
        </row>
        <row r="241">
          <cell r="A241" t="str">
            <v>Integration</v>
          </cell>
        </row>
        <row r="242">
          <cell r="A242" t="str">
            <v>Integration</v>
          </cell>
        </row>
        <row r="243">
          <cell r="A243" t="str">
            <v>Integration</v>
          </cell>
        </row>
        <row r="244">
          <cell r="A244" t="str">
            <v>Integration</v>
          </cell>
        </row>
        <row r="245">
          <cell r="A245" t="str">
            <v>Integration</v>
          </cell>
        </row>
        <row r="246">
          <cell r="A246" t="str">
            <v>Other</v>
          </cell>
        </row>
        <row r="247">
          <cell r="A247" t="str">
            <v>Other</v>
          </cell>
        </row>
        <row r="248">
          <cell r="A248" t="str">
            <v>Other</v>
          </cell>
        </row>
        <row r="249">
          <cell r="A249" t="str">
            <v>Other</v>
          </cell>
        </row>
        <row r="250">
          <cell r="A250" t="str">
            <v>Other</v>
          </cell>
        </row>
        <row r="251">
          <cell r="A251" t="str">
            <v>Other</v>
          </cell>
        </row>
        <row r="252">
          <cell r="A252" t="str">
            <v>Other</v>
          </cell>
        </row>
        <row r="253">
          <cell r="A253" t="str">
            <v>Other</v>
          </cell>
        </row>
        <row r="254">
          <cell r="A254" t="str">
            <v>Other</v>
          </cell>
        </row>
        <row r="255">
          <cell r="A255" t="str">
            <v>Other</v>
          </cell>
        </row>
        <row r="256">
          <cell r="A256" t="str">
            <v>Other</v>
          </cell>
        </row>
        <row r="257">
          <cell r="A257" t="str">
            <v>Other</v>
          </cell>
        </row>
        <row r="258">
          <cell r="A258" t="str">
            <v>Other</v>
          </cell>
        </row>
        <row r="259">
          <cell r="A259" t="str">
            <v>Other</v>
          </cell>
        </row>
        <row r="260">
          <cell r="A260" t="str">
            <v>Other</v>
          </cell>
        </row>
        <row r="261">
          <cell r="A261" t="str">
            <v>Other</v>
          </cell>
        </row>
        <row r="262">
          <cell r="A262" t="str">
            <v>Other</v>
          </cell>
        </row>
        <row r="263">
          <cell r="A263" t="str">
            <v>Other</v>
          </cell>
        </row>
        <row r="264">
          <cell r="A264" t="str">
            <v>Other</v>
          </cell>
        </row>
        <row r="265">
          <cell r="A265" t="str">
            <v>Other</v>
          </cell>
        </row>
        <row r="266">
          <cell r="A266" t="str">
            <v>Other</v>
          </cell>
        </row>
        <row r="267">
          <cell r="A267" t="str">
            <v>Other</v>
          </cell>
        </row>
        <row r="268">
          <cell r="A268" t="str">
            <v>Other</v>
          </cell>
        </row>
        <row r="269">
          <cell r="A269" t="str">
            <v>Other</v>
          </cell>
        </row>
        <row r="270">
          <cell r="A270" t="str">
            <v>Other</v>
          </cell>
        </row>
        <row r="271">
          <cell r="A271" t="str">
            <v>Other</v>
          </cell>
        </row>
        <row r="272">
          <cell r="A272" t="str">
            <v>Other</v>
          </cell>
        </row>
        <row r="273">
          <cell r="A273" t="str">
            <v>Other</v>
          </cell>
        </row>
        <row r="274">
          <cell r="A274" t="str">
            <v>Other</v>
          </cell>
        </row>
        <row r="275">
          <cell r="A275" t="str">
            <v>Other</v>
          </cell>
        </row>
        <row r="276">
          <cell r="A276" t="str">
            <v>Other</v>
          </cell>
        </row>
        <row r="277">
          <cell r="A277" t="str">
            <v>Other</v>
          </cell>
        </row>
        <row r="278">
          <cell r="A278" t="str">
            <v>Other</v>
          </cell>
        </row>
        <row r="279">
          <cell r="A279" t="str">
            <v>Other</v>
          </cell>
        </row>
        <row r="280">
          <cell r="A280" t="str">
            <v>Other</v>
          </cell>
        </row>
        <row r="281">
          <cell r="A281" t="str">
            <v>Other</v>
          </cell>
        </row>
        <row r="282">
          <cell r="A282" t="str">
            <v>Other</v>
          </cell>
        </row>
        <row r="283">
          <cell r="A283" t="str">
            <v>Other</v>
          </cell>
        </row>
        <row r="284">
          <cell r="A284" t="str">
            <v>Other</v>
          </cell>
        </row>
        <row r="285">
          <cell r="A285" t="str">
            <v>Other</v>
          </cell>
        </row>
        <row r="286">
          <cell r="A286" t="str">
            <v>Other</v>
          </cell>
        </row>
        <row r="287">
          <cell r="A287" t="str">
            <v>Other</v>
          </cell>
        </row>
        <row r="288">
          <cell r="A288" t="str">
            <v>Other</v>
          </cell>
        </row>
        <row r="289">
          <cell r="A289" t="str">
            <v>Other</v>
          </cell>
        </row>
        <row r="290">
          <cell r="A290" t="str">
            <v>Other</v>
          </cell>
        </row>
        <row r="291">
          <cell r="A291" t="str">
            <v>Other</v>
          </cell>
        </row>
        <row r="292">
          <cell r="A292" t="str">
            <v>Other</v>
          </cell>
        </row>
        <row r="293">
          <cell r="A293" t="str">
            <v>Other</v>
          </cell>
        </row>
        <row r="294">
          <cell r="A294" t="str">
            <v>Other</v>
          </cell>
        </row>
        <row r="295">
          <cell r="A295" t="str">
            <v>Other</v>
          </cell>
        </row>
        <row r="296">
          <cell r="A296" t="str">
            <v>Other</v>
          </cell>
        </row>
        <row r="297">
          <cell r="A297" t="str">
            <v>Other</v>
          </cell>
        </row>
        <row r="298">
          <cell r="A298" t="str">
            <v>Other</v>
          </cell>
        </row>
        <row r="299">
          <cell r="A299" t="str">
            <v>Other</v>
          </cell>
        </row>
        <row r="300">
          <cell r="A300" t="str">
            <v>PEC WMS Cap</v>
          </cell>
        </row>
        <row r="301">
          <cell r="A301" t="str">
            <v>PEC WMS Cap</v>
          </cell>
        </row>
        <row r="302">
          <cell r="A302" t="str">
            <v>PEC WMS Cap</v>
          </cell>
        </row>
        <row r="303">
          <cell r="A303" t="str">
            <v>PEC WMS Cap</v>
          </cell>
        </row>
        <row r="304">
          <cell r="A304" t="str">
            <v>PEC WMS Cap</v>
          </cell>
        </row>
        <row r="305">
          <cell r="A305" t="str">
            <v>PEC WMS Cap</v>
          </cell>
        </row>
        <row r="306">
          <cell r="A306" t="str">
            <v>PEC WMS Cap</v>
          </cell>
        </row>
        <row r="307">
          <cell r="A307" t="str">
            <v>PEC WMS Cap</v>
          </cell>
        </row>
        <row r="308">
          <cell r="A308" t="str">
            <v>PEC WMS Cap</v>
          </cell>
        </row>
        <row r="309">
          <cell r="A309" t="str">
            <v>PEC WMS Cap</v>
          </cell>
        </row>
        <row r="310">
          <cell r="A310" t="str">
            <v>PEC WMS O&amp;M</v>
          </cell>
        </row>
        <row r="311">
          <cell r="A311" t="str">
            <v>PEC WMS O&amp;M</v>
          </cell>
        </row>
        <row r="312">
          <cell r="A312" t="str">
            <v>PEC WMS O&amp;M</v>
          </cell>
        </row>
        <row r="313">
          <cell r="A313" t="str">
            <v>PEC WMS O&amp;M</v>
          </cell>
        </row>
        <row r="314">
          <cell r="A314" t="str">
            <v>PEC WMS O&amp;M</v>
          </cell>
        </row>
        <row r="315">
          <cell r="A315" t="str">
            <v>PEC WMS O&amp;M</v>
          </cell>
        </row>
        <row r="316">
          <cell r="A316" t="str">
            <v>PEC WMS O&amp;M</v>
          </cell>
        </row>
        <row r="317">
          <cell r="A317" t="str">
            <v>PEC WMS O&amp;M</v>
          </cell>
        </row>
        <row r="318">
          <cell r="A318" t="str">
            <v>PEC WMS O&amp;M</v>
          </cell>
        </row>
        <row r="319">
          <cell r="A319" t="str">
            <v>PEF</v>
          </cell>
        </row>
        <row r="320">
          <cell r="A320" t="str">
            <v>PEF</v>
          </cell>
        </row>
        <row r="321">
          <cell r="A321" t="str">
            <v>PEF</v>
          </cell>
        </row>
        <row r="322">
          <cell r="A322" t="str">
            <v>PEF</v>
          </cell>
        </row>
        <row r="323">
          <cell r="A323" t="str">
            <v>PEF</v>
          </cell>
        </row>
        <row r="324">
          <cell r="A324" t="str">
            <v>PEF</v>
          </cell>
        </row>
        <row r="325">
          <cell r="A325" t="str">
            <v>PEF</v>
          </cell>
        </row>
        <row r="326">
          <cell r="A326" t="str">
            <v>PEF</v>
          </cell>
        </row>
        <row r="327">
          <cell r="A327" t="str">
            <v>PEF</v>
          </cell>
        </row>
        <row r="328">
          <cell r="A328" t="str">
            <v>PEF</v>
          </cell>
        </row>
        <row r="329">
          <cell r="A329" t="str">
            <v>PEF</v>
          </cell>
        </row>
        <row r="330">
          <cell r="A330" t="str">
            <v>PEF</v>
          </cell>
        </row>
        <row r="331">
          <cell r="A331" t="str">
            <v>PEF</v>
          </cell>
        </row>
        <row r="332">
          <cell r="A332" t="str">
            <v>PEF</v>
          </cell>
        </row>
        <row r="333">
          <cell r="A333" t="str">
            <v>PEF</v>
          </cell>
        </row>
        <row r="334">
          <cell r="A334" t="str">
            <v>PEF</v>
          </cell>
        </row>
        <row r="335">
          <cell r="A335" t="str">
            <v>PEF</v>
          </cell>
        </row>
        <row r="336">
          <cell r="A336" t="str">
            <v>PEF</v>
          </cell>
        </row>
        <row r="337">
          <cell r="A337" t="str">
            <v>PEF</v>
          </cell>
        </row>
        <row r="338">
          <cell r="A338" t="str">
            <v>Region</v>
          </cell>
        </row>
        <row r="339">
          <cell r="A339" t="str">
            <v>Region</v>
          </cell>
        </row>
        <row r="340">
          <cell r="A340" t="str">
            <v>Region</v>
          </cell>
        </row>
        <row r="341">
          <cell r="A341" t="str">
            <v>Region</v>
          </cell>
        </row>
        <row r="342">
          <cell r="A342" t="str">
            <v>Region</v>
          </cell>
        </row>
        <row r="343">
          <cell r="A343" t="str">
            <v>Region</v>
          </cell>
        </row>
        <row r="344">
          <cell r="A344" t="str">
            <v>Region</v>
          </cell>
        </row>
        <row r="345">
          <cell r="A345" t="str">
            <v>Region</v>
          </cell>
        </row>
        <row r="346">
          <cell r="A346" t="str">
            <v>Region</v>
          </cell>
        </row>
        <row r="347">
          <cell r="A347" t="str">
            <v>Region</v>
          </cell>
        </row>
        <row r="348">
          <cell r="A348" t="str">
            <v>Region</v>
          </cell>
        </row>
        <row r="349">
          <cell r="A349" t="str">
            <v>Region</v>
          </cell>
        </row>
        <row r="350">
          <cell r="A350" t="str">
            <v>Region</v>
          </cell>
        </row>
        <row r="351">
          <cell r="A351" t="str">
            <v>Region</v>
          </cell>
        </row>
        <row r="352">
          <cell r="A352" t="str">
            <v>Region</v>
          </cell>
        </row>
        <row r="353">
          <cell r="A353" t="str">
            <v>Region</v>
          </cell>
        </row>
        <row r="354">
          <cell r="A354" t="str">
            <v>Region</v>
          </cell>
        </row>
        <row r="355">
          <cell r="A355" t="str">
            <v>Region</v>
          </cell>
        </row>
        <row r="356">
          <cell r="A356" t="str">
            <v>Region</v>
          </cell>
        </row>
        <row r="357">
          <cell r="A357" t="str">
            <v>Region</v>
          </cell>
        </row>
        <row r="358">
          <cell r="A358" t="str">
            <v>Region</v>
          </cell>
        </row>
        <row r="359">
          <cell r="A359" t="str">
            <v>Region</v>
          </cell>
        </row>
        <row r="360">
          <cell r="A360" t="str">
            <v>Region</v>
          </cell>
        </row>
        <row r="361">
          <cell r="A361" t="str">
            <v>Region</v>
          </cell>
        </row>
        <row r="362">
          <cell r="A362" t="str">
            <v>Region</v>
          </cell>
        </row>
        <row r="363">
          <cell r="A363" t="str">
            <v>Region</v>
          </cell>
        </row>
        <row r="364">
          <cell r="A364" t="str">
            <v>Region</v>
          </cell>
        </row>
        <row r="365">
          <cell r="A365" t="str">
            <v>Region</v>
          </cell>
        </row>
        <row r="366">
          <cell r="A366" t="str">
            <v>Region</v>
          </cell>
        </row>
        <row r="367">
          <cell r="A367" t="str">
            <v>Region</v>
          </cell>
        </row>
        <row r="368">
          <cell r="A368" t="str">
            <v>Region</v>
          </cell>
        </row>
        <row r="369">
          <cell r="A369" t="str">
            <v>Region</v>
          </cell>
        </row>
        <row r="370">
          <cell r="A370" t="str">
            <v>Region</v>
          </cell>
        </row>
        <row r="371">
          <cell r="A371" t="str">
            <v>Region</v>
          </cell>
        </row>
        <row r="372">
          <cell r="A372" t="str">
            <v>Region</v>
          </cell>
        </row>
        <row r="373">
          <cell r="A373" t="str">
            <v>Region</v>
          </cell>
        </row>
        <row r="374">
          <cell r="A374" t="str">
            <v>Region</v>
          </cell>
        </row>
        <row r="375">
          <cell r="A375" t="str">
            <v>Region</v>
          </cell>
        </row>
        <row r="376">
          <cell r="A376" t="str">
            <v>Region</v>
          </cell>
        </row>
        <row r="377">
          <cell r="A377" t="str">
            <v>Region</v>
          </cell>
        </row>
        <row r="378">
          <cell r="A378" t="str">
            <v>Region</v>
          </cell>
        </row>
        <row r="379">
          <cell r="A379" t="str">
            <v>Region</v>
          </cell>
        </row>
        <row r="380">
          <cell r="A380" t="str">
            <v>Region</v>
          </cell>
        </row>
        <row r="381">
          <cell r="A381" t="str">
            <v>Region</v>
          </cell>
        </row>
        <row r="382">
          <cell r="A382" t="str">
            <v>Region</v>
          </cell>
        </row>
        <row r="383">
          <cell r="A383" t="str">
            <v>Region</v>
          </cell>
        </row>
        <row r="384">
          <cell r="A384" t="str">
            <v>Region</v>
          </cell>
        </row>
        <row r="385">
          <cell r="A385" t="str">
            <v>Region</v>
          </cell>
        </row>
        <row r="386">
          <cell r="A386" t="str">
            <v>Region</v>
          </cell>
        </row>
        <row r="387">
          <cell r="A387" t="str">
            <v>Region</v>
          </cell>
        </row>
        <row r="388">
          <cell r="A388" t="str">
            <v>Region</v>
          </cell>
        </row>
        <row r="389">
          <cell r="A389" t="str">
            <v>Region</v>
          </cell>
        </row>
        <row r="390">
          <cell r="A390" t="str">
            <v>Region</v>
          </cell>
        </row>
        <row r="391">
          <cell r="A391" t="str">
            <v>Region</v>
          </cell>
        </row>
        <row r="392">
          <cell r="A392" t="str">
            <v>Region</v>
          </cell>
        </row>
        <row r="393">
          <cell r="A393" t="str">
            <v>Region</v>
          </cell>
        </row>
        <row r="394">
          <cell r="A394" t="str">
            <v>Region</v>
          </cell>
        </row>
        <row r="395">
          <cell r="A395" t="str">
            <v>Region</v>
          </cell>
        </row>
        <row r="396">
          <cell r="A396" t="str">
            <v>Region</v>
          </cell>
        </row>
        <row r="397">
          <cell r="A397" t="str">
            <v>Region</v>
          </cell>
        </row>
        <row r="398">
          <cell r="A398" t="str">
            <v>Region</v>
          </cell>
        </row>
        <row r="399">
          <cell r="A399" t="str">
            <v>Region</v>
          </cell>
        </row>
        <row r="400">
          <cell r="A400" t="str">
            <v>Region</v>
          </cell>
        </row>
        <row r="401">
          <cell r="A401" t="str">
            <v>Region</v>
          </cell>
        </row>
        <row r="402">
          <cell r="A402" t="str">
            <v>Region</v>
          </cell>
        </row>
        <row r="403">
          <cell r="A403" t="str">
            <v>Region</v>
          </cell>
        </row>
        <row r="404">
          <cell r="A404" t="str">
            <v>Region</v>
          </cell>
        </row>
        <row r="405">
          <cell r="A405" t="str">
            <v>Region</v>
          </cell>
        </row>
        <row r="406">
          <cell r="A406" t="str">
            <v>Region</v>
          </cell>
        </row>
        <row r="407">
          <cell r="A407" t="str">
            <v>Region</v>
          </cell>
        </row>
        <row r="408">
          <cell r="A408" t="str">
            <v>Region</v>
          </cell>
        </row>
        <row r="409">
          <cell r="A409" t="str">
            <v>Region</v>
          </cell>
        </row>
        <row r="410">
          <cell r="A410" t="str">
            <v>Resource Management &amp; Construction</v>
          </cell>
        </row>
        <row r="411">
          <cell r="A411" t="str">
            <v>Resource Management &amp; Construction</v>
          </cell>
        </row>
        <row r="412">
          <cell r="A412" t="str">
            <v>Resource Management &amp; Construction</v>
          </cell>
        </row>
        <row r="413">
          <cell r="A413" t="str">
            <v>Resource Management &amp; Construction</v>
          </cell>
        </row>
        <row r="414">
          <cell r="A414" t="str">
            <v>Resource Management &amp; Construction</v>
          </cell>
        </row>
        <row r="415">
          <cell r="A415" t="str">
            <v>Resource Management &amp; Construction</v>
          </cell>
        </row>
        <row r="416">
          <cell r="A416" t="str">
            <v>Resource Management &amp; Construction</v>
          </cell>
        </row>
        <row r="417">
          <cell r="A417" t="str">
            <v>Resource Management &amp; Construction</v>
          </cell>
        </row>
        <row r="418">
          <cell r="A418" t="str">
            <v>Resource Management &amp; Construction</v>
          </cell>
        </row>
        <row r="419">
          <cell r="A419" t="str">
            <v>Resource Management &amp; Construction</v>
          </cell>
        </row>
        <row r="420">
          <cell r="A420" t="str">
            <v>Resource Management &amp; Construction</v>
          </cell>
        </row>
        <row r="421">
          <cell r="A421" t="str">
            <v>Resource Management &amp; Construction</v>
          </cell>
        </row>
        <row r="422">
          <cell r="A422" t="str">
            <v>Resource Management &amp; Construction</v>
          </cell>
        </row>
        <row r="423">
          <cell r="A423" t="str">
            <v>Resource Management &amp; Construction</v>
          </cell>
        </row>
        <row r="424">
          <cell r="A424" t="str">
            <v>Resource Management &amp; Construction</v>
          </cell>
        </row>
        <row r="425">
          <cell r="A425" t="str">
            <v>Resource Management &amp; Construction</v>
          </cell>
        </row>
        <row r="426">
          <cell r="A426" t="str">
            <v>Resource Management &amp; Construction</v>
          </cell>
        </row>
        <row r="427">
          <cell r="A427" t="str">
            <v>Resource Management &amp; Construction</v>
          </cell>
        </row>
        <row r="428">
          <cell r="A428" t="str">
            <v>Resource Management &amp; Construction</v>
          </cell>
        </row>
        <row r="429">
          <cell r="A429" t="str">
            <v>Resource Management &amp; Construction</v>
          </cell>
        </row>
        <row r="430">
          <cell r="A430" t="str">
            <v>Resource Management &amp; Construction</v>
          </cell>
        </row>
        <row r="431">
          <cell r="A431" t="str">
            <v>Resource Management &amp; Construction</v>
          </cell>
        </row>
        <row r="432">
          <cell r="A432" t="str">
            <v>Resource Management &amp; Construction</v>
          </cell>
        </row>
        <row r="433">
          <cell r="A433" t="str">
            <v>Resource Management &amp; Construction</v>
          </cell>
        </row>
        <row r="434">
          <cell r="A434" t="str">
            <v>Resource Management &amp; Construction</v>
          </cell>
        </row>
        <row r="435">
          <cell r="A435" t="str">
            <v>Resource Management &amp; Construction</v>
          </cell>
        </row>
        <row r="436">
          <cell r="A436" t="str">
            <v>Resource Management &amp; Construction</v>
          </cell>
        </row>
        <row r="437">
          <cell r="A437" t="str">
            <v>Resource Management &amp; Construction</v>
          </cell>
        </row>
        <row r="438">
          <cell r="A438" t="str">
            <v>Resource Management &amp; Construction</v>
          </cell>
        </row>
        <row r="439">
          <cell r="A439" t="str">
            <v>Smart Grid</v>
          </cell>
        </row>
        <row r="440">
          <cell r="A440" t="str">
            <v>Smart Grid</v>
          </cell>
        </row>
        <row r="441">
          <cell r="A441" t="str">
            <v>Smart Grid</v>
          </cell>
        </row>
        <row r="442">
          <cell r="A442" t="str">
            <v>Smart Grid</v>
          </cell>
        </row>
        <row r="443">
          <cell r="A443" t="str">
            <v>Smart Grid</v>
          </cell>
        </row>
        <row r="444">
          <cell r="A444" t="str">
            <v>Smart Grid</v>
          </cell>
        </row>
        <row r="445">
          <cell r="A445" t="str">
            <v>Smart Grid</v>
          </cell>
        </row>
        <row r="446">
          <cell r="A446" t="str">
            <v>Smart Grid</v>
          </cell>
        </row>
        <row r="447">
          <cell r="A447" t="str">
            <v>Smart Grid</v>
          </cell>
        </row>
        <row r="448">
          <cell r="A448" t="str">
            <v>Smart Grid</v>
          </cell>
        </row>
        <row r="449">
          <cell r="A449" t="str">
            <v>Smart Grid</v>
          </cell>
        </row>
        <row r="450">
          <cell r="A450" t="str">
            <v>Smart Grid</v>
          </cell>
        </row>
        <row r="451">
          <cell r="A451" t="str">
            <v>Smart Grid</v>
          </cell>
        </row>
        <row r="452">
          <cell r="A452" t="str">
            <v>Smart Grid</v>
          </cell>
        </row>
        <row r="453">
          <cell r="A453" t="str">
            <v>Smart Grid</v>
          </cell>
        </row>
        <row r="454">
          <cell r="A454" t="str">
            <v>Smart Grid</v>
          </cell>
        </row>
        <row r="455">
          <cell r="A455" t="str">
            <v>Smart Grid</v>
          </cell>
        </row>
        <row r="456">
          <cell r="A456" t="str">
            <v>Smart Grid</v>
          </cell>
        </row>
        <row r="457">
          <cell r="A457" t="str">
            <v>Smart Grid</v>
          </cell>
        </row>
        <row r="458">
          <cell r="A458" t="str">
            <v>Smart Grid</v>
          </cell>
        </row>
        <row r="459">
          <cell r="A459" t="str">
            <v>Smart Grid</v>
          </cell>
        </row>
        <row r="460">
          <cell r="A460" t="str">
            <v>Smart Grid</v>
          </cell>
        </row>
        <row r="461">
          <cell r="A461" t="str">
            <v>Smart Grid</v>
          </cell>
        </row>
        <row r="462">
          <cell r="A462" t="str">
            <v>Smart Grid</v>
          </cell>
        </row>
        <row r="463">
          <cell r="A463" t="str">
            <v>Smart Grid</v>
          </cell>
        </row>
        <row r="464">
          <cell r="A464" t="str">
            <v>Smart Grid</v>
          </cell>
        </row>
        <row r="465">
          <cell r="A465" t="str">
            <v>Smart Grid</v>
          </cell>
        </row>
        <row r="466">
          <cell r="A466" t="str">
            <v>Smart Grid</v>
          </cell>
        </row>
        <row r="467">
          <cell r="A467" t="str">
            <v>Smart Grid</v>
          </cell>
        </row>
        <row r="468">
          <cell r="A468" t="str">
            <v>Smart Grid</v>
          </cell>
        </row>
        <row r="469">
          <cell r="A469" t="str">
            <v>Smart Grid</v>
          </cell>
        </row>
        <row r="470">
          <cell r="A470" t="str">
            <v>Smart Grid</v>
          </cell>
        </row>
        <row r="471">
          <cell r="A471" t="str">
            <v>Smart Grid</v>
          </cell>
        </row>
        <row r="472">
          <cell r="A472" t="str">
            <v>Smart Grid</v>
          </cell>
        </row>
        <row r="473">
          <cell r="A473" t="str">
            <v>Smart Grid</v>
          </cell>
        </row>
        <row r="474">
          <cell r="A474" t="str">
            <v>Smart Grid</v>
          </cell>
        </row>
        <row r="475">
          <cell r="A475" t="str">
            <v>Smart Grid</v>
          </cell>
        </row>
        <row r="476">
          <cell r="A476" t="str">
            <v>Smart Grid</v>
          </cell>
        </row>
        <row r="477">
          <cell r="A477" t="str">
            <v>Smart Grid</v>
          </cell>
        </row>
        <row r="478">
          <cell r="A478" t="str">
            <v>Smart Grid</v>
          </cell>
        </row>
        <row r="479">
          <cell r="A479" t="str">
            <v>Smart Grid</v>
          </cell>
        </row>
        <row r="480">
          <cell r="A480" t="str">
            <v>Smart Grid</v>
          </cell>
        </row>
        <row r="481">
          <cell r="A481" t="str">
            <v>Smart Grid</v>
          </cell>
        </row>
        <row r="482">
          <cell r="A482" t="str">
            <v>Storm</v>
          </cell>
        </row>
        <row r="483">
          <cell r="A483" t="str">
            <v>Storm</v>
          </cell>
        </row>
        <row r="484">
          <cell r="A484" t="str">
            <v>Storm</v>
          </cell>
        </row>
        <row r="485">
          <cell r="A485" t="str">
            <v>Storm</v>
          </cell>
        </row>
        <row r="486">
          <cell r="A486" t="str">
            <v>Storm</v>
          </cell>
        </row>
        <row r="487">
          <cell r="A487" t="str">
            <v>Storm</v>
          </cell>
        </row>
        <row r="488">
          <cell r="A488" t="str">
            <v>Storm</v>
          </cell>
        </row>
        <row r="489">
          <cell r="A489" t="str">
            <v>Storm</v>
          </cell>
        </row>
        <row r="490">
          <cell r="A490" t="str">
            <v>Storm</v>
          </cell>
        </row>
        <row r="491">
          <cell r="A491" t="str">
            <v>Storm</v>
          </cell>
        </row>
        <row r="492">
          <cell r="A492" t="str">
            <v>Storm</v>
          </cell>
        </row>
        <row r="493">
          <cell r="A493" t="str">
            <v>Storm</v>
          </cell>
        </row>
        <row r="494">
          <cell r="A494" t="str">
            <v>Storm</v>
          </cell>
        </row>
        <row r="495">
          <cell r="A495" t="str">
            <v>Storm</v>
          </cell>
        </row>
        <row r="496">
          <cell r="A496" t="str">
            <v>Storm</v>
          </cell>
        </row>
        <row r="497">
          <cell r="A497" t="str">
            <v>Storm</v>
          </cell>
        </row>
        <row r="498">
          <cell r="A498" t="str">
            <v>Storm</v>
          </cell>
        </row>
        <row r="499">
          <cell r="A499" t="str">
            <v>Storm</v>
          </cell>
        </row>
        <row r="500">
          <cell r="A500" t="str">
            <v>Storm</v>
          </cell>
        </row>
        <row r="501">
          <cell r="A501" t="str">
            <v>Storm</v>
          </cell>
        </row>
        <row r="502">
          <cell r="A502" t="str">
            <v>Storm</v>
          </cell>
        </row>
        <row r="503">
          <cell r="A503" t="str">
            <v>Storm</v>
          </cell>
        </row>
        <row r="504">
          <cell r="A504" t="str">
            <v>Storm</v>
          </cell>
        </row>
        <row r="505">
          <cell r="A505" t="str">
            <v>Storm</v>
          </cell>
        </row>
        <row r="506">
          <cell r="A506" t="str">
            <v>Storm</v>
          </cell>
        </row>
        <row r="507">
          <cell r="A507" t="str">
            <v>Storm</v>
          </cell>
        </row>
        <row r="508">
          <cell r="A508" t="str">
            <v>Storm</v>
          </cell>
        </row>
        <row r="509">
          <cell r="A509" t="str">
            <v>Storm</v>
          </cell>
        </row>
        <row r="510">
          <cell r="A510" t="str">
            <v>Storm</v>
          </cell>
        </row>
        <row r="511">
          <cell r="A511" t="str">
            <v>Transmission</v>
          </cell>
        </row>
        <row r="512">
          <cell r="A512" t="str">
            <v>Transmission</v>
          </cell>
        </row>
        <row r="513">
          <cell r="A513" t="str">
            <v>Transmission</v>
          </cell>
        </row>
        <row r="514">
          <cell r="A514" t="str">
            <v>Transmission</v>
          </cell>
        </row>
        <row r="515">
          <cell r="A515" t="str">
            <v>Transmission</v>
          </cell>
        </row>
        <row r="516">
          <cell r="A516" t="str">
            <v>Transmission</v>
          </cell>
        </row>
        <row r="517">
          <cell r="A517" t="str">
            <v>Transmission</v>
          </cell>
        </row>
        <row r="518">
          <cell r="A518" t="str">
            <v>Transmission</v>
          </cell>
        </row>
        <row r="519">
          <cell r="A519" t="str">
            <v>Transmission</v>
          </cell>
        </row>
        <row r="520">
          <cell r="A520" t="str">
            <v>Transmission</v>
          </cell>
        </row>
        <row r="521">
          <cell r="A521" t="str">
            <v>Transmission</v>
          </cell>
        </row>
        <row r="522">
          <cell r="A522" t="str">
            <v>Transmission</v>
          </cell>
        </row>
        <row r="523">
          <cell r="A523" t="str">
            <v>Transmission</v>
          </cell>
        </row>
        <row r="524">
          <cell r="A524" t="str">
            <v>Vacancy Factor</v>
          </cell>
        </row>
      </sheetData>
      <sheetData sheetId="2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.0 General"/>
      <sheetName val="2.0 Escalation Rates"/>
      <sheetName val="3.0 Regulatory Accounting"/>
      <sheetName val="4.0 Internal Labor"/>
      <sheetName val="4.0 Internal Labor (2)"/>
      <sheetName val="5.0 Facilities"/>
      <sheetName val="Table 5.3 Facilities"/>
      <sheetName val="6.0 A&amp;G Overhead"/>
      <sheetName val="Table 7.0 Advertising Expenses"/>
      <sheetName val="8.0 Association Dues"/>
      <sheetName val="9.0 Benefits"/>
      <sheetName val="10.0 Insurance"/>
      <sheetName val="11.0 Credit Facilities"/>
      <sheetName val="12.0 Professional Services"/>
      <sheetName val="13.0 Regulatory Expenses"/>
      <sheetName val="14.0 R&amp;D"/>
      <sheetName val="15.0 Shareholder Services"/>
      <sheetName val="16.0 Vehicles"/>
      <sheetName val="17.0 Contract Services"/>
      <sheetName val="18.0 M&amp;S Procurement"/>
      <sheetName val="Table 18.1 M&amp;S Procurement"/>
      <sheetName val="18.2 M&amp;S Unit Costs"/>
      <sheetName val="19.0 Telecom"/>
      <sheetName val="20.0 Call Center"/>
      <sheetName val="21.0 Bill Processing"/>
      <sheetName val="22.0 Information Systems"/>
      <sheetName val="Table 22.1 IS"/>
      <sheetName val="Table 22.2 IS"/>
      <sheetName val="Table 22.3 IS"/>
      <sheetName val="Table 22.4 IS"/>
      <sheetName val="Table 22.5 IS"/>
      <sheetName val="Table 22.6 IS"/>
      <sheetName val="Table 22.7A IS"/>
      <sheetName val="Table 22.7B IS "/>
      <sheetName val="Table 22.8 IS"/>
      <sheetName val="Table 22.9 IS"/>
      <sheetName val="23.0 Nuclear Generation"/>
      <sheetName val="Data for DropDowns"/>
    </sheetNames>
    <sheetDataSet>
      <sheetData sheetId="0" refreshError="1">
        <row r="31">
          <cell r="C31">
            <v>200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an 2013"/>
      <sheetName val="Feb 2013"/>
      <sheetName val="Mar 2013"/>
      <sheetName val="Apr 2013"/>
      <sheetName val="May 2013"/>
      <sheetName val="Jun 2013"/>
      <sheetName val="Jul 2013"/>
      <sheetName val="Aug 2013"/>
      <sheetName val="Sep 2013"/>
      <sheetName val="Production Attendence"/>
      <sheetName val="all failures"/>
      <sheetName val="Summary"/>
      <sheetName val="Pas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">
          <cell r="L1" t="str">
            <v>G7432</v>
          </cell>
          <cell r="M1" t="str">
            <v>as-built hung up in eMax</v>
          </cell>
        </row>
        <row r="2">
          <cell r="L2" t="str">
            <v>G3294</v>
          </cell>
          <cell r="M2" t="str">
            <v>as-built hung up in eMax</v>
          </cell>
        </row>
        <row r="3">
          <cell r="L3" t="str">
            <v>G8495</v>
          </cell>
          <cell r="M3" t="str">
            <v>as-built hung up in eMax</v>
          </cell>
        </row>
        <row r="4">
          <cell r="L4" t="str">
            <v>G8553</v>
          </cell>
          <cell r="M4" t="str">
            <v>as-built hung up in eMax</v>
          </cell>
        </row>
        <row r="5">
          <cell r="L5" t="str">
            <v>G9169</v>
          </cell>
          <cell r="M5" t="str">
            <v>as-built hung up in eMax</v>
          </cell>
        </row>
        <row r="6">
          <cell r="L6" t="str">
            <v>G9483</v>
          </cell>
          <cell r="M6" t="str">
            <v>as-built hung up in eMax</v>
          </cell>
        </row>
        <row r="7">
          <cell r="L7" t="str">
            <v>G9664</v>
          </cell>
          <cell r="M7" t="str">
            <v>as-built hung up in eMax</v>
          </cell>
        </row>
        <row r="8">
          <cell r="L8" t="str">
            <v>H0946</v>
          </cell>
          <cell r="M8" t="str">
            <v>as-built hung up in eMax</v>
          </cell>
        </row>
        <row r="9">
          <cell r="L9">
            <v>0</v>
          </cell>
        </row>
        <row r="10">
          <cell r="L10">
            <v>0</v>
          </cell>
        </row>
        <row r="11">
          <cell r="L11">
            <v>0</v>
          </cell>
        </row>
        <row r="12">
          <cell r="L12">
            <v>0</v>
          </cell>
        </row>
        <row r="13">
          <cell r="L13">
            <v>0</v>
          </cell>
        </row>
        <row r="14">
          <cell r="L14">
            <v>0</v>
          </cell>
        </row>
        <row r="15">
          <cell r="L15">
            <v>0</v>
          </cell>
        </row>
        <row r="16">
          <cell r="L16">
            <v>0</v>
          </cell>
        </row>
        <row r="17">
          <cell r="L17">
            <v>0</v>
          </cell>
        </row>
        <row r="18">
          <cell r="L18">
            <v>0</v>
          </cell>
        </row>
        <row r="19">
          <cell r="L19">
            <v>0</v>
          </cell>
        </row>
        <row r="20">
          <cell r="L20">
            <v>0</v>
          </cell>
        </row>
        <row r="21">
          <cell r="L21">
            <v>0</v>
          </cell>
        </row>
        <row r="22">
          <cell r="L22">
            <v>0</v>
          </cell>
        </row>
        <row r="23">
          <cell r="L23">
            <v>0</v>
          </cell>
        </row>
        <row r="24">
          <cell r="L24">
            <v>0</v>
          </cell>
        </row>
        <row r="25">
          <cell r="L25">
            <v>0</v>
          </cell>
        </row>
        <row r="26">
          <cell r="L26">
            <v>0</v>
          </cell>
        </row>
        <row r="27">
          <cell r="L27">
            <v>0</v>
          </cell>
        </row>
        <row r="28">
          <cell r="L28">
            <v>0</v>
          </cell>
        </row>
        <row r="29">
          <cell r="L29">
            <v>0</v>
          </cell>
        </row>
        <row r="30">
          <cell r="L30">
            <v>0</v>
          </cell>
        </row>
        <row r="31">
          <cell r="L31">
            <v>0</v>
          </cell>
        </row>
        <row r="32">
          <cell r="L32">
            <v>0</v>
          </cell>
        </row>
        <row r="33">
          <cell r="L33">
            <v>0</v>
          </cell>
        </row>
        <row r="34">
          <cell r="L34">
            <v>0</v>
          </cell>
        </row>
        <row r="35">
          <cell r="L35">
            <v>0</v>
          </cell>
        </row>
        <row r="36">
          <cell r="L36">
            <v>0</v>
          </cell>
        </row>
        <row r="37">
          <cell r="L37">
            <v>0</v>
          </cell>
        </row>
        <row r="38">
          <cell r="L38">
            <v>0</v>
          </cell>
        </row>
        <row r="39">
          <cell r="L39">
            <v>0</v>
          </cell>
        </row>
        <row r="40">
          <cell r="L40">
            <v>0</v>
          </cell>
        </row>
        <row r="41">
          <cell r="L41">
            <v>0</v>
          </cell>
        </row>
        <row r="42">
          <cell r="L42">
            <v>0</v>
          </cell>
        </row>
        <row r="43">
          <cell r="L43">
            <v>0</v>
          </cell>
        </row>
        <row r="44">
          <cell r="L44">
            <v>0</v>
          </cell>
        </row>
        <row r="45">
          <cell r="L45">
            <v>0</v>
          </cell>
        </row>
        <row r="46">
          <cell r="L46">
            <v>0</v>
          </cell>
        </row>
        <row r="47">
          <cell r="L47">
            <v>0</v>
          </cell>
        </row>
        <row r="48">
          <cell r="L48">
            <v>0</v>
          </cell>
        </row>
        <row r="49">
          <cell r="L49">
            <v>0</v>
          </cell>
        </row>
        <row r="50">
          <cell r="L50">
            <v>0</v>
          </cell>
        </row>
        <row r="51">
          <cell r="L51">
            <v>0</v>
          </cell>
        </row>
        <row r="52">
          <cell r="L52">
            <v>0</v>
          </cell>
        </row>
        <row r="53">
          <cell r="L53">
            <v>0</v>
          </cell>
        </row>
        <row r="54">
          <cell r="L54">
            <v>0</v>
          </cell>
        </row>
        <row r="55">
          <cell r="L55">
            <v>0</v>
          </cell>
        </row>
        <row r="56">
          <cell r="L56">
            <v>0</v>
          </cell>
        </row>
        <row r="57">
          <cell r="L57">
            <v>0</v>
          </cell>
        </row>
        <row r="58">
          <cell r="L58">
            <v>0</v>
          </cell>
        </row>
        <row r="59">
          <cell r="L59">
            <v>0</v>
          </cell>
        </row>
        <row r="60">
          <cell r="L60">
            <v>0</v>
          </cell>
        </row>
        <row r="61">
          <cell r="L61">
            <v>0</v>
          </cell>
        </row>
        <row r="62">
          <cell r="L62">
            <v>0</v>
          </cell>
        </row>
        <row r="63">
          <cell r="L63">
            <v>0</v>
          </cell>
        </row>
        <row r="64">
          <cell r="L64">
            <v>0</v>
          </cell>
        </row>
        <row r="65">
          <cell r="L65">
            <v>0</v>
          </cell>
        </row>
        <row r="66">
          <cell r="L66">
            <v>0</v>
          </cell>
        </row>
        <row r="67">
          <cell r="L67">
            <v>0</v>
          </cell>
        </row>
        <row r="68">
          <cell r="L68">
            <v>0</v>
          </cell>
        </row>
        <row r="69">
          <cell r="L69">
            <v>0</v>
          </cell>
        </row>
        <row r="70">
          <cell r="L70">
            <v>0</v>
          </cell>
        </row>
        <row r="71">
          <cell r="L71">
            <v>0</v>
          </cell>
        </row>
      </sheetData>
      <sheetData sheetId="1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UNITS"/>
      <sheetName val="Sheet1"/>
      <sheetName val="HOURS"/>
      <sheetName val="HOURS Comp|Cont|Skills Splits"/>
      <sheetName val="Avail hours for graphs"/>
      <sheetName val="HOURS STACKED CHART Midwest All"/>
      <sheetName val="HOURS STACKED Indiana All"/>
      <sheetName val="HOURS STACKED Indiana SE Only"/>
      <sheetName val="HOURS STACKED MDO Company"/>
      <sheetName val="HOURS STACKED Indiana Company "/>
      <sheetName val="HOURS STACKED IndianaSE Company"/>
      <sheetName val="Total MDO graph"/>
      <sheetName val="Total IN graph"/>
      <sheetName val="Total IN-SE Graph"/>
      <sheetName val="Indiana Graph Assumptions"/>
      <sheetName val="Indiana Graph 1"/>
      <sheetName val="Indiana Graph 2"/>
      <sheetName val="Indiana Graph 3"/>
      <sheetName val="Indiana Graph 4"/>
      <sheetName val="Indiana Graph V1"/>
      <sheetName val="MDO Graph"/>
      <sheetName val="Indiana Graph"/>
      <sheetName val="IN-SE Graph"/>
      <sheetName val="IN-SW Graph"/>
      <sheetName val="IN-N Graph"/>
      <sheetName val="OH-KY Graph"/>
      <sheetName val="OH-KY Graph V1"/>
      <sheetName val="Total MDO all (2)"/>
      <sheetName val="Sheet2"/>
      <sheetName val="MDO TOTAL CAP HOURS"/>
      <sheetName val="MDO TOTAL ALL HOURS (2)"/>
      <sheetName val="IN total Cap hrs 1"/>
      <sheetName val="IN total Cap hrs 2"/>
      <sheetName val="IN total Cap hrs 3"/>
      <sheetName val="IN total Cap hrs 4"/>
      <sheetName val="IN total Cap hours"/>
      <sheetName val="OH-KY total cap hours"/>
      <sheetName val="AVAILHOURS"/>
      <sheetName val="IN Avail hrs"/>
      <sheetName val="OH-KY Avail hrs"/>
      <sheetName val="Sheet3"/>
      <sheetName val="Summary"/>
      <sheetName val="Construct"/>
      <sheetName val="Restore"/>
      <sheetName val="Veg Mgmt"/>
      <sheetName val="Maintain"/>
      <sheetName val="T&amp;D Misc"/>
      <sheetName val="Cost Driver"/>
      <sheetName val="2014 CAP"/>
      <sheetName val="2014 OH CAP"/>
      <sheetName val="2014 KY CAP"/>
      <sheetName val="2014 IN CAP"/>
      <sheetName val="Total 2015 CAP"/>
      <sheetName val="2015 OH CAP"/>
      <sheetName val="2015 KY CAP"/>
      <sheetName val="2015 IN CAP"/>
      <sheetName val="Total 2016 CAP"/>
      <sheetName val="2016 OH CAP"/>
      <sheetName val="2016 KY CAP"/>
      <sheetName val="2016 IN CAP"/>
      <sheetName val="1-16 OH CAP"/>
      <sheetName val="2-16 OH CAP"/>
      <sheetName val="3-16 OH CAP"/>
      <sheetName val="4-16 OH CAP"/>
      <sheetName val="5-16 OH CAP"/>
      <sheetName val="6-16 OH CAP"/>
      <sheetName val="7-16 OH CAP"/>
      <sheetName val="8-16 OH CAP"/>
      <sheetName val="9-16 OH CAP"/>
      <sheetName val="10-16 OH CAP"/>
      <sheetName val="11-16 OH CAP"/>
      <sheetName val="12-16 OH CAP"/>
      <sheetName val="1-16 KY CAP"/>
      <sheetName val="2-16 KY CAP"/>
      <sheetName val="3-16 KY CAP"/>
      <sheetName val="4-16 KY CAP"/>
      <sheetName val="5-16 KY CAP"/>
      <sheetName val="6-16 KY CAP"/>
      <sheetName val="7-16 KY CAP"/>
      <sheetName val="8-16 KY CAP"/>
      <sheetName val="9-16 KY CAP"/>
      <sheetName val="10-16 KY CAP"/>
      <sheetName val="11-16 KY CAP"/>
      <sheetName val="12-16 KY CAP"/>
      <sheetName val="1-16 IN CAP"/>
      <sheetName val="2-16 IN CAP"/>
      <sheetName val="3-16 IN CAP"/>
      <sheetName val="4-16 IN CAP"/>
      <sheetName val="5-16 IN CAP"/>
      <sheetName val="6-16 IN CAP"/>
      <sheetName val="7-16 IN CAP"/>
      <sheetName val="8-16 IN CAP"/>
      <sheetName val="9-16 IN CAP"/>
      <sheetName val="10-16 IN CAP"/>
      <sheetName val="11-16 IN CAP"/>
      <sheetName val="12-16 IN CAP"/>
      <sheetName val="N Cost Driver Summary (Cap)"/>
      <sheetName val="310"/>
      <sheetName val="311"/>
      <sheetName val="312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1">
          <cell r="B11" t="str">
            <v>Company</v>
          </cell>
          <cell r="C11">
            <v>172780.80000000005</v>
          </cell>
        </row>
        <row r="12">
          <cell r="B12" t="str">
            <v>Contractor</v>
          </cell>
          <cell r="C12">
            <v>89963.199999999997</v>
          </cell>
        </row>
        <row r="13">
          <cell r="C13">
            <v>262744.00000000006</v>
          </cell>
        </row>
        <row r="15">
          <cell r="B15" t="str">
            <v>Company</v>
          </cell>
          <cell r="C15">
            <v>5702.6284853214784</v>
          </cell>
        </row>
        <row r="16">
          <cell r="B16" t="str">
            <v>Contractor</v>
          </cell>
          <cell r="C16">
            <v>9473.6563678933053</v>
          </cell>
        </row>
        <row r="17">
          <cell r="C17">
            <v>15176.284853214784</v>
          </cell>
        </row>
        <row r="19">
          <cell r="B19" t="str">
            <v>Company</v>
          </cell>
          <cell r="C19">
            <v>450.38545596443464</v>
          </cell>
        </row>
        <row r="20">
          <cell r="B20" t="str">
            <v>Contractor</v>
          </cell>
          <cell r="C20">
            <v>7253.4691036799122</v>
          </cell>
        </row>
        <row r="21">
          <cell r="C21">
            <v>7703.8545596443473</v>
          </cell>
        </row>
        <row r="23">
          <cell r="B23" t="str">
            <v>Company</v>
          </cell>
          <cell r="C23">
            <v>12762.113358221619</v>
          </cell>
        </row>
        <row r="24">
          <cell r="B24" t="str">
            <v>Contractor</v>
          </cell>
          <cell r="C24">
            <v>5280.8534328864762</v>
          </cell>
        </row>
        <row r="25">
          <cell r="C25">
            <v>18042.966791108094</v>
          </cell>
        </row>
        <row r="27">
          <cell r="B27" t="str">
            <v>Company</v>
          </cell>
          <cell r="C27">
            <v>161</v>
          </cell>
        </row>
        <row r="28">
          <cell r="B28" t="str">
            <v>Contractor</v>
          </cell>
        </row>
        <row r="29">
          <cell r="C29">
            <v>161</v>
          </cell>
        </row>
        <row r="31">
          <cell r="B31" t="str">
            <v>Company</v>
          </cell>
          <cell r="C31">
            <v>1163.3325</v>
          </cell>
          <cell r="E31">
            <v>30774.217499999999</v>
          </cell>
        </row>
        <row r="32">
          <cell r="B32" t="str">
            <v>Contractor</v>
          </cell>
        </row>
        <row r="33">
          <cell r="C33">
            <v>1163.3325</v>
          </cell>
          <cell r="E33">
            <v>30774.217499999999</v>
          </cell>
        </row>
        <row r="35">
          <cell r="B35" t="str">
            <v>Company</v>
          </cell>
          <cell r="C35">
            <v>4292.5609999999997</v>
          </cell>
          <cell r="E35">
            <v>6930.4889999999996</v>
          </cell>
        </row>
        <row r="36">
          <cell r="B36" t="str">
            <v>Contractor</v>
          </cell>
        </row>
        <row r="37">
          <cell r="C37">
            <v>4292.5609999999997</v>
          </cell>
          <cell r="E37">
            <v>6930.4889999999996</v>
          </cell>
        </row>
        <row r="39">
          <cell r="B39" t="str">
            <v>Company</v>
          </cell>
        </row>
        <row r="40">
          <cell r="B40" t="str">
            <v>Contractor</v>
          </cell>
          <cell r="C40">
            <v>116379.99999999997</v>
          </cell>
        </row>
        <row r="41">
          <cell r="C41">
            <v>116379.99999999997</v>
          </cell>
        </row>
        <row r="43">
          <cell r="B43" t="str">
            <v>Company</v>
          </cell>
          <cell r="C43">
            <v>575.32969196342185</v>
          </cell>
          <cell r="D43">
            <v>612.03099999999995</v>
          </cell>
        </row>
        <row r="44">
          <cell r="B44" t="str">
            <v>Contractor</v>
          </cell>
          <cell r="C44">
            <v>5177.967227670797</v>
          </cell>
          <cell r="D44">
            <v>2485.4689999999996</v>
          </cell>
        </row>
        <row r="45">
          <cell r="C45">
            <v>5753.2969196342192</v>
          </cell>
          <cell r="D45">
            <v>3097.4999999999995</v>
          </cell>
        </row>
        <row r="47">
          <cell r="B47" t="str">
            <v>Company</v>
          </cell>
          <cell r="C47">
            <v>459.36</v>
          </cell>
        </row>
        <row r="48">
          <cell r="B48" t="str">
            <v>Contractor</v>
          </cell>
          <cell r="C48">
            <v>19.200000000000003</v>
          </cell>
        </row>
        <row r="49">
          <cell r="C49">
            <v>478.56</v>
          </cell>
        </row>
        <row r="51">
          <cell r="B51" t="str">
            <v>Company</v>
          </cell>
          <cell r="C51">
            <v>1390</v>
          </cell>
        </row>
        <row r="52">
          <cell r="B52" t="str">
            <v>Contractor</v>
          </cell>
        </row>
        <row r="53">
          <cell r="C53">
            <v>1390</v>
          </cell>
        </row>
        <row r="55">
          <cell r="B55" t="str">
            <v>Company</v>
          </cell>
          <cell r="C55">
            <v>1800.1643054725962</v>
          </cell>
        </row>
        <row r="56">
          <cell r="B56" t="str">
            <v>Contractor</v>
          </cell>
        </row>
        <row r="57">
          <cell r="C57">
            <v>1800.1643054725962</v>
          </cell>
        </row>
        <row r="59">
          <cell r="B59" t="str">
            <v>Company</v>
          </cell>
          <cell r="C59">
            <v>7974.4953095684796</v>
          </cell>
        </row>
        <row r="60">
          <cell r="B60" t="str">
            <v>Contractor</v>
          </cell>
        </row>
        <row r="61">
          <cell r="C61">
            <v>7974.4953095684796</v>
          </cell>
        </row>
        <row r="63">
          <cell r="B63" t="str">
            <v>Company</v>
          </cell>
          <cell r="C63">
            <v>14</v>
          </cell>
        </row>
        <row r="64">
          <cell r="B64" t="str">
            <v>Contractor</v>
          </cell>
          <cell r="C64">
            <v>113</v>
          </cell>
        </row>
        <row r="65">
          <cell r="C65">
            <v>127</v>
          </cell>
        </row>
        <row r="67">
          <cell r="B67" t="str">
            <v>Company</v>
          </cell>
          <cell r="C67">
            <v>93093.5095</v>
          </cell>
          <cell r="E67">
            <v>39672.740499999993</v>
          </cell>
        </row>
        <row r="68">
          <cell r="B68" t="str">
            <v>Contractor</v>
          </cell>
        </row>
        <row r="69">
          <cell r="C69">
            <v>93093.5095</v>
          </cell>
          <cell r="E69">
            <v>39672.740499999993</v>
          </cell>
        </row>
        <row r="71">
          <cell r="B71" t="str">
            <v>Company</v>
          </cell>
        </row>
        <row r="72">
          <cell r="B72" t="str">
            <v>Contractor</v>
          </cell>
          <cell r="C72">
            <v>51</v>
          </cell>
        </row>
        <row r="73">
          <cell r="C73">
            <v>51</v>
          </cell>
        </row>
        <row r="75">
          <cell r="B75" t="str">
            <v>Company</v>
          </cell>
          <cell r="C75">
            <v>2640</v>
          </cell>
        </row>
        <row r="76">
          <cell r="B76" t="str">
            <v>Contractor</v>
          </cell>
        </row>
        <row r="77">
          <cell r="C77">
            <v>2640</v>
          </cell>
        </row>
        <row r="79">
          <cell r="B79" t="str">
            <v>Company</v>
          </cell>
          <cell r="C79">
            <v>4764.5905195061068</v>
          </cell>
        </row>
        <row r="80">
          <cell r="B80" t="str">
            <v>Contractor</v>
          </cell>
          <cell r="C80">
            <v>6738.3620780244291</v>
          </cell>
        </row>
        <row r="81">
          <cell r="C81">
            <v>11502.952597530537</v>
          </cell>
        </row>
        <row r="83">
          <cell r="B83" t="str">
            <v>Company</v>
          </cell>
        </row>
        <row r="84">
          <cell r="B84" t="str">
            <v>Contractor</v>
          </cell>
          <cell r="C84">
            <v>6296.48</v>
          </cell>
        </row>
        <row r="85">
          <cell r="C85">
            <v>6296.48</v>
          </cell>
        </row>
        <row r="87">
          <cell r="B87" t="str">
            <v>Company</v>
          </cell>
          <cell r="C87">
            <v>5968.3666666666668</v>
          </cell>
        </row>
        <row r="88">
          <cell r="B88" t="str">
            <v>Contractor</v>
          </cell>
          <cell r="C88">
            <v>93.3</v>
          </cell>
        </row>
        <row r="89">
          <cell r="C89">
            <v>6061.666666666667</v>
          </cell>
        </row>
        <row r="91">
          <cell r="B91" t="str">
            <v>Company</v>
          </cell>
          <cell r="C91">
            <v>11412.185252341294</v>
          </cell>
        </row>
        <row r="92">
          <cell r="B92" t="str">
            <v>Contractor</v>
          </cell>
          <cell r="C92">
            <v>3090.9999999999995</v>
          </cell>
        </row>
        <row r="93">
          <cell r="C93">
            <v>14503.185252341294</v>
          </cell>
        </row>
        <row r="95">
          <cell r="B95" t="str">
            <v>Company</v>
          </cell>
          <cell r="C95">
            <v>104981.66666666667</v>
          </cell>
        </row>
        <row r="96">
          <cell r="B96" t="str">
            <v>Contractor</v>
          </cell>
        </row>
        <row r="97">
          <cell r="C97">
            <v>104981.66666666667</v>
          </cell>
        </row>
        <row r="99">
          <cell r="B99" t="str">
            <v>Company</v>
          </cell>
          <cell r="C99">
            <v>2523</v>
          </cell>
        </row>
        <row r="100">
          <cell r="B100" t="str">
            <v>Contractor</v>
          </cell>
        </row>
        <row r="101">
          <cell r="C101">
            <v>2523</v>
          </cell>
        </row>
        <row r="103">
          <cell r="B103" t="str">
            <v>Company</v>
          </cell>
          <cell r="C103">
            <v>42311.08151014521</v>
          </cell>
        </row>
        <row r="104">
          <cell r="B104" t="str">
            <v>Contractor</v>
          </cell>
          <cell r="C104">
            <v>72791.733591306896</v>
          </cell>
        </row>
        <row r="105">
          <cell r="C105">
            <v>115102.81510145211</v>
          </cell>
        </row>
        <row r="107">
          <cell r="B107" t="str">
            <v>Company</v>
          </cell>
          <cell r="C107">
            <v>1248</v>
          </cell>
        </row>
        <row r="108">
          <cell r="B108" t="str">
            <v>Contractor</v>
          </cell>
          <cell r="C108">
            <v>669.47701902107667</v>
          </cell>
        </row>
        <row r="109">
          <cell r="C109">
            <v>1917.4770190210766</v>
          </cell>
        </row>
        <row r="111">
          <cell r="B111" t="str">
            <v>Company</v>
          </cell>
          <cell r="C111">
            <v>8772</v>
          </cell>
        </row>
        <row r="112">
          <cell r="B112" t="str">
            <v>Contractor</v>
          </cell>
        </row>
        <row r="113">
          <cell r="C113">
            <v>8772</v>
          </cell>
        </row>
        <row r="115">
          <cell r="B115" t="str">
            <v>Company</v>
          </cell>
          <cell r="C115">
            <v>32</v>
          </cell>
        </row>
        <row r="116">
          <cell r="B116" t="str">
            <v>Contractor</v>
          </cell>
          <cell r="C116">
            <v>1677</v>
          </cell>
        </row>
        <row r="117">
          <cell r="C117">
            <v>1709</v>
          </cell>
        </row>
        <row r="119">
          <cell r="B119" t="str">
            <v>Company</v>
          </cell>
          <cell r="C119">
            <v>201.72413793103453</v>
          </cell>
        </row>
        <row r="120">
          <cell r="B120" t="str">
            <v>Contractor</v>
          </cell>
          <cell r="C120">
            <v>6246.8965517241377</v>
          </cell>
        </row>
        <row r="121">
          <cell r="C121">
            <v>6448.6206896551721</v>
          </cell>
        </row>
        <row r="123">
          <cell r="B123" t="str">
            <v>Company</v>
          </cell>
          <cell r="C123">
            <v>5597.5627971425929</v>
          </cell>
        </row>
        <row r="124">
          <cell r="B124" t="str">
            <v>Contractor</v>
          </cell>
          <cell r="C124">
            <v>4282.4734107925851</v>
          </cell>
        </row>
        <row r="125">
          <cell r="C125">
            <v>9880.036207935178</v>
          </cell>
        </row>
        <row r="127">
          <cell r="B127" t="str">
            <v>Company</v>
          </cell>
          <cell r="C127">
            <v>2304</v>
          </cell>
        </row>
        <row r="128">
          <cell r="B128" t="str">
            <v>Contractor</v>
          </cell>
        </row>
        <row r="129">
          <cell r="C129">
            <v>2304</v>
          </cell>
        </row>
        <row r="131">
          <cell r="B131" t="str">
            <v>Company</v>
          </cell>
          <cell r="C131">
            <v>8828.5333333333328</v>
          </cell>
        </row>
        <row r="132">
          <cell r="B132" t="str">
            <v>Contractor</v>
          </cell>
          <cell r="C132">
            <v>185.13333333333335</v>
          </cell>
        </row>
        <row r="133">
          <cell r="C133">
            <v>9013.6666666666661</v>
          </cell>
        </row>
        <row r="135">
          <cell r="B135" t="str">
            <v>Company</v>
          </cell>
          <cell r="C135">
            <v>14559.1855</v>
          </cell>
          <cell r="E135">
            <v>38191.114500000003</v>
          </cell>
        </row>
        <row r="136">
          <cell r="B136" t="str">
            <v>Contractor</v>
          </cell>
        </row>
        <row r="137">
          <cell r="C137">
            <v>14559.1855</v>
          </cell>
          <cell r="E137">
            <v>38191.114500000003</v>
          </cell>
        </row>
        <row r="139">
          <cell r="B139" t="str">
            <v>Company</v>
          </cell>
          <cell r="C139">
            <v>32195.583767383061</v>
          </cell>
        </row>
        <row r="140">
          <cell r="B140" t="str">
            <v>Contractor</v>
          </cell>
          <cell r="C140">
            <v>35.177142857142854</v>
          </cell>
        </row>
        <row r="141">
          <cell r="C141">
            <v>32230.760910240206</v>
          </cell>
        </row>
        <row r="143">
          <cell r="B143" t="str">
            <v>Company</v>
          </cell>
          <cell r="C143">
            <v>13284.780007603405</v>
          </cell>
        </row>
        <row r="144">
          <cell r="B144" t="str">
            <v>Contractor</v>
          </cell>
          <cell r="C144">
            <v>1458.5</v>
          </cell>
        </row>
        <row r="145">
          <cell r="C145">
            <v>14743.280007603405</v>
          </cell>
        </row>
        <row r="147">
          <cell r="B147" t="str">
            <v>Company</v>
          </cell>
          <cell r="C147">
            <v>2291.9999999999995</v>
          </cell>
        </row>
        <row r="148">
          <cell r="B148" t="str">
            <v>Contractor</v>
          </cell>
        </row>
        <row r="149">
          <cell r="C149">
            <v>2291.9999999999995</v>
          </cell>
        </row>
        <row r="151">
          <cell r="B151" t="str">
            <v>Company</v>
          </cell>
          <cell r="C151">
            <v>16885</v>
          </cell>
        </row>
        <row r="152">
          <cell r="B152" t="str">
            <v>Contractor</v>
          </cell>
          <cell r="C152">
            <v>5026</v>
          </cell>
        </row>
        <row r="153">
          <cell r="C153">
            <v>21911</v>
          </cell>
        </row>
        <row r="155">
          <cell r="B155" t="str">
            <v>Company</v>
          </cell>
          <cell r="C155">
            <v>6918.3333333333339</v>
          </cell>
        </row>
        <row r="156">
          <cell r="B156" t="str">
            <v>Contractor</v>
          </cell>
          <cell r="C156">
            <v>3576.8888888888891</v>
          </cell>
        </row>
        <row r="157">
          <cell r="C157">
            <v>10495.222222222223</v>
          </cell>
        </row>
        <row r="159">
          <cell r="B159" t="str">
            <v>Company</v>
          </cell>
          <cell r="C159">
            <v>32128.888888888891</v>
          </cell>
        </row>
        <row r="160">
          <cell r="B160" t="str">
            <v>Contractor</v>
          </cell>
          <cell r="C160">
            <v>3044.2222222222226</v>
          </cell>
        </row>
        <row r="161">
          <cell r="C161">
            <v>35173.111111111109</v>
          </cell>
        </row>
        <row r="163">
          <cell r="B163" t="str">
            <v>Company</v>
          </cell>
          <cell r="C163">
            <v>510</v>
          </cell>
        </row>
        <row r="164">
          <cell r="B164" t="str">
            <v>Contractor</v>
          </cell>
        </row>
        <row r="165">
          <cell r="C165">
            <v>510</v>
          </cell>
        </row>
        <row r="167">
          <cell r="B167" t="str">
            <v>Company</v>
          </cell>
          <cell r="C167">
            <v>10452</v>
          </cell>
        </row>
        <row r="168">
          <cell r="B168" t="str">
            <v>Contractor</v>
          </cell>
          <cell r="C168">
            <v>8748</v>
          </cell>
        </row>
        <row r="169">
          <cell r="C169">
            <v>19200</v>
          </cell>
        </row>
        <row r="171">
          <cell r="B171" t="str">
            <v>Company</v>
          </cell>
          <cell r="C171">
            <v>11366.56</v>
          </cell>
        </row>
        <row r="172">
          <cell r="B172" t="str">
            <v>Contractor</v>
          </cell>
        </row>
        <row r="173">
          <cell r="C173">
            <v>11366.56</v>
          </cell>
        </row>
        <row r="175">
          <cell r="B175" t="str">
            <v>Company</v>
          </cell>
          <cell r="C175">
            <v>922</v>
          </cell>
        </row>
        <row r="176">
          <cell r="B176" t="str">
            <v>Contractor</v>
          </cell>
        </row>
        <row r="177">
          <cell r="C177">
            <v>922</v>
          </cell>
        </row>
        <row r="179">
          <cell r="B179" t="str">
            <v>Company</v>
          </cell>
          <cell r="C179">
            <v>2951.76</v>
          </cell>
        </row>
        <row r="180">
          <cell r="B180" t="str">
            <v>Contractor</v>
          </cell>
        </row>
        <row r="181">
          <cell r="C181">
            <v>2951.76</v>
          </cell>
        </row>
        <row r="183">
          <cell r="B183" t="str">
            <v>Company</v>
          </cell>
          <cell r="C183">
            <v>264.96103896103898</v>
          </cell>
        </row>
        <row r="184">
          <cell r="B184" t="str">
            <v>Contractor</v>
          </cell>
        </row>
        <row r="185">
          <cell r="C185">
            <v>264.96103896103898</v>
          </cell>
        </row>
        <row r="187">
          <cell r="B187" t="str">
            <v>Company</v>
          </cell>
          <cell r="C187">
            <v>143128.58466866438</v>
          </cell>
        </row>
        <row r="188">
          <cell r="B188" t="str">
            <v>Contractor</v>
          </cell>
          <cell r="C188">
            <v>155213.56244644214</v>
          </cell>
        </row>
        <row r="189">
          <cell r="C189">
            <v>298342.14711510652</v>
          </cell>
        </row>
        <row r="191">
          <cell r="B191" t="str">
            <v>Company</v>
          </cell>
          <cell r="C191">
            <v>3227.55</v>
          </cell>
        </row>
        <row r="192">
          <cell r="B192" t="str">
            <v>Contractor</v>
          </cell>
          <cell r="C192">
            <v>80.95</v>
          </cell>
        </row>
        <row r="193">
          <cell r="C193">
            <v>3308.5</v>
          </cell>
        </row>
        <row r="195">
          <cell r="B195" t="str">
            <v>Company</v>
          </cell>
          <cell r="C195">
            <v>131642.5</v>
          </cell>
        </row>
        <row r="196">
          <cell r="B196" t="str">
            <v>Contractor</v>
          </cell>
          <cell r="C196">
            <v>8421.1666666666661</v>
          </cell>
        </row>
        <row r="197">
          <cell r="C197">
            <v>140063.66666666666</v>
          </cell>
        </row>
        <row r="199">
          <cell r="B199" t="str">
            <v>Company</v>
          </cell>
          <cell r="C199">
            <v>5616</v>
          </cell>
        </row>
        <row r="200">
          <cell r="B200" t="str">
            <v>Contractor</v>
          </cell>
          <cell r="C200">
            <v>351</v>
          </cell>
        </row>
        <row r="201">
          <cell r="C201">
            <v>5967</v>
          </cell>
        </row>
        <row r="203">
          <cell r="B203" t="str">
            <v>Company</v>
          </cell>
          <cell r="C203">
            <v>3620.3599999999997</v>
          </cell>
        </row>
        <row r="204">
          <cell r="B204" t="str">
            <v>Contractor</v>
          </cell>
          <cell r="C204">
            <v>6720.8399999999992</v>
          </cell>
        </row>
        <row r="205">
          <cell r="C205">
            <v>10341.199999999999</v>
          </cell>
        </row>
        <row r="207">
          <cell r="B207" t="str">
            <v>Company</v>
          </cell>
        </row>
        <row r="208">
          <cell r="B208" t="str">
            <v>Contractor</v>
          </cell>
          <cell r="C208">
            <v>12326.5</v>
          </cell>
        </row>
        <row r="209">
          <cell r="C209">
            <v>12326.5</v>
          </cell>
        </row>
        <row r="211">
          <cell r="B211" t="str">
            <v>Company</v>
          </cell>
          <cell r="C211">
            <v>5189.3316551960434</v>
          </cell>
        </row>
        <row r="212">
          <cell r="B212" t="str">
            <v>Contractor</v>
          </cell>
          <cell r="C212">
            <v>494.79999999999995</v>
          </cell>
        </row>
        <row r="213">
          <cell r="C213">
            <v>5684.1316551960435</v>
          </cell>
        </row>
        <row r="215">
          <cell r="B215" t="str">
            <v>Company</v>
          </cell>
          <cell r="C215">
            <v>9065.27</v>
          </cell>
          <cell r="E215">
            <v>119.47999999999999</v>
          </cell>
        </row>
        <row r="216">
          <cell r="B216" t="str">
            <v>Contractor</v>
          </cell>
        </row>
        <row r="217">
          <cell r="C217">
            <v>9065.27</v>
          </cell>
          <cell r="E217">
            <v>119.47999999999999</v>
          </cell>
        </row>
        <row r="219">
          <cell r="B219" t="str">
            <v>Company</v>
          </cell>
          <cell r="C219">
            <v>1397.1332981810958</v>
          </cell>
        </row>
        <row r="220">
          <cell r="B220" t="str">
            <v>Contractor</v>
          </cell>
          <cell r="C220">
            <v>7.6183910998398936</v>
          </cell>
        </row>
        <row r="221">
          <cell r="C221">
            <v>1404.7516892809358</v>
          </cell>
        </row>
        <row r="223">
          <cell r="B223" t="str">
            <v>Company</v>
          </cell>
          <cell r="C223">
            <v>80</v>
          </cell>
          <cell r="D223">
            <v>234.4</v>
          </cell>
        </row>
        <row r="224">
          <cell r="B224" t="str">
            <v>Contractor</v>
          </cell>
          <cell r="D224">
            <v>516.26666666666665</v>
          </cell>
        </row>
        <row r="225">
          <cell r="C225">
            <v>80</v>
          </cell>
          <cell r="D225">
            <v>750.66666666666663</v>
          </cell>
        </row>
        <row r="227">
          <cell r="B227" t="str">
            <v>Company</v>
          </cell>
        </row>
        <row r="228">
          <cell r="B228" t="str">
            <v>Contractor</v>
          </cell>
          <cell r="C228">
            <v>7131.8408296527796</v>
          </cell>
          <cell r="D228">
            <v>4899.84</v>
          </cell>
        </row>
        <row r="229">
          <cell r="C229">
            <v>7131.8408296527796</v>
          </cell>
          <cell r="D229">
            <v>4899.84</v>
          </cell>
        </row>
        <row r="231">
          <cell r="B231" t="str">
            <v>Company</v>
          </cell>
          <cell r="C231">
            <v>4088</v>
          </cell>
          <cell r="D231">
            <v>552</v>
          </cell>
        </row>
        <row r="232">
          <cell r="B232" t="str">
            <v>Contractor</v>
          </cell>
          <cell r="D232">
            <v>144</v>
          </cell>
        </row>
        <row r="233">
          <cell r="C233">
            <v>4088</v>
          </cell>
          <cell r="D233">
            <v>696</v>
          </cell>
        </row>
        <row r="235">
          <cell r="B235" t="str">
            <v>Company</v>
          </cell>
          <cell r="C235">
            <v>560</v>
          </cell>
        </row>
        <row r="236">
          <cell r="B236" t="str">
            <v>Contractor</v>
          </cell>
        </row>
        <row r="237">
          <cell r="C237">
            <v>560</v>
          </cell>
        </row>
        <row r="239">
          <cell r="B239" t="str">
            <v>Company</v>
          </cell>
          <cell r="C239">
            <v>11.6</v>
          </cell>
        </row>
        <row r="240">
          <cell r="B240" t="str">
            <v>Contractor</v>
          </cell>
        </row>
        <row r="241">
          <cell r="C241">
            <v>11.6</v>
          </cell>
        </row>
        <row r="243">
          <cell r="B243" t="str">
            <v>Company</v>
          </cell>
          <cell r="C243">
            <v>544</v>
          </cell>
        </row>
        <row r="244">
          <cell r="B244" t="str">
            <v>Contractor</v>
          </cell>
        </row>
        <row r="245">
          <cell r="C245">
            <v>544</v>
          </cell>
        </row>
        <row r="247">
          <cell r="B247" t="str">
            <v>Company</v>
          </cell>
          <cell r="C247">
            <v>2272.8000000000002</v>
          </cell>
        </row>
        <row r="248">
          <cell r="B248" t="str">
            <v>Contractor</v>
          </cell>
          <cell r="C248">
            <v>3409.2000000000003</v>
          </cell>
        </row>
        <row r="249">
          <cell r="C249">
            <v>5682</v>
          </cell>
        </row>
        <row r="251">
          <cell r="B251" t="str">
            <v>Company</v>
          </cell>
        </row>
        <row r="252">
          <cell r="B252" t="str">
            <v>Contractor</v>
          </cell>
          <cell r="C252">
            <v>1749.0142808568512</v>
          </cell>
        </row>
        <row r="253">
          <cell r="C253">
            <v>1749.0142808568512</v>
          </cell>
        </row>
        <row r="255">
          <cell r="B255" t="str">
            <v>Company</v>
          </cell>
          <cell r="C255">
            <v>8747.1999999999989</v>
          </cell>
        </row>
        <row r="256">
          <cell r="B256" t="str">
            <v>Contractor</v>
          </cell>
          <cell r="C256">
            <v>3748.7999999999997</v>
          </cell>
        </row>
        <row r="257">
          <cell r="C257">
            <v>12495.999999999998</v>
          </cell>
        </row>
        <row r="259">
          <cell r="B259" t="str">
            <v>Company</v>
          </cell>
          <cell r="C259">
            <v>883.2</v>
          </cell>
        </row>
        <row r="260">
          <cell r="B260" t="str">
            <v>Contractor</v>
          </cell>
          <cell r="C260">
            <v>220.8</v>
          </cell>
        </row>
        <row r="261">
          <cell r="C261">
            <v>1104</v>
          </cell>
        </row>
        <row r="263">
          <cell r="B263" t="str">
            <v>Company</v>
          </cell>
          <cell r="C263">
            <v>542.25</v>
          </cell>
        </row>
        <row r="264">
          <cell r="B264" t="str">
            <v>Contractor</v>
          </cell>
          <cell r="C264">
            <v>180.75</v>
          </cell>
        </row>
        <row r="265">
          <cell r="C265">
            <v>723</v>
          </cell>
        </row>
        <row r="267">
          <cell r="B267" t="str">
            <v>Company</v>
          </cell>
        </row>
        <row r="268">
          <cell r="B268" t="str">
            <v>Contractor</v>
          </cell>
          <cell r="C268">
            <v>1608</v>
          </cell>
        </row>
        <row r="269">
          <cell r="C269">
            <v>1608</v>
          </cell>
        </row>
        <row r="271">
          <cell r="B271" t="str">
            <v>Company</v>
          </cell>
          <cell r="C271">
            <v>7076.8</v>
          </cell>
        </row>
        <row r="272">
          <cell r="B272" t="str">
            <v>Contractor</v>
          </cell>
        </row>
        <row r="273">
          <cell r="C273">
            <v>7076.8</v>
          </cell>
        </row>
        <row r="275">
          <cell r="B275" t="str">
            <v>Company</v>
          </cell>
          <cell r="C275">
            <v>0.02</v>
          </cell>
        </row>
        <row r="276">
          <cell r="B276" t="str">
            <v>Contractor</v>
          </cell>
        </row>
        <row r="277">
          <cell r="C277">
            <v>0.02</v>
          </cell>
        </row>
        <row r="279">
          <cell r="B279" t="str">
            <v>Company</v>
          </cell>
          <cell r="C279">
            <v>1280</v>
          </cell>
        </row>
        <row r="280">
          <cell r="B280" t="str">
            <v>Contractor</v>
          </cell>
        </row>
        <row r="281">
          <cell r="C281">
            <v>1280</v>
          </cell>
        </row>
        <row r="283">
          <cell r="B283" t="str">
            <v>Company</v>
          </cell>
          <cell r="C283">
            <v>240</v>
          </cell>
        </row>
        <row r="284">
          <cell r="B284" t="str">
            <v>Contractor</v>
          </cell>
        </row>
        <row r="285">
          <cell r="C285">
            <v>240</v>
          </cell>
        </row>
        <row r="287">
          <cell r="B287" t="str">
            <v>Company</v>
          </cell>
          <cell r="C287">
            <v>784</v>
          </cell>
        </row>
        <row r="288">
          <cell r="B288" t="str">
            <v>Contractor</v>
          </cell>
        </row>
        <row r="289">
          <cell r="C289">
            <v>784</v>
          </cell>
        </row>
        <row r="291">
          <cell r="B291" t="str">
            <v>Company</v>
          </cell>
          <cell r="C291">
            <v>141.11111111111131</v>
          </cell>
        </row>
        <row r="292">
          <cell r="B292" t="str">
            <v>Contractor</v>
          </cell>
        </row>
        <row r="293">
          <cell r="C293">
            <v>141.11111111111131</v>
          </cell>
        </row>
        <row r="295">
          <cell r="B295" t="str">
            <v>Company</v>
          </cell>
          <cell r="C295">
            <v>72</v>
          </cell>
        </row>
        <row r="296">
          <cell r="B296" t="str">
            <v>Contractor</v>
          </cell>
        </row>
        <row r="297">
          <cell r="C297">
            <v>72</v>
          </cell>
        </row>
        <row r="299">
          <cell r="B299" t="str">
            <v>Company</v>
          </cell>
          <cell r="C299">
            <v>90</v>
          </cell>
        </row>
        <row r="300">
          <cell r="B300" t="str">
            <v>Contractor</v>
          </cell>
        </row>
        <row r="301">
          <cell r="C301">
            <v>90</v>
          </cell>
        </row>
        <row r="303">
          <cell r="B303" t="str">
            <v>Company</v>
          </cell>
          <cell r="C303">
            <v>14546.223000000002</v>
          </cell>
        </row>
        <row r="304">
          <cell r="B304" t="str">
            <v>Contractor</v>
          </cell>
          <cell r="C304">
            <v>1616.2470000000001</v>
          </cell>
        </row>
        <row r="305">
          <cell r="C305">
            <v>16162.470000000001</v>
          </cell>
        </row>
        <row r="307">
          <cell r="B307" t="str">
            <v>Company</v>
          </cell>
          <cell r="C307">
            <v>520</v>
          </cell>
        </row>
        <row r="308">
          <cell r="B308" t="str">
            <v>Contractor</v>
          </cell>
        </row>
        <row r="309">
          <cell r="C309">
            <v>520</v>
          </cell>
        </row>
        <row r="311">
          <cell r="B311" t="str">
            <v>Company</v>
          </cell>
        </row>
        <row r="312">
          <cell r="B312" t="str">
            <v>Contractor</v>
          </cell>
          <cell r="C312">
            <v>480</v>
          </cell>
        </row>
        <row r="313">
          <cell r="C313">
            <v>480</v>
          </cell>
        </row>
        <row r="315">
          <cell r="B315" t="str">
            <v>Company</v>
          </cell>
          <cell r="C315">
            <v>20352.783094383321</v>
          </cell>
        </row>
        <row r="316">
          <cell r="B316" t="str">
            <v>Contractor</v>
          </cell>
          <cell r="C316">
            <v>2312.4784690214246</v>
          </cell>
        </row>
        <row r="317">
          <cell r="C317">
            <v>22665.261563404747</v>
          </cell>
        </row>
        <row r="319">
          <cell r="B319" t="str">
            <v>Company</v>
          </cell>
          <cell r="C319">
            <v>2080</v>
          </cell>
        </row>
        <row r="320">
          <cell r="B320" t="str">
            <v>Contractor</v>
          </cell>
        </row>
        <row r="321">
          <cell r="C321">
            <v>2080</v>
          </cell>
        </row>
        <row r="323">
          <cell r="B323" t="str">
            <v>Company</v>
          </cell>
          <cell r="C323">
            <v>11</v>
          </cell>
        </row>
        <row r="324">
          <cell r="B324" t="str">
            <v>Contractor</v>
          </cell>
        </row>
        <row r="325">
          <cell r="C325">
            <v>11</v>
          </cell>
        </row>
        <row r="327">
          <cell r="B327" t="str">
            <v>Company</v>
          </cell>
          <cell r="C327">
            <v>3</v>
          </cell>
        </row>
        <row r="328">
          <cell r="B328" t="str">
            <v>Contractor</v>
          </cell>
        </row>
        <row r="329">
          <cell r="C329">
            <v>3</v>
          </cell>
        </row>
        <row r="331">
          <cell r="B331" t="str">
            <v>Company</v>
          </cell>
          <cell r="C331">
            <v>33488</v>
          </cell>
        </row>
        <row r="332">
          <cell r="B332" t="str">
            <v>Contractor</v>
          </cell>
          <cell r="C332">
            <v>23260.000000000004</v>
          </cell>
        </row>
        <row r="333">
          <cell r="C333">
            <v>56748</v>
          </cell>
        </row>
        <row r="335">
          <cell r="B335" t="str">
            <v>Company</v>
          </cell>
          <cell r="C335">
            <v>1625.6000000000001</v>
          </cell>
        </row>
        <row r="336">
          <cell r="B336" t="str">
            <v>Contractor</v>
          </cell>
          <cell r="C336">
            <v>294.40000000000003</v>
          </cell>
        </row>
        <row r="337">
          <cell r="C337">
            <v>1920.0000000000002</v>
          </cell>
        </row>
        <row r="339">
          <cell r="B339" t="str">
            <v>Company</v>
          </cell>
          <cell r="C339">
            <v>105.6</v>
          </cell>
        </row>
        <row r="340">
          <cell r="B340" t="str">
            <v>Contractor</v>
          </cell>
          <cell r="C340">
            <v>26.400000000000006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>
        <row r="4">
          <cell r="B4" t="str">
            <v>Values</v>
          </cell>
        </row>
        <row r="5">
          <cell r="B5" t="str">
            <v>Sum of Y1 Jan</v>
          </cell>
          <cell r="C5" t="str">
            <v>Sum of Y1 Feb</v>
          </cell>
          <cell r="D5" t="str">
            <v>Sum of Y1 Mar</v>
          </cell>
          <cell r="E5" t="str">
            <v>Sum of Y1 Apr</v>
          </cell>
        </row>
        <row r="6">
          <cell r="A6" t="str">
            <v>Total</v>
          </cell>
          <cell r="B6">
            <v>147050.72332159226</v>
          </cell>
          <cell r="C6">
            <v>116533.18754325266</v>
          </cell>
          <cell r="D6">
            <v>133312.6987297505</v>
          </cell>
          <cell r="E6">
            <v>126968.41973099593</v>
          </cell>
        </row>
        <row r="7">
          <cell r="D7">
            <v>45685.716965800952</v>
          </cell>
        </row>
        <row r="8">
          <cell r="D8">
            <v>43316.847102916741</v>
          </cell>
        </row>
      </sheetData>
      <sheetData sheetId="39" refreshError="1"/>
      <sheetData sheetId="40" refreshError="1"/>
      <sheetData sheetId="41" refreshError="1"/>
      <sheetData sheetId="42" refreshError="1"/>
      <sheetData sheetId="43">
        <row r="11">
          <cell r="B11">
            <v>0</v>
          </cell>
        </row>
      </sheetData>
      <sheetData sheetId="44">
        <row r="3">
          <cell r="A3">
            <v>2014</v>
          </cell>
        </row>
      </sheetData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>
        <row r="3">
          <cell r="D3"/>
        </row>
      </sheetData>
      <sheetData sheetId="99"/>
      <sheetData sheetId="10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e W Pivot PD by Dept"/>
      <sheetName val="SE - 2"/>
      <sheetName val="MW - 1333"/>
      <sheetName val="Sue W Pivot PD by Dept resear"/>
      <sheetName val="Sue W Pivot PD by Dept- ALL"/>
      <sheetName val="Sue W Pivot PD by Dept-by RC"/>
      <sheetName val="compare hdcts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>Co ID</v>
          </cell>
          <cell r="B1" t="str">
            <v>Name</v>
          </cell>
          <cell r="C1" t="str">
            <v>Worker ID</v>
          </cell>
          <cell r="D1" t="str">
            <v>Name</v>
          </cell>
        </row>
        <row r="2">
          <cell r="A2" t="str">
            <v>326108</v>
          </cell>
          <cell r="B2" t="str">
            <v>Abbott,Ian</v>
          </cell>
          <cell r="C2" t="str">
            <v>326108</v>
          </cell>
          <cell r="D2" t="str">
            <v>Abbott,Ian</v>
          </cell>
        </row>
        <row r="3">
          <cell r="A3" t="str">
            <v>272122</v>
          </cell>
          <cell r="B3" t="str">
            <v>Abrams,Steven E.</v>
          </cell>
          <cell r="C3" t="str">
            <v>272122</v>
          </cell>
          <cell r="D3" t="str">
            <v>Abrams,Steven E.</v>
          </cell>
        </row>
        <row r="4">
          <cell r="A4" t="str">
            <v>017410</v>
          </cell>
          <cell r="B4" t="str">
            <v>Ackermann,Tom</v>
          </cell>
          <cell r="C4" t="str">
            <v>017410</v>
          </cell>
          <cell r="D4" t="str">
            <v>Ackermann,Tom</v>
          </cell>
        </row>
        <row r="5">
          <cell r="A5" t="str">
            <v>027863</v>
          </cell>
          <cell r="B5" t="str">
            <v>Ackley,Drew William</v>
          </cell>
          <cell r="C5" t="str">
            <v>027863</v>
          </cell>
          <cell r="D5" t="str">
            <v>Ackley,Drew William</v>
          </cell>
        </row>
        <row r="6">
          <cell r="A6" t="str">
            <v>027135</v>
          </cell>
          <cell r="B6" t="str">
            <v>Adams,Andre M</v>
          </cell>
          <cell r="C6" t="str">
            <v>027135</v>
          </cell>
          <cell r="D6" t="str">
            <v>Adams,Andre M</v>
          </cell>
        </row>
        <row r="7">
          <cell r="A7" t="str">
            <v>006187</v>
          </cell>
          <cell r="B7" t="str">
            <v>Adams,Jeff</v>
          </cell>
          <cell r="C7" t="str">
            <v>006187</v>
          </cell>
          <cell r="D7" t="str">
            <v>Adams,Jeff</v>
          </cell>
        </row>
        <row r="8">
          <cell r="A8" t="str">
            <v>017421</v>
          </cell>
          <cell r="B8" t="str">
            <v>Adams,Steve</v>
          </cell>
          <cell r="C8" t="str">
            <v>017421</v>
          </cell>
          <cell r="D8" t="str">
            <v>Adams,Steve</v>
          </cell>
        </row>
        <row r="9">
          <cell r="A9" t="str">
            <v>013495</v>
          </cell>
          <cell r="B9" t="str">
            <v>Adams,Tony Lynn</v>
          </cell>
          <cell r="C9" t="str">
            <v>013495</v>
          </cell>
          <cell r="D9" t="str">
            <v>Adams,Tony Lynn</v>
          </cell>
        </row>
        <row r="10">
          <cell r="A10" t="str">
            <v>017423</v>
          </cell>
          <cell r="B10" t="str">
            <v>Addison,Curtis B</v>
          </cell>
          <cell r="C10" t="str">
            <v>017423</v>
          </cell>
          <cell r="D10" t="str">
            <v>Addison,Curtis B</v>
          </cell>
        </row>
        <row r="11">
          <cell r="A11" t="str">
            <v>024948</v>
          </cell>
          <cell r="B11" t="str">
            <v>Agbenu,Abriel</v>
          </cell>
          <cell r="C11" t="str">
            <v>024948</v>
          </cell>
          <cell r="D11" t="str">
            <v>Agbenu,Abriel</v>
          </cell>
        </row>
        <row r="12">
          <cell r="A12" t="str">
            <v>023873</v>
          </cell>
          <cell r="B12" t="str">
            <v>Aker,Ryan</v>
          </cell>
          <cell r="C12" t="str">
            <v>023873</v>
          </cell>
          <cell r="D12" t="str">
            <v>Aker,Ryan</v>
          </cell>
        </row>
        <row r="13">
          <cell r="A13" t="str">
            <v>023430</v>
          </cell>
          <cell r="B13" t="str">
            <v>Akins,Douglas J</v>
          </cell>
          <cell r="C13" t="str">
            <v>023430</v>
          </cell>
          <cell r="D13" t="str">
            <v>Akins,Douglas J</v>
          </cell>
        </row>
        <row r="14">
          <cell r="A14" t="str">
            <v>033504</v>
          </cell>
          <cell r="B14" t="str">
            <v>Alexander,Donnie L</v>
          </cell>
          <cell r="C14" t="str">
            <v>033504</v>
          </cell>
          <cell r="D14" t="str">
            <v>Alexander,Donnie L</v>
          </cell>
        </row>
        <row r="15">
          <cell r="A15" t="str">
            <v>010781</v>
          </cell>
          <cell r="B15" t="str">
            <v>Alexander,Jim</v>
          </cell>
          <cell r="C15" t="str">
            <v>010781</v>
          </cell>
          <cell r="D15" t="str">
            <v>Alexander,Jim</v>
          </cell>
        </row>
        <row r="16">
          <cell r="A16" t="str">
            <v>017448</v>
          </cell>
          <cell r="B16" t="str">
            <v>Allen Jr,Robert L</v>
          </cell>
          <cell r="C16" t="str">
            <v>017448</v>
          </cell>
          <cell r="D16" t="str">
            <v>Allen Jr,Robert L</v>
          </cell>
        </row>
        <row r="17">
          <cell r="A17" t="str">
            <v>017440</v>
          </cell>
          <cell r="B17" t="str">
            <v>Allen,Carolyn Reeseman</v>
          </cell>
          <cell r="C17" t="str">
            <v>017440</v>
          </cell>
          <cell r="D17" t="str">
            <v>Allen,Carolyn Reeseman</v>
          </cell>
        </row>
        <row r="18">
          <cell r="A18" t="str">
            <v>097384</v>
          </cell>
          <cell r="B18" t="str">
            <v>Allen,Jason L</v>
          </cell>
          <cell r="C18" t="str">
            <v>097384</v>
          </cell>
          <cell r="D18" t="str">
            <v>Allen,Jason L</v>
          </cell>
        </row>
        <row r="19">
          <cell r="A19" t="str">
            <v>017465</v>
          </cell>
          <cell r="B19" t="str">
            <v>Amaya,Luis E</v>
          </cell>
          <cell r="C19" t="str">
            <v>017465</v>
          </cell>
          <cell r="D19" t="str">
            <v>Amaya,Luis E</v>
          </cell>
        </row>
        <row r="20">
          <cell r="A20" t="str">
            <v>017473</v>
          </cell>
          <cell r="B20" t="str">
            <v>Amshoff,Eric</v>
          </cell>
          <cell r="C20" t="str">
            <v>017473</v>
          </cell>
          <cell r="D20" t="str">
            <v>Amshoff,Eric</v>
          </cell>
        </row>
        <row r="21">
          <cell r="A21" t="str">
            <v>013150</v>
          </cell>
          <cell r="B21" t="str">
            <v>Anderson,Darrell Glenn</v>
          </cell>
          <cell r="C21" t="str">
            <v>013150</v>
          </cell>
          <cell r="D21" t="str">
            <v>Anderson,Darrell Glenn</v>
          </cell>
        </row>
        <row r="22">
          <cell r="A22" t="str">
            <v>017525</v>
          </cell>
          <cell r="B22" t="str">
            <v>Anderson,Michelle Artis</v>
          </cell>
          <cell r="C22" t="str">
            <v>017525</v>
          </cell>
          <cell r="D22" t="str">
            <v>Anderson,Michelle Artis</v>
          </cell>
        </row>
        <row r="23">
          <cell r="A23" t="str">
            <v>033031</v>
          </cell>
          <cell r="B23" t="str">
            <v>Andreas,Joshua E.</v>
          </cell>
          <cell r="C23" t="str">
            <v>033031</v>
          </cell>
          <cell r="D23" t="str">
            <v>Andreas,Joshua E.</v>
          </cell>
        </row>
        <row r="24">
          <cell r="A24" t="str">
            <v>017494</v>
          </cell>
          <cell r="B24" t="str">
            <v>Andrews,Matt Douglas</v>
          </cell>
          <cell r="C24" t="str">
            <v>017494</v>
          </cell>
          <cell r="D24" t="str">
            <v>Andrews,Matt Douglas</v>
          </cell>
        </row>
        <row r="25">
          <cell r="A25" t="str">
            <v>095089</v>
          </cell>
          <cell r="B25" t="str">
            <v>Angel,James L</v>
          </cell>
          <cell r="C25" t="str">
            <v>095089</v>
          </cell>
          <cell r="D25" t="str">
            <v>Angel,James L</v>
          </cell>
        </row>
        <row r="26">
          <cell r="A26" t="str">
            <v>017504</v>
          </cell>
          <cell r="B26" t="str">
            <v>Antenucci,Beth Rae</v>
          </cell>
          <cell r="C26" t="str">
            <v>017504</v>
          </cell>
          <cell r="D26" t="str">
            <v>Antenucci,Beth Rae</v>
          </cell>
        </row>
        <row r="27">
          <cell r="A27" t="str">
            <v>017515</v>
          </cell>
          <cell r="B27" t="str">
            <v>Armstrong IV,Fred W</v>
          </cell>
          <cell r="C27" t="str">
            <v>017515</v>
          </cell>
          <cell r="D27" t="str">
            <v>Armstrong IV,Fred W</v>
          </cell>
        </row>
        <row r="28">
          <cell r="A28" t="str">
            <v>012999</v>
          </cell>
          <cell r="B28" t="str">
            <v>Armstrong,Jodie Lyrae</v>
          </cell>
          <cell r="C28" t="str">
            <v>012999</v>
          </cell>
          <cell r="D28" t="str">
            <v>Armstrong,Jodie Lyrae</v>
          </cell>
        </row>
        <row r="29">
          <cell r="A29" t="str">
            <v>019034</v>
          </cell>
          <cell r="B29" t="str">
            <v>Arnold,Cecil A</v>
          </cell>
          <cell r="C29" t="str">
            <v>019034</v>
          </cell>
          <cell r="D29" t="str">
            <v>Arnold,Cecil A</v>
          </cell>
        </row>
        <row r="30">
          <cell r="A30" t="str">
            <v>097897</v>
          </cell>
          <cell r="B30" t="str">
            <v>Arnold,Marc W</v>
          </cell>
          <cell r="C30" t="str">
            <v>097897</v>
          </cell>
          <cell r="D30" t="str">
            <v>Arnold,Marc W</v>
          </cell>
        </row>
        <row r="31">
          <cell r="A31" t="str">
            <v>097199</v>
          </cell>
          <cell r="B31" t="str">
            <v>Arstingstall II,Michael R</v>
          </cell>
          <cell r="C31" t="str">
            <v>097199</v>
          </cell>
          <cell r="D31" t="str">
            <v>Arstingstall II,Michael R</v>
          </cell>
        </row>
        <row r="32">
          <cell r="A32" t="str">
            <v>289240</v>
          </cell>
          <cell r="B32" t="str">
            <v>Arthur,Joseph Clinton</v>
          </cell>
          <cell r="C32" t="str">
            <v>289240</v>
          </cell>
          <cell r="D32" t="str">
            <v>Arthur,Joseph Clinton</v>
          </cell>
        </row>
        <row r="33">
          <cell r="A33" t="str">
            <v>017523</v>
          </cell>
          <cell r="B33" t="str">
            <v>Artis,Kevin D</v>
          </cell>
          <cell r="C33" t="str">
            <v>017523</v>
          </cell>
          <cell r="D33" t="str">
            <v>Artis,Kevin D</v>
          </cell>
        </row>
        <row r="34">
          <cell r="A34" t="str">
            <v>291643</v>
          </cell>
          <cell r="B34" t="str">
            <v>Asche,Dustin K</v>
          </cell>
          <cell r="C34" t="str">
            <v>291643</v>
          </cell>
          <cell r="D34" t="str">
            <v>Asche,Dustin K</v>
          </cell>
        </row>
        <row r="35">
          <cell r="A35" t="str">
            <v>017145</v>
          </cell>
          <cell r="B35" t="str">
            <v>Ash,David</v>
          </cell>
          <cell r="C35" t="str">
            <v>017145</v>
          </cell>
          <cell r="D35" t="str">
            <v>Ash,David</v>
          </cell>
        </row>
        <row r="36">
          <cell r="A36" t="str">
            <v>014108</v>
          </cell>
          <cell r="B36" t="str">
            <v>Ashlock,Nancy</v>
          </cell>
          <cell r="C36" t="str">
            <v>014108</v>
          </cell>
          <cell r="D36" t="str">
            <v>Ashlock,Nancy</v>
          </cell>
        </row>
        <row r="37">
          <cell r="A37" t="str">
            <v>015792</v>
          </cell>
          <cell r="B37" t="str">
            <v>Atkins,Russell Lee</v>
          </cell>
          <cell r="C37" t="str">
            <v>015792</v>
          </cell>
          <cell r="D37" t="str">
            <v>Atkins,Russell Lee</v>
          </cell>
        </row>
        <row r="38">
          <cell r="A38" t="str">
            <v>017541</v>
          </cell>
          <cell r="B38" t="str">
            <v>Austin,David J</v>
          </cell>
          <cell r="C38" t="str">
            <v>017541</v>
          </cell>
          <cell r="D38" t="str">
            <v>Austin,David J</v>
          </cell>
        </row>
        <row r="39">
          <cell r="A39" t="str">
            <v>017542</v>
          </cell>
          <cell r="B39" t="str">
            <v>Austin,Howard</v>
          </cell>
          <cell r="C39" t="str">
            <v>017542</v>
          </cell>
          <cell r="D39" t="str">
            <v>Austin,Howard</v>
          </cell>
        </row>
        <row r="40">
          <cell r="A40" t="str">
            <v>023857</v>
          </cell>
          <cell r="B40" t="str">
            <v>Autenrieb,David M</v>
          </cell>
          <cell r="C40" t="str">
            <v>023857</v>
          </cell>
          <cell r="D40" t="str">
            <v>Autenrieb,David M</v>
          </cell>
        </row>
        <row r="41">
          <cell r="A41" t="str">
            <v>017547</v>
          </cell>
          <cell r="B41" t="str">
            <v>Avila,Nancy Sue</v>
          </cell>
          <cell r="C41" t="str">
            <v>017547</v>
          </cell>
          <cell r="D41" t="str">
            <v>Avila,Nancy Sue</v>
          </cell>
        </row>
        <row r="42">
          <cell r="A42" t="str">
            <v>017548</v>
          </cell>
          <cell r="B42" t="str">
            <v>Ayer,Ron</v>
          </cell>
          <cell r="C42" t="str">
            <v>017548</v>
          </cell>
          <cell r="D42" t="str">
            <v>Ayer,Ron</v>
          </cell>
        </row>
        <row r="43">
          <cell r="A43" t="str">
            <v>097956</v>
          </cell>
          <cell r="B43" t="str">
            <v>Ayers,Christopher A</v>
          </cell>
          <cell r="C43" t="str">
            <v>097956</v>
          </cell>
          <cell r="D43" t="str">
            <v>Ayers,Christopher A</v>
          </cell>
        </row>
        <row r="44">
          <cell r="A44" t="str">
            <v>289392</v>
          </cell>
          <cell r="B44" t="str">
            <v>Baber,Dylan M</v>
          </cell>
          <cell r="C44" t="str">
            <v>289392</v>
          </cell>
          <cell r="D44" t="str">
            <v>Baber,Dylan M</v>
          </cell>
        </row>
        <row r="45">
          <cell r="A45" t="str">
            <v>278490</v>
          </cell>
          <cell r="B45" t="str">
            <v>Bach,Travis E.</v>
          </cell>
          <cell r="C45" t="str">
            <v>278490</v>
          </cell>
          <cell r="D45" t="str">
            <v>Bach,Travis E.</v>
          </cell>
        </row>
        <row r="46">
          <cell r="A46" t="str">
            <v>017556</v>
          </cell>
          <cell r="B46" t="str">
            <v>Backscheider,David Wm</v>
          </cell>
          <cell r="C46" t="str">
            <v>017556</v>
          </cell>
          <cell r="D46" t="str">
            <v>Backscheider,David Wm</v>
          </cell>
        </row>
        <row r="47">
          <cell r="A47" t="str">
            <v>030124</v>
          </cell>
          <cell r="B47" t="str">
            <v>Baggatta,Jana K</v>
          </cell>
          <cell r="C47" t="str">
            <v>030124</v>
          </cell>
          <cell r="D47" t="str">
            <v>Baggatta,Jana K</v>
          </cell>
        </row>
        <row r="48">
          <cell r="A48" t="str">
            <v>030579</v>
          </cell>
          <cell r="B48" t="str">
            <v>Baird,Jason Matthew</v>
          </cell>
          <cell r="C48" t="str">
            <v>017561</v>
          </cell>
          <cell r="D48" t="str">
            <v>Bailey,Mattie L</v>
          </cell>
        </row>
        <row r="49">
          <cell r="A49" t="str">
            <v>017572</v>
          </cell>
          <cell r="B49" t="str">
            <v>Baker,Critt A</v>
          </cell>
          <cell r="C49" t="str">
            <v>030579</v>
          </cell>
          <cell r="D49" t="str">
            <v>Baird,Jason Matthew</v>
          </cell>
        </row>
        <row r="50">
          <cell r="A50" t="str">
            <v>291675</v>
          </cell>
          <cell r="B50" t="str">
            <v>Baker,Justin Allen</v>
          </cell>
          <cell r="C50" t="str">
            <v>017572</v>
          </cell>
          <cell r="D50" t="str">
            <v>Baker,Critt A</v>
          </cell>
        </row>
        <row r="51">
          <cell r="A51" t="str">
            <v>275084</v>
          </cell>
          <cell r="B51" t="str">
            <v>Baker,Justin R</v>
          </cell>
          <cell r="C51" t="str">
            <v>291675</v>
          </cell>
          <cell r="D51" t="str">
            <v>Baker,Justin Allen</v>
          </cell>
        </row>
        <row r="52">
          <cell r="A52" t="str">
            <v>029304</v>
          </cell>
          <cell r="B52" t="str">
            <v>Baldrick,Russell Bernard</v>
          </cell>
          <cell r="C52" t="str">
            <v>275084</v>
          </cell>
          <cell r="D52" t="str">
            <v>Baker,Justin R</v>
          </cell>
        </row>
        <row r="53">
          <cell r="A53" t="str">
            <v>097385</v>
          </cell>
          <cell r="B53" t="str">
            <v>Ball,Thomas J</v>
          </cell>
          <cell r="C53" t="str">
            <v>029304</v>
          </cell>
          <cell r="D53" t="str">
            <v>Baldrick,Russell Bernard</v>
          </cell>
        </row>
        <row r="54">
          <cell r="A54" t="str">
            <v>017592</v>
          </cell>
          <cell r="B54" t="str">
            <v>Ballmer,Kevin William</v>
          </cell>
          <cell r="C54" t="str">
            <v>097385</v>
          </cell>
          <cell r="D54" t="str">
            <v>Ball,Thomas J</v>
          </cell>
        </row>
        <row r="55">
          <cell r="A55" t="str">
            <v>287207</v>
          </cell>
          <cell r="B55" t="str">
            <v>Balph,Todd</v>
          </cell>
          <cell r="C55" t="str">
            <v>017592</v>
          </cell>
          <cell r="D55" t="str">
            <v>Ballmer,Kevin William</v>
          </cell>
        </row>
        <row r="56">
          <cell r="A56" t="str">
            <v>018514</v>
          </cell>
          <cell r="B56" t="str">
            <v>Bamforth,Jeff</v>
          </cell>
          <cell r="C56" t="str">
            <v>287207</v>
          </cell>
          <cell r="D56" t="str">
            <v>Balph,Todd</v>
          </cell>
        </row>
        <row r="57">
          <cell r="A57" t="str">
            <v>015018</v>
          </cell>
          <cell r="B57" t="str">
            <v>Bantley,Brian</v>
          </cell>
          <cell r="C57" t="str">
            <v>018514</v>
          </cell>
          <cell r="D57" t="str">
            <v>Bamforth,Jeff</v>
          </cell>
        </row>
        <row r="58">
          <cell r="A58" t="str">
            <v>095129</v>
          </cell>
          <cell r="B58" t="str">
            <v>Barbour,Jeremy A</v>
          </cell>
          <cell r="C58" t="str">
            <v>015018</v>
          </cell>
          <cell r="D58" t="str">
            <v>Bantley,Brian</v>
          </cell>
        </row>
        <row r="59">
          <cell r="A59" t="str">
            <v>009598</v>
          </cell>
          <cell r="B59" t="str">
            <v>Barker,Donnie</v>
          </cell>
          <cell r="C59" t="str">
            <v>095129</v>
          </cell>
          <cell r="D59" t="str">
            <v>Barbour,Jeremy A</v>
          </cell>
        </row>
        <row r="60">
          <cell r="A60" t="str">
            <v>017626</v>
          </cell>
          <cell r="B60" t="str">
            <v>Barnes III,Vernon Russell</v>
          </cell>
          <cell r="C60" t="str">
            <v>009598</v>
          </cell>
          <cell r="D60" t="str">
            <v>Barker,Donnie</v>
          </cell>
        </row>
        <row r="61">
          <cell r="A61" t="str">
            <v>017622</v>
          </cell>
          <cell r="B61" t="str">
            <v>Barnes,Norman</v>
          </cell>
          <cell r="C61" t="str">
            <v>017626</v>
          </cell>
          <cell r="D61" t="str">
            <v>Barnes III,Vernon Russell</v>
          </cell>
        </row>
        <row r="62">
          <cell r="A62" t="str">
            <v>017623</v>
          </cell>
          <cell r="B62" t="str">
            <v>Barnes,Sheryl A</v>
          </cell>
          <cell r="C62" t="str">
            <v>017622</v>
          </cell>
          <cell r="D62" t="str">
            <v>Barnes,Norman</v>
          </cell>
        </row>
        <row r="63">
          <cell r="A63" t="str">
            <v>017635</v>
          </cell>
          <cell r="B63" t="str">
            <v>Barricklow,David M</v>
          </cell>
          <cell r="C63" t="str">
            <v>017623</v>
          </cell>
          <cell r="D63" t="str">
            <v>Barnes,Sheryl A</v>
          </cell>
        </row>
        <row r="64">
          <cell r="A64" t="str">
            <v>017636</v>
          </cell>
          <cell r="B64" t="str">
            <v>Barricklow,James</v>
          </cell>
          <cell r="C64" t="str">
            <v>017635</v>
          </cell>
          <cell r="D64" t="str">
            <v>Barricklow,David M</v>
          </cell>
        </row>
        <row r="65">
          <cell r="A65" t="str">
            <v>017637</v>
          </cell>
          <cell r="B65" t="str">
            <v>Barrier,Mark J</v>
          </cell>
          <cell r="C65" t="str">
            <v>017636</v>
          </cell>
          <cell r="D65" t="str">
            <v>Barricklow,James</v>
          </cell>
        </row>
        <row r="66">
          <cell r="A66" t="str">
            <v>017642</v>
          </cell>
          <cell r="B66" t="str">
            <v>Basford,Mark C</v>
          </cell>
          <cell r="C66" t="str">
            <v>017637</v>
          </cell>
          <cell r="D66" t="str">
            <v>Barrier,Mark J</v>
          </cell>
        </row>
        <row r="67">
          <cell r="A67" t="str">
            <v>029431</v>
          </cell>
          <cell r="B67" t="str">
            <v>Basford,Michael D</v>
          </cell>
          <cell r="C67" t="str">
            <v>017642</v>
          </cell>
          <cell r="D67" t="str">
            <v>Basford,Mark C</v>
          </cell>
        </row>
        <row r="68">
          <cell r="A68" t="str">
            <v>017648</v>
          </cell>
          <cell r="B68" t="str">
            <v>Bauer,Thom</v>
          </cell>
          <cell r="C68" t="str">
            <v>029431</v>
          </cell>
          <cell r="D68" t="str">
            <v>Basford,Michael D</v>
          </cell>
        </row>
        <row r="69">
          <cell r="A69" t="str">
            <v>015783</v>
          </cell>
          <cell r="B69" t="str">
            <v>Bauerla,Gregory Paul</v>
          </cell>
          <cell r="C69" t="str">
            <v>017648</v>
          </cell>
          <cell r="D69" t="str">
            <v>Bauer,Thom</v>
          </cell>
        </row>
        <row r="70">
          <cell r="A70" t="str">
            <v>365572</v>
          </cell>
          <cell r="B70" t="str">
            <v>Bauscher,Michael</v>
          </cell>
          <cell r="C70" t="str">
            <v>015783</v>
          </cell>
          <cell r="D70" t="str">
            <v>Bauerla,Gregory Paul</v>
          </cell>
        </row>
        <row r="71">
          <cell r="A71" t="str">
            <v>280124</v>
          </cell>
          <cell r="B71" t="str">
            <v>Bautista-McCain,Theresa S</v>
          </cell>
          <cell r="C71" t="str">
            <v>365572</v>
          </cell>
          <cell r="D71" t="str">
            <v>Bauscher,Michael</v>
          </cell>
        </row>
        <row r="72">
          <cell r="A72" t="str">
            <v>022927</v>
          </cell>
          <cell r="B72" t="str">
            <v>Baxter,Janet M</v>
          </cell>
          <cell r="C72" t="str">
            <v>280124</v>
          </cell>
          <cell r="D72" t="str">
            <v>Bautista-McCain,Theresa S</v>
          </cell>
        </row>
        <row r="73">
          <cell r="A73" t="str">
            <v>017661</v>
          </cell>
          <cell r="B73" t="str">
            <v>Baynes,Michael P</v>
          </cell>
          <cell r="C73" t="str">
            <v>022927</v>
          </cell>
          <cell r="D73" t="str">
            <v>Baxter,Janet M</v>
          </cell>
        </row>
        <row r="74">
          <cell r="A74" t="str">
            <v>012784</v>
          </cell>
          <cell r="B74" t="str">
            <v>Beard,Dan</v>
          </cell>
          <cell r="C74" t="str">
            <v>017661</v>
          </cell>
          <cell r="D74" t="str">
            <v>Baynes,Michael P</v>
          </cell>
        </row>
        <row r="75">
          <cell r="A75" t="str">
            <v>066258</v>
          </cell>
          <cell r="B75" t="str">
            <v>Bea-Reed,Beverly</v>
          </cell>
          <cell r="C75" t="str">
            <v>012784</v>
          </cell>
          <cell r="D75" t="str">
            <v>Beard,Dan</v>
          </cell>
        </row>
        <row r="76">
          <cell r="A76" t="str">
            <v>017130</v>
          </cell>
          <cell r="B76" t="str">
            <v>Beck,Christopher</v>
          </cell>
          <cell r="C76" t="str">
            <v>066258</v>
          </cell>
          <cell r="D76" t="str">
            <v>Bea-Reed,Beverly</v>
          </cell>
        </row>
        <row r="77">
          <cell r="A77" t="str">
            <v>017681</v>
          </cell>
          <cell r="B77" t="str">
            <v>Beckemeyer,Gary R</v>
          </cell>
          <cell r="C77" t="str">
            <v>017130</v>
          </cell>
          <cell r="D77" t="str">
            <v>Beck,Christopher</v>
          </cell>
        </row>
        <row r="78">
          <cell r="A78" t="str">
            <v>017685</v>
          </cell>
          <cell r="B78" t="str">
            <v>Beckett,Kenny Lynn</v>
          </cell>
          <cell r="C78" t="str">
            <v>017681</v>
          </cell>
          <cell r="D78" t="str">
            <v>Beckemeyer,Gary R</v>
          </cell>
        </row>
        <row r="79">
          <cell r="A79" t="str">
            <v>022836</v>
          </cell>
          <cell r="B79" t="str">
            <v>Becknell,Patrick J</v>
          </cell>
          <cell r="C79" t="str">
            <v>017685</v>
          </cell>
          <cell r="D79" t="str">
            <v>Beckett,Kenny Lynn</v>
          </cell>
        </row>
        <row r="80">
          <cell r="A80" t="str">
            <v>017688</v>
          </cell>
          <cell r="B80" t="str">
            <v>Beckum,Jacqueline Deneen</v>
          </cell>
          <cell r="C80" t="str">
            <v>022836</v>
          </cell>
          <cell r="D80" t="str">
            <v>Becknell,Patrick J</v>
          </cell>
        </row>
        <row r="81">
          <cell r="A81" t="str">
            <v>016222</v>
          </cell>
          <cell r="B81" t="str">
            <v>Bedwell,Bill</v>
          </cell>
          <cell r="C81" t="str">
            <v>017688</v>
          </cell>
          <cell r="D81" t="str">
            <v>Beckum,Jacqueline Deneen</v>
          </cell>
        </row>
        <row r="82">
          <cell r="A82" t="str">
            <v>026196</v>
          </cell>
          <cell r="B82" t="str">
            <v>Beecher,Brian B</v>
          </cell>
          <cell r="C82" t="str">
            <v>016222</v>
          </cell>
          <cell r="D82" t="str">
            <v>Bedwell,Bill</v>
          </cell>
        </row>
        <row r="83">
          <cell r="A83" t="str">
            <v>016932</v>
          </cell>
          <cell r="B83" t="str">
            <v>Bell,Derek Alan</v>
          </cell>
          <cell r="C83" t="str">
            <v>026196</v>
          </cell>
          <cell r="D83" t="str">
            <v>Beecher,Brian B</v>
          </cell>
        </row>
        <row r="84">
          <cell r="A84" t="str">
            <v>017702</v>
          </cell>
          <cell r="B84" t="str">
            <v>Bell,Marc A</v>
          </cell>
          <cell r="C84" t="str">
            <v>016932</v>
          </cell>
          <cell r="D84" t="str">
            <v>Bell,Derek Alan</v>
          </cell>
        </row>
        <row r="85">
          <cell r="A85" t="str">
            <v>010223</v>
          </cell>
          <cell r="B85" t="str">
            <v>Bell,Steve</v>
          </cell>
          <cell r="C85" t="str">
            <v>017702</v>
          </cell>
          <cell r="D85" t="str">
            <v>Bell,Marc A</v>
          </cell>
        </row>
        <row r="86">
          <cell r="A86" t="str">
            <v>023869</v>
          </cell>
          <cell r="B86" t="str">
            <v>Bell,Travis</v>
          </cell>
          <cell r="C86" t="str">
            <v>010223</v>
          </cell>
          <cell r="D86" t="str">
            <v>Bell,Steve</v>
          </cell>
        </row>
        <row r="87">
          <cell r="A87" t="str">
            <v>025466</v>
          </cell>
          <cell r="B87" t="str">
            <v>Benford,Marcia N</v>
          </cell>
          <cell r="C87" t="str">
            <v>023869</v>
          </cell>
          <cell r="D87" t="str">
            <v>Bell,Travis</v>
          </cell>
        </row>
        <row r="88">
          <cell r="A88" t="str">
            <v>283578</v>
          </cell>
          <cell r="B88" t="str">
            <v>Bennett,Chad D</v>
          </cell>
          <cell r="C88" t="str">
            <v>025466</v>
          </cell>
          <cell r="D88" t="str">
            <v>Benford,Marcia N</v>
          </cell>
        </row>
        <row r="89">
          <cell r="A89" t="str">
            <v>017715</v>
          </cell>
          <cell r="B89" t="str">
            <v>Bennett,Richie A</v>
          </cell>
          <cell r="C89" t="str">
            <v>283578</v>
          </cell>
          <cell r="D89" t="str">
            <v>Bennett,Chad D</v>
          </cell>
        </row>
        <row r="90">
          <cell r="A90" t="str">
            <v>289394</v>
          </cell>
          <cell r="B90" t="str">
            <v>Bentley,Michael James</v>
          </cell>
          <cell r="C90" t="str">
            <v>017715</v>
          </cell>
          <cell r="D90" t="str">
            <v>Bennett,Richie A</v>
          </cell>
        </row>
        <row r="91">
          <cell r="A91" t="str">
            <v>096430</v>
          </cell>
          <cell r="B91" t="str">
            <v>Bepler,Steve</v>
          </cell>
          <cell r="C91" t="str">
            <v>289394</v>
          </cell>
          <cell r="D91" t="str">
            <v>Bentley,Michael James</v>
          </cell>
        </row>
        <row r="92">
          <cell r="A92" t="str">
            <v>016528</v>
          </cell>
          <cell r="B92" t="str">
            <v>Beretta,Jason R</v>
          </cell>
          <cell r="C92" t="str">
            <v>096430</v>
          </cell>
          <cell r="D92" t="str">
            <v>Bepler,Steve</v>
          </cell>
        </row>
        <row r="93">
          <cell r="A93" t="str">
            <v>017724</v>
          </cell>
          <cell r="B93" t="str">
            <v>Berling,Kenneth Michael</v>
          </cell>
          <cell r="C93" t="str">
            <v>016528</v>
          </cell>
          <cell r="D93" t="str">
            <v>Beretta,Jason R</v>
          </cell>
        </row>
        <row r="94">
          <cell r="A94" t="str">
            <v>017734</v>
          </cell>
          <cell r="B94" t="str">
            <v>Berryhill,Michelle Lynn</v>
          </cell>
          <cell r="C94" t="str">
            <v>017724</v>
          </cell>
          <cell r="D94" t="str">
            <v>Berling,Kenneth Michael</v>
          </cell>
        </row>
        <row r="95">
          <cell r="A95" t="str">
            <v>096436</v>
          </cell>
          <cell r="B95" t="str">
            <v>Bertram,Matthew W</v>
          </cell>
          <cell r="C95" t="str">
            <v>017734</v>
          </cell>
          <cell r="D95" t="str">
            <v>Berryhill,Michelle Lynn</v>
          </cell>
        </row>
        <row r="96">
          <cell r="A96" t="str">
            <v>015374</v>
          </cell>
          <cell r="B96" t="str">
            <v>Betts,Gloria Jean</v>
          </cell>
          <cell r="C96" t="str">
            <v>096436</v>
          </cell>
          <cell r="D96" t="str">
            <v>Bertram,Matthew W</v>
          </cell>
        </row>
        <row r="97">
          <cell r="A97" t="str">
            <v>279056</v>
          </cell>
          <cell r="B97" t="str">
            <v>Bezold,Curtis A</v>
          </cell>
          <cell r="C97" t="str">
            <v>015374</v>
          </cell>
          <cell r="D97" t="str">
            <v>Betts,Gloria Jean</v>
          </cell>
        </row>
        <row r="98">
          <cell r="A98" t="str">
            <v>017745</v>
          </cell>
          <cell r="B98" t="str">
            <v>Bezold,Tim</v>
          </cell>
          <cell r="C98" t="str">
            <v>279056</v>
          </cell>
          <cell r="D98" t="str">
            <v>Bezold,Curtis A</v>
          </cell>
        </row>
        <row r="99">
          <cell r="A99" t="str">
            <v>029608</v>
          </cell>
          <cell r="B99" t="str">
            <v>Bickett,Austin T</v>
          </cell>
          <cell r="C99" t="str">
            <v>017745</v>
          </cell>
          <cell r="D99" t="str">
            <v>Bezold,Tim</v>
          </cell>
        </row>
        <row r="100">
          <cell r="A100" t="str">
            <v>017747</v>
          </cell>
          <cell r="B100" t="str">
            <v>Biederman,Tom</v>
          </cell>
          <cell r="C100" t="str">
            <v>029608</v>
          </cell>
          <cell r="D100" t="str">
            <v>Bickett,Austin T</v>
          </cell>
        </row>
        <row r="101">
          <cell r="A101" t="str">
            <v>017751</v>
          </cell>
          <cell r="B101" t="str">
            <v>Billow,Mike</v>
          </cell>
          <cell r="C101" t="str">
            <v>017747</v>
          </cell>
          <cell r="D101" t="str">
            <v>Biederman,Tom</v>
          </cell>
        </row>
        <row r="102">
          <cell r="A102" t="str">
            <v>017757</v>
          </cell>
          <cell r="B102" t="str">
            <v>Birkenhauer,Tom</v>
          </cell>
          <cell r="C102" t="str">
            <v>017751</v>
          </cell>
          <cell r="D102" t="str">
            <v>Billow,Mike</v>
          </cell>
        </row>
        <row r="103">
          <cell r="A103" t="str">
            <v>009710</v>
          </cell>
          <cell r="B103" t="str">
            <v>Blackburn,Jeff</v>
          </cell>
          <cell r="C103" t="str">
            <v>017757</v>
          </cell>
          <cell r="D103" t="str">
            <v>Birkenhauer,Tom</v>
          </cell>
        </row>
        <row r="104">
          <cell r="A104" t="str">
            <v>017802</v>
          </cell>
          <cell r="B104" t="str">
            <v>Blevins,Kim A</v>
          </cell>
          <cell r="C104" t="str">
            <v>009710</v>
          </cell>
          <cell r="D104" t="str">
            <v>Blackburn,Jeff</v>
          </cell>
        </row>
        <row r="105">
          <cell r="A105" t="str">
            <v>025529</v>
          </cell>
          <cell r="B105" t="str">
            <v>Blevins,Kyle</v>
          </cell>
          <cell r="C105" t="str">
            <v>017802</v>
          </cell>
          <cell r="D105" t="str">
            <v>Blevins,Kim A</v>
          </cell>
        </row>
        <row r="106">
          <cell r="A106" t="str">
            <v>009827</v>
          </cell>
          <cell r="B106" t="str">
            <v>Blinn,Brent</v>
          </cell>
          <cell r="C106" t="str">
            <v>025529</v>
          </cell>
          <cell r="D106" t="str">
            <v>Blevins,Kyle</v>
          </cell>
        </row>
        <row r="107">
          <cell r="A107" t="str">
            <v>277427</v>
          </cell>
          <cell r="B107" t="str">
            <v>Bock,Nate</v>
          </cell>
          <cell r="C107" t="str">
            <v>009827</v>
          </cell>
          <cell r="D107" t="str">
            <v>Blinn,Brent</v>
          </cell>
        </row>
        <row r="108">
          <cell r="A108" t="str">
            <v>289385</v>
          </cell>
          <cell r="B108" t="str">
            <v>Bogue,Brian</v>
          </cell>
          <cell r="C108" t="str">
            <v>277427</v>
          </cell>
          <cell r="D108" t="str">
            <v>Bock,Nate</v>
          </cell>
        </row>
        <row r="109">
          <cell r="A109" t="str">
            <v>283434</v>
          </cell>
          <cell r="B109" t="str">
            <v>Boles,David G.</v>
          </cell>
          <cell r="C109" t="str">
            <v>289385</v>
          </cell>
          <cell r="D109" t="str">
            <v>Bogue,Brian</v>
          </cell>
        </row>
        <row r="110">
          <cell r="A110" t="str">
            <v>286868</v>
          </cell>
          <cell r="B110" t="str">
            <v>Boncquet,Chad</v>
          </cell>
          <cell r="C110" t="str">
            <v>283434</v>
          </cell>
          <cell r="D110" t="str">
            <v>Boles,David G.</v>
          </cell>
        </row>
        <row r="111">
          <cell r="A111" t="str">
            <v>014701</v>
          </cell>
          <cell r="B111" t="str">
            <v>Bond,Roger Dale</v>
          </cell>
          <cell r="C111" t="str">
            <v>286868</v>
          </cell>
          <cell r="D111" t="str">
            <v>Boncquet,Chad</v>
          </cell>
        </row>
        <row r="112">
          <cell r="A112" t="str">
            <v>016809</v>
          </cell>
          <cell r="B112" t="str">
            <v>Booher,Ron</v>
          </cell>
          <cell r="C112" t="str">
            <v>014701</v>
          </cell>
          <cell r="D112" t="str">
            <v>Bond,Roger Dale</v>
          </cell>
        </row>
        <row r="113">
          <cell r="A113" t="str">
            <v>008425</v>
          </cell>
          <cell r="B113" t="str">
            <v>Booker Sr,Charles Earl</v>
          </cell>
          <cell r="C113" t="str">
            <v>016809</v>
          </cell>
          <cell r="D113" t="str">
            <v>Booher,Ron</v>
          </cell>
        </row>
        <row r="114">
          <cell r="A114" t="str">
            <v>017856</v>
          </cell>
          <cell r="B114" t="str">
            <v>Bosse,David G</v>
          </cell>
          <cell r="C114" t="str">
            <v>008425</v>
          </cell>
          <cell r="D114" t="str">
            <v>Booker Sr,Charles Earl</v>
          </cell>
        </row>
        <row r="115">
          <cell r="A115" t="str">
            <v>025325</v>
          </cell>
          <cell r="B115" t="str">
            <v>Boston,Andrea Kay</v>
          </cell>
          <cell r="C115" t="str">
            <v>017856</v>
          </cell>
          <cell r="D115" t="str">
            <v>Bosse,David G</v>
          </cell>
        </row>
        <row r="116">
          <cell r="A116" t="str">
            <v>017866</v>
          </cell>
          <cell r="B116" t="str">
            <v>Bourrage,Tonya</v>
          </cell>
          <cell r="C116" t="str">
            <v>025325</v>
          </cell>
          <cell r="D116" t="str">
            <v>Boston,Andrea Kay</v>
          </cell>
        </row>
        <row r="117">
          <cell r="A117" t="str">
            <v>326645</v>
          </cell>
          <cell r="B117" t="str">
            <v>Bouwkamp,Lucas Kyle</v>
          </cell>
          <cell r="C117" t="str">
            <v>017866</v>
          </cell>
          <cell r="D117" t="str">
            <v>Bourrage,Tonya</v>
          </cell>
        </row>
        <row r="118">
          <cell r="A118" t="str">
            <v>017870</v>
          </cell>
          <cell r="B118" t="str">
            <v>Bowermaster Jr,Dale</v>
          </cell>
          <cell r="C118" t="str">
            <v>326645</v>
          </cell>
          <cell r="D118" t="str">
            <v>Bouwkamp,Lucas Kyle</v>
          </cell>
        </row>
        <row r="119">
          <cell r="A119" t="str">
            <v>010314</v>
          </cell>
          <cell r="B119" t="str">
            <v>Bowers,Larry Joe</v>
          </cell>
          <cell r="C119" t="str">
            <v>017870</v>
          </cell>
          <cell r="D119" t="str">
            <v>Bowermaster Jr,Dale</v>
          </cell>
        </row>
        <row r="120">
          <cell r="A120" t="str">
            <v>362729</v>
          </cell>
          <cell r="B120" t="str">
            <v>Bowling,Roger Scott</v>
          </cell>
          <cell r="C120" t="str">
            <v>010314</v>
          </cell>
          <cell r="D120" t="str">
            <v>Bowers,Larry Joe</v>
          </cell>
        </row>
        <row r="121">
          <cell r="A121" t="str">
            <v>025730</v>
          </cell>
          <cell r="B121" t="str">
            <v>Bozek,Sarah Elizabeth</v>
          </cell>
          <cell r="C121" t="str">
            <v>362729</v>
          </cell>
          <cell r="D121" t="str">
            <v>Bowling,Roger Scott</v>
          </cell>
        </row>
        <row r="122">
          <cell r="A122" t="str">
            <v>007480</v>
          </cell>
          <cell r="B122" t="str">
            <v>Brack,Donna Jo</v>
          </cell>
          <cell r="C122" t="str">
            <v>032642</v>
          </cell>
          <cell r="D122" t="str">
            <v>Boykin,Jueisha Bernae</v>
          </cell>
        </row>
        <row r="123">
          <cell r="A123" t="str">
            <v>278487</v>
          </cell>
          <cell r="B123" t="str">
            <v>Braden,James M</v>
          </cell>
          <cell r="C123" t="str">
            <v>025730</v>
          </cell>
          <cell r="D123" t="str">
            <v>Bozek,Sarah Elizabeth</v>
          </cell>
        </row>
        <row r="124">
          <cell r="A124" t="str">
            <v>017895</v>
          </cell>
          <cell r="B124" t="str">
            <v>Brady,Sheila L</v>
          </cell>
          <cell r="C124" t="str">
            <v>007480</v>
          </cell>
          <cell r="D124" t="str">
            <v>Brack,Donna Jo</v>
          </cell>
        </row>
        <row r="125">
          <cell r="A125" t="str">
            <v>016517</v>
          </cell>
          <cell r="B125" t="str">
            <v>Brand,Gary Lee</v>
          </cell>
          <cell r="C125" t="str">
            <v>278487</v>
          </cell>
          <cell r="D125" t="str">
            <v>Braden,James M</v>
          </cell>
        </row>
        <row r="126">
          <cell r="A126" t="str">
            <v>027137</v>
          </cell>
          <cell r="B126" t="str">
            <v>Brandt,Troy S</v>
          </cell>
          <cell r="C126" t="str">
            <v>017895</v>
          </cell>
          <cell r="D126" t="str">
            <v>Brady,Sheila L</v>
          </cell>
        </row>
        <row r="127">
          <cell r="A127" t="str">
            <v>017905</v>
          </cell>
          <cell r="B127" t="str">
            <v>Brantley,Billy</v>
          </cell>
          <cell r="C127" t="str">
            <v>016517</v>
          </cell>
          <cell r="D127" t="str">
            <v>Brand,Gary Lee</v>
          </cell>
        </row>
        <row r="128">
          <cell r="A128" t="str">
            <v>013831</v>
          </cell>
          <cell r="B128" t="str">
            <v>Braun,Brad</v>
          </cell>
          <cell r="C128" t="str">
            <v>027137</v>
          </cell>
          <cell r="D128" t="str">
            <v>Brandt,Troy S</v>
          </cell>
        </row>
        <row r="129">
          <cell r="A129" t="str">
            <v>017914</v>
          </cell>
          <cell r="B129" t="str">
            <v>Braunwart Jr,Ronald John</v>
          </cell>
          <cell r="C129" t="str">
            <v>017905</v>
          </cell>
          <cell r="D129" t="str">
            <v>Brantley,Billy</v>
          </cell>
        </row>
        <row r="130">
          <cell r="A130" t="str">
            <v>275044</v>
          </cell>
          <cell r="B130" t="str">
            <v>Breeden,William R</v>
          </cell>
          <cell r="C130" t="str">
            <v>013831</v>
          </cell>
          <cell r="D130" t="str">
            <v>Braun,Brad</v>
          </cell>
        </row>
        <row r="131">
          <cell r="A131" t="str">
            <v>016211</v>
          </cell>
          <cell r="B131" t="str">
            <v>Brengman,David Bryan</v>
          </cell>
          <cell r="C131" t="str">
            <v>017914</v>
          </cell>
          <cell r="D131" t="str">
            <v>Braunwart Jr,Ronald John</v>
          </cell>
        </row>
        <row r="132">
          <cell r="A132" t="str">
            <v>015887</v>
          </cell>
          <cell r="B132" t="str">
            <v>Brenton,Danny Ray</v>
          </cell>
          <cell r="C132" t="str">
            <v>275044</v>
          </cell>
          <cell r="D132" t="str">
            <v>Breeden,William R</v>
          </cell>
        </row>
        <row r="133">
          <cell r="A133" t="str">
            <v>361687</v>
          </cell>
          <cell r="B133" t="str">
            <v>Brewer,Sarah C</v>
          </cell>
          <cell r="C133" t="str">
            <v>016211</v>
          </cell>
          <cell r="D133" t="str">
            <v>Brengman,David Bryan</v>
          </cell>
        </row>
        <row r="134">
          <cell r="A134" t="str">
            <v>285206</v>
          </cell>
          <cell r="B134" t="str">
            <v>Bricking,alan</v>
          </cell>
          <cell r="C134" t="str">
            <v>015887</v>
          </cell>
          <cell r="D134" t="str">
            <v>Brenton,Danny Ray</v>
          </cell>
        </row>
        <row r="135">
          <cell r="A135" t="str">
            <v>008390</v>
          </cell>
          <cell r="B135" t="str">
            <v>Brinegar,Larry Joe</v>
          </cell>
          <cell r="C135" t="str">
            <v>361687</v>
          </cell>
          <cell r="D135" t="str">
            <v>Brewer,Sarah C</v>
          </cell>
        </row>
        <row r="136">
          <cell r="A136" t="str">
            <v>017949</v>
          </cell>
          <cell r="B136" t="str">
            <v>Brock,Steve</v>
          </cell>
          <cell r="C136" t="str">
            <v>285206</v>
          </cell>
          <cell r="D136" t="str">
            <v>Bricking,alan</v>
          </cell>
        </row>
        <row r="137">
          <cell r="A137" t="str">
            <v>029073</v>
          </cell>
          <cell r="B137" t="str">
            <v>Brocksmith,Kurt A.</v>
          </cell>
          <cell r="C137" t="str">
            <v>008390</v>
          </cell>
          <cell r="D137" t="str">
            <v>Brinegar,Larry Joe</v>
          </cell>
        </row>
        <row r="138">
          <cell r="A138" t="str">
            <v>017955</v>
          </cell>
          <cell r="B138" t="str">
            <v>Broemsen,Brian K</v>
          </cell>
          <cell r="C138" t="str">
            <v>017949</v>
          </cell>
          <cell r="D138" t="str">
            <v>Brock,Steve</v>
          </cell>
        </row>
        <row r="139">
          <cell r="A139" t="str">
            <v>030426</v>
          </cell>
          <cell r="B139" t="str">
            <v>Broemsen,Joseph K</v>
          </cell>
          <cell r="C139" t="str">
            <v>029073</v>
          </cell>
          <cell r="D139" t="str">
            <v>Brocksmith,Kurt A.</v>
          </cell>
        </row>
        <row r="140">
          <cell r="A140" t="str">
            <v>025956</v>
          </cell>
          <cell r="B140" t="str">
            <v>Brooks,Anthony S</v>
          </cell>
          <cell r="C140" t="str">
            <v>017955</v>
          </cell>
          <cell r="D140" t="str">
            <v>Broemsen,Brian K</v>
          </cell>
        </row>
        <row r="141">
          <cell r="A141" t="str">
            <v>014947</v>
          </cell>
          <cell r="B141" t="str">
            <v>Brough,Robert Edward</v>
          </cell>
          <cell r="C141" t="str">
            <v>030426</v>
          </cell>
          <cell r="D141" t="str">
            <v>Broemsen,Joseph K</v>
          </cell>
        </row>
        <row r="142">
          <cell r="A142" t="str">
            <v>289339</v>
          </cell>
          <cell r="B142" t="str">
            <v>Brown,Andrew j</v>
          </cell>
          <cell r="C142" t="str">
            <v>025956</v>
          </cell>
          <cell r="D142" t="str">
            <v>Brooks,Anthony S</v>
          </cell>
        </row>
        <row r="143">
          <cell r="A143" t="str">
            <v>024406</v>
          </cell>
          <cell r="B143" t="str">
            <v>Brown,Brian D</v>
          </cell>
          <cell r="C143" t="str">
            <v>014947</v>
          </cell>
          <cell r="D143" t="str">
            <v>Brough,Robert Edward</v>
          </cell>
        </row>
        <row r="144">
          <cell r="A144" t="str">
            <v>030671</v>
          </cell>
          <cell r="B144" t="str">
            <v>Brown,Christopher Charles</v>
          </cell>
          <cell r="C144" t="str">
            <v>289339</v>
          </cell>
          <cell r="D144" t="str">
            <v>Brown,Andrew j</v>
          </cell>
        </row>
        <row r="145">
          <cell r="A145" t="str">
            <v>097056</v>
          </cell>
          <cell r="B145" t="str">
            <v>Brown,Donald K</v>
          </cell>
          <cell r="C145" t="str">
            <v>024406</v>
          </cell>
          <cell r="D145" t="str">
            <v>Brown,Brian D</v>
          </cell>
        </row>
        <row r="146">
          <cell r="A146" t="str">
            <v>019364</v>
          </cell>
          <cell r="B146" t="str">
            <v>Brown,Douglas W</v>
          </cell>
          <cell r="C146" t="str">
            <v>030671</v>
          </cell>
          <cell r="D146" t="str">
            <v>Brown,Christopher Charles</v>
          </cell>
        </row>
        <row r="147">
          <cell r="A147" t="str">
            <v>010077</v>
          </cell>
          <cell r="B147" t="str">
            <v>Brown,Jeff</v>
          </cell>
          <cell r="C147" t="str">
            <v>097056</v>
          </cell>
          <cell r="D147" t="str">
            <v>Brown,Donald K</v>
          </cell>
        </row>
        <row r="148">
          <cell r="A148" t="str">
            <v>016232</v>
          </cell>
          <cell r="B148" t="str">
            <v>Brown,Kevin L</v>
          </cell>
          <cell r="C148" t="str">
            <v>019364</v>
          </cell>
          <cell r="D148" t="str">
            <v>Brown,Douglas W</v>
          </cell>
        </row>
        <row r="149">
          <cell r="A149" t="str">
            <v>016931</v>
          </cell>
          <cell r="B149" t="str">
            <v>Brown,Lori A</v>
          </cell>
          <cell r="C149" t="str">
            <v>010077</v>
          </cell>
          <cell r="D149" t="str">
            <v>Brown,Jeff</v>
          </cell>
        </row>
        <row r="150">
          <cell r="A150" t="str">
            <v>361748</v>
          </cell>
          <cell r="B150" t="str">
            <v>Brown,Matthew T</v>
          </cell>
          <cell r="C150" t="str">
            <v>016232</v>
          </cell>
          <cell r="D150" t="str">
            <v>Brown,Kevin L</v>
          </cell>
        </row>
        <row r="151">
          <cell r="A151" t="str">
            <v>017986</v>
          </cell>
          <cell r="B151" t="str">
            <v>Brown,Steve</v>
          </cell>
          <cell r="C151" t="str">
            <v>016931</v>
          </cell>
          <cell r="D151" t="str">
            <v>Brown,Lori A</v>
          </cell>
        </row>
        <row r="152">
          <cell r="A152" t="str">
            <v>019833</v>
          </cell>
          <cell r="B152" t="str">
            <v>Brownstead,Christopher J</v>
          </cell>
          <cell r="C152" t="str">
            <v>361748</v>
          </cell>
          <cell r="D152" t="str">
            <v>Brown,Matthew T</v>
          </cell>
        </row>
        <row r="153">
          <cell r="A153" t="str">
            <v>017993</v>
          </cell>
          <cell r="B153" t="str">
            <v>Brownstead,Paul D</v>
          </cell>
          <cell r="C153" t="str">
            <v>017986</v>
          </cell>
          <cell r="D153" t="str">
            <v>Brown,Steve</v>
          </cell>
        </row>
        <row r="154">
          <cell r="A154" t="str">
            <v>284716</v>
          </cell>
          <cell r="B154" t="str">
            <v>Broyles,Sara Leeann</v>
          </cell>
          <cell r="C154" t="str">
            <v>019833</v>
          </cell>
          <cell r="D154" t="str">
            <v>Brownstead,Christopher J</v>
          </cell>
        </row>
        <row r="155">
          <cell r="A155" t="str">
            <v>023861</v>
          </cell>
          <cell r="B155" t="str">
            <v>Bruener,Patrick W</v>
          </cell>
          <cell r="C155" t="str">
            <v>017993</v>
          </cell>
          <cell r="D155" t="str">
            <v>Brownstead,Paul D</v>
          </cell>
        </row>
        <row r="156">
          <cell r="A156" t="str">
            <v>273042</v>
          </cell>
          <cell r="B156" t="str">
            <v>Brungs,Paul A</v>
          </cell>
          <cell r="C156" t="str">
            <v>284716</v>
          </cell>
          <cell r="D156" t="str">
            <v>Broyles,Sara Leeann</v>
          </cell>
        </row>
        <row r="157">
          <cell r="A157" t="str">
            <v>018010</v>
          </cell>
          <cell r="B157" t="str">
            <v>Bruynis,Nicholas C</v>
          </cell>
          <cell r="C157" t="str">
            <v>273042</v>
          </cell>
          <cell r="D157" t="str">
            <v>Brungs,Paul A</v>
          </cell>
        </row>
        <row r="158">
          <cell r="A158" t="str">
            <v>030594</v>
          </cell>
          <cell r="B158" t="str">
            <v>Brya,Michael David</v>
          </cell>
          <cell r="C158" t="str">
            <v>018010</v>
          </cell>
          <cell r="D158" t="str">
            <v>Bruynis,Nicholas C</v>
          </cell>
        </row>
        <row r="159">
          <cell r="A159" t="str">
            <v>018023</v>
          </cell>
          <cell r="B159" t="str">
            <v>Bucher,Jeff</v>
          </cell>
          <cell r="C159" t="str">
            <v>030594</v>
          </cell>
          <cell r="D159" t="str">
            <v>Brya,Michael David</v>
          </cell>
        </row>
        <row r="160">
          <cell r="A160" t="str">
            <v>018024</v>
          </cell>
          <cell r="B160" t="str">
            <v>Bucher,Rhonda Kaye</v>
          </cell>
          <cell r="C160" t="str">
            <v>018023</v>
          </cell>
          <cell r="D160" t="str">
            <v>Bucher,Jeff</v>
          </cell>
        </row>
        <row r="161">
          <cell r="A161" t="str">
            <v>097339</v>
          </cell>
          <cell r="B161" t="str">
            <v>Buening,Terry W</v>
          </cell>
          <cell r="C161" t="str">
            <v>018024</v>
          </cell>
          <cell r="D161" t="str">
            <v>Bucher,Rhonda Kaye</v>
          </cell>
        </row>
        <row r="162">
          <cell r="A162" t="str">
            <v>023490</v>
          </cell>
          <cell r="B162" t="str">
            <v>Buntin,Steve</v>
          </cell>
          <cell r="C162" t="str">
            <v>097339</v>
          </cell>
          <cell r="D162" t="str">
            <v>Buening,Terry W</v>
          </cell>
        </row>
        <row r="163">
          <cell r="A163" t="str">
            <v>024432</v>
          </cell>
          <cell r="B163" t="str">
            <v>Burger,Anthony W</v>
          </cell>
          <cell r="C163" t="str">
            <v>023490</v>
          </cell>
          <cell r="D163" t="str">
            <v>Buntin,Steve</v>
          </cell>
        </row>
        <row r="164">
          <cell r="A164" t="str">
            <v>271971</v>
          </cell>
          <cell r="B164" t="str">
            <v>Burkart,Cara M</v>
          </cell>
          <cell r="C164" t="str">
            <v>024432</v>
          </cell>
          <cell r="D164" t="str">
            <v>Burger,Anthony W</v>
          </cell>
        </row>
        <row r="165">
          <cell r="A165" t="str">
            <v>011353</v>
          </cell>
          <cell r="B165" t="str">
            <v>Burke,Julie Kay</v>
          </cell>
          <cell r="C165" t="str">
            <v>271971</v>
          </cell>
          <cell r="D165" t="str">
            <v>Burkart,Cara M</v>
          </cell>
        </row>
        <row r="166">
          <cell r="A166" t="str">
            <v>018063</v>
          </cell>
          <cell r="B166" t="str">
            <v>Burkhardt,Thomas A</v>
          </cell>
          <cell r="C166" t="str">
            <v>011353</v>
          </cell>
          <cell r="D166" t="str">
            <v>Burke,Julie Kay</v>
          </cell>
        </row>
        <row r="167">
          <cell r="A167" t="str">
            <v>018066</v>
          </cell>
          <cell r="B167" t="str">
            <v>Burlile,Terry L</v>
          </cell>
          <cell r="C167" t="str">
            <v>018063</v>
          </cell>
          <cell r="D167" t="str">
            <v>Burkhardt,Thomas A</v>
          </cell>
        </row>
        <row r="168">
          <cell r="A168" t="str">
            <v>009877</v>
          </cell>
          <cell r="B168" t="str">
            <v>Burns,Sam</v>
          </cell>
          <cell r="C168" t="str">
            <v>018066</v>
          </cell>
          <cell r="D168" t="str">
            <v>Burlile,Terry L</v>
          </cell>
        </row>
        <row r="169">
          <cell r="A169" t="str">
            <v>362037</v>
          </cell>
          <cell r="B169" t="str">
            <v>Burt,Ryan</v>
          </cell>
          <cell r="C169" t="str">
            <v>009877</v>
          </cell>
          <cell r="D169" t="str">
            <v>Burns,Sam</v>
          </cell>
        </row>
        <row r="170">
          <cell r="A170" t="str">
            <v>019365</v>
          </cell>
          <cell r="B170" t="str">
            <v>Burton,Marty A</v>
          </cell>
          <cell r="C170" t="str">
            <v>362037</v>
          </cell>
          <cell r="D170" t="str">
            <v>Burt,Ryan</v>
          </cell>
        </row>
        <row r="171">
          <cell r="A171" t="str">
            <v>030025</v>
          </cell>
          <cell r="B171" t="str">
            <v>Burton,Troy Leslie</v>
          </cell>
          <cell r="C171" t="str">
            <v>019365</v>
          </cell>
          <cell r="D171" t="str">
            <v>Burton,Marty A</v>
          </cell>
        </row>
        <row r="172">
          <cell r="A172" t="str">
            <v>018096</v>
          </cell>
          <cell r="B172" t="str">
            <v>Bush,Charles T</v>
          </cell>
          <cell r="C172" t="str">
            <v>030025</v>
          </cell>
          <cell r="D172" t="str">
            <v>Burton,Troy Leslie</v>
          </cell>
        </row>
        <row r="173">
          <cell r="A173" t="str">
            <v>017823</v>
          </cell>
          <cell r="B173" t="str">
            <v>Bush,Rowena R</v>
          </cell>
          <cell r="C173" t="str">
            <v>018096</v>
          </cell>
          <cell r="D173" t="str">
            <v>Bush,Charles T</v>
          </cell>
        </row>
        <row r="174">
          <cell r="A174" t="str">
            <v>291703</v>
          </cell>
          <cell r="B174" t="str">
            <v>Butler,Jordan L</v>
          </cell>
          <cell r="C174" t="str">
            <v>017823</v>
          </cell>
          <cell r="D174" t="str">
            <v>Bush,Rowena R</v>
          </cell>
        </row>
        <row r="175">
          <cell r="A175" t="str">
            <v>097749</v>
          </cell>
          <cell r="B175" t="str">
            <v>Butler,Rick</v>
          </cell>
          <cell r="C175" t="str">
            <v>291703</v>
          </cell>
          <cell r="D175" t="str">
            <v>Butler,Jordan L</v>
          </cell>
        </row>
        <row r="176">
          <cell r="A176" t="str">
            <v>016890</v>
          </cell>
          <cell r="B176" t="str">
            <v>Butterfield,Mark K</v>
          </cell>
          <cell r="C176" t="str">
            <v>097749</v>
          </cell>
          <cell r="D176" t="str">
            <v>Butler,Rick</v>
          </cell>
        </row>
        <row r="177">
          <cell r="A177" t="str">
            <v>010472</v>
          </cell>
          <cell r="B177" t="str">
            <v>Butts,Cherie L</v>
          </cell>
          <cell r="C177" t="str">
            <v>016890</v>
          </cell>
          <cell r="D177" t="str">
            <v>Butterfield,Mark K</v>
          </cell>
        </row>
        <row r="178">
          <cell r="A178" t="str">
            <v>030136</v>
          </cell>
          <cell r="B178" t="str">
            <v>Byers,Mary</v>
          </cell>
          <cell r="C178" t="str">
            <v>010472</v>
          </cell>
          <cell r="D178" t="str">
            <v>Butts,Cherie L</v>
          </cell>
        </row>
        <row r="179">
          <cell r="A179" t="str">
            <v>024526</v>
          </cell>
          <cell r="B179" t="str">
            <v>Byrd,James W</v>
          </cell>
          <cell r="C179" t="str">
            <v>030136</v>
          </cell>
          <cell r="D179" t="str">
            <v>Byers,Mary</v>
          </cell>
        </row>
        <row r="180">
          <cell r="A180" t="str">
            <v>024533</v>
          </cell>
          <cell r="B180" t="str">
            <v>Byrd,Kelvin M</v>
          </cell>
          <cell r="C180" t="str">
            <v>024526</v>
          </cell>
          <cell r="D180" t="str">
            <v>Byrd,James W</v>
          </cell>
        </row>
        <row r="181">
          <cell r="A181" t="str">
            <v>018125</v>
          </cell>
          <cell r="B181" t="str">
            <v>Byrd,Patrick D</v>
          </cell>
          <cell r="C181" t="str">
            <v>024533</v>
          </cell>
          <cell r="D181" t="str">
            <v>Byrd,Kelvin M</v>
          </cell>
        </row>
        <row r="182">
          <cell r="A182" t="str">
            <v>018137</v>
          </cell>
          <cell r="B182" t="str">
            <v>Calla,Gary A</v>
          </cell>
          <cell r="C182" t="str">
            <v>018125</v>
          </cell>
          <cell r="D182" t="str">
            <v>Byrd,Patrick D</v>
          </cell>
        </row>
        <row r="183">
          <cell r="A183" t="str">
            <v>279878</v>
          </cell>
          <cell r="B183" t="str">
            <v>Calloway,Scott M</v>
          </cell>
          <cell r="C183" t="str">
            <v>018137</v>
          </cell>
          <cell r="D183" t="str">
            <v>Calla,Gary A</v>
          </cell>
        </row>
        <row r="184">
          <cell r="A184" t="str">
            <v>018154</v>
          </cell>
          <cell r="B184" t="str">
            <v>Campbell,Jeff</v>
          </cell>
          <cell r="C184" t="str">
            <v>279878</v>
          </cell>
          <cell r="D184" t="str">
            <v>Calloway,Scott M</v>
          </cell>
        </row>
        <row r="185">
          <cell r="A185" t="str">
            <v>008501</v>
          </cell>
          <cell r="B185" t="str">
            <v>Campbell,Steve</v>
          </cell>
          <cell r="C185" t="str">
            <v>018154</v>
          </cell>
          <cell r="D185" t="str">
            <v>Campbell,Jeff</v>
          </cell>
        </row>
        <row r="186">
          <cell r="A186" t="str">
            <v>285204</v>
          </cell>
          <cell r="B186" t="str">
            <v>Canter,Jeremy J</v>
          </cell>
          <cell r="C186" t="str">
            <v>008501</v>
          </cell>
          <cell r="D186" t="str">
            <v>Campbell,Steve</v>
          </cell>
        </row>
        <row r="187">
          <cell r="A187" t="str">
            <v>095533</v>
          </cell>
          <cell r="B187" t="str">
            <v>Carey,Scott N</v>
          </cell>
          <cell r="C187" t="str">
            <v>285204</v>
          </cell>
          <cell r="D187" t="str">
            <v>Canter,Jeremy J</v>
          </cell>
        </row>
        <row r="188">
          <cell r="A188" t="str">
            <v>010760</v>
          </cell>
          <cell r="B188" t="str">
            <v>Carie,Cathy Ann</v>
          </cell>
          <cell r="C188" t="str">
            <v>095533</v>
          </cell>
          <cell r="D188" t="str">
            <v>Carey,Scott N</v>
          </cell>
        </row>
        <row r="189">
          <cell r="A189" t="str">
            <v>016218</v>
          </cell>
          <cell r="B189" t="str">
            <v>Carlisle,Judy</v>
          </cell>
          <cell r="C189" t="str">
            <v>010760</v>
          </cell>
          <cell r="D189" t="str">
            <v>Carie,Cathy Ann</v>
          </cell>
        </row>
        <row r="190">
          <cell r="A190" t="str">
            <v>008780</v>
          </cell>
          <cell r="B190" t="str">
            <v>Carlock,Terry Neil</v>
          </cell>
          <cell r="C190" t="str">
            <v>016218</v>
          </cell>
          <cell r="D190" t="str">
            <v>Carlisle,Judy</v>
          </cell>
        </row>
        <row r="191">
          <cell r="A191" t="str">
            <v>018174</v>
          </cell>
          <cell r="B191" t="str">
            <v>Carmack,Daniel Lawrence</v>
          </cell>
          <cell r="C191" t="str">
            <v>008780</v>
          </cell>
          <cell r="D191" t="str">
            <v>Carlock,Terry Neil</v>
          </cell>
        </row>
        <row r="192">
          <cell r="A192" t="str">
            <v>018176</v>
          </cell>
          <cell r="B192" t="str">
            <v>Carmack,John G</v>
          </cell>
          <cell r="C192" t="str">
            <v>018174</v>
          </cell>
          <cell r="D192" t="str">
            <v>Carmack,Daniel Lawrence</v>
          </cell>
        </row>
        <row r="193">
          <cell r="A193" t="str">
            <v>027132</v>
          </cell>
          <cell r="B193" t="str">
            <v>Carnahan,Clint</v>
          </cell>
          <cell r="C193" t="str">
            <v>018176</v>
          </cell>
          <cell r="D193" t="str">
            <v>Carmack,John G</v>
          </cell>
        </row>
        <row r="194">
          <cell r="A194" t="str">
            <v>095808</v>
          </cell>
          <cell r="B194" t="str">
            <v>Carnahan,Jason M</v>
          </cell>
          <cell r="C194" t="str">
            <v>027132</v>
          </cell>
          <cell r="D194" t="str">
            <v>Carnahan,Clint</v>
          </cell>
        </row>
        <row r="195">
          <cell r="A195" t="str">
            <v>018179</v>
          </cell>
          <cell r="B195" t="str">
            <v>Carnahan,Jeffrey Earl</v>
          </cell>
          <cell r="C195" t="str">
            <v>095808</v>
          </cell>
          <cell r="D195" t="str">
            <v>Carnahan,Jason M</v>
          </cell>
        </row>
        <row r="196">
          <cell r="A196" t="str">
            <v>018184</v>
          </cell>
          <cell r="B196" t="str">
            <v>Carpenter IV,Richard P</v>
          </cell>
          <cell r="C196" t="str">
            <v>018179</v>
          </cell>
          <cell r="D196" t="str">
            <v>Carnahan,Jeffrey Earl</v>
          </cell>
        </row>
        <row r="197">
          <cell r="A197" t="str">
            <v>023077</v>
          </cell>
          <cell r="B197" t="str">
            <v>Carr,Barbara</v>
          </cell>
          <cell r="C197" t="str">
            <v>018184</v>
          </cell>
          <cell r="D197" t="str">
            <v>Carpenter IV,Richard P</v>
          </cell>
        </row>
        <row r="198">
          <cell r="A198" t="str">
            <v>095528</v>
          </cell>
          <cell r="B198" t="str">
            <v>Carter,Charles W</v>
          </cell>
          <cell r="C198" t="str">
            <v>023077</v>
          </cell>
          <cell r="D198" t="str">
            <v>Carr,Barbara</v>
          </cell>
        </row>
        <row r="199">
          <cell r="A199" t="str">
            <v>018203</v>
          </cell>
          <cell r="B199" t="str">
            <v>Carter,Rod</v>
          </cell>
          <cell r="C199" t="str">
            <v>095528</v>
          </cell>
          <cell r="D199" t="str">
            <v>Carter,Charles W</v>
          </cell>
        </row>
        <row r="200">
          <cell r="A200" t="str">
            <v>016252</v>
          </cell>
          <cell r="B200" t="str">
            <v>Cartwright,Troy Edward</v>
          </cell>
          <cell r="C200" t="str">
            <v>018203</v>
          </cell>
          <cell r="D200" t="str">
            <v>Carter,Rod</v>
          </cell>
        </row>
        <row r="201">
          <cell r="A201" t="str">
            <v>013677</v>
          </cell>
          <cell r="B201" t="str">
            <v>Carvin,Michele Ann</v>
          </cell>
          <cell r="C201" t="str">
            <v>016252</v>
          </cell>
          <cell r="D201" t="str">
            <v>Cartwright,Troy Edward</v>
          </cell>
        </row>
        <row r="202">
          <cell r="A202" t="str">
            <v>018210</v>
          </cell>
          <cell r="B202" t="str">
            <v>Casey,Kathy</v>
          </cell>
          <cell r="C202" t="str">
            <v>013677</v>
          </cell>
          <cell r="D202" t="str">
            <v>Carvin,Michele Ann</v>
          </cell>
        </row>
        <row r="203">
          <cell r="A203" t="str">
            <v>018213</v>
          </cell>
          <cell r="B203" t="str">
            <v>Casson III,William Arthur</v>
          </cell>
          <cell r="C203" t="str">
            <v>018210</v>
          </cell>
          <cell r="D203" t="str">
            <v>Casey,Kathy</v>
          </cell>
        </row>
        <row r="204">
          <cell r="A204" t="str">
            <v>017015</v>
          </cell>
          <cell r="B204" t="str">
            <v>Caudill,Holly E</v>
          </cell>
          <cell r="C204" t="str">
            <v>018213</v>
          </cell>
          <cell r="D204" t="str">
            <v>Casson III,William Arthur</v>
          </cell>
        </row>
        <row r="205">
          <cell r="A205" t="str">
            <v>018221</v>
          </cell>
          <cell r="B205" t="str">
            <v>Caudill,Tim</v>
          </cell>
          <cell r="C205" t="str">
            <v>017015</v>
          </cell>
          <cell r="D205" t="str">
            <v>Caudill,Holly E</v>
          </cell>
        </row>
        <row r="206">
          <cell r="A206" t="str">
            <v>018225</v>
          </cell>
          <cell r="B206" t="str">
            <v>Chadwick,Jan</v>
          </cell>
          <cell r="C206" t="str">
            <v>018221</v>
          </cell>
          <cell r="D206" t="str">
            <v>Caudill,Tim</v>
          </cell>
        </row>
        <row r="207">
          <cell r="A207" t="str">
            <v>027490</v>
          </cell>
          <cell r="B207" t="str">
            <v>Chapman Jr,Steve A</v>
          </cell>
          <cell r="C207" t="str">
            <v>018225</v>
          </cell>
          <cell r="D207" t="str">
            <v>Chadwick,Jan</v>
          </cell>
        </row>
        <row r="208">
          <cell r="A208" t="str">
            <v>009019</v>
          </cell>
          <cell r="B208" t="str">
            <v>Chase,Alan Eugene</v>
          </cell>
          <cell r="C208" t="str">
            <v>027490</v>
          </cell>
          <cell r="D208" t="str">
            <v>Chapman Jr,Steve A</v>
          </cell>
        </row>
        <row r="209">
          <cell r="A209" t="str">
            <v>017191</v>
          </cell>
          <cell r="B209" t="str">
            <v>Chase,Kyle</v>
          </cell>
          <cell r="C209" t="str">
            <v>009019</v>
          </cell>
          <cell r="D209" t="str">
            <v>Chase,Alan Eugene</v>
          </cell>
        </row>
        <row r="210">
          <cell r="A210" t="str">
            <v>010122</v>
          </cell>
          <cell r="B210" t="str">
            <v>Chenoweth,Tim</v>
          </cell>
          <cell r="C210" t="str">
            <v>017191</v>
          </cell>
          <cell r="D210" t="str">
            <v>Chase,Kyle</v>
          </cell>
        </row>
        <row r="211">
          <cell r="A211" t="str">
            <v>019840</v>
          </cell>
          <cell r="B211" t="str">
            <v>Childers,Jason L</v>
          </cell>
          <cell r="C211" t="str">
            <v>010122</v>
          </cell>
          <cell r="D211" t="str">
            <v>Chenoweth,Tim</v>
          </cell>
        </row>
        <row r="212">
          <cell r="A212" t="str">
            <v>018251</v>
          </cell>
          <cell r="B212" t="str">
            <v>Chipman,Scott William</v>
          </cell>
          <cell r="C212" t="str">
            <v>019840</v>
          </cell>
          <cell r="D212" t="str">
            <v>Childers,Jason L</v>
          </cell>
        </row>
        <row r="213">
          <cell r="A213" t="str">
            <v>018254</v>
          </cell>
          <cell r="B213" t="str">
            <v>Church,Gregory M</v>
          </cell>
          <cell r="C213" t="str">
            <v>018251</v>
          </cell>
          <cell r="D213" t="str">
            <v>Chipman,Scott William</v>
          </cell>
        </row>
        <row r="214">
          <cell r="A214" t="str">
            <v>018257</v>
          </cell>
          <cell r="B214" t="str">
            <v>Clair,Timothy F</v>
          </cell>
          <cell r="C214" t="str">
            <v>018254</v>
          </cell>
          <cell r="D214" t="str">
            <v>Church,Gregory M</v>
          </cell>
        </row>
        <row r="215">
          <cell r="A215" t="str">
            <v>018258</v>
          </cell>
          <cell r="B215" t="str">
            <v>Clark,Cathy L</v>
          </cell>
          <cell r="C215" t="str">
            <v>018257</v>
          </cell>
          <cell r="D215" t="str">
            <v>Clair,Timothy F</v>
          </cell>
        </row>
        <row r="216">
          <cell r="A216" t="str">
            <v>018263</v>
          </cell>
          <cell r="B216" t="str">
            <v>Clark,Ernest H</v>
          </cell>
          <cell r="C216" t="str">
            <v>018258</v>
          </cell>
          <cell r="D216" t="str">
            <v>Clark,Cathy L</v>
          </cell>
        </row>
        <row r="217">
          <cell r="A217" t="str">
            <v>009964</v>
          </cell>
          <cell r="B217" t="str">
            <v>Clark,Joe</v>
          </cell>
          <cell r="C217" t="str">
            <v>018263</v>
          </cell>
          <cell r="D217" t="str">
            <v>Clark,Ernest H</v>
          </cell>
        </row>
        <row r="218">
          <cell r="A218" t="str">
            <v>025797</v>
          </cell>
          <cell r="B218" t="str">
            <v>Clark,Michael W</v>
          </cell>
          <cell r="C218" t="str">
            <v>009964</v>
          </cell>
          <cell r="D218" t="str">
            <v>Clark,Joe</v>
          </cell>
        </row>
        <row r="219">
          <cell r="A219" t="str">
            <v>018271</v>
          </cell>
          <cell r="B219" t="str">
            <v>Clark,Woodford S</v>
          </cell>
          <cell r="C219" t="str">
            <v>025797</v>
          </cell>
          <cell r="D219" t="str">
            <v>Clark,Michael W</v>
          </cell>
        </row>
        <row r="220">
          <cell r="A220" t="str">
            <v>018273</v>
          </cell>
          <cell r="B220" t="str">
            <v>Clemens,Steve</v>
          </cell>
          <cell r="C220" t="str">
            <v>018271</v>
          </cell>
          <cell r="D220" t="str">
            <v>Clark,Woodford S</v>
          </cell>
        </row>
        <row r="221">
          <cell r="A221" t="str">
            <v>024936</v>
          </cell>
          <cell r="B221" t="str">
            <v>Clements,Pat</v>
          </cell>
          <cell r="C221" t="str">
            <v>018273</v>
          </cell>
          <cell r="D221" t="str">
            <v>Clemens,Steve</v>
          </cell>
        </row>
        <row r="222">
          <cell r="A222" t="str">
            <v>016174</v>
          </cell>
          <cell r="B222" t="str">
            <v>Clevenger,Brian</v>
          </cell>
          <cell r="C222" t="str">
            <v>024936</v>
          </cell>
          <cell r="D222" t="str">
            <v>Clements,Pat</v>
          </cell>
        </row>
        <row r="223">
          <cell r="A223" t="str">
            <v>009171</v>
          </cell>
          <cell r="B223" t="str">
            <v>Cline,Vickie Lynne</v>
          </cell>
          <cell r="C223" t="str">
            <v>016174</v>
          </cell>
          <cell r="D223" t="str">
            <v>Clevenger,Brian</v>
          </cell>
        </row>
        <row r="224">
          <cell r="A224" t="str">
            <v>041645</v>
          </cell>
          <cell r="B224" t="str">
            <v>Cobb,LaTressa D</v>
          </cell>
          <cell r="C224" t="str">
            <v>009171</v>
          </cell>
          <cell r="D224" t="str">
            <v>Cline,Vickie Lynne</v>
          </cell>
        </row>
        <row r="225">
          <cell r="A225" t="str">
            <v>009331</v>
          </cell>
          <cell r="B225" t="str">
            <v>Cochran,Rex Charles</v>
          </cell>
          <cell r="C225" t="str">
            <v>041645</v>
          </cell>
          <cell r="D225" t="str">
            <v>Cobb,LaTressa D</v>
          </cell>
        </row>
        <row r="226">
          <cell r="A226" t="str">
            <v>018289</v>
          </cell>
          <cell r="B226" t="str">
            <v>Cockrell,Shirley L</v>
          </cell>
          <cell r="C226" t="str">
            <v>009331</v>
          </cell>
          <cell r="D226" t="str">
            <v>Cochran,Rex Charles</v>
          </cell>
        </row>
        <row r="227">
          <cell r="A227" t="str">
            <v>030604</v>
          </cell>
          <cell r="B227" t="str">
            <v>Colby,Garrett Kent</v>
          </cell>
          <cell r="C227" t="str">
            <v>018289</v>
          </cell>
          <cell r="D227" t="str">
            <v>Cockrell,Shirley L</v>
          </cell>
        </row>
        <row r="228">
          <cell r="A228" t="str">
            <v>278547</v>
          </cell>
          <cell r="B228" t="str">
            <v>Cole,Jacob D</v>
          </cell>
          <cell r="C228" t="str">
            <v>030604</v>
          </cell>
          <cell r="D228" t="str">
            <v>Colby,Garrett Kent</v>
          </cell>
        </row>
        <row r="229">
          <cell r="A229" t="str">
            <v>266999</v>
          </cell>
          <cell r="B229" t="str">
            <v>Coleman,Daniel D</v>
          </cell>
          <cell r="C229" t="str">
            <v>278547</v>
          </cell>
          <cell r="D229" t="str">
            <v>Cole,Jacob D</v>
          </cell>
        </row>
        <row r="230">
          <cell r="A230" t="str">
            <v>032348</v>
          </cell>
          <cell r="B230" t="str">
            <v>Coleman,Jacqueline C</v>
          </cell>
          <cell r="C230" t="str">
            <v>266999</v>
          </cell>
          <cell r="D230" t="str">
            <v>Coleman,Daniel D</v>
          </cell>
        </row>
        <row r="231">
          <cell r="A231" t="str">
            <v>018302</v>
          </cell>
          <cell r="B231" t="str">
            <v>Coleman,Matt</v>
          </cell>
          <cell r="C231" t="str">
            <v>032348</v>
          </cell>
          <cell r="D231" t="str">
            <v>Coleman,Jacqueline C</v>
          </cell>
        </row>
        <row r="232">
          <cell r="A232" t="str">
            <v>018305</v>
          </cell>
          <cell r="B232" t="str">
            <v>Coleman,Yolanda T</v>
          </cell>
          <cell r="C232" t="str">
            <v>018302</v>
          </cell>
          <cell r="D232" t="str">
            <v>Coleman,Matt</v>
          </cell>
        </row>
        <row r="233">
          <cell r="A233" t="str">
            <v>018308</v>
          </cell>
          <cell r="B233" t="str">
            <v>Collins,April S</v>
          </cell>
          <cell r="C233" t="str">
            <v>018305</v>
          </cell>
          <cell r="D233" t="str">
            <v>Coleman,Yolanda T</v>
          </cell>
        </row>
        <row r="234">
          <cell r="A234" t="str">
            <v>024937</v>
          </cell>
          <cell r="B234" t="str">
            <v>Collins,Bob</v>
          </cell>
          <cell r="C234" t="str">
            <v>018308</v>
          </cell>
          <cell r="D234" t="str">
            <v>Collins,April S</v>
          </cell>
        </row>
        <row r="235">
          <cell r="A235" t="str">
            <v>018316</v>
          </cell>
          <cell r="B235" t="str">
            <v>Collins,Steve</v>
          </cell>
          <cell r="C235" t="str">
            <v>024937</v>
          </cell>
          <cell r="D235" t="str">
            <v>Collins,Bob</v>
          </cell>
        </row>
        <row r="236">
          <cell r="A236" t="str">
            <v>025470</v>
          </cell>
          <cell r="B236" t="str">
            <v>Collins,Steven H</v>
          </cell>
          <cell r="C236" t="str">
            <v>018316</v>
          </cell>
          <cell r="D236" t="str">
            <v>Collins,Steve</v>
          </cell>
        </row>
        <row r="237">
          <cell r="A237" t="str">
            <v>367850</v>
          </cell>
          <cell r="B237" t="str">
            <v>Combs,Brandon J</v>
          </cell>
          <cell r="C237" t="str">
            <v>025470</v>
          </cell>
          <cell r="D237" t="str">
            <v>Collins,Steven H</v>
          </cell>
        </row>
        <row r="238">
          <cell r="A238" t="str">
            <v>018326</v>
          </cell>
          <cell r="B238" t="str">
            <v>Compton,Dave</v>
          </cell>
          <cell r="C238" t="str">
            <v>367850</v>
          </cell>
          <cell r="D238" t="str">
            <v>Combs,Brandon J</v>
          </cell>
        </row>
        <row r="239">
          <cell r="A239" t="str">
            <v>363516</v>
          </cell>
          <cell r="B239" t="str">
            <v>Compton,Joel</v>
          </cell>
          <cell r="C239" t="str">
            <v>018326</v>
          </cell>
          <cell r="D239" t="str">
            <v>Compton,Dave</v>
          </cell>
        </row>
        <row r="240">
          <cell r="A240" t="str">
            <v>030014</v>
          </cell>
          <cell r="B240" t="str">
            <v>Connell,Jason</v>
          </cell>
          <cell r="C240" t="str">
            <v>363516</v>
          </cell>
          <cell r="D240" t="str">
            <v>Compton,Joel</v>
          </cell>
        </row>
        <row r="241">
          <cell r="A241" t="str">
            <v>018094</v>
          </cell>
          <cell r="B241" t="str">
            <v>Connelly,Nancy</v>
          </cell>
          <cell r="C241" t="str">
            <v>030014</v>
          </cell>
          <cell r="D241" t="str">
            <v>Connell,Jason</v>
          </cell>
        </row>
        <row r="242">
          <cell r="A242" t="str">
            <v>018333</v>
          </cell>
          <cell r="B242" t="str">
            <v>Connley,Jim P</v>
          </cell>
          <cell r="C242" t="str">
            <v>018094</v>
          </cell>
          <cell r="D242" t="str">
            <v>Connelly,Nancy</v>
          </cell>
        </row>
        <row r="243">
          <cell r="A243" t="str">
            <v>018336</v>
          </cell>
          <cell r="B243" t="str">
            <v>Connley,Sandy</v>
          </cell>
          <cell r="C243" t="str">
            <v>018333</v>
          </cell>
          <cell r="D243" t="str">
            <v>Connley,Jim P</v>
          </cell>
        </row>
        <row r="244">
          <cell r="A244" t="str">
            <v>033139</v>
          </cell>
          <cell r="B244" t="str">
            <v>Connley,Shaun</v>
          </cell>
          <cell r="C244" t="str">
            <v>018336</v>
          </cell>
          <cell r="D244" t="str">
            <v>Connley,Sandy</v>
          </cell>
        </row>
        <row r="245">
          <cell r="A245" t="str">
            <v>012028</v>
          </cell>
          <cell r="B245" t="str">
            <v>Cook,Deann</v>
          </cell>
          <cell r="C245" t="str">
            <v>033139</v>
          </cell>
          <cell r="D245" t="str">
            <v>Connley,Shaun</v>
          </cell>
        </row>
        <row r="246">
          <cell r="A246" t="str">
            <v>017971</v>
          </cell>
          <cell r="B246" t="str">
            <v>Cooper,Dawn L</v>
          </cell>
          <cell r="C246" t="str">
            <v>012028</v>
          </cell>
          <cell r="D246" t="str">
            <v>Cook,Deann</v>
          </cell>
        </row>
        <row r="247">
          <cell r="A247" t="str">
            <v>023413</v>
          </cell>
          <cell r="B247" t="str">
            <v>Cooper,Keith A</v>
          </cell>
          <cell r="C247" t="str">
            <v>017971</v>
          </cell>
          <cell r="D247" t="str">
            <v>Cooper,Dawn L</v>
          </cell>
        </row>
        <row r="248">
          <cell r="A248" t="str">
            <v>023862</v>
          </cell>
          <cell r="B248" t="str">
            <v>Cooper,Kristopher A</v>
          </cell>
          <cell r="C248" t="str">
            <v>023413</v>
          </cell>
          <cell r="D248" t="str">
            <v>Cooper,Keith A</v>
          </cell>
        </row>
        <row r="249">
          <cell r="A249" t="str">
            <v>029305</v>
          </cell>
          <cell r="B249" t="str">
            <v>Cooper,Nathan Stanley</v>
          </cell>
          <cell r="C249" t="str">
            <v>023862</v>
          </cell>
          <cell r="D249" t="str">
            <v>Cooper,Kristopher A</v>
          </cell>
        </row>
        <row r="250">
          <cell r="A250" t="str">
            <v>018362</v>
          </cell>
          <cell r="B250" t="str">
            <v>Coorey,Terry R</v>
          </cell>
          <cell r="C250" t="str">
            <v>029305</v>
          </cell>
          <cell r="D250" t="str">
            <v>Cooper,Nathan Stanley</v>
          </cell>
        </row>
        <row r="251">
          <cell r="A251" t="str">
            <v>095186</v>
          </cell>
          <cell r="B251" t="str">
            <v>Coppock,David A.</v>
          </cell>
          <cell r="C251" t="str">
            <v>018362</v>
          </cell>
          <cell r="D251" t="str">
            <v>Coorey,Terry R</v>
          </cell>
        </row>
        <row r="252">
          <cell r="A252" t="str">
            <v>018371</v>
          </cell>
          <cell r="B252" t="str">
            <v>Cornelius,Louis Robert</v>
          </cell>
          <cell r="C252" t="str">
            <v>095186</v>
          </cell>
          <cell r="D252" t="str">
            <v>Coppock,David A.</v>
          </cell>
        </row>
        <row r="253">
          <cell r="A253" t="str">
            <v>018374</v>
          </cell>
          <cell r="B253" t="str">
            <v>Cornelius,Toni M</v>
          </cell>
          <cell r="C253" t="str">
            <v>018371</v>
          </cell>
          <cell r="D253" t="str">
            <v>Cornelius,Louis Robert</v>
          </cell>
        </row>
        <row r="254">
          <cell r="A254" t="str">
            <v>018384</v>
          </cell>
          <cell r="B254" t="str">
            <v>Coulter,Dennis James</v>
          </cell>
          <cell r="C254" t="str">
            <v>018374</v>
          </cell>
          <cell r="D254" t="str">
            <v>Cornelius,Toni M</v>
          </cell>
        </row>
        <row r="255">
          <cell r="A255" t="str">
            <v>096553</v>
          </cell>
          <cell r="B255" t="str">
            <v>Cox,Brian D</v>
          </cell>
          <cell r="C255" t="str">
            <v>018384</v>
          </cell>
          <cell r="D255" t="str">
            <v>Coulter,Dennis James</v>
          </cell>
        </row>
        <row r="256">
          <cell r="A256" t="str">
            <v>095184</v>
          </cell>
          <cell r="B256" t="str">
            <v>Crabb,Dirk J.</v>
          </cell>
          <cell r="C256" t="str">
            <v>096553</v>
          </cell>
          <cell r="D256" t="str">
            <v>Cox,Brian D</v>
          </cell>
        </row>
        <row r="257">
          <cell r="A257" t="str">
            <v>275720</v>
          </cell>
          <cell r="B257" t="str">
            <v>Craig,Crystal L</v>
          </cell>
          <cell r="C257" t="str">
            <v>095184</v>
          </cell>
          <cell r="D257" t="str">
            <v>Crabb,Dirk J.</v>
          </cell>
        </row>
        <row r="258">
          <cell r="A258" t="str">
            <v>018401</v>
          </cell>
          <cell r="B258" t="str">
            <v>Crail,Joyce A</v>
          </cell>
          <cell r="C258" t="str">
            <v>275720</v>
          </cell>
          <cell r="D258" t="str">
            <v>Craig,Crystal L</v>
          </cell>
        </row>
        <row r="259">
          <cell r="A259" t="str">
            <v>023174</v>
          </cell>
          <cell r="B259" t="str">
            <v>Crary,Bobbi</v>
          </cell>
          <cell r="C259" t="str">
            <v>018401</v>
          </cell>
          <cell r="D259" t="str">
            <v>Crail,Joyce A</v>
          </cell>
        </row>
        <row r="260">
          <cell r="A260" t="str">
            <v>019847</v>
          </cell>
          <cell r="B260" t="str">
            <v>Crawford,Brandon S</v>
          </cell>
          <cell r="C260" t="str">
            <v>023174</v>
          </cell>
          <cell r="D260" t="str">
            <v>Crary,Bobbi</v>
          </cell>
        </row>
        <row r="261">
          <cell r="A261" t="str">
            <v>272200</v>
          </cell>
          <cell r="B261" t="str">
            <v>Cress,Nathaniel</v>
          </cell>
          <cell r="C261" t="str">
            <v>019847</v>
          </cell>
          <cell r="D261" t="str">
            <v>Crawford,Brandon S</v>
          </cell>
        </row>
        <row r="262">
          <cell r="A262" t="str">
            <v>030672</v>
          </cell>
          <cell r="B262" t="str">
            <v>Cress,Zachary David</v>
          </cell>
          <cell r="C262" t="str">
            <v>272200</v>
          </cell>
          <cell r="D262" t="str">
            <v>Cress,Nathaniel</v>
          </cell>
        </row>
        <row r="263">
          <cell r="A263" t="str">
            <v>031242</v>
          </cell>
          <cell r="B263" t="str">
            <v>Cueto,Kimberly K</v>
          </cell>
          <cell r="C263" t="str">
            <v>030672</v>
          </cell>
          <cell r="D263" t="str">
            <v>Cress,Zachary David</v>
          </cell>
        </row>
        <row r="264">
          <cell r="A264" t="str">
            <v>008433</v>
          </cell>
          <cell r="B264" t="str">
            <v>Culbertson,Wilburn Dixon</v>
          </cell>
          <cell r="C264" t="str">
            <v>031242</v>
          </cell>
          <cell r="D264" t="str">
            <v>Cueto,Kimberly K</v>
          </cell>
        </row>
        <row r="265">
          <cell r="A265" t="str">
            <v>014059</v>
          </cell>
          <cell r="B265" t="str">
            <v>Curd,Sue Anne</v>
          </cell>
          <cell r="C265" t="str">
            <v>008433</v>
          </cell>
          <cell r="D265" t="str">
            <v>Culbertson,Wilburn Dixon</v>
          </cell>
        </row>
        <row r="266">
          <cell r="A266" t="str">
            <v>017782</v>
          </cell>
          <cell r="B266" t="str">
            <v>Cutsinger Jr,Richard D</v>
          </cell>
          <cell r="C266" t="str">
            <v>014059</v>
          </cell>
          <cell r="D266" t="str">
            <v>Curd,Sue Anne</v>
          </cell>
        </row>
        <row r="267">
          <cell r="A267" t="str">
            <v>017857</v>
          </cell>
          <cell r="B267" t="str">
            <v>Dahl,Barry C</v>
          </cell>
          <cell r="C267" t="str">
            <v>017782</v>
          </cell>
          <cell r="D267" t="str">
            <v>Cutsinger Jr,Richard D</v>
          </cell>
        </row>
        <row r="268">
          <cell r="A268" t="str">
            <v>278634</v>
          </cell>
          <cell r="B268" t="str">
            <v>Dalton,Blake A</v>
          </cell>
          <cell r="C268" t="str">
            <v>017857</v>
          </cell>
          <cell r="D268" t="str">
            <v>Dahl,Barry C</v>
          </cell>
        </row>
        <row r="269">
          <cell r="A269" t="str">
            <v>017173</v>
          </cell>
          <cell r="B269" t="str">
            <v>Daniel,Kristina L</v>
          </cell>
          <cell r="C269" t="str">
            <v>278634</v>
          </cell>
          <cell r="D269" t="str">
            <v>Dalton,Blake A</v>
          </cell>
        </row>
        <row r="270">
          <cell r="A270" t="str">
            <v>031810</v>
          </cell>
          <cell r="B270" t="str">
            <v>Daniele,Brian D</v>
          </cell>
          <cell r="C270" t="str">
            <v>017173</v>
          </cell>
          <cell r="D270" t="str">
            <v>Daniel,Kristina L</v>
          </cell>
        </row>
        <row r="271">
          <cell r="A271" t="str">
            <v>023422</v>
          </cell>
          <cell r="B271" t="str">
            <v>Daniels,Aaron M</v>
          </cell>
          <cell r="C271" t="str">
            <v>031810</v>
          </cell>
          <cell r="D271" t="str">
            <v>Daniele,Brian D</v>
          </cell>
        </row>
        <row r="272">
          <cell r="A272" t="str">
            <v>289918</v>
          </cell>
          <cell r="B272" t="str">
            <v>Daniels,Chad H.</v>
          </cell>
          <cell r="C272" t="str">
            <v>023422</v>
          </cell>
          <cell r="D272" t="str">
            <v>Daniels,Aaron M</v>
          </cell>
        </row>
        <row r="273">
          <cell r="A273" t="str">
            <v>022839</v>
          </cell>
          <cell r="B273" t="str">
            <v>Daniels,James D</v>
          </cell>
          <cell r="C273" t="str">
            <v>289918</v>
          </cell>
          <cell r="D273" t="str">
            <v>Daniels,Chad H.</v>
          </cell>
        </row>
        <row r="274">
          <cell r="A274" t="str">
            <v>274768</v>
          </cell>
          <cell r="B274" t="str">
            <v>Danzinger,Joshua W</v>
          </cell>
          <cell r="C274" t="str">
            <v>022839</v>
          </cell>
          <cell r="D274" t="str">
            <v>Daniels,James D</v>
          </cell>
        </row>
        <row r="275">
          <cell r="A275" t="str">
            <v>007331</v>
          </cell>
          <cell r="B275" t="str">
            <v>Darlage,Duane R</v>
          </cell>
          <cell r="C275" t="str">
            <v>274768</v>
          </cell>
          <cell r="D275" t="str">
            <v>Danzinger,Joshua W</v>
          </cell>
        </row>
        <row r="276">
          <cell r="A276" t="str">
            <v>019472</v>
          </cell>
          <cell r="B276" t="str">
            <v>Davidson,Josh</v>
          </cell>
          <cell r="C276" t="str">
            <v>007331</v>
          </cell>
          <cell r="D276" t="str">
            <v>Darlage,Duane R</v>
          </cell>
        </row>
        <row r="277">
          <cell r="A277" t="str">
            <v>010523</v>
          </cell>
          <cell r="B277" t="str">
            <v>Davis Jr,J R (Glen)</v>
          </cell>
          <cell r="C277" t="str">
            <v>019472</v>
          </cell>
          <cell r="D277" t="str">
            <v>Davidson,Josh</v>
          </cell>
        </row>
        <row r="278">
          <cell r="A278" t="str">
            <v>018445</v>
          </cell>
          <cell r="B278" t="str">
            <v>Davis,Cindy R</v>
          </cell>
          <cell r="C278" t="str">
            <v>010523</v>
          </cell>
          <cell r="D278" t="str">
            <v>Davis Jr,J R (Glen)</v>
          </cell>
        </row>
        <row r="279">
          <cell r="A279" t="str">
            <v>018550</v>
          </cell>
          <cell r="B279" t="str">
            <v>Davis,Fran</v>
          </cell>
          <cell r="C279" t="str">
            <v>018445</v>
          </cell>
          <cell r="D279" t="str">
            <v>Davis,Cindy R</v>
          </cell>
        </row>
        <row r="280">
          <cell r="A280" t="str">
            <v>278491</v>
          </cell>
          <cell r="B280" t="str">
            <v>Davis,Jerry W</v>
          </cell>
          <cell r="C280" t="str">
            <v>018550</v>
          </cell>
          <cell r="D280" t="str">
            <v>Davis,Fran</v>
          </cell>
        </row>
        <row r="281">
          <cell r="A281" t="str">
            <v>018511</v>
          </cell>
          <cell r="B281" t="str">
            <v>Davis,Karen S</v>
          </cell>
          <cell r="C281" t="str">
            <v>278491</v>
          </cell>
          <cell r="D281" t="str">
            <v>Davis,Jerry W</v>
          </cell>
        </row>
        <row r="282">
          <cell r="A282" t="str">
            <v>015360</v>
          </cell>
          <cell r="B282" t="str">
            <v>Davis,Kathy</v>
          </cell>
          <cell r="C282" t="str">
            <v>018511</v>
          </cell>
          <cell r="D282" t="str">
            <v>Davis,Karen S</v>
          </cell>
        </row>
        <row r="283">
          <cell r="A283" t="str">
            <v>008215</v>
          </cell>
          <cell r="B283" t="str">
            <v>Dawes,Ann Elizabeth</v>
          </cell>
          <cell r="C283" t="str">
            <v>015360</v>
          </cell>
          <cell r="D283" t="str">
            <v>Davis,Kathy</v>
          </cell>
        </row>
        <row r="284">
          <cell r="A284" t="str">
            <v>032603</v>
          </cell>
          <cell r="B284" t="str">
            <v>Day,Enoch William</v>
          </cell>
          <cell r="C284" t="str">
            <v>008215</v>
          </cell>
          <cell r="D284" t="str">
            <v>Dawes,Ann Elizabeth</v>
          </cell>
        </row>
        <row r="285">
          <cell r="A285" t="str">
            <v>025467</v>
          </cell>
          <cell r="B285" t="str">
            <v>Deason,Stacy A</v>
          </cell>
          <cell r="C285" t="str">
            <v>032603</v>
          </cell>
          <cell r="D285" t="str">
            <v>Day,Enoch William</v>
          </cell>
        </row>
        <row r="286">
          <cell r="A286" t="str">
            <v>030673</v>
          </cell>
          <cell r="B286" t="str">
            <v>Deckard,Eli Marshall</v>
          </cell>
          <cell r="C286" t="str">
            <v>032298</v>
          </cell>
          <cell r="D286" t="str">
            <v>Day,Nancy</v>
          </cell>
        </row>
        <row r="287">
          <cell r="A287" t="str">
            <v>014691</v>
          </cell>
          <cell r="B287" t="str">
            <v>Delaunois,Douglas Lee</v>
          </cell>
          <cell r="C287" t="str">
            <v>025467</v>
          </cell>
          <cell r="D287" t="str">
            <v>Deason,Stacy A</v>
          </cell>
        </row>
        <row r="288">
          <cell r="A288" t="str">
            <v>024953</v>
          </cell>
          <cell r="B288" t="str">
            <v>DeLisle,Aaron</v>
          </cell>
          <cell r="C288" t="str">
            <v>030673</v>
          </cell>
          <cell r="D288" t="str">
            <v>Deckard,Eli Marshall</v>
          </cell>
        </row>
        <row r="289">
          <cell r="A289" t="str">
            <v>019927</v>
          </cell>
          <cell r="B289" t="str">
            <v>Dellicarpini,Domenic A</v>
          </cell>
          <cell r="C289" t="str">
            <v>014691</v>
          </cell>
          <cell r="D289" t="str">
            <v>Delaunois,Douglas Lee</v>
          </cell>
        </row>
        <row r="290">
          <cell r="A290" t="str">
            <v>095819</v>
          </cell>
          <cell r="B290" t="str">
            <v>Delph,Tim</v>
          </cell>
          <cell r="C290" t="str">
            <v>024953</v>
          </cell>
          <cell r="D290" t="str">
            <v>DeLisle,Aaron</v>
          </cell>
        </row>
        <row r="291">
          <cell r="A291" t="str">
            <v>033515</v>
          </cell>
          <cell r="B291" t="str">
            <v>Delphia,Ryan Andrew</v>
          </cell>
          <cell r="C291" t="str">
            <v>019927</v>
          </cell>
          <cell r="D291" t="str">
            <v>Dellicarpini,Domenic A</v>
          </cell>
        </row>
        <row r="292">
          <cell r="A292" t="str">
            <v>015045</v>
          </cell>
          <cell r="B292" t="str">
            <v>Dennis,Kevin L</v>
          </cell>
          <cell r="C292" t="str">
            <v>095819</v>
          </cell>
          <cell r="D292" t="str">
            <v>Delph,Tim</v>
          </cell>
        </row>
        <row r="293">
          <cell r="A293" t="str">
            <v>097054</v>
          </cell>
          <cell r="B293" t="str">
            <v>Dennis,Paul E</v>
          </cell>
          <cell r="C293" t="str">
            <v>033515</v>
          </cell>
          <cell r="D293" t="str">
            <v>Delphia,Ryan Andrew</v>
          </cell>
        </row>
        <row r="294">
          <cell r="A294" t="str">
            <v>019565</v>
          </cell>
          <cell r="B294" t="str">
            <v>Denson,Jim</v>
          </cell>
          <cell r="C294" t="str">
            <v>015045</v>
          </cell>
          <cell r="D294" t="str">
            <v>Dennis,Kevin L</v>
          </cell>
        </row>
        <row r="295">
          <cell r="A295" t="str">
            <v>011106</v>
          </cell>
          <cell r="B295" t="str">
            <v>Denson,Richard Douglas</v>
          </cell>
          <cell r="C295" t="str">
            <v>097054</v>
          </cell>
          <cell r="D295" t="str">
            <v>Dennis,Paul E</v>
          </cell>
        </row>
        <row r="296">
          <cell r="A296" t="str">
            <v>096956</v>
          </cell>
          <cell r="B296" t="str">
            <v>Denton,Jason T</v>
          </cell>
          <cell r="C296" t="str">
            <v>019565</v>
          </cell>
          <cell r="D296" t="str">
            <v>Denson,Jim</v>
          </cell>
        </row>
        <row r="297">
          <cell r="A297" t="str">
            <v>027121</v>
          </cell>
          <cell r="B297" t="str">
            <v>Denton,Rick</v>
          </cell>
          <cell r="C297" t="str">
            <v>011106</v>
          </cell>
          <cell r="D297" t="str">
            <v>Denson,Richard Douglas</v>
          </cell>
        </row>
        <row r="298">
          <cell r="A298" t="str">
            <v>015151</v>
          </cell>
          <cell r="B298" t="str">
            <v>Devine,Michele Lee</v>
          </cell>
          <cell r="C298" t="str">
            <v>096956</v>
          </cell>
          <cell r="D298" t="str">
            <v>Denton,Jason T</v>
          </cell>
        </row>
        <row r="299">
          <cell r="A299" t="str">
            <v>362728</v>
          </cell>
          <cell r="B299" t="str">
            <v>Dicks,Greg</v>
          </cell>
          <cell r="C299" t="str">
            <v>027121</v>
          </cell>
          <cell r="D299" t="str">
            <v>Denton,Rick</v>
          </cell>
        </row>
        <row r="300">
          <cell r="A300" t="str">
            <v>278495</v>
          </cell>
          <cell r="B300" t="str">
            <v>Digges,Christopher J.</v>
          </cell>
          <cell r="C300" t="str">
            <v>015151</v>
          </cell>
          <cell r="D300" t="str">
            <v>Devine,Michele Lee</v>
          </cell>
        </row>
        <row r="301">
          <cell r="A301" t="str">
            <v>010093</v>
          </cell>
          <cell r="B301" t="str">
            <v>Dilley,Douglas Edward</v>
          </cell>
          <cell r="C301" t="str">
            <v>362728</v>
          </cell>
          <cell r="D301" t="str">
            <v>Dicks,Greg</v>
          </cell>
        </row>
        <row r="302">
          <cell r="A302" t="str">
            <v>027122</v>
          </cell>
          <cell r="B302" t="str">
            <v>Dillon,Dallas A</v>
          </cell>
          <cell r="C302" t="str">
            <v>278495</v>
          </cell>
          <cell r="D302" t="str">
            <v>Digges,Christopher J.</v>
          </cell>
        </row>
        <row r="303">
          <cell r="A303" t="str">
            <v>020045</v>
          </cell>
          <cell r="B303" t="str">
            <v>Dittmer,Troy</v>
          </cell>
          <cell r="C303" t="str">
            <v>010093</v>
          </cell>
          <cell r="D303" t="str">
            <v>Dilley,Douglas Edward</v>
          </cell>
        </row>
        <row r="304">
          <cell r="A304" t="str">
            <v>010068</v>
          </cell>
          <cell r="B304" t="str">
            <v>Dodson,Mariea Carolyn</v>
          </cell>
          <cell r="C304" t="str">
            <v>027122</v>
          </cell>
          <cell r="D304" t="str">
            <v>Dillon,Dallas A</v>
          </cell>
        </row>
        <row r="305">
          <cell r="A305" t="str">
            <v>015794</v>
          </cell>
          <cell r="B305" t="str">
            <v>Doell,Jim</v>
          </cell>
          <cell r="C305" t="str">
            <v>020045</v>
          </cell>
          <cell r="D305" t="str">
            <v>Dittmer,Troy</v>
          </cell>
        </row>
        <row r="306">
          <cell r="A306" t="str">
            <v>020480</v>
          </cell>
          <cell r="B306" t="str">
            <v>Donnermeyer,Lynn</v>
          </cell>
          <cell r="C306" t="str">
            <v>010068</v>
          </cell>
          <cell r="D306" t="str">
            <v>Dodson,Mariea Carolyn</v>
          </cell>
        </row>
        <row r="307">
          <cell r="A307" t="str">
            <v>095136</v>
          </cell>
          <cell r="B307" t="str">
            <v>Donovan,Shane C</v>
          </cell>
          <cell r="C307" t="str">
            <v>015794</v>
          </cell>
          <cell r="D307" t="str">
            <v>Doell,Jim</v>
          </cell>
        </row>
        <row r="308">
          <cell r="A308" t="str">
            <v>272120</v>
          </cell>
          <cell r="B308" t="str">
            <v>Dotson,Craig</v>
          </cell>
          <cell r="C308" t="str">
            <v>020480</v>
          </cell>
          <cell r="D308" t="str">
            <v>Donnermeyer,Lynn</v>
          </cell>
        </row>
        <row r="309">
          <cell r="A309" t="str">
            <v>012497</v>
          </cell>
          <cell r="B309" t="str">
            <v>Downing,Mark Alan</v>
          </cell>
          <cell r="C309" t="str">
            <v>095136</v>
          </cell>
          <cell r="D309" t="str">
            <v>Donovan,Shane C</v>
          </cell>
        </row>
        <row r="310">
          <cell r="A310" t="str">
            <v>097957</v>
          </cell>
          <cell r="B310" t="str">
            <v>Doyle,Patrick J</v>
          </cell>
          <cell r="C310" t="str">
            <v>272120</v>
          </cell>
          <cell r="D310" t="str">
            <v>Dotson,Craig</v>
          </cell>
        </row>
        <row r="311">
          <cell r="A311" t="str">
            <v>020994</v>
          </cell>
          <cell r="B311" t="str">
            <v>Draud,Dana L</v>
          </cell>
          <cell r="C311" t="str">
            <v>012497</v>
          </cell>
          <cell r="D311" t="str">
            <v>Downing,Mark Alan</v>
          </cell>
        </row>
        <row r="312">
          <cell r="A312" t="str">
            <v>021106</v>
          </cell>
          <cell r="B312" t="str">
            <v>Dryer,Clinton W</v>
          </cell>
          <cell r="C312" t="str">
            <v>097957</v>
          </cell>
          <cell r="D312" t="str">
            <v>Doyle,Patrick J</v>
          </cell>
        </row>
        <row r="313">
          <cell r="A313" t="str">
            <v>286660</v>
          </cell>
          <cell r="B313" t="str">
            <v>Dube,Kirk</v>
          </cell>
          <cell r="C313" t="str">
            <v>020994</v>
          </cell>
          <cell r="D313" t="str">
            <v>Draud,Dana L</v>
          </cell>
        </row>
        <row r="314">
          <cell r="A314" t="str">
            <v>009296</v>
          </cell>
          <cell r="B314" t="str">
            <v>Ducker,Kerry Brian</v>
          </cell>
          <cell r="C314" t="str">
            <v>021106</v>
          </cell>
          <cell r="D314" t="str">
            <v>Dryer,Clinton W</v>
          </cell>
        </row>
        <row r="315">
          <cell r="A315" t="str">
            <v>021210</v>
          </cell>
          <cell r="B315" t="str">
            <v>Ducker,Steve</v>
          </cell>
          <cell r="C315" t="str">
            <v>286660</v>
          </cell>
          <cell r="D315" t="str">
            <v>Dube,Kirk</v>
          </cell>
        </row>
        <row r="316">
          <cell r="A316" t="str">
            <v>275080</v>
          </cell>
          <cell r="B316" t="str">
            <v>Dudley Jr,Lawrence K</v>
          </cell>
          <cell r="C316" t="str">
            <v>009296</v>
          </cell>
          <cell r="D316" t="str">
            <v>Ducker,Kerry Brian</v>
          </cell>
        </row>
        <row r="317">
          <cell r="A317" t="str">
            <v>283431</v>
          </cell>
          <cell r="B317" t="str">
            <v>Dudley,Tim</v>
          </cell>
          <cell r="C317" t="str">
            <v>021210</v>
          </cell>
          <cell r="D317" t="str">
            <v>Ducker,Steve</v>
          </cell>
        </row>
        <row r="318">
          <cell r="A318" t="str">
            <v>021304</v>
          </cell>
          <cell r="B318" t="str">
            <v>Duffy,W.</v>
          </cell>
          <cell r="C318" t="str">
            <v>275080</v>
          </cell>
          <cell r="D318" t="str">
            <v>Dudley Jr,Lawrence K</v>
          </cell>
        </row>
        <row r="319">
          <cell r="A319" t="str">
            <v>027163</v>
          </cell>
          <cell r="B319" t="str">
            <v>Dugan,Matthew P.</v>
          </cell>
          <cell r="C319" t="str">
            <v>283431</v>
          </cell>
          <cell r="D319" t="str">
            <v>Dudley,Tim</v>
          </cell>
        </row>
        <row r="320">
          <cell r="A320" t="str">
            <v>015942</v>
          </cell>
          <cell r="B320" t="str">
            <v>Dungan,Richard Lee</v>
          </cell>
          <cell r="C320" t="str">
            <v>021304</v>
          </cell>
          <cell r="D320" t="str">
            <v>Duffy,W.</v>
          </cell>
        </row>
        <row r="321">
          <cell r="A321" t="str">
            <v>024950</v>
          </cell>
          <cell r="B321" t="str">
            <v>Dunnom,Larry</v>
          </cell>
          <cell r="C321" t="str">
            <v>027163</v>
          </cell>
          <cell r="D321" t="str">
            <v>Dugan,Matthew P.</v>
          </cell>
        </row>
        <row r="322">
          <cell r="A322" t="str">
            <v>021750</v>
          </cell>
          <cell r="B322" t="str">
            <v>Duryea,Douglas</v>
          </cell>
          <cell r="C322" t="str">
            <v>015942</v>
          </cell>
          <cell r="D322" t="str">
            <v>Dungan,Richard Lee</v>
          </cell>
        </row>
        <row r="323">
          <cell r="A323" t="str">
            <v>096435</v>
          </cell>
          <cell r="B323" t="str">
            <v>Eads,Phil</v>
          </cell>
          <cell r="C323" t="str">
            <v>024950</v>
          </cell>
          <cell r="D323" t="str">
            <v>Dunnom,Larry</v>
          </cell>
        </row>
        <row r="324">
          <cell r="A324" t="str">
            <v>278494</v>
          </cell>
          <cell r="B324" t="str">
            <v>Early,Ryann S</v>
          </cell>
          <cell r="C324" t="str">
            <v>021750</v>
          </cell>
          <cell r="D324" t="str">
            <v>Duryea,Douglas</v>
          </cell>
        </row>
        <row r="325">
          <cell r="A325" t="str">
            <v>283090</v>
          </cell>
          <cell r="B325" t="str">
            <v>Easton,Angela S.</v>
          </cell>
          <cell r="C325" t="str">
            <v>096435</v>
          </cell>
          <cell r="D325" t="str">
            <v>Eads,Phil</v>
          </cell>
        </row>
        <row r="326">
          <cell r="A326" t="str">
            <v>278484</v>
          </cell>
          <cell r="B326" t="str">
            <v>Eaton,Taylor M</v>
          </cell>
          <cell r="C326" t="str">
            <v>278494</v>
          </cell>
          <cell r="D326" t="str">
            <v>Early,Ryann S</v>
          </cell>
        </row>
        <row r="327">
          <cell r="A327" t="str">
            <v>291567</v>
          </cell>
          <cell r="B327" t="str">
            <v>Eberenz,Mitch</v>
          </cell>
          <cell r="C327" t="str">
            <v>283090</v>
          </cell>
          <cell r="D327" t="str">
            <v>Easton,Angela S.</v>
          </cell>
        </row>
        <row r="328">
          <cell r="A328" t="str">
            <v>011595</v>
          </cell>
          <cell r="B328" t="str">
            <v>Ebling,Michael Kent</v>
          </cell>
          <cell r="C328" t="str">
            <v>278484</v>
          </cell>
          <cell r="D328" t="str">
            <v>Eaton,Taylor M</v>
          </cell>
        </row>
        <row r="329">
          <cell r="A329" t="str">
            <v>361749</v>
          </cell>
          <cell r="B329" t="str">
            <v>Eckert,Evan W</v>
          </cell>
          <cell r="C329" t="str">
            <v>291567</v>
          </cell>
          <cell r="D329" t="str">
            <v>Eberenz,Mitch</v>
          </cell>
        </row>
        <row r="330">
          <cell r="A330" t="str">
            <v>021969</v>
          </cell>
          <cell r="B330" t="str">
            <v>Eckstein,Don</v>
          </cell>
          <cell r="C330" t="str">
            <v>011595</v>
          </cell>
          <cell r="D330" t="str">
            <v>Ebling,Michael Kent</v>
          </cell>
        </row>
        <row r="331">
          <cell r="A331" t="str">
            <v>021987</v>
          </cell>
          <cell r="B331" t="str">
            <v>Eddins,Rick</v>
          </cell>
          <cell r="C331" t="str">
            <v>361749</v>
          </cell>
          <cell r="D331" t="str">
            <v>Eckert,Evan W</v>
          </cell>
        </row>
        <row r="332">
          <cell r="A332" t="str">
            <v>011680</v>
          </cell>
          <cell r="B332" t="str">
            <v>Eddy,Dwight Robert</v>
          </cell>
          <cell r="C332" t="str">
            <v>021969</v>
          </cell>
          <cell r="D332" t="str">
            <v>Eckstein,Don</v>
          </cell>
        </row>
        <row r="333">
          <cell r="A333" t="str">
            <v>096457</v>
          </cell>
          <cell r="B333" t="str">
            <v>Edmonds,Shawn L</v>
          </cell>
          <cell r="C333" t="str">
            <v>021987</v>
          </cell>
          <cell r="D333" t="str">
            <v>Eddins,Rick</v>
          </cell>
        </row>
        <row r="334">
          <cell r="A334" t="str">
            <v>097354</v>
          </cell>
          <cell r="B334" t="str">
            <v>Edwards,April N</v>
          </cell>
          <cell r="C334" t="str">
            <v>011680</v>
          </cell>
          <cell r="D334" t="str">
            <v>Eddy,Dwight Robert</v>
          </cell>
        </row>
        <row r="335">
          <cell r="A335" t="str">
            <v>014178</v>
          </cell>
          <cell r="B335" t="str">
            <v>Edwards,Kim</v>
          </cell>
          <cell r="C335" t="str">
            <v>096457</v>
          </cell>
          <cell r="D335" t="str">
            <v>Edmonds,Shawn L</v>
          </cell>
        </row>
        <row r="336">
          <cell r="A336" t="str">
            <v>022119</v>
          </cell>
          <cell r="B336" t="str">
            <v>Edwards,Michael</v>
          </cell>
          <cell r="C336" t="str">
            <v>097354</v>
          </cell>
          <cell r="D336" t="str">
            <v>Edwards,April N</v>
          </cell>
        </row>
        <row r="337">
          <cell r="A337" t="str">
            <v>009245</v>
          </cell>
          <cell r="B337" t="str">
            <v>Edwards,Michael James</v>
          </cell>
          <cell r="C337" t="str">
            <v>014178</v>
          </cell>
          <cell r="D337" t="str">
            <v>Edwards,Kim</v>
          </cell>
        </row>
        <row r="338">
          <cell r="A338" t="str">
            <v>022166</v>
          </cell>
          <cell r="B338" t="str">
            <v>Edwards,Ray L</v>
          </cell>
          <cell r="C338" t="str">
            <v>022119</v>
          </cell>
          <cell r="D338" t="str">
            <v>Edwards,Michael</v>
          </cell>
        </row>
        <row r="339">
          <cell r="A339" t="str">
            <v>019850</v>
          </cell>
          <cell r="B339" t="str">
            <v>Edwards,Tj</v>
          </cell>
          <cell r="C339" t="str">
            <v>009245</v>
          </cell>
          <cell r="D339" t="str">
            <v>Edwards,Michael James</v>
          </cell>
        </row>
        <row r="340">
          <cell r="A340" t="str">
            <v>022215</v>
          </cell>
          <cell r="B340" t="str">
            <v>Edwards,Willie H</v>
          </cell>
          <cell r="C340" t="str">
            <v>022166</v>
          </cell>
          <cell r="D340" t="str">
            <v>Edwards,Ray L</v>
          </cell>
        </row>
        <row r="341">
          <cell r="A341" t="str">
            <v>022400</v>
          </cell>
          <cell r="B341" t="str">
            <v>Eisenman,Greg</v>
          </cell>
          <cell r="C341" t="str">
            <v>019850</v>
          </cell>
          <cell r="D341" t="str">
            <v>Edwards,Tj</v>
          </cell>
        </row>
        <row r="342">
          <cell r="A342" t="str">
            <v>326136</v>
          </cell>
          <cell r="B342" t="str">
            <v>Elder,Tony</v>
          </cell>
          <cell r="C342" t="str">
            <v>022215</v>
          </cell>
          <cell r="D342" t="str">
            <v>Edwards,Willie H</v>
          </cell>
        </row>
        <row r="343">
          <cell r="A343" t="str">
            <v>097340</v>
          </cell>
          <cell r="B343" t="str">
            <v>Elkins,Kevin L</v>
          </cell>
          <cell r="C343" t="str">
            <v>022400</v>
          </cell>
          <cell r="D343" t="str">
            <v>Eisenman,Greg</v>
          </cell>
        </row>
        <row r="344">
          <cell r="A344" t="str">
            <v>022522</v>
          </cell>
          <cell r="B344" t="str">
            <v>Elliott,Marie Florence</v>
          </cell>
          <cell r="C344" t="str">
            <v>326136</v>
          </cell>
          <cell r="D344" t="str">
            <v>Elder,Tony</v>
          </cell>
        </row>
        <row r="345">
          <cell r="A345" t="str">
            <v>291203</v>
          </cell>
          <cell r="B345" t="str">
            <v>Elliott,Zane McHugh</v>
          </cell>
          <cell r="C345" t="str">
            <v>097340</v>
          </cell>
          <cell r="D345" t="str">
            <v>Elkins,Kevin L</v>
          </cell>
        </row>
        <row r="346">
          <cell r="A346" t="str">
            <v>022945</v>
          </cell>
          <cell r="B346" t="str">
            <v>Ellis,Michael R</v>
          </cell>
          <cell r="C346" t="str">
            <v>022522</v>
          </cell>
          <cell r="D346" t="str">
            <v>Elliott,Marie Florence</v>
          </cell>
        </row>
        <row r="347">
          <cell r="A347" t="str">
            <v>022595</v>
          </cell>
          <cell r="B347" t="str">
            <v>Elsbernd,Daniel G</v>
          </cell>
          <cell r="C347" t="str">
            <v>291203</v>
          </cell>
          <cell r="D347" t="str">
            <v>Elliott,Zane McHugh</v>
          </cell>
        </row>
        <row r="348">
          <cell r="A348" t="str">
            <v>030772</v>
          </cell>
          <cell r="B348" t="str">
            <v>Emmel,Timothy D.</v>
          </cell>
          <cell r="C348" t="str">
            <v>022945</v>
          </cell>
          <cell r="D348" t="str">
            <v>Ellis,Michael R</v>
          </cell>
        </row>
        <row r="349">
          <cell r="A349" t="str">
            <v>288348</v>
          </cell>
          <cell r="B349" t="str">
            <v>Emory,Hassan L</v>
          </cell>
          <cell r="C349" t="str">
            <v>022595</v>
          </cell>
          <cell r="D349" t="str">
            <v>Elsbernd,Daniel G</v>
          </cell>
        </row>
        <row r="350">
          <cell r="A350" t="str">
            <v>027354</v>
          </cell>
          <cell r="B350" t="str">
            <v>Emry,Josh</v>
          </cell>
          <cell r="C350" t="str">
            <v>030772</v>
          </cell>
          <cell r="D350" t="str">
            <v>Emmel,Timothy D.</v>
          </cell>
        </row>
        <row r="351">
          <cell r="A351" t="str">
            <v>011171</v>
          </cell>
          <cell r="B351" t="str">
            <v>Emry,Kevin Lee</v>
          </cell>
          <cell r="C351" t="str">
            <v>288348</v>
          </cell>
          <cell r="D351" t="str">
            <v>Emory,Hassan L</v>
          </cell>
        </row>
        <row r="352">
          <cell r="A352" t="str">
            <v>022745</v>
          </cell>
          <cell r="B352" t="str">
            <v>Engel,Michael P</v>
          </cell>
          <cell r="C352" t="str">
            <v>027354</v>
          </cell>
          <cell r="D352" t="str">
            <v>Emry,Josh</v>
          </cell>
        </row>
        <row r="353">
          <cell r="A353" t="str">
            <v>015955</v>
          </cell>
          <cell r="B353" t="str">
            <v>Enochs,Vicki Ann</v>
          </cell>
          <cell r="C353" t="str">
            <v>011171</v>
          </cell>
          <cell r="D353" t="str">
            <v>Emry,Kevin Lee</v>
          </cell>
        </row>
        <row r="354">
          <cell r="A354" t="str">
            <v>023030</v>
          </cell>
          <cell r="B354" t="str">
            <v>Espelage,Peggy</v>
          </cell>
          <cell r="C354" t="str">
            <v>022745</v>
          </cell>
          <cell r="D354" t="str">
            <v>Engel,Michael P</v>
          </cell>
        </row>
        <row r="355">
          <cell r="A355" t="str">
            <v>026139</v>
          </cell>
          <cell r="B355" t="str">
            <v>Estell,Eric Christian</v>
          </cell>
          <cell r="C355" t="str">
            <v>015955</v>
          </cell>
          <cell r="D355" t="str">
            <v>Enochs,Vicki Ann</v>
          </cell>
        </row>
        <row r="356">
          <cell r="A356" t="str">
            <v>023004</v>
          </cell>
          <cell r="B356" t="str">
            <v>Evans,Carla J</v>
          </cell>
          <cell r="C356" t="str">
            <v>023030</v>
          </cell>
          <cell r="D356" t="str">
            <v>Espelage,Peggy</v>
          </cell>
        </row>
        <row r="357">
          <cell r="A357" t="str">
            <v>032349</v>
          </cell>
          <cell r="B357" t="str">
            <v>Evans,Connie A</v>
          </cell>
          <cell r="C357" t="str">
            <v>026139</v>
          </cell>
          <cell r="D357" t="str">
            <v>Estell,Eric Christian</v>
          </cell>
        </row>
        <row r="358">
          <cell r="A358" t="str">
            <v>023179</v>
          </cell>
          <cell r="B358" t="str">
            <v>Evans,James Edwin</v>
          </cell>
          <cell r="C358" t="str">
            <v>023004</v>
          </cell>
          <cell r="D358" t="str">
            <v>Evans,Carla J</v>
          </cell>
        </row>
        <row r="359">
          <cell r="A359" t="str">
            <v>026593</v>
          </cell>
          <cell r="B359" t="str">
            <v>Evans,Joe</v>
          </cell>
          <cell r="C359" t="str">
            <v>032349</v>
          </cell>
          <cell r="D359" t="str">
            <v>Evans,Connie A</v>
          </cell>
        </row>
        <row r="360">
          <cell r="A360" t="str">
            <v>015365</v>
          </cell>
          <cell r="B360" t="str">
            <v>Evans,Susan Lynn</v>
          </cell>
          <cell r="C360" t="str">
            <v>023179</v>
          </cell>
          <cell r="D360" t="str">
            <v>Evans,James Edwin</v>
          </cell>
        </row>
        <row r="361">
          <cell r="A361" t="str">
            <v>367874</v>
          </cell>
          <cell r="B361" t="str">
            <v>Eveland,Cole</v>
          </cell>
          <cell r="C361" t="str">
            <v>026593</v>
          </cell>
          <cell r="D361" t="str">
            <v>Evans,Joe</v>
          </cell>
        </row>
        <row r="362">
          <cell r="A362" t="str">
            <v>274773</v>
          </cell>
          <cell r="B362" t="str">
            <v>Face,Nathan K.</v>
          </cell>
          <cell r="C362" t="str">
            <v>015365</v>
          </cell>
          <cell r="D362" t="str">
            <v>Evans,Susan Lynn</v>
          </cell>
        </row>
        <row r="363">
          <cell r="A363" t="str">
            <v>029087</v>
          </cell>
          <cell r="B363" t="str">
            <v>Fackler,Justin Thomas</v>
          </cell>
          <cell r="C363" t="str">
            <v>367874</v>
          </cell>
          <cell r="D363" t="str">
            <v>Eveland,Cole</v>
          </cell>
        </row>
        <row r="364">
          <cell r="A364" t="str">
            <v>017253</v>
          </cell>
          <cell r="B364" t="str">
            <v>Faris,William S</v>
          </cell>
          <cell r="C364" t="str">
            <v>274773</v>
          </cell>
          <cell r="D364" t="str">
            <v>Face,Nathan K.</v>
          </cell>
        </row>
        <row r="365">
          <cell r="A365" t="str">
            <v>272353</v>
          </cell>
          <cell r="B365" t="str">
            <v>Fasbender,Michael A</v>
          </cell>
          <cell r="C365" t="str">
            <v>029087</v>
          </cell>
          <cell r="D365" t="str">
            <v>Fackler,Justin Thomas</v>
          </cell>
        </row>
        <row r="366">
          <cell r="A366" t="str">
            <v>030528</v>
          </cell>
          <cell r="B366" t="str">
            <v>Fecke,Nate</v>
          </cell>
          <cell r="C366" t="str">
            <v>017253</v>
          </cell>
          <cell r="D366" t="str">
            <v>Faris,William S</v>
          </cell>
        </row>
        <row r="367">
          <cell r="A367" t="str">
            <v>326134</v>
          </cell>
          <cell r="B367" t="str">
            <v>Feiler,Lenny</v>
          </cell>
          <cell r="C367" t="str">
            <v>272353</v>
          </cell>
          <cell r="D367" t="str">
            <v>Fasbender,Michael A</v>
          </cell>
        </row>
        <row r="368">
          <cell r="A368" t="str">
            <v>279924</v>
          </cell>
          <cell r="B368" t="str">
            <v>Feltner,Brett H</v>
          </cell>
          <cell r="C368" t="str">
            <v>030528</v>
          </cell>
          <cell r="D368" t="str">
            <v>Fecke,Nate</v>
          </cell>
        </row>
        <row r="369">
          <cell r="A369" t="str">
            <v>272034</v>
          </cell>
          <cell r="B369" t="str">
            <v>Felton,Kyle R</v>
          </cell>
          <cell r="C369" t="str">
            <v>326134</v>
          </cell>
          <cell r="D369" t="str">
            <v>Feiler,Lenny</v>
          </cell>
        </row>
        <row r="370">
          <cell r="A370" t="str">
            <v>024175</v>
          </cell>
          <cell r="B370" t="str">
            <v>Ferrara,Paul A</v>
          </cell>
          <cell r="C370" t="str">
            <v>279924</v>
          </cell>
          <cell r="D370" t="str">
            <v>Feltner,Brett H</v>
          </cell>
        </row>
        <row r="371">
          <cell r="A371" t="str">
            <v>015382</v>
          </cell>
          <cell r="B371" t="str">
            <v>Ferree,Beth Ann</v>
          </cell>
          <cell r="C371" t="str">
            <v>272034</v>
          </cell>
          <cell r="D371" t="str">
            <v>Felton,Kyle R</v>
          </cell>
        </row>
        <row r="372">
          <cell r="A372" t="str">
            <v>015378</v>
          </cell>
          <cell r="B372" t="str">
            <v>Fertig,Scott</v>
          </cell>
          <cell r="C372" t="str">
            <v>024175</v>
          </cell>
          <cell r="D372" t="str">
            <v>Ferrara,Paul A</v>
          </cell>
        </row>
        <row r="373">
          <cell r="A373" t="str">
            <v>289919</v>
          </cell>
          <cell r="B373" t="str">
            <v>Fillmore,John L</v>
          </cell>
          <cell r="C373" t="str">
            <v>015382</v>
          </cell>
          <cell r="D373" t="str">
            <v>Ferree,Beth Ann</v>
          </cell>
        </row>
        <row r="374">
          <cell r="A374" t="str">
            <v>024600</v>
          </cell>
          <cell r="B374" t="str">
            <v>Finley,Gregory Andrew</v>
          </cell>
          <cell r="C374" t="str">
            <v>015378</v>
          </cell>
          <cell r="D374" t="str">
            <v>Fertig,Scott</v>
          </cell>
        </row>
        <row r="375">
          <cell r="A375" t="str">
            <v>024749</v>
          </cell>
          <cell r="B375" t="str">
            <v>Fischer,Steve R</v>
          </cell>
          <cell r="C375" t="str">
            <v>289919</v>
          </cell>
          <cell r="D375" t="str">
            <v>Fillmore,John L</v>
          </cell>
        </row>
        <row r="376">
          <cell r="A376" t="str">
            <v>030595</v>
          </cell>
          <cell r="B376" t="str">
            <v>Fisk,Joseph David</v>
          </cell>
          <cell r="C376" t="str">
            <v>024600</v>
          </cell>
          <cell r="D376" t="str">
            <v>Finley,Gregory Andrew</v>
          </cell>
        </row>
        <row r="377">
          <cell r="A377" t="str">
            <v>017162</v>
          </cell>
          <cell r="B377" t="str">
            <v>Fite,Chris</v>
          </cell>
          <cell r="C377" t="str">
            <v>024749</v>
          </cell>
          <cell r="D377" t="str">
            <v>Fischer,Steve R</v>
          </cell>
        </row>
        <row r="378">
          <cell r="A378" t="str">
            <v>015400</v>
          </cell>
          <cell r="B378" t="str">
            <v>Fitz,Terry Tim</v>
          </cell>
          <cell r="C378" t="str">
            <v>030595</v>
          </cell>
          <cell r="D378" t="str">
            <v>Fisk,Joseph David</v>
          </cell>
        </row>
        <row r="379">
          <cell r="A379" t="str">
            <v>009551</v>
          </cell>
          <cell r="B379" t="str">
            <v>Fitzgerald,James Bryan</v>
          </cell>
          <cell r="C379" t="str">
            <v>017162</v>
          </cell>
          <cell r="D379" t="str">
            <v>Fite,Chris</v>
          </cell>
        </row>
        <row r="380">
          <cell r="A380" t="str">
            <v>025080</v>
          </cell>
          <cell r="B380" t="str">
            <v>Flege,Alan S</v>
          </cell>
          <cell r="C380" t="str">
            <v>015400</v>
          </cell>
          <cell r="D380" t="str">
            <v>Fitz,Terry Tim</v>
          </cell>
        </row>
        <row r="381">
          <cell r="A381" t="str">
            <v>095851</v>
          </cell>
          <cell r="B381" t="str">
            <v>Flesher,Aaron R</v>
          </cell>
          <cell r="C381" t="str">
            <v>009551</v>
          </cell>
          <cell r="D381" t="str">
            <v>Fitzgerald,James Bryan</v>
          </cell>
        </row>
        <row r="382">
          <cell r="A382" t="str">
            <v>011079</v>
          </cell>
          <cell r="B382" t="str">
            <v>Fletcher,Curtis Eugene</v>
          </cell>
          <cell r="C382" t="str">
            <v>025080</v>
          </cell>
          <cell r="D382" t="str">
            <v>Flege,Alan S</v>
          </cell>
        </row>
        <row r="383">
          <cell r="A383" t="str">
            <v>025170</v>
          </cell>
          <cell r="B383" t="str">
            <v>Flores,Luis F</v>
          </cell>
          <cell r="C383" t="str">
            <v>095851</v>
          </cell>
          <cell r="D383" t="str">
            <v>Flesher,Aaron R</v>
          </cell>
        </row>
        <row r="384">
          <cell r="A384" t="str">
            <v>024409</v>
          </cell>
          <cell r="B384" t="str">
            <v>Floyd,John R</v>
          </cell>
          <cell r="C384" t="str">
            <v>011079</v>
          </cell>
          <cell r="D384" t="str">
            <v>Fletcher,Curtis Eugene</v>
          </cell>
        </row>
        <row r="385">
          <cell r="A385" t="str">
            <v>025240</v>
          </cell>
          <cell r="B385" t="str">
            <v>Fohl,Daniel L</v>
          </cell>
          <cell r="C385" t="str">
            <v>025170</v>
          </cell>
          <cell r="D385" t="str">
            <v>Flores,Luis F</v>
          </cell>
        </row>
        <row r="386">
          <cell r="A386" t="str">
            <v>025340</v>
          </cell>
          <cell r="B386" t="str">
            <v>Forest,Dave</v>
          </cell>
          <cell r="C386" t="str">
            <v>024409</v>
          </cell>
          <cell r="D386" t="str">
            <v>Floyd,John R</v>
          </cell>
        </row>
        <row r="387">
          <cell r="A387" t="str">
            <v>027162</v>
          </cell>
          <cell r="B387" t="str">
            <v>Foster,Eric T</v>
          </cell>
          <cell r="C387" t="str">
            <v>025240</v>
          </cell>
          <cell r="D387" t="str">
            <v>Fohl,Daniel L</v>
          </cell>
        </row>
        <row r="388">
          <cell r="A388" t="str">
            <v>024041</v>
          </cell>
          <cell r="B388" t="str">
            <v>Foster,Kalen R</v>
          </cell>
          <cell r="C388" t="str">
            <v>025340</v>
          </cell>
          <cell r="D388" t="str">
            <v>Forest,Dave</v>
          </cell>
        </row>
        <row r="389">
          <cell r="A389" t="str">
            <v>095529</v>
          </cell>
          <cell r="B389" t="str">
            <v>Fox,Douglas G</v>
          </cell>
          <cell r="C389" t="str">
            <v>027162</v>
          </cell>
          <cell r="D389" t="str">
            <v>Foster,Eric T</v>
          </cell>
        </row>
        <row r="390">
          <cell r="A390" t="str">
            <v>009385</v>
          </cell>
          <cell r="B390" t="str">
            <v>Fox,Jerry Michael</v>
          </cell>
          <cell r="C390" t="str">
            <v>024041</v>
          </cell>
          <cell r="D390" t="str">
            <v>Foster,Kalen R</v>
          </cell>
        </row>
        <row r="391">
          <cell r="A391" t="str">
            <v>025482</v>
          </cell>
          <cell r="B391" t="str">
            <v>Fox,Ron</v>
          </cell>
          <cell r="C391" t="str">
            <v>095529</v>
          </cell>
          <cell r="D391" t="str">
            <v>Fox,Douglas G</v>
          </cell>
        </row>
        <row r="392">
          <cell r="A392" t="str">
            <v>017135</v>
          </cell>
          <cell r="B392" t="str">
            <v>Francis,Brad</v>
          </cell>
          <cell r="C392" t="str">
            <v>009385</v>
          </cell>
          <cell r="D392" t="str">
            <v>Fox,Jerry Michael</v>
          </cell>
        </row>
        <row r="393">
          <cell r="A393" t="str">
            <v>289939</v>
          </cell>
          <cell r="B393" t="str">
            <v>Francis,Coleman Lloyd</v>
          </cell>
          <cell r="C393" t="str">
            <v>025482</v>
          </cell>
          <cell r="D393" t="str">
            <v>Fox,Ron</v>
          </cell>
        </row>
        <row r="394">
          <cell r="A394" t="str">
            <v>025660</v>
          </cell>
          <cell r="B394" t="str">
            <v>Franklin,Gerald W</v>
          </cell>
          <cell r="C394" t="str">
            <v>017135</v>
          </cell>
          <cell r="D394" t="str">
            <v>Francis,Brad</v>
          </cell>
        </row>
        <row r="395">
          <cell r="A395" t="str">
            <v>025680</v>
          </cell>
          <cell r="B395" t="str">
            <v>Franzen,Timothy H</v>
          </cell>
          <cell r="C395" t="str">
            <v>289939</v>
          </cell>
          <cell r="D395" t="str">
            <v>Francis,Coleman Lloyd</v>
          </cell>
        </row>
        <row r="396">
          <cell r="A396" t="str">
            <v>095818</v>
          </cell>
          <cell r="B396" t="str">
            <v>Frazier,Jason E</v>
          </cell>
          <cell r="C396" t="str">
            <v>025660</v>
          </cell>
          <cell r="D396" t="str">
            <v>Franklin,Gerald W</v>
          </cell>
        </row>
        <row r="397">
          <cell r="A397" t="str">
            <v>025871</v>
          </cell>
          <cell r="B397" t="str">
            <v>Fricke,Joe</v>
          </cell>
          <cell r="C397" t="str">
            <v>025680</v>
          </cell>
          <cell r="D397" t="str">
            <v>Franzen,Timothy H</v>
          </cell>
        </row>
        <row r="398">
          <cell r="A398" t="str">
            <v>025611</v>
          </cell>
          <cell r="B398" t="str">
            <v>Frierson,Terry D</v>
          </cell>
          <cell r="C398" t="str">
            <v>095818</v>
          </cell>
          <cell r="D398" t="str">
            <v>Frazier,Jason E</v>
          </cell>
        </row>
        <row r="399">
          <cell r="A399" t="str">
            <v>025937</v>
          </cell>
          <cell r="B399" t="str">
            <v>Fritsch,Gregory Thomas</v>
          </cell>
          <cell r="C399" t="str">
            <v>025871</v>
          </cell>
          <cell r="D399" t="str">
            <v>Fricke,Joe</v>
          </cell>
        </row>
        <row r="400">
          <cell r="A400" t="str">
            <v>025948</v>
          </cell>
          <cell r="B400" t="str">
            <v>Fritsch,Mike</v>
          </cell>
          <cell r="C400" t="str">
            <v>025611</v>
          </cell>
          <cell r="D400" t="str">
            <v>Frierson,Terry D</v>
          </cell>
        </row>
        <row r="401">
          <cell r="A401" t="str">
            <v>026039</v>
          </cell>
          <cell r="B401" t="str">
            <v>Frueauff,David Donald</v>
          </cell>
          <cell r="C401" t="str">
            <v>025937</v>
          </cell>
          <cell r="D401" t="str">
            <v>Fritsch,Gregory Thomas</v>
          </cell>
        </row>
        <row r="402">
          <cell r="A402" t="str">
            <v>361751</v>
          </cell>
          <cell r="B402" t="str">
            <v>Fry,Bryan</v>
          </cell>
          <cell r="C402" t="str">
            <v>025948</v>
          </cell>
          <cell r="D402" t="str">
            <v>Fritsch,Mike</v>
          </cell>
        </row>
        <row r="403">
          <cell r="A403" t="str">
            <v>012678</v>
          </cell>
          <cell r="B403" t="str">
            <v>Fryman,Joyce Arlene</v>
          </cell>
          <cell r="C403" t="str">
            <v>026039</v>
          </cell>
          <cell r="D403" t="str">
            <v>Frueauff,David Donald</v>
          </cell>
        </row>
        <row r="404">
          <cell r="A404" t="str">
            <v>272027</v>
          </cell>
          <cell r="B404" t="str">
            <v>Funk,Brian G</v>
          </cell>
          <cell r="C404" t="str">
            <v>361751</v>
          </cell>
          <cell r="D404" t="str">
            <v>Fry,Bryan</v>
          </cell>
        </row>
        <row r="405">
          <cell r="A405" t="str">
            <v>009801</v>
          </cell>
          <cell r="B405" t="str">
            <v>Funk,Greg</v>
          </cell>
          <cell r="C405" t="str">
            <v>012678</v>
          </cell>
          <cell r="D405" t="str">
            <v>Fryman,Joyce Arlene</v>
          </cell>
        </row>
        <row r="406">
          <cell r="A406" t="str">
            <v>013229</v>
          </cell>
          <cell r="B406" t="str">
            <v>Furnish II,Tom</v>
          </cell>
          <cell r="C406" t="str">
            <v>272027</v>
          </cell>
          <cell r="D406" t="str">
            <v>Funk,Brian G</v>
          </cell>
        </row>
        <row r="407">
          <cell r="A407" t="str">
            <v>008803</v>
          </cell>
          <cell r="B407" t="str">
            <v>Gadberry,Steve</v>
          </cell>
          <cell r="C407" t="str">
            <v>009801</v>
          </cell>
          <cell r="D407" t="str">
            <v>Funk,Greg</v>
          </cell>
        </row>
        <row r="408">
          <cell r="A408" t="str">
            <v>019814</v>
          </cell>
          <cell r="B408" t="str">
            <v>Gador,Rob</v>
          </cell>
          <cell r="C408" t="str">
            <v>013229</v>
          </cell>
          <cell r="D408" t="str">
            <v>Furnish II,Tom</v>
          </cell>
        </row>
        <row r="409">
          <cell r="A409" t="str">
            <v>009396</v>
          </cell>
          <cell r="B409" t="str">
            <v>Gage,Jon David</v>
          </cell>
          <cell r="C409" t="str">
            <v>008803</v>
          </cell>
          <cell r="D409" t="str">
            <v>Gadberry,Steve</v>
          </cell>
        </row>
        <row r="410">
          <cell r="A410" t="str">
            <v>009431</v>
          </cell>
          <cell r="B410" t="str">
            <v>Gaillard,Jimmie Carl</v>
          </cell>
          <cell r="C410" t="str">
            <v>019814</v>
          </cell>
          <cell r="D410" t="str">
            <v>Gador,Rob</v>
          </cell>
        </row>
        <row r="411">
          <cell r="A411" t="str">
            <v>026451</v>
          </cell>
          <cell r="B411" t="str">
            <v>Gaines Jr,Lymon</v>
          </cell>
          <cell r="C411" t="str">
            <v>009396</v>
          </cell>
          <cell r="D411" t="str">
            <v>Gage,Jon David</v>
          </cell>
        </row>
        <row r="412">
          <cell r="A412" t="str">
            <v>284988</v>
          </cell>
          <cell r="B412" t="str">
            <v>Gaines,Mia L</v>
          </cell>
          <cell r="C412" t="str">
            <v>009431</v>
          </cell>
          <cell r="D412" t="str">
            <v>Gaillard,Jimmie Carl</v>
          </cell>
        </row>
        <row r="413">
          <cell r="A413" t="str">
            <v>026475</v>
          </cell>
          <cell r="B413" t="str">
            <v>Galinari,Lynda S</v>
          </cell>
          <cell r="C413" t="str">
            <v>026451</v>
          </cell>
          <cell r="D413" t="str">
            <v>Gaines Jr,Lymon</v>
          </cell>
        </row>
        <row r="414">
          <cell r="A414" t="str">
            <v>097057</v>
          </cell>
          <cell r="B414" t="str">
            <v>Garcia,Joe</v>
          </cell>
          <cell r="C414" t="str">
            <v>284988</v>
          </cell>
          <cell r="D414" t="str">
            <v>Gaines,Mia L</v>
          </cell>
        </row>
        <row r="415">
          <cell r="A415" t="str">
            <v>027746</v>
          </cell>
          <cell r="B415" t="str">
            <v>Gardner,Jack J</v>
          </cell>
          <cell r="C415" t="str">
            <v>026475</v>
          </cell>
          <cell r="D415" t="str">
            <v>Galinari,Lynda S</v>
          </cell>
        </row>
        <row r="416">
          <cell r="A416" t="str">
            <v>014079</v>
          </cell>
          <cell r="B416" t="str">
            <v>Gardner,Shelly</v>
          </cell>
          <cell r="C416" t="str">
            <v>097057</v>
          </cell>
          <cell r="D416" t="str">
            <v>Garcia,Joe</v>
          </cell>
        </row>
        <row r="417">
          <cell r="A417" t="str">
            <v>013110</v>
          </cell>
          <cell r="B417" t="str">
            <v>Gardner,Tammy Sue</v>
          </cell>
          <cell r="C417" t="str">
            <v>027746</v>
          </cell>
          <cell r="D417" t="str">
            <v>Gardner,Jack J</v>
          </cell>
        </row>
        <row r="418">
          <cell r="A418" t="str">
            <v>016535</v>
          </cell>
          <cell r="B418" t="str">
            <v>Garrison,Joseph Floyd</v>
          </cell>
          <cell r="C418" t="str">
            <v>014079</v>
          </cell>
          <cell r="D418" t="str">
            <v>Gardner,Shelly</v>
          </cell>
        </row>
        <row r="419">
          <cell r="A419" t="str">
            <v>023791</v>
          </cell>
          <cell r="B419" t="str">
            <v>Gasper,Taunya</v>
          </cell>
          <cell r="C419" t="str">
            <v>013110</v>
          </cell>
          <cell r="D419" t="str">
            <v>Gardner,Tammy Sue</v>
          </cell>
        </row>
        <row r="420">
          <cell r="A420" t="str">
            <v>026857</v>
          </cell>
          <cell r="B420" t="str">
            <v>Gebhardt,Ronald L</v>
          </cell>
          <cell r="C420" t="str">
            <v>016535</v>
          </cell>
          <cell r="D420" t="str">
            <v>Garrison,Joseph Floyd</v>
          </cell>
        </row>
        <row r="421">
          <cell r="A421" t="str">
            <v>023418</v>
          </cell>
          <cell r="B421" t="str">
            <v>Geiman,Charles J</v>
          </cell>
          <cell r="C421" t="str">
            <v>023791</v>
          </cell>
          <cell r="D421" t="str">
            <v>Gasper,Taunya</v>
          </cell>
        </row>
        <row r="422">
          <cell r="A422" t="str">
            <v>291406</v>
          </cell>
          <cell r="B422" t="str">
            <v>Geiman,Kevin Charles</v>
          </cell>
          <cell r="C422" t="str">
            <v>026857</v>
          </cell>
          <cell r="D422" t="str">
            <v>Gebhardt,Ronald L</v>
          </cell>
        </row>
        <row r="423">
          <cell r="A423" t="str">
            <v>361858</v>
          </cell>
          <cell r="B423" t="str">
            <v>Geiman,Tom</v>
          </cell>
          <cell r="C423" t="str">
            <v>023418</v>
          </cell>
          <cell r="D423" t="str">
            <v>Geiman,Charles J</v>
          </cell>
        </row>
        <row r="424">
          <cell r="A424" t="str">
            <v>015455</v>
          </cell>
          <cell r="B424" t="str">
            <v>Gesell,Gary Raymond</v>
          </cell>
          <cell r="C424" t="str">
            <v>291406</v>
          </cell>
          <cell r="D424" t="str">
            <v>Geiman,Kevin Charles</v>
          </cell>
        </row>
        <row r="425">
          <cell r="A425" t="str">
            <v>027472</v>
          </cell>
          <cell r="B425" t="str">
            <v>Getzendanner,Michael E</v>
          </cell>
          <cell r="C425" t="str">
            <v>361858</v>
          </cell>
          <cell r="D425" t="str">
            <v>Geiman,Tom</v>
          </cell>
        </row>
        <row r="426">
          <cell r="A426" t="str">
            <v>027509</v>
          </cell>
          <cell r="B426" t="str">
            <v>Giancola,Lawrence P</v>
          </cell>
          <cell r="C426" t="str">
            <v>015455</v>
          </cell>
          <cell r="D426" t="str">
            <v>Gesell,Gary Raymond</v>
          </cell>
        </row>
        <row r="427">
          <cell r="A427" t="str">
            <v>016247</v>
          </cell>
          <cell r="B427" t="str">
            <v>Gibson,Earl Douglas</v>
          </cell>
          <cell r="C427" t="str">
            <v>027472</v>
          </cell>
          <cell r="D427" t="str">
            <v>Getzendanner,Michael E</v>
          </cell>
        </row>
        <row r="428">
          <cell r="A428" t="str">
            <v>014618</v>
          </cell>
          <cell r="B428" t="str">
            <v>Gibson,Keith Gail</v>
          </cell>
          <cell r="C428" t="str">
            <v>027509</v>
          </cell>
          <cell r="D428" t="str">
            <v>Giancola,Lawrence P</v>
          </cell>
        </row>
        <row r="429">
          <cell r="A429" t="str">
            <v>033535</v>
          </cell>
          <cell r="B429" t="str">
            <v>Gideon,Carl E</v>
          </cell>
          <cell r="C429" t="str">
            <v>016247</v>
          </cell>
          <cell r="D429" t="str">
            <v>Gibson,Earl Douglas</v>
          </cell>
        </row>
        <row r="430">
          <cell r="A430" t="str">
            <v>027689</v>
          </cell>
          <cell r="B430" t="str">
            <v>Giesting,Mark T</v>
          </cell>
          <cell r="C430" t="str">
            <v>014618</v>
          </cell>
          <cell r="D430" t="str">
            <v>Gibson,Keith Gail</v>
          </cell>
        </row>
        <row r="431">
          <cell r="A431" t="str">
            <v>027879</v>
          </cell>
          <cell r="B431" t="str">
            <v>Gill,Daron L</v>
          </cell>
          <cell r="C431" t="str">
            <v>033535</v>
          </cell>
          <cell r="D431" t="str">
            <v>Gideon,Carl E</v>
          </cell>
        </row>
        <row r="432">
          <cell r="A432" t="str">
            <v>027925</v>
          </cell>
          <cell r="B432" t="str">
            <v>Gillespie,John Joseph</v>
          </cell>
          <cell r="C432" t="str">
            <v>027689</v>
          </cell>
          <cell r="D432" t="str">
            <v>Giesting,Mark T</v>
          </cell>
        </row>
        <row r="433">
          <cell r="A433" t="str">
            <v>011841</v>
          </cell>
          <cell r="B433" t="str">
            <v>Gilliam,Greg</v>
          </cell>
          <cell r="C433" t="str">
            <v>027879</v>
          </cell>
          <cell r="D433" t="str">
            <v>Gill,Daron L</v>
          </cell>
        </row>
        <row r="434">
          <cell r="A434" t="str">
            <v>019368</v>
          </cell>
          <cell r="B434" t="str">
            <v>Gingerich,Brett M</v>
          </cell>
          <cell r="C434" t="str">
            <v>027925</v>
          </cell>
          <cell r="D434" t="str">
            <v>Gillespie,John Joseph</v>
          </cell>
        </row>
        <row r="435">
          <cell r="A435" t="str">
            <v>361792</v>
          </cell>
          <cell r="B435" t="str">
            <v>Girard,Aaron Wade</v>
          </cell>
          <cell r="C435" t="str">
            <v>011841</v>
          </cell>
          <cell r="D435" t="str">
            <v>Gilliam,Greg</v>
          </cell>
        </row>
        <row r="436">
          <cell r="A436" t="str">
            <v>361324</v>
          </cell>
          <cell r="B436" t="str">
            <v>Girod,Christina</v>
          </cell>
          <cell r="C436" t="str">
            <v>019368</v>
          </cell>
          <cell r="D436" t="str">
            <v>Gingerich,Brett M</v>
          </cell>
        </row>
        <row r="437">
          <cell r="A437" t="str">
            <v>028152</v>
          </cell>
          <cell r="B437" t="str">
            <v>Glace,Jeffrey</v>
          </cell>
          <cell r="C437" t="str">
            <v>361792</v>
          </cell>
          <cell r="D437" t="str">
            <v>Girard,Aaron Wade</v>
          </cell>
        </row>
        <row r="438">
          <cell r="A438" t="str">
            <v>290445</v>
          </cell>
          <cell r="B438" t="str">
            <v>Glassco,Stacey</v>
          </cell>
          <cell r="C438" t="str">
            <v>361324</v>
          </cell>
          <cell r="D438" t="str">
            <v>Girod,Christina</v>
          </cell>
        </row>
        <row r="439">
          <cell r="A439" t="str">
            <v>011656</v>
          </cell>
          <cell r="B439" t="str">
            <v>Godsey,Rick Nelson</v>
          </cell>
          <cell r="C439" t="str">
            <v>028152</v>
          </cell>
          <cell r="D439" t="str">
            <v>Glace,Jeffrey</v>
          </cell>
        </row>
        <row r="440">
          <cell r="A440" t="str">
            <v>096850</v>
          </cell>
          <cell r="B440" t="str">
            <v>Godsey,Trent N</v>
          </cell>
          <cell r="C440" t="str">
            <v>290445</v>
          </cell>
          <cell r="D440" t="str">
            <v>Glassco,Stacey</v>
          </cell>
        </row>
        <row r="441">
          <cell r="A441" t="str">
            <v>326105</v>
          </cell>
          <cell r="B441" t="str">
            <v>Goldade,Ben</v>
          </cell>
          <cell r="C441" t="str">
            <v>011656</v>
          </cell>
          <cell r="D441" t="str">
            <v>Godsey,Rick Nelson</v>
          </cell>
        </row>
        <row r="442">
          <cell r="A442" t="str">
            <v>010814</v>
          </cell>
          <cell r="B442" t="str">
            <v>Gonzales,Tom</v>
          </cell>
          <cell r="C442" t="str">
            <v>096850</v>
          </cell>
          <cell r="D442" t="str">
            <v>Godsey,Trent N</v>
          </cell>
        </row>
        <row r="443">
          <cell r="A443" t="str">
            <v>022834</v>
          </cell>
          <cell r="B443" t="str">
            <v>Gooch,Thomas W</v>
          </cell>
          <cell r="C443" t="str">
            <v>326105</v>
          </cell>
          <cell r="D443" t="str">
            <v>Goldade,Ben</v>
          </cell>
        </row>
        <row r="444">
          <cell r="A444" t="str">
            <v>015439</v>
          </cell>
          <cell r="B444" t="str">
            <v>Goodman,Pat</v>
          </cell>
          <cell r="C444" t="str">
            <v>010814</v>
          </cell>
          <cell r="D444" t="str">
            <v>Gonzales,Tom</v>
          </cell>
        </row>
        <row r="445">
          <cell r="A445" t="str">
            <v>028402</v>
          </cell>
          <cell r="B445" t="str">
            <v>Gorman,Craig Robert</v>
          </cell>
          <cell r="C445" t="str">
            <v>022834</v>
          </cell>
          <cell r="D445" t="str">
            <v>Gooch,Thomas W</v>
          </cell>
        </row>
        <row r="446">
          <cell r="A446" t="str">
            <v>028945</v>
          </cell>
          <cell r="B446" t="str">
            <v>Gorman,Steve</v>
          </cell>
          <cell r="C446" t="str">
            <v>015439</v>
          </cell>
          <cell r="D446" t="str">
            <v>Goodman,Pat</v>
          </cell>
        </row>
        <row r="447">
          <cell r="A447" t="str">
            <v>095466</v>
          </cell>
          <cell r="B447" t="str">
            <v>Grable,Brad</v>
          </cell>
          <cell r="C447" t="str">
            <v>028402</v>
          </cell>
          <cell r="D447" t="str">
            <v>Gorman,Craig Robert</v>
          </cell>
        </row>
        <row r="448">
          <cell r="A448" t="str">
            <v>015393</v>
          </cell>
          <cell r="B448" t="str">
            <v>Grady,Tracy Wayne</v>
          </cell>
          <cell r="C448" t="str">
            <v>028945</v>
          </cell>
          <cell r="D448" t="str">
            <v>Gorman,Steve</v>
          </cell>
        </row>
        <row r="449">
          <cell r="A449" t="str">
            <v>326158</v>
          </cell>
          <cell r="B449" t="str">
            <v>Graf,Travis D</v>
          </cell>
          <cell r="C449" t="str">
            <v>095466</v>
          </cell>
          <cell r="D449" t="str">
            <v>Grable,Brad</v>
          </cell>
        </row>
        <row r="450">
          <cell r="A450" t="str">
            <v>029375</v>
          </cell>
          <cell r="B450" t="str">
            <v>Graser,Michael Robert</v>
          </cell>
          <cell r="C450" t="str">
            <v>015393</v>
          </cell>
          <cell r="D450" t="str">
            <v>Grady,Tracy Wayne</v>
          </cell>
        </row>
        <row r="451">
          <cell r="A451" t="str">
            <v>029408</v>
          </cell>
          <cell r="B451" t="str">
            <v>Graves,James D</v>
          </cell>
          <cell r="C451" t="str">
            <v>326158</v>
          </cell>
          <cell r="D451" t="str">
            <v>Graf,Travis D</v>
          </cell>
        </row>
        <row r="452">
          <cell r="A452" t="str">
            <v>029465</v>
          </cell>
          <cell r="B452" t="str">
            <v>Gray,Kevin J</v>
          </cell>
          <cell r="C452" t="str">
            <v>029375</v>
          </cell>
          <cell r="D452" t="str">
            <v>Graser,Michael Robert</v>
          </cell>
        </row>
        <row r="453">
          <cell r="A453" t="str">
            <v>032062</v>
          </cell>
          <cell r="B453" t="str">
            <v>Green,Sam</v>
          </cell>
          <cell r="C453" t="str">
            <v>029408</v>
          </cell>
          <cell r="D453" t="str">
            <v>Graves,James D</v>
          </cell>
        </row>
        <row r="454">
          <cell r="A454" t="str">
            <v>029846</v>
          </cell>
          <cell r="B454" t="str">
            <v>Greve,Paul R</v>
          </cell>
          <cell r="C454" t="str">
            <v>029465</v>
          </cell>
          <cell r="D454" t="str">
            <v>Gray,Kevin J</v>
          </cell>
        </row>
        <row r="455">
          <cell r="A455" t="str">
            <v>016497</v>
          </cell>
          <cell r="B455" t="str">
            <v>Griffin,Dallas John</v>
          </cell>
          <cell r="C455" t="str">
            <v>032062</v>
          </cell>
          <cell r="D455" t="str">
            <v>Green,Sam</v>
          </cell>
        </row>
        <row r="456">
          <cell r="A456" t="str">
            <v>026118</v>
          </cell>
          <cell r="B456" t="str">
            <v>Griffin,Kevin E</v>
          </cell>
          <cell r="C456" t="str">
            <v>029846</v>
          </cell>
          <cell r="D456" t="str">
            <v>Greve,Paul R</v>
          </cell>
        </row>
        <row r="457">
          <cell r="A457" t="str">
            <v>016205</v>
          </cell>
          <cell r="B457" t="str">
            <v>Griffin,Rick B</v>
          </cell>
          <cell r="C457" t="str">
            <v>016497</v>
          </cell>
          <cell r="D457" t="str">
            <v>Griffin,Dallas John</v>
          </cell>
        </row>
        <row r="458">
          <cell r="A458" t="str">
            <v>029989</v>
          </cell>
          <cell r="B458" t="str">
            <v>Griffin,Tracy M</v>
          </cell>
          <cell r="C458" t="str">
            <v>026118</v>
          </cell>
          <cell r="D458" t="str">
            <v>Griffin,Kevin E</v>
          </cell>
        </row>
        <row r="459">
          <cell r="A459" t="str">
            <v>025795</v>
          </cell>
          <cell r="B459" t="str">
            <v>Groeschen,Joe</v>
          </cell>
          <cell r="C459" t="str">
            <v>016205</v>
          </cell>
          <cell r="D459" t="str">
            <v>Griffin,Rick B</v>
          </cell>
        </row>
        <row r="460">
          <cell r="A460" t="str">
            <v>010793</v>
          </cell>
          <cell r="B460" t="str">
            <v>Gronotte,Dan</v>
          </cell>
          <cell r="C460" t="str">
            <v>029989</v>
          </cell>
          <cell r="D460" t="str">
            <v>Griffin,Tracy M</v>
          </cell>
        </row>
        <row r="461">
          <cell r="A461" t="str">
            <v>030565</v>
          </cell>
          <cell r="B461" t="str">
            <v>Grothaus,Dick</v>
          </cell>
          <cell r="C461" t="str">
            <v>025795</v>
          </cell>
          <cell r="D461" t="str">
            <v>Groeschen,Joe</v>
          </cell>
        </row>
        <row r="462">
          <cell r="A462" t="str">
            <v>030575</v>
          </cell>
          <cell r="B462" t="str">
            <v>Grothaus,Timothy Michael</v>
          </cell>
          <cell r="C462" t="str">
            <v>010793</v>
          </cell>
          <cell r="D462" t="str">
            <v>Gronotte,Dan</v>
          </cell>
        </row>
        <row r="463">
          <cell r="A463" t="str">
            <v>277473</v>
          </cell>
          <cell r="B463" t="str">
            <v>Groves,Matthew A</v>
          </cell>
          <cell r="C463" t="str">
            <v>030565</v>
          </cell>
          <cell r="D463" t="str">
            <v>Grothaus,Dick</v>
          </cell>
        </row>
        <row r="464">
          <cell r="A464" t="str">
            <v>030757</v>
          </cell>
          <cell r="B464" t="str">
            <v>Guerriri,Fred</v>
          </cell>
          <cell r="C464" t="str">
            <v>030575</v>
          </cell>
          <cell r="D464" t="str">
            <v>Grothaus,Timothy Michael</v>
          </cell>
        </row>
        <row r="465">
          <cell r="A465" t="str">
            <v>030789</v>
          </cell>
          <cell r="B465" t="str">
            <v>Guilfoyle,Jeff</v>
          </cell>
          <cell r="C465" t="str">
            <v>277473</v>
          </cell>
          <cell r="D465" t="str">
            <v>Groves,Matthew A</v>
          </cell>
        </row>
        <row r="466">
          <cell r="A466" t="str">
            <v>030868</v>
          </cell>
          <cell r="B466" t="str">
            <v>Gundrum,Charles Elmer</v>
          </cell>
          <cell r="C466" t="str">
            <v>030757</v>
          </cell>
          <cell r="D466" t="str">
            <v>Guerriri,Fred</v>
          </cell>
        </row>
        <row r="467">
          <cell r="A467" t="str">
            <v>032411</v>
          </cell>
          <cell r="B467" t="str">
            <v>Gwinn,Justin Lorenzo</v>
          </cell>
          <cell r="C467" t="str">
            <v>030789</v>
          </cell>
          <cell r="D467" t="str">
            <v>Guilfoyle,Jeff</v>
          </cell>
        </row>
        <row r="468">
          <cell r="A468" t="str">
            <v>008690</v>
          </cell>
          <cell r="B468" t="str">
            <v>Hackworth,Vern</v>
          </cell>
          <cell r="C468" t="str">
            <v>030868</v>
          </cell>
          <cell r="D468" t="str">
            <v>Gundrum,Charles Elmer</v>
          </cell>
        </row>
        <row r="469">
          <cell r="A469" t="str">
            <v>275045</v>
          </cell>
          <cell r="B469" t="str">
            <v>Haddix,Michael Ryan</v>
          </cell>
          <cell r="C469" t="str">
            <v>032411</v>
          </cell>
          <cell r="D469" t="str">
            <v>Gwinn,Justin Lorenzo</v>
          </cell>
        </row>
        <row r="470">
          <cell r="A470" t="str">
            <v>029081</v>
          </cell>
          <cell r="B470" t="str">
            <v>Haecker,Thomas Shane</v>
          </cell>
          <cell r="C470" t="str">
            <v>008690</v>
          </cell>
          <cell r="D470" t="str">
            <v>Hackworth,Vern</v>
          </cell>
        </row>
        <row r="471">
          <cell r="A471" t="str">
            <v>289840</v>
          </cell>
          <cell r="B471" t="str">
            <v>Hale,Jay E.</v>
          </cell>
          <cell r="C471" t="str">
            <v>275045</v>
          </cell>
          <cell r="D471" t="str">
            <v>Haddix,Michael Ryan</v>
          </cell>
        </row>
        <row r="472">
          <cell r="A472" t="str">
            <v>031642</v>
          </cell>
          <cell r="B472" t="str">
            <v>Hale,Marty</v>
          </cell>
          <cell r="C472" t="str">
            <v>029081</v>
          </cell>
          <cell r="D472" t="str">
            <v>Haecker,Thomas Shane</v>
          </cell>
        </row>
        <row r="473">
          <cell r="A473" t="str">
            <v>031648</v>
          </cell>
          <cell r="B473" t="str">
            <v>Hale,Ross E</v>
          </cell>
          <cell r="C473" t="str">
            <v>289840</v>
          </cell>
          <cell r="D473" t="str">
            <v>Hale,Jay E.</v>
          </cell>
        </row>
        <row r="474">
          <cell r="A474" t="str">
            <v>275082</v>
          </cell>
          <cell r="B474" t="str">
            <v>Hall,Brandon S.</v>
          </cell>
          <cell r="C474" t="str">
            <v>031642</v>
          </cell>
          <cell r="D474" t="str">
            <v>Hale,Marty</v>
          </cell>
        </row>
        <row r="475">
          <cell r="A475" t="str">
            <v>016342</v>
          </cell>
          <cell r="B475" t="str">
            <v>Hall,Tommy J</v>
          </cell>
          <cell r="C475" t="str">
            <v>031648</v>
          </cell>
          <cell r="D475" t="str">
            <v>Hale,Ross E</v>
          </cell>
        </row>
        <row r="476">
          <cell r="A476" t="str">
            <v>032122</v>
          </cell>
          <cell r="B476" t="str">
            <v>Haller,Dave E</v>
          </cell>
          <cell r="C476" t="str">
            <v>275082</v>
          </cell>
          <cell r="D476" t="str">
            <v>Hall,Brandon S.</v>
          </cell>
        </row>
        <row r="477">
          <cell r="A477" t="str">
            <v>291560</v>
          </cell>
          <cell r="B477" t="str">
            <v>Hamblin,Corey J.</v>
          </cell>
          <cell r="C477" t="str">
            <v>016342</v>
          </cell>
          <cell r="D477" t="str">
            <v>Hall,Tommy J</v>
          </cell>
        </row>
        <row r="478">
          <cell r="A478" t="str">
            <v>095500</v>
          </cell>
          <cell r="B478" t="str">
            <v>Hamilton,David F</v>
          </cell>
          <cell r="C478" t="str">
            <v>032122</v>
          </cell>
          <cell r="D478" t="str">
            <v>Haller,Dave E</v>
          </cell>
        </row>
        <row r="479">
          <cell r="A479" t="str">
            <v>032200</v>
          </cell>
          <cell r="B479" t="str">
            <v>Hamilton,Grady J</v>
          </cell>
          <cell r="C479" t="str">
            <v>291560</v>
          </cell>
          <cell r="D479" t="str">
            <v>Hamblin,Corey J.</v>
          </cell>
        </row>
        <row r="480">
          <cell r="A480" t="str">
            <v>283433</v>
          </cell>
          <cell r="B480" t="str">
            <v>Hamilton,James Kelly</v>
          </cell>
          <cell r="C480" t="str">
            <v>095500</v>
          </cell>
          <cell r="D480" t="str">
            <v>Hamilton,David F</v>
          </cell>
        </row>
        <row r="481">
          <cell r="A481" t="str">
            <v>023874</v>
          </cell>
          <cell r="B481" t="str">
            <v>Hamilton,Kory</v>
          </cell>
          <cell r="C481" t="str">
            <v>032200</v>
          </cell>
          <cell r="D481" t="str">
            <v>Hamilton,Grady J</v>
          </cell>
        </row>
        <row r="482">
          <cell r="A482" t="str">
            <v>032330</v>
          </cell>
          <cell r="B482" t="str">
            <v>Hammitt,Richard Lee</v>
          </cell>
          <cell r="C482" t="str">
            <v>283433</v>
          </cell>
          <cell r="D482" t="str">
            <v>Hamilton,James Kelly</v>
          </cell>
        </row>
        <row r="483">
          <cell r="A483" t="str">
            <v>285615</v>
          </cell>
          <cell r="B483" t="str">
            <v>Hanner,Lucas</v>
          </cell>
          <cell r="C483" t="str">
            <v>023874</v>
          </cell>
          <cell r="D483" t="str">
            <v>Hamilton,Kory</v>
          </cell>
        </row>
        <row r="484">
          <cell r="A484" t="str">
            <v>033626</v>
          </cell>
          <cell r="B484" t="str">
            <v>Hansford,Deena K</v>
          </cell>
          <cell r="C484" t="str">
            <v>032330</v>
          </cell>
          <cell r="D484" t="str">
            <v>Hammitt,Richard Lee</v>
          </cell>
        </row>
        <row r="485">
          <cell r="A485" t="str">
            <v>015953</v>
          </cell>
          <cell r="B485" t="str">
            <v>Hanson,Sandy</v>
          </cell>
          <cell r="C485" t="str">
            <v>285615</v>
          </cell>
          <cell r="D485" t="str">
            <v>Hanner,Lucas</v>
          </cell>
        </row>
        <row r="486">
          <cell r="A486" t="str">
            <v>096957</v>
          </cell>
          <cell r="B486" t="str">
            <v>Harbstreit,Trent S</v>
          </cell>
          <cell r="C486" t="str">
            <v>033626</v>
          </cell>
          <cell r="D486" t="str">
            <v>Hansford,Deena K</v>
          </cell>
        </row>
        <row r="487">
          <cell r="A487" t="str">
            <v>032887</v>
          </cell>
          <cell r="B487" t="str">
            <v>Harden,Steve</v>
          </cell>
          <cell r="C487" t="str">
            <v>015953</v>
          </cell>
          <cell r="D487" t="str">
            <v>Hanson,Sandy</v>
          </cell>
        </row>
        <row r="488">
          <cell r="A488" t="str">
            <v>009217</v>
          </cell>
          <cell r="B488" t="str">
            <v>Hardiman,Terry Leon</v>
          </cell>
          <cell r="C488" t="str">
            <v>096957</v>
          </cell>
          <cell r="D488" t="str">
            <v>Harbstreit,Trent S</v>
          </cell>
        </row>
        <row r="489">
          <cell r="A489" t="str">
            <v>029880</v>
          </cell>
          <cell r="B489" t="str">
            <v>Hardin,Timothy J</v>
          </cell>
          <cell r="C489" t="str">
            <v>032887</v>
          </cell>
          <cell r="D489" t="str">
            <v>Harden,Steve</v>
          </cell>
        </row>
        <row r="490">
          <cell r="A490" t="str">
            <v>033300</v>
          </cell>
          <cell r="B490" t="str">
            <v>Harms,David A</v>
          </cell>
          <cell r="C490" t="str">
            <v>009217</v>
          </cell>
          <cell r="D490" t="str">
            <v>Hardiman,Terry Leon</v>
          </cell>
        </row>
        <row r="491">
          <cell r="A491" t="str">
            <v>033303</v>
          </cell>
          <cell r="B491" t="str">
            <v>Harms,Steven P</v>
          </cell>
          <cell r="C491" t="str">
            <v>029880</v>
          </cell>
          <cell r="D491" t="str">
            <v>Hardin,Timothy J</v>
          </cell>
        </row>
        <row r="492">
          <cell r="A492" t="str">
            <v>012486</v>
          </cell>
          <cell r="B492" t="str">
            <v>Harper,Bryan David</v>
          </cell>
          <cell r="C492" t="str">
            <v>033300</v>
          </cell>
          <cell r="D492" t="str">
            <v>Harms,David A</v>
          </cell>
        </row>
        <row r="493">
          <cell r="A493" t="str">
            <v>010981</v>
          </cell>
          <cell r="B493" t="str">
            <v>Harrell,Rich</v>
          </cell>
          <cell r="C493" t="str">
            <v>033303</v>
          </cell>
          <cell r="D493" t="str">
            <v>Harms,Steven P</v>
          </cell>
        </row>
        <row r="494">
          <cell r="A494" t="str">
            <v>026225</v>
          </cell>
          <cell r="B494" t="str">
            <v>Harris,Brian L.</v>
          </cell>
          <cell r="C494" t="str">
            <v>012486</v>
          </cell>
          <cell r="D494" t="str">
            <v>Harper,Bryan David</v>
          </cell>
        </row>
        <row r="495">
          <cell r="A495" t="str">
            <v>281908</v>
          </cell>
          <cell r="B495" t="str">
            <v>Harris,Stephen Michael</v>
          </cell>
          <cell r="C495" t="str">
            <v>010981</v>
          </cell>
          <cell r="D495" t="str">
            <v>Harrell,Rich</v>
          </cell>
        </row>
        <row r="496">
          <cell r="A496" t="str">
            <v>362731</v>
          </cell>
          <cell r="B496" t="str">
            <v>Harrison,Dustin W.</v>
          </cell>
          <cell r="C496" t="str">
            <v>026225</v>
          </cell>
          <cell r="D496" t="str">
            <v>Harris,Brian L.</v>
          </cell>
        </row>
        <row r="497">
          <cell r="A497" t="str">
            <v>033760</v>
          </cell>
          <cell r="B497" t="str">
            <v>Harrison,Sherry Ann</v>
          </cell>
          <cell r="C497" t="str">
            <v>281908</v>
          </cell>
          <cell r="D497" t="str">
            <v>Harris,Stephen Michael</v>
          </cell>
        </row>
        <row r="498">
          <cell r="A498" t="str">
            <v>024013</v>
          </cell>
          <cell r="B498" t="str">
            <v>Hart,Cicely</v>
          </cell>
          <cell r="C498" t="str">
            <v>362731</v>
          </cell>
          <cell r="D498" t="str">
            <v>Harrison,Dustin W.</v>
          </cell>
        </row>
        <row r="499">
          <cell r="A499" t="str">
            <v>045380</v>
          </cell>
          <cell r="B499" t="str">
            <v>Harthun,Mary</v>
          </cell>
          <cell r="C499" t="str">
            <v>033760</v>
          </cell>
          <cell r="D499" t="str">
            <v>Harrison,Sherry Ann</v>
          </cell>
        </row>
        <row r="500">
          <cell r="A500" t="str">
            <v>289914</v>
          </cell>
          <cell r="B500" t="str">
            <v>Hartman,Chad Daniel</v>
          </cell>
          <cell r="C500" t="str">
            <v>024013</v>
          </cell>
          <cell r="D500" t="str">
            <v>Hart,Cicely</v>
          </cell>
        </row>
        <row r="501">
          <cell r="A501" t="str">
            <v>034031</v>
          </cell>
          <cell r="B501" t="str">
            <v>Harvey,Diane</v>
          </cell>
          <cell r="C501" t="str">
            <v>045380</v>
          </cell>
          <cell r="D501" t="str">
            <v>Harthun,Mary</v>
          </cell>
        </row>
        <row r="502">
          <cell r="A502" t="str">
            <v>290174</v>
          </cell>
          <cell r="B502" t="str">
            <v>Hassler,Teresa</v>
          </cell>
          <cell r="C502" t="str">
            <v>289914</v>
          </cell>
          <cell r="D502" t="str">
            <v>Hartman,Chad Daniel</v>
          </cell>
        </row>
        <row r="503">
          <cell r="A503" t="str">
            <v>034136</v>
          </cell>
          <cell r="B503" t="str">
            <v>Hatcher Jr,Ronald E</v>
          </cell>
          <cell r="C503" t="str">
            <v>034031</v>
          </cell>
          <cell r="D503" t="str">
            <v>Harvey,Diane</v>
          </cell>
        </row>
        <row r="504">
          <cell r="A504" t="str">
            <v>067189</v>
          </cell>
          <cell r="B504" t="str">
            <v>Hatcher,Angela J</v>
          </cell>
          <cell r="C504" t="str">
            <v>290174</v>
          </cell>
          <cell r="D504" t="str">
            <v>Hassler,Teresa</v>
          </cell>
        </row>
        <row r="505">
          <cell r="A505" t="str">
            <v>015283</v>
          </cell>
          <cell r="B505" t="str">
            <v>Hathaway,Doug</v>
          </cell>
          <cell r="C505" t="str">
            <v>034136</v>
          </cell>
          <cell r="D505" t="str">
            <v>Hatcher Jr,Ronald E</v>
          </cell>
        </row>
        <row r="506">
          <cell r="A506" t="str">
            <v>015366</v>
          </cell>
          <cell r="B506" t="str">
            <v>Hatton,Kim</v>
          </cell>
          <cell r="C506" t="str">
            <v>067189</v>
          </cell>
          <cell r="D506" t="str">
            <v>Hatcher,Angela J</v>
          </cell>
        </row>
        <row r="507">
          <cell r="A507" t="str">
            <v>019832</v>
          </cell>
          <cell r="B507" t="str">
            <v>Haverbusch,William T</v>
          </cell>
          <cell r="C507" t="str">
            <v>015283</v>
          </cell>
          <cell r="D507" t="str">
            <v>Hathaway,Doug</v>
          </cell>
        </row>
        <row r="508">
          <cell r="A508" t="str">
            <v>362727</v>
          </cell>
          <cell r="B508" t="str">
            <v>Hawk,Adrian Alexis</v>
          </cell>
          <cell r="C508" t="str">
            <v>015366</v>
          </cell>
          <cell r="D508" t="str">
            <v>Hatton,Kim</v>
          </cell>
        </row>
        <row r="509">
          <cell r="A509" t="str">
            <v>016537</v>
          </cell>
          <cell r="B509" t="str">
            <v>Hawkins,Bill</v>
          </cell>
          <cell r="C509" t="str">
            <v>019832</v>
          </cell>
          <cell r="D509" t="str">
            <v>Haverbusch,William T</v>
          </cell>
        </row>
        <row r="510">
          <cell r="A510" t="str">
            <v>326557</v>
          </cell>
          <cell r="B510" t="str">
            <v>Hayden,Jeremy</v>
          </cell>
          <cell r="C510" t="str">
            <v>362727</v>
          </cell>
          <cell r="D510" t="str">
            <v>Hawk,Adrian Alexis</v>
          </cell>
        </row>
        <row r="511">
          <cell r="A511" t="str">
            <v>034620</v>
          </cell>
          <cell r="B511" t="str">
            <v>Hayes,John E</v>
          </cell>
          <cell r="C511" t="str">
            <v>016537</v>
          </cell>
          <cell r="D511" t="str">
            <v>Hawkins,Bill</v>
          </cell>
        </row>
        <row r="512">
          <cell r="A512" t="str">
            <v>034633</v>
          </cell>
          <cell r="B512" t="str">
            <v>Hayes,Jonathan W</v>
          </cell>
          <cell r="C512" t="str">
            <v>326557</v>
          </cell>
          <cell r="D512" t="str">
            <v>Hayden,Jeremy</v>
          </cell>
        </row>
        <row r="513">
          <cell r="A513" t="str">
            <v>034675</v>
          </cell>
          <cell r="B513" t="str">
            <v>Hays,Randy</v>
          </cell>
          <cell r="C513" t="str">
            <v>034620</v>
          </cell>
          <cell r="D513" t="str">
            <v>Hayes,John E</v>
          </cell>
        </row>
        <row r="514">
          <cell r="A514" t="str">
            <v>024947</v>
          </cell>
          <cell r="B514" t="str">
            <v>Haysbert,Love-vee L</v>
          </cell>
          <cell r="C514" t="str">
            <v>034675</v>
          </cell>
          <cell r="D514" t="str">
            <v>Hays,Randy</v>
          </cell>
        </row>
        <row r="515">
          <cell r="A515" t="str">
            <v>038383</v>
          </cell>
          <cell r="B515" t="str">
            <v>Heck,Angie</v>
          </cell>
          <cell r="C515" t="str">
            <v>024947</v>
          </cell>
          <cell r="D515" t="str">
            <v>Haysbert,Love-vee L</v>
          </cell>
        </row>
        <row r="516">
          <cell r="A516" t="str">
            <v>096072</v>
          </cell>
          <cell r="B516" t="str">
            <v>Heck,Roger J</v>
          </cell>
          <cell r="C516" t="str">
            <v>038383</v>
          </cell>
          <cell r="D516" t="str">
            <v>Heck,Angie</v>
          </cell>
        </row>
        <row r="517">
          <cell r="A517" t="str">
            <v>278790</v>
          </cell>
          <cell r="B517" t="str">
            <v>Heeney,Jeffrey Michael</v>
          </cell>
          <cell r="C517" t="str">
            <v>096072</v>
          </cell>
          <cell r="D517" t="str">
            <v>Heck,Roger J</v>
          </cell>
        </row>
        <row r="518">
          <cell r="A518" t="str">
            <v>035332</v>
          </cell>
          <cell r="B518" t="str">
            <v>Heis,Christopher C</v>
          </cell>
          <cell r="C518" t="str">
            <v>278790</v>
          </cell>
          <cell r="D518" t="str">
            <v>Heeney,Jeffrey Michael</v>
          </cell>
        </row>
        <row r="519">
          <cell r="A519" t="str">
            <v>095119</v>
          </cell>
          <cell r="B519" t="str">
            <v>Helms,Kenneth Gene</v>
          </cell>
          <cell r="C519" t="str">
            <v>035332</v>
          </cell>
          <cell r="D519" t="str">
            <v>Heis,Christopher C</v>
          </cell>
        </row>
        <row r="520">
          <cell r="A520" t="str">
            <v>035774</v>
          </cell>
          <cell r="B520" t="str">
            <v>Helsinger,Doug</v>
          </cell>
          <cell r="C520" t="str">
            <v>095119</v>
          </cell>
          <cell r="D520" t="str">
            <v>Helms,Kenneth Gene</v>
          </cell>
        </row>
        <row r="521">
          <cell r="A521" t="str">
            <v>032071</v>
          </cell>
          <cell r="B521" t="str">
            <v>Helton,Megan E</v>
          </cell>
          <cell r="C521" t="str">
            <v>035774</v>
          </cell>
          <cell r="D521" t="str">
            <v>Helsinger,Doug</v>
          </cell>
        </row>
        <row r="522">
          <cell r="A522" t="str">
            <v>035905</v>
          </cell>
          <cell r="B522" t="str">
            <v>Henderson,Doug</v>
          </cell>
          <cell r="C522" t="str">
            <v>032071</v>
          </cell>
          <cell r="D522" t="str">
            <v>Helton,Megan E</v>
          </cell>
        </row>
        <row r="523">
          <cell r="A523" t="str">
            <v>013931</v>
          </cell>
          <cell r="B523" t="str">
            <v>Hendrickson,Alicia</v>
          </cell>
          <cell r="C523" t="str">
            <v>035905</v>
          </cell>
          <cell r="D523" t="str">
            <v>Henderson,Doug</v>
          </cell>
        </row>
        <row r="524">
          <cell r="A524" t="str">
            <v>012296</v>
          </cell>
          <cell r="B524" t="str">
            <v>Hendrix,Paul Allen</v>
          </cell>
          <cell r="C524" t="str">
            <v>013931</v>
          </cell>
          <cell r="D524" t="str">
            <v>Hendrickson,Alicia</v>
          </cell>
        </row>
        <row r="525">
          <cell r="A525" t="str">
            <v>030021</v>
          </cell>
          <cell r="B525" t="str">
            <v>Hendrixson,matt</v>
          </cell>
          <cell r="C525" t="str">
            <v>012296</v>
          </cell>
          <cell r="D525" t="str">
            <v>Hendrix,Paul Allen</v>
          </cell>
        </row>
        <row r="526">
          <cell r="A526" t="str">
            <v>097635</v>
          </cell>
          <cell r="B526" t="str">
            <v>Henry,David T</v>
          </cell>
          <cell r="C526" t="str">
            <v>030021</v>
          </cell>
          <cell r="D526" t="str">
            <v>Hendrixson,matt</v>
          </cell>
        </row>
        <row r="527">
          <cell r="A527" t="str">
            <v>036347</v>
          </cell>
          <cell r="B527" t="str">
            <v>Henry,Dwight</v>
          </cell>
          <cell r="C527" t="str">
            <v>097635</v>
          </cell>
          <cell r="D527" t="str">
            <v>Henry,David T</v>
          </cell>
        </row>
        <row r="528">
          <cell r="A528" t="str">
            <v>275042</v>
          </cell>
          <cell r="B528" t="str">
            <v>Henski,Donald J.</v>
          </cell>
          <cell r="C528" t="str">
            <v>036347</v>
          </cell>
          <cell r="D528" t="str">
            <v>Henry,Dwight</v>
          </cell>
        </row>
        <row r="529">
          <cell r="A529" t="str">
            <v>036420</v>
          </cell>
          <cell r="B529" t="str">
            <v>Henson,Gail Robinson</v>
          </cell>
          <cell r="C529" t="str">
            <v>275042</v>
          </cell>
          <cell r="D529" t="str">
            <v>Henski,Donald J.</v>
          </cell>
        </row>
        <row r="530">
          <cell r="A530" t="str">
            <v>015451</v>
          </cell>
          <cell r="B530" t="str">
            <v>Herrington,Kimberly Jo</v>
          </cell>
          <cell r="C530" t="str">
            <v>036420</v>
          </cell>
          <cell r="D530" t="str">
            <v>Henson,Gail Robinson</v>
          </cell>
        </row>
        <row r="531">
          <cell r="A531" t="str">
            <v>036884</v>
          </cell>
          <cell r="B531" t="str">
            <v>Hertzenberg,Mike</v>
          </cell>
          <cell r="C531" t="str">
            <v>015451</v>
          </cell>
          <cell r="D531" t="str">
            <v>Herrington,Kimberly Jo</v>
          </cell>
        </row>
        <row r="532">
          <cell r="A532" t="str">
            <v>036885</v>
          </cell>
          <cell r="B532" t="str">
            <v>Hertzenberg,William P</v>
          </cell>
          <cell r="C532" t="str">
            <v>036884</v>
          </cell>
          <cell r="D532" t="str">
            <v>Hertzenberg,Mike</v>
          </cell>
        </row>
        <row r="533">
          <cell r="A533" t="str">
            <v>024957</v>
          </cell>
          <cell r="B533" t="str">
            <v>Hesse,Jeff</v>
          </cell>
          <cell r="C533" t="str">
            <v>036885</v>
          </cell>
          <cell r="D533" t="str">
            <v>Hertzenberg,William P</v>
          </cell>
        </row>
        <row r="534">
          <cell r="A534" t="str">
            <v>037135</v>
          </cell>
          <cell r="B534" t="str">
            <v>Hester,Jeffrey J</v>
          </cell>
          <cell r="C534" t="str">
            <v>024957</v>
          </cell>
          <cell r="D534" t="str">
            <v>Hesse,Jeff</v>
          </cell>
        </row>
        <row r="535">
          <cell r="A535" t="str">
            <v>037185</v>
          </cell>
          <cell r="B535" t="str">
            <v>Hetterick,Ralph T</v>
          </cell>
          <cell r="C535" t="str">
            <v>037135</v>
          </cell>
          <cell r="D535" t="str">
            <v>Hester,Jeffrey J</v>
          </cell>
        </row>
        <row r="536">
          <cell r="A536" t="str">
            <v>010190</v>
          </cell>
          <cell r="B536" t="str">
            <v>Hewitt,Susan Elaine</v>
          </cell>
          <cell r="C536" t="str">
            <v>037185</v>
          </cell>
          <cell r="D536" t="str">
            <v>Hetterick,Ralph T</v>
          </cell>
        </row>
        <row r="537">
          <cell r="A537" t="str">
            <v>037418</v>
          </cell>
          <cell r="B537" t="str">
            <v>Hice,James C</v>
          </cell>
          <cell r="C537" t="str">
            <v>010190</v>
          </cell>
          <cell r="D537" t="str">
            <v>Hewitt,Susan Elaine</v>
          </cell>
        </row>
        <row r="538">
          <cell r="A538" t="str">
            <v>278462</v>
          </cell>
          <cell r="B538" t="str">
            <v>Hickam,Steven B</v>
          </cell>
          <cell r="C538" t="str">
            <v>037418</v>
          </cell>
          <cell r="D538" t="str">
            <v>Hice,James C</v>
          </cell>
        </row>
        <row r="539">
          <cell r="A539" t="str">
            <v>095839</v>
          </cell>
          <cell r="B539" t="str">
            <v>Higgins,Sam</v>
          </cell>
          <cell r="C539" t="str">
            <v>278462</v>
          </cell>
          <cell r="D539" t="str">
            <v>Hickam,Steven B</v>
          </cell>
        </row>
        <row r="540">
          <cell r="A540" t="str">
            <v>289916</v>
          </cell>
          <cell r="B540" t="str">
            <v>Higley,Bryan Randy</v>
          </cell>
          <cell r="C540" t="str">
            <v>095839</v>
          </cell>
          <cell r="D540" t="str">
            <v>Higgins,Sam</v>
          </cell>
        </row>
        <row r="541">
          <cell r="A541" t="str">
            <v>089434</v>
          </cell>
          <cell r="B541" t="str">
            <v>Hill,Crystal W</v>
          </cell>
          <cell r="C541" t="str">
            <v>289916</v>
          </cell>
          <cell r="D541" t="str">
            <v>Higley,Bryan Randy</v>
          </cell>
        </row>
        <row r="542">
          <cell r="A542" t="str">
            <v>037630</v>
          </cell>
          <cell r="B542" t="str">
            <v>Hill,Rob</v>
          </cell>
          <cell r="C542" t="str">
            <v>089434</v>
          </cell>
          <cell r="D542" t="str">
            <v>Hill,Crystal W</v>
          </cell>
        </row>
        <row r="543">
          <cell r="A543" t="str">
            <v>037635</v>
          </cell>
          <cell r="B543" t="str">
            <v>Hill,Ronald L</v>
          </cell>
          <cell r="C543" t="str">
            <v>037630</v>
          </cell>
          <cell r="D543" t="str">
            <v>Hill,Rob</v>
          </cell>
        </row>
        <row r="544">
          <cell r="A544" t="str">
            <v>055360</v>
          </cell>
          <cell r="B544" t="str">
            <v>Hinkel,Cindy Sue</v>
          </cell>
          <cell r="C544" t="str">
            <v>037635</v>
          </cell>
          <cell r="D544" t="str">
            <v>Hill,Ronald L</v>
          </cell>
        </row>
        <row r="545">
          <cell r="A545" t="str">
            <v>068405</v>
          </cell>
          <cell r="B545" t="str">
            <v>Hinkel,Diane</v>
          </cell>
          <cell r="C545" t="str">
            <v>055360</v>
          </cell>
          <cell r="D545" t="str">
            <v>Hinkel,Cindy Sue</v>
          </cell>
        </row>
        <row r="546">
          <cell r="A546" t="str">
            <v>037746</v>
          </cell>
          <cell r="B546" t="str">
            <v>Hinkel,Gregory L</v>
          </cell>
          <cell r="C546" t="str">
            <v>068405</v>
          </cell>
          <cell r="D546" t="str">
            <v>Hinkel,Diane</v>
          </cell>
        </row>
        <row r="547">
          <cell r="A547" t="str">
            <v>037758</v>
          </cell>
          <cell r="B547" t="str">
            <v>Hinkle,Kathy</v>
          </cell>
          <cell r="C547" t="str">
            <v>037746</v>
          </cell>
          <cell r="D547" t="str">
            <v>Hinkel,Gregory L</v>
          </cell>
        </row>
        <row r="548">
          <cell r="A548" t="str">
            <v>037788</v>
          </cell>
          <cell r="B548" t="str">
            <v>Hinton,Jeffrey J</v>
          </cell>
          <cell r="C548" t="str">
            <v>037758</v>
          </cell>
          <cell r="D548" t="str">
            <v>Hinkle,Kathy</v>
          </cell>
        </row>
        <row r="549">
          <cell r="A549" t="str">
            <v>037867</v>
          </cell>
          <cell r="B549" t="str">
            <v>Hite,Robert J</v>
          </cell>
          <cell r="C549" t="str">
            <v>037788</v>
          </cell>
          <cell r="D549" t="str">
            <v>Hinton,Jeffrey J</v>
          </cell>
        </row>
        <row r="550">
          <cell r="A550" t="str">
            <v>037909</v>
          </cell>
          <cell r="B550" t="str">
            <v>Hocker,Gary Wayne</v>
          </cell>
          <cell r="C550" t="str">
            <v>037867</v>
          </cell>
          <cell r="D550" t="str">
            <v>Hite,Robert J</v>
          </cell>
        </row>
        <row r="551">
          <cell r="A551" t="str">
            <v>326549</v>
          </cell>
          <cell r="B551" t="str">
            <v>Hodupp,Jordan Robert</v>
          </cell>
          <cell r="C551" t="str">
            <v>037909</v>
          </cell>
          <cell r="D551" t="str">
            <v>Hocker,Gary Wayne</v>
          </cell>
        </row>
        <row r="552">
          <cell r="A552" t="str">
            <v>030204</v>
          </cell>
          <cell r="B552" t="str">
            <v>Hoeflich,Tim</v>
          </cell>
          <cell r="C552" t="str">
            <v>326549</v>
          </cell>
          <cell r="D552" t="str">
            <v>Hodupp,Jordan Robert</v>
          </cell>
        </row>
        <row r="553">
          <cell r="A553" t="str">
            <v>019371</v>
          </cell>
          <cell r="B553" t="str">
            <v>Hoff,Garry L.</v>
          </cell>
          <cell r="C553" t="str">
            <v>030204</v>
          </cell>
          <cell r="D553" t="str">
            <v>Hoeflich,Tim</v>
          </cell>
        </row>
        <row r="554">
          <cell r="A554" t="str">
            <v>027471</v>
          </cell>
          <cell r="B554" t="str">
            <v>Hoff,Nathen L</v>
          </cell>
          <cell r="C554" t="str">
            <v>019371</v>
          </cell>
          <cell r="D554" t="str">
            <v>Hoff,Garry L.</v>
          </cell>
        </row>
        <row r="555">
          <cell r="A555" t="str">
            <v>038180</v>
          </cell>
          <cell r="B555" t="str">
            <v>Hoffman,Jim C</v>
          </cell>
          <cell r="C555" t="str">
            <v>027471</v>
          </cell>
          <cell r="D555" t="str">
            <v>Hoff,Nathen L</v>
          </cell>
        </row>
        <row r="556">
          <cell r="A556" t="str">
            <v>038352</v>
          </cell>
          <cell r="B556" t="str">
            <v>Hoffmeier,Eric Paul</v>
          </cell>
          <cell r="C556" t="str">
            <v>038180</v>
          </cell>
          <cell r="D556" t="str">
            <v>Hoffman,Jim C</v>
          </cell>
        </row>
        <row r="557">
          <cell r="A557" t="str">
            <v>038399</v>
          </cell>
          <cell r="B557" t="str">
            <v>Hofstetter,Bill</v>
          </cell>
          <cell r="C557" t="str">
            <v>038352</v>
          </cell>
          <cell r="D557" t="str">
            <v>Hoffmeier,Eric Paul</v>
          </cell>
        </row>
        <row r="558">
          <cell r="A558" t="str">
            <v>038387</v>
          </cell>
          <cell r="B558" t="str">
            <v>Hofstetter,Frederick A</v>
          </cell>
          <cell r="C558" t="str">
            <v>038399</v>
          </cell>
          <cell r="D558" t="str">
            <v>Hofstetter,Bill</v>
          </cell>
        </row>
        <row r="559">
          <cell r="A559" t="str">
            <v>067574</v>
          </cell>
          <cell r="B559" t="str">
            <v>Hogan,Judy A</v>
          </cell>
          <cell r="C559" t="str">
            <v>038387</v>
          </cell>
          <cell r="D559" t="str">
            <v>Hofstetter,Frederick A</v>
          </cell>
        </row>
        <row r="560">
          <cell r="A560" t="str">
            <v>097341</v>
          </cell>
          <cell r="B560" t="str">
            <v>Hogg II,Terry D</v>
          </cell>
          <cell r="C560" t="str">
            <v>067574</v>
          </cell>
          <cell r="D560" t="str">
            <v>Hogan,Judy A</v>
          </cell>
        </row>
        <row r="561">
          <cell r="A561" t="str">
            <v>275134</v>
          </cell>
          <cell r="B561" t="str">
            <v>Hogue,Matthew S</v>
          </cell>
          <cell r="C561" t="str">
            <v>097341</v>
          </cell>
          <cell r="D561" t="str">
            <v>Hogg II,Terry D</v>
          </cell>
        </row>
        <row r="562">
          <cell r="A562" t="str">
            <v>009146</v>
          </cell>
          <cell r="B562" t="str">
            <v>Hohman,Don</v>
          </cell>
          <cell r="C562" t="str">
            <v>275134</v>
          </cell>
          <cell r="D562" t="str">
            <v>Hogue,Matthew S</v>
          </cell>
        </row>
        <row r="563">
          <cell r="A563" t="str">
            <v>008034</v>
          </cell>
          <cell r="B563" t="str">
            <v>Hoke,James Bradley</v>
          </cell>
          <cell r="C563" t="str">
            <v>009146</v>
          </cell>
          <cell r="D563" t="str">
            <v>Hohman,Don</v>
          </cell>
        </row>
        <row r="564">
          <cell r="A564" t="str">
            <v>025483</v>
          </cell>
          <cell r="B564" t="str">
            <v>Holiday,Gary</v>
          </cell>
          <cell r="C564" t="str">
            <v>008034</v>
          </cell>
          <cell r="D564" t="str">
            <v>Hoke,James Bradley</v>
          </cell>
        </row>
        <row r="565">
          <cell r="A565" t="str">
            <v>283235</v>
          </cell>
          <cell r="B565" t="str">
            <v>Hooper,Michael l</v>
          </cell>
          <cell r="C565" t="str">
            <v>025483</v>
          </cell>
          <cell r="D565" t="str">
            <v>Holiday,Gary</v>
          </cell>
        </row>
        <row r="566">
          <cell r="A566" t="str">
            <v>021380</v>
          </cell>
          <cell r="B566" t="str">
            <v>Hoppenjans,Kim</v>
          </cell>
          <cell r="C566" t="str">
            <v>283235</v>
          </cell>
          <cell r="D566" t="str">
            <v>Hooper,Michael l</v>
          </cell>
        </row>
        <row r="567">
          <cell r="A567" t="str">
            <v>039158</v>
          </cell>
          <cell r="B567" t="str">
            <v>Hopper,Don</v>
          </cell>
          <cell r="C567" t="str">
            <v>021380</v>
          </cell>
          <cell r="D567" t="str">
            <v>Hoppenjans,Kim</v>
          </cell>
        </row>
        <row r="568">
          <cell r="A568" t="str">
            <v>033516</v>
          </cell>
          <cell r="B568" t="str">
            <v>Hora,Bradley Michael</v>
          </cell>
          <cell r="C568" t="str">
            <v>039158</v>
          </cell>
          <cell r="D568" t="str">
            <v>Hopper,Don</v>
          </cell>
        </row>
        <row r="569">
          <cell r="A569" t="str">
            <v>013456</v>
          </cell>
          <cell r="B569" t="str">
            <v>Horoho,Carl W</v>
          </cell>
          <cell r="C569" t="str">
            <v>013456</v>
          </cell>
          <cell r="D569" t="str">
            <v>Horoho,Carl W</v>
          </cell>
        </row>
        <row r="570">
          <cell r="A570" t="str">
            <v>009399</v>
          </cell>
          <cell r="B570" t="str">
            <v>Hoskins,Curt</v>
          </cell>
          <cell r="C570" t="str">
            <v>009399</v>
          </cell>
          <cell r="D570" t="str">
            <v>Hoskins,Curt</v>
          </cell>
        </row>
        <row r="571">
          <cell r="A571" t="str">
            <v>019836</v>
          </cell>
          <cell r="B571" t="str">
            <v>Hoskins,John P</v>
          </cell>
          <cell r="C571" t="str">
            <v>019836</v>
          </cell>
          <cell r="D571" t="str">
            <v>Hoskins,John P</v>
          </cell>
        </row>
        <row r="572">
          <cell r="A572" t="str">
            <v>015050</v>
          </cell>
          <cell r="B572" t="str">
            <v>Hostetter,Tom</v>
          </cell>
          <cell r="C572" t="str">
            <v>015050</v>
          </cell>
          <cell r="D572" t="str">
            <v>Hostetter,Tom</v>
          </cell>
        </row>
        <row r="573">
          <cell r="A573" t="str">
            <v>016168</v>
          </cell>
          <cell r="B573" t="str">
            <v>House Jr,Bob</v>
          </cell>
          <cell r="C573" t="str">
            <v>016168</v>
          </cell>
          <cell r="D573" t="str">
            <v>House Jr,Bob</v>
          </cell>
        </row>
        <row r="574">
          <cell r="A574" t="str">
            <v>283621</v>
          </cell>
          <cell r="B574" t="str">
            <v>Housh,Michael Alan</v>
          </cell>
          <cell r="C574" t="str">
            <v>283621</v>
          </cell>
          <cell r="D574" t="str">
            <v>Housh,Michael Alan</v>
          </cell>
        </row>
        <row r="575">
          <cell r="A575" t="str">
            <v>039555</v>
          </cell>
          <cell r="B575" t="str">
            <v>Howard,Anthony S</v>
          </cell>
          <cell r="C575" t="str">
            <v>039555</v>
          </cell>
          <cell r="D575" t="str">
            <v>Howard,Anthony S</v>
          </cell>
        </row>
        <row r="576">
          <cell r="A576" t="str">
            <v>039686</v>
          </cell>
          <cell r="B576" t="str">
            <v>Howard,Vincent M</v>
          </cell>
          <cell r="C576" t="str">
            <v>039686</v>
          </cell>
          <cell r="D576" t="str">
            <v>Howard,Vincent M</v>
          </cell>
        </row>
        <row r="577">
          <cell r="A577" t="str">
            <v>008158</v>
          </cell>
          <cell r="B577" t="str">
            <v>Howat,Dennis Fredrick</v>
          </cell>
          <cell r="C577" t="str">
            <v>008158</v>
          </cell>
          <cell r="D577" t="str">
            <v>Howat,Dennis Fredrick</v>
          </cell>
        </row>
        <row r="578">
          <cell r="A578" t="str">
            <v>039740</v>
          </cell>
          <cell r="B578" t="str">
            <v>Howell,Anthony E</v>
          </cell>
          <cell r="C578" t="str">
            <v>039740</v>
          </cell>
          <cell r="D578" t="str">
            <v>Howell,Anthony E</v>
          </cell>
        </row>
        <row r="579">
          <cell r="A579" t="str">
            <v>039767</v>
          </cell>
          <cell r="B579" t="str">
            <v>Howell,Keith D</v>
          </cell>
          <cell r="C579" t="str">
            <v>039767</v>
          </cell>
          <cell r="D579" t="str">
            <v>Howell,Keith D</v>
          </cell>
        </row>
        <row r="580">
          <cell r="A580" t="str">
            <v>039772</v>
          </cell>
          <cell r="B580" t="str">
            <v>Howell,Michael Carl</v>
          </cell>
          <cell r="C580" t="str">
            <v>039772</v>
          </cell>
          <cell r="D580" t="str">
            <v>Howell,Michael Carl</v>
          </cell>
        </row>
        <row r="581">
          <cell r="A581" t="str">
            <v>040067</v>
          </cell>
          <cell r="B581" t="str">
            <v>Huesman,Michael J</v>
          </cell>
          <cell r="C581" t="str">
            <v>040067</v>
          </cell>
          <cell r="D581" t="str">
            <v>Huesman,Michael J</v>
          </cell>
        </row>
        <row r="582">
          <cell r="A582" t="str">
            <v>097724</v>
          </cell>
          <cell r="B582" t="str">
            <v>Huether,Tina L</v>
          </cell>
          <cell r="C582" t="str">
            <v>097724</v>
          </cell>
          <cell r="D582" t="str">
            <v>Huether,Tina L</v>
          </cell>
        </row>
        <row r="583">
          <cell r="A583" t="str">
            <v>030024</v>
          </cell>
          <cell r="B583" t="str">
            <v>Huey,Larry Von</v>
          </cell>
          <cell r="C583" t="str">
            <v>030024</v>
          </cell>
          <cell r="D583" t="str">
            <v>Huey,Larry Von</v>
          </cell>
        </row>
        <row r="584">
          <cell r="A584" t="str">
            <v>040082</v>
          </cell>
          <cell r="B584" t="str">
            <v>Huffaker,Von Edwin</v>
          </cell>
          <cell r="C584" t="str">
            <v>040082</v>
          </cell>
          <cell r="D584" t="str">
            <v>Huffaker,Von Edwin</v>
          </cell>
        </row>
        <row r="585">
          <cell r="A585" t="str">
            <v>010610</v>
          </cell>
          <cell r="B585" t="str">
            <v>Hufstetler,Jim</v>
          </cell>
          <cell r="C585" t="str">
            <v>010610</v>
          </cell>
          <cell r="D585" t="str">
            <v>Hufstetler,Jim</v>
          </cell>
        </row>
        <row r="586">
          <cell r="A586" t="str">
            <v>097905</v>
          </cell>
          <cell r="B586" t="str">
            <v>Hughes,Keith D</v>
          </cell>
          <cell r="C586" t="str">
            <v>016292</v>
          </cell>
          <cell r="D586" t="str">
            <v>Hughes,Kay</v>
          </cell>
        </row>
        <row r="587">
          <cell r="A587" t="str">
            <v>040324</v>
          </cell>
          <cell r="B587" t="str">
            <v>Hull,Joe</v>
          </cell>
          <cell r="C587" t="str">
            <v>097905</v>
          </cell>
          <cell r="D587" t="str">
            <v>Hughes,Keith D</v>
          </cell>
        </row>
        <row r="588">
          <cell r="A588" t="str">
            <v>283273</v>
          </cell>
          <cell r="B588" t="str">
            <v>Humphreys,Jeffrey M</v>
          </cell>
          <cell r="C588" t="str">
            <v>040324</v>
          </cell>
          <cell r="D588" t="str">
            <v>Hull,Joe</v>
          </cell>
        </row>
        <row r="589">
          <cell r="A589" t="str">
            <v>017163</v>
          </cell>
          <cell r="B589" t="str">
            <v>Hunchman,James R</v>
          </cell>
          <cell r="C589" t="str">
            <v>283273</v>
          </cell>
          <cell r="D589" t="str">
            <v>Humphreys,Jeffrey M</v>
          </cell>
        </row>
        <row r="590">
          <cell r="A590" t="str">
            <v>017104</v>
          </cell>
          <cell r="B590" t="str">
            <v>Hunt,Allena Faye</v>
          </cell>
          <cell r="C590" t="str">
            <v>017163</v>
          </cell>
          <cell r="D590" t="str">
            <v>Hunchman,James R</v>
          </cell>
        </row>
        <row r="591">
          <cell r="A591" t="str">
            <v>019920</v>
          </cell>
          <cell r="B591" t="str">
            <v>Hunter,Shirley A</v>
          </cell>
          <cell r="C591" t="str">
            <v>017104</v>
          </cell>
          <cell r="D591" t="str">
            <v>Hunt,Allena Faye</v>
          </cell>
        </row>
        <row r="592">
          <cell r="A592" t="str">
            <v>040613</v>
          </cell>
          <cell r="B592" t="str">
            <v>Hunter,Wil</v>
          </cell>
          <cell r="C592" t="str">
            <v>019920</v>
          </cell>
          <cell r="D592" t="str">
            <v>Hunter,Shirley A</v>
          </cell>
        </row>
        <row r="593">
          <cell r="A593" t="str">
            <v>010242</v>
          </cell>
          <cell r="B593" t="str">
            <v>Hurley,Matthew James</v>
          </cell>
          <cell r="C593" t="str">
            <v>040613</v>
          </cell>
          <cell r="D593" t="str">
            <v>Hunter,Wil</v>
          </cell>
        </row>
        <row r="594">
          <cell r="A594" t="str">
            <v>016219</v>
          </cell>
          <cell r="B594" t="str">
            <v>Hurlock,Douglas Lynn</v>
          </cell>
          <cell r="C594" t="str">
            <v>010242</v>
          </cell>
          <cell r="D594" t="str">
            <v>Hurley,Matthew James</v>
          </cell>
        </row>
        <row r="595">
          <cell r="A595" t="str">
            <v>272043</v>
          </cell>
          <cell r="B595" t="str">
            <v>Hurtado,Juan</v>
          </cell>
          <cell r="C595" t="str">
            <v>016219</v>
          </cell>
          <cell r="D595" t="str">
            <v>Hurlock,Douglas Lynn</v>
          </cell>
        </row>
        <row r="596">
          <cell r="A596" t="str">
            <v>015472</v>
          </cell>
          <cell r="B596" t="str">
            <v>Huse,Michael Paul</v>
          </cell>
          <cell r="C596" t="str">
            <v>272043</v>
          </cell>
          <cell r="D596" t="str">
            <v>Hurtado,Juan</v>
          </cell>
        </row>
        <row r="597">
          <cell r="A597" t="str">
            <v>024763</v>
          </cell>
          <cell r="B597" t="str">
            <v>Hutchison,Craig W</v>
          </cell>
          <cell r="C597" t="str">
            <v>015472</v>
          </cell>
          <cell r="D597" t="str">
            <v>Huse,Michael Paul</v>
          </cell>
        </row>
        <row r="598">
          <cell r="A598" t="str">
            <v>283231</v>
          </cell>
          <cell r="B598" t="str">
            <v>Hyrkas,Joe</v>
          </cell>
          <cell r="C598" t="str">
            <v>024763</v>
          </cell>
          <cell r="D598" t="str">
            <v>Hutchison,Craig W</v>
          </cell>
        </row>
        <row r="599">
          <cell r="A599" t="str">
            <v>017167</v>
          </cell>
          <cell r="B599" t="str">
            <v>Iacoli,Debbie Sue</v>
          </cell>
          <cell r="C599" t="str">
            <v>283231</v>
          </cell>
          <cell r="D599" t="str">
            <v>Hyrkas,Joe</v>
          </cell>
        </row>
        <row r="600">
          <cell r="A600" t="str">
            <v>097342</v>
          </cell>
          <cell r="B600" t="str">
            <v>Irwin,Andy</v>
          </cell>
          <cell r="C600" t="str">
            <v>017167</v>
          </cell>
          <cell r="D600" t="str">
            <v>Iacoli,Debbie Sue</v>
          </cell>
        </row>
        <row r="601">
          <cell r="A601" t="str">
            <v>014172</v>
          </cell>
          <cell r="B601" t="str">
            <v>Isaac,Tammy</v>
          </cell>
          <cell r="C601" t="str">
            <v>097342</v>
          </cell>
          <cell r="D601" t="str">
            <v>Irwin,Andy</v>
          </cell>
        </row>
        <row r="602">
          <cell r="A602" t="str">
            <v>025514</v>
          </cell>
          <cell r="B602" t="str">
            <v>Ison,Jake</v>
          </cell>
          <cell r="C602" t="str">
            <v>014172</v>
          </cell>
          <cell r="D602" t="str">
            <v>Isaac,Tammy</v>
          </cell>
        </row>
        <row r="603">
          <cell r="A603" t="str">
            <v>025465</v>
          </cell>
          <cell r="B603" t="str">
            <v>Jackson,Brian D</v>
          </cell>
          <cell r="C603" t="str">
            <v>025514</v>
          </cell>
          <cell r="D603" t="str">
            <v>Ison,Jake</v>
          </cell>
        </row>
        <row r="604">
          <cell r="A604" t="str">
            <v>041415</v>
          </cell>
          <cell r="B604" t="str">
            <v>Jackson,Douglas H</v>
          </cell>
          <cell r="C604" t="str">
            <v>025465</v>
          </cell>
          <cell r="D604" t="str">
            <v>Jackson,Brian D</v>
          </cell>
        </row>
        <row r="605">
          <cell r="A605" t="str">
            <v>049265</v>
          </cell>
          <cell r="B605" t="str">
            <v>Jackson,Jacqueline Denise</v>
          </cell>
          <cell r="C605" t="str">
            <v>041415</v>
          </cell>
          <cell r="D605" t="str">
            <v>Jackson,Douglas H</v>
          </cell>
        </row>
        <row r="606">
          <cell r="A606" t="str">
            <v>095817</v>
          </cell>
          <cell r="B606" t="str">
            <v>Jackson,Stephen R</v>
          </cell>
          <cell r="C606" t="str">
            <v>049265</v>
          </cell>
          <cell r="D606" t="str">
            <v>Jackson,Jacqueline Denise</v>
          </cell>
        </row>
        <row r="607">
          <cell r="A607" t="str">
            <v>024519</v>
          </cell>
          <cell r="B607" t="str">
            <v>Jacobs,Lawrence J</v>
          </cell>
          <cell r="C607" t="str">
            <v>095817</v>
          </cell>
          <cell r="D607" t="str">
            <v>Jackson,Stephen R</v>
          </cell>
        </row>
        <row r="608">
          <cell r="A608" t="str">
            <v>326097</v>
          </cell>
          <cell r="B608" t="str">
            <v>Jaskiewicz,Tom</v>
          </cell>
          <cell r="C608" t="str">
            <v>024519</v>
          </cell>
          <cell r="D608" t="str">
            <v>Jacobs,Lawrence J</v>
          </cell>
        </row>
        <row r="609">
          <cell r="A609" t="str">
            <v>278413</v>
          </cell>
          <cell r="B609" t="str">
            <v>Jaspers,David J</v>
          </cell>
          <cell r="C609" t="str">
            <v>326097</v>
          </cell>
          <cell r="D609" t="str">
            <v>Jaskiewicz,Tom</v>
          </cell>
        </row>
        <row r="610">
          <cell r="A610" t="str">
            <v>033517</v>
          </cell>
          <cell r="B610" t="str">
            <v>Jena,Chris Ryan</v>
          </cell>
          <cell r="C610" t="str">
            <v>278413</v>
          </cell>
          <cell r="D610" t="str">
            <v>Jaspers,David J</v>
          </cell>
        </row>
        <row r="611">
          <cell r="A611" t="str">
            <v>097052</v>
          </cell>
          <cell r="B611" t="str">
            <v>Jester,Keith A</v>
          </cell>
          <cell r="C611" t="str">
            <v>033517</v>
          </cell>
          <cell r="D611" t="str">
            <v>Jena,Chris Ryan</v>
          </cell>
        </row>
        <row r="612">
          <cell r="A612" t="str">
            <v>016863</v>
          </cell>
          <cell r="B612" t="str">
            <v>Jimenez,Kevin C</v>
          </cell>
          <cell r="C612" t="str">
            <v>097052</v>
          </cell>
          <cell r="D612" t="str">
            <v>Jester,Keith A</v>
          </cell>
        </row>
        <row r="613">
          <cell r="A613" t="str">
            <v>361543</v>
          </cell>
          <cell r="B613" t="str">
            <v>Jochim,Justin T.</v>
          </cell>
          <cell r="C613" t="str">
            <v>016863</v>
          </cell>
          <cell r="D613" t="str">
            <v>Jimenez,Kevin C</v>
          </cell>
        </row>
        <row r="614">
          <cell r="A614" t="str">
            <v>041970</v>
          </cell>
          <cell r="B614" t="str">
            <v>Joe,Tanya Lenise</v>
          </cell>
          <cell r="C614" t="str">
            <v>361543</v>
          </cell>
          <cell r="D614" t="str">
            <v>Jochim,Justin T.</v>
          </cell>
        </row>
        <row r="615">
          <cell r="A615" t="str">
            <v>011040</v>
          </cell>
          <cell r="B615" t="str">
            <v>Johnson Jr,Jack Leonard</v>
          </cell>
          <cell r="C615" t="str">
            <v>041970</v>
          </cell>
          <cell r="D615" t="str">
            <v>Joe,Tanya Lenise</v>
          </cell>
        </row>
        <row r="616">
          <cell r="A616" t="str">
            <v>042077</v>
          </cell>
          <cell r="B616" t="str">
            <v>Johnson,Gretchen</v>
          </cell>
          <cell r="C616" t="str">
            <v>011040</v>
          </cell>
          <cell r="D616" t="str">
            <v>Johnson Jr,Jack Leonard</v>
          </cell>
        </row>
        <row r="617">
          <cell r="A617" t="str">
            <v>291671</v>
          </cell>
          <cell r="B617" t="str">
            <v>Johnson,Jesse L</v>
          </cell>
          <cell r="C617" t="str">
            <v>042077</v>
          </cell>
          <cell r="D617" t="str">
            <v>Johnson,Gretchen</v>
          </cell>
        </row>
        <row r="618">
          <cell r="A618" t="str">
            <v>291795</v>
          </cell>
          <cell r="B618" t="str">
            <v>Johnson,Luke</v>
          </cell>
          <cell r="C618" t="str">
            <v>291671</v>
          </cell>
          <cell r="D618" t="str">
            <v>Johnson,Jesse L</v>
          </cell>
        </row>
        <row r="619">
          <cell r="A619" t="str">
            <v>276016</v>
          </cell>
          <cell r="B619" t="str">
            <v>Johnson,Marty</v>
          </cell>
          <cell r="C619" t="str">
            <v>291795</v>
          </cell>
          <cell r="D619" t="str">
            <v>Johnson,Luke</v>
          </cell>
        </row>
        <row r="620">
          <cell r="A620" t="str">
            <v>042203</v>
          </cell>
          <cell r="B620" t="str">
            <v>Johnson,Michael E</v>
          </cell>
          <cell r="C620" t="str">
            <v>276016</v>
          </cell>
          <cell r="D620" t="str">
            <v>Johnson,Marty</v>
          </cell>
        </row>
        <row r="621">
          <cell r="A621" t="str">
            <v>278536</v>
          </cell>
          <cell r="B621" t="str">
            <v>Johnson,Shane</v>
          </cell>
          <cell r="C621" t="str">
            <v>042203</v>
          </cell>
          <cell r="D621" t="str">
            <v>Johnson,Michael E</v>
          </cell>
        </row>
        <row r="622">
          <cell r="A622" t="str">
            <v>326554</v>
          </cell>
          <cell r="B622" t="str">
            <v>Johnson,Zachary Lloyd</v>
          </cell>
          <cell r="C622" t="str">
            <v>278536</v>
          </cell>
          <cell r="D622" t="str">
            <v>Johnson,Shane</v>
          </cell>
        </row>
        <row r="623">
          <cell r="A623" t="str">
            <v>042741</v>
          </cell>
          <cell r="B623" t="str">
            <v>Jones Jr,Turner</v>
          </cell>
          <cell r="C623" t="str">
            <v>326554</v>
          </cell>
          <cell r="D623" t="str">
            <v>Johnson,Zachary Lloyd</v>
          </cell>
        </row>
        <row r="624">
          <cell r="A624" t="str">
            <v>097896</v>
          </cell>
          <cell r="B624" t="str">
            <v>Jones,Alan M</v>
          </cell>
          <cell r="C624" t="str">
            <v>042741</v>
          </cell>
          <cell r="D624" t="str">
            <v>Jones Jr,Turner</v>
          </cell>
        </row>
        <row r="625">
          <cell r="A625" t="str">
            <v>042445</v>
          </cell>
          <cell r="B625" t="str">
            <v>Jones,Dan</v>
          </cell>
          <cell r="C625" t="str">
            <v>097896</v>
          </cell>
          <cell r="D625" t="str">
            <v>Jones,Alan M</v>
          </cell>
        </row>
        <row r="626">
          <cell r="A626" t="str">
            <v>024527</v>
          </cell>
          <cell r="B626" t="str">
            <v>Jones,Patrice Y</v>
          </cell>
          <cell r="C626" t="str">
            <v>042445</v>
          </cell>
          <cell r="D626" t="str">
            <v>Jones,Dan</v>
          </cell>
        </row>
        <row r="627">
          <cell r="A627" t="str">
            <v>042736</v>
          </cell>
          <cell r="B627" t="str">
            <v>Jones,Todd H</v>
          </cell>
          <cell r="C627" t="str">
            <v>024527</v>
          </cell>
          <cell r="D627" t="str">
            <v>Jones,Patrice Y</v>
          </cell>
        </row>
        <row r="628">
          <cell r="A628" t="str">
            <v>026224</v>
          </cell>
          <cell r="B628" t="str">
            <v>Jones,Wendell C.</v>
          </cell>
          <cell r="C628" t="str">
            <v>042736</v>
          </cell>
          <cell r="D628" t="str">
            <v>Jones,Todd H</v>
          </cell>
        </row>
        <row r="629">
          <cell r="A629" t="str">
            <v>011175</v>
          </cell>
          <cell r="B629" t="str">
            <v>Jozefowski,Diane Lynn</v>
          </cell>
          <cell r="C629" t="str">
            <v>026224</v>
          </cell>
          <cell r="D629" t="str">
            <v>Jones,Wendell C.</v>
          </cell>
        </row>
        <row r="630">
          <cell r="A630" t="str">
            <v>095812</v>
          </cell>
          <cell r="B630" t="str">
            <v>Julick,Joseph A</v>
          </cell>
          <cell r="C630" t="str">
            <v>011175</v>
          </cell>
          <cell r="D630" t="str">
            <v>Jozefowski,Diane Lynn</v>
          </cell>
        </row>
        <row r="631">
          <cell r="A631" t="str">
            <v>015567</v>
          </cell>
          <cell r="B631" t="str">
            <v>Justis,Greg</v>
          </cell>
          <cell r="C631" t="str">
            <v>095812</v>
          </cell>
          <cell r="D631" t="str">
            <v>Julick,Joseph A</v>
          </cell>
        </row>
        <row r="632">
          <cell r="A632" t="str">
            <v>025468</v>
          </cell>
          <cell r="B632" t="str">
            <v>Kallaher,Patrick</v>
          </cell>
          <cell r="C632" t="str">
            <v>015567</v>
          </cell>
          <cell r="D632" t="str">
            <v>Justis,Greg</v>
          </cell>
        </row>
        <row r="633">
          <cell r="A633" t="str">
            <v>043150</v>
          </cell>
          <cell r="B633" t="str">
            <v>Kampf,Joe</v>
          </cell>
          <cell r="C633" t="str">
            <v>025468</v>
          </cell>
          <cell r="D633" t="str">
            <v>Kallaher,Patrick</v>
          </cell>
        </row>
        <row r="634">
          <cell r="A634" t="str">
            <v>043167</v>
          </cell>
          <cell r="B634" t="str">
            <v>Kanta,Allen</v>
          </cell>
          <cell r="C634" t="str">
            <v>043150</v>
          </cell>
          <cell r="D634" t="str">
            <v>Kampf,Joe</v>
          </cell>
        </row>
        <row r="635">
          <cell r="A635" t="str">
            <v>096438</v>
          </cell>
          <cell r="B635" t="str">
            <v>Karr,Rodney D</v>
          </cell>
          <cell r="C635" t="str">
            <v>043167</v>
          </cell>
          <cell r="D635" t="str">
            <v>Kanta,Allen</v>
          </cell>
        </row>
        <row r="636">
          <cell r="A636" t="str">
            <v>014897</v>
          </cell>
          <cell r="B636" t="str">
            <v>Kazimier,Michael</v>
          </cell>
          <cell r="C636" t="str">
            <v>096438</v>
          </cell>
          <cell r="D636" t="str">
            <v>Karr,Rodney D</v>
          </cell>
        </row>
        <row r="637">
          <cell r="A637" t="str">
            <v>283239</v>
          </cell>
          <cell r="B637" t="str">
            <v>Keen,Alvin S</v>
          </cell>
          <cell r="C637" t="str">
            <v>014897</v>
          </cell>
          <cell r="D637" t="str">
            <v>Kazimier,Michael</v>
          </cell>
        </row>
        <row r="638">
          <cell r="A638" t="str">
            <v>033518</v>
          </cell>
          <cell r="B638" t="str">
            <v>Keenan,Jason Daniel</v>
          </cell>
          <cell r="C638" t="str">
            <v>283239</v>
          </cell>
          <cell r="D638" t="str">
            <v>Keen,Alvin S</v>
          </cell>
        </row>
        <row r="639">
          <cell r="A639" t="str">
            <v>043634</v>
          </cell>
          <cell r="B639" t="str">
            <v>Keese,Brian J</v>
          </cell>
          <cell r="C639" t="str">
            <v>033518</v>
          </cell>
          <cell r="D639" t="str">
            <v>Keenan,Jason Daniel</v>
          </cell>
        </row>
        <row r="640">
          <cell r="A640" t="str">
            <v>043800</v>
          </cell>
          <cell r="B640" t="str">
            <v>Keller,David Thomas</v>
          </cell>
          <cell r="C640" t="str">
            <v>043634</v>
          </cell>
          <cell r="D640" t="str">
            <v>Keese,Brian J</v>
          </cell>
        </row>
        <row r="641">
          <cell r="A641" t="str">
            <v>009574</v>
          </cell>
          <cell r="B641" t="str">
            <v>Keller,Rick</v>
          </cell>
          <cell r="C641" t="str">
            <v>043800</v>
          </cell>
          <cell r="D641" t="str">
            <v>Keller,David Thomas</v>
          </cell>
        </row>
        <row r="642">
          <cell r="A642" t="str">
            <v>017210</v>
          </cell>
          <cell r="B642" t="str">
            <v>Kellett,Scot Christopher</v>
          </cell>
          <cell r="C642" t="str">
            <v>009574</v>
          </cell>
          <cell r="D642" t="str">
            <v>Keller,Rick</v>
          </cell>
        </row>
        <row r="643">
          <cell r="A643" t="str">
            <v>043945</v>
          </cell>
          <cell r="B643" t="str">
            <v>Kelley,John Gerald</v>
          </cell>
          <cell r="C643" t="str">
            <v>017210</v>
          </cell>
          <cell r="D643" t="str">
            <v>Kellett,Scot Christopher</v>
          </cell>
        </row>
        <row r="644">
          <cell r="A644" t="str">
            <v>031729</v>
          </cell>
          <cell r="B644" t="str">
            <v>Kellogg,Jackie</v>
          </cell>
          <cell r="C644" t="str">
            <v>043945</v>
          </cell>
          <cell r="D644" t="str">
            <v>Kelley,John Gerald</v>
          </cell>
        </row>
        <row r="645">
          <cell r="A645" t="str">
            <v>019827</v>
          </cell>
          <cell r="B645" t="str">
            <v>Kelly,Jeff</v>
          </cell>
          <cell r="C645" t="str">
            <v>031729</v>
          </cell>
          <cell r="D645" t="str">
            <v>Kellogg,Jackie</v>
          </cell>
        </row>
        <row r="646">
          <cell r="A646" t="str">
            <v>044029</v>
          </cell>
          <cell r="B646" t="str">
            <v>Kelly,Matthew B</v>
          </cell>
          <cell r="C646" t="str">
            <v>019827</v>
          </cell>
          <cell r="D646" t="str">
            <v>Kelly,Jeff</v>
          </cell>
        </row>
        <row r="647">
          <cell r="A647" t="str">
            <v>291890</v>
          </cell>
          <cell r="B647" t="str">
            <v>Kendall,Luke Edwin</v>
          </cell>
          <cell r="C647" t="str">
            <v>044029</v>
          </cell>
          <cell r="D647" t="str">
            <v>Kelly,Matthew B</v>
          </cell>
        </row>
        <row r="648">
          <cell r="A648" t="str">
            <v>011154</v>
          </cell>
          <cell r="B648" t="str">
            <v>Kenner,Corky</v>
          </cell>
          <cell r="C648" t="str">
            <v>291890</v>
          </cell>
          <cell r="D648" t="str">
            <v>Kendall,Luke Edwin</v>
          </cell>
        </row>
        <row r="649">
          <cell r="A649" t="str">
            <v>017318</v>
          </cell>
          <cell r="B649" t="str">
            <v>Kesler,Bradley</v>
          </cell>
          <cell r="C649" t="str">
            <v>011154</v>
          </cell>
          <cell r="D649" t="str">
            <v>Kenner,Corky</v>
          </cell>
        </row>
        <row r="650">
          <cell r="A650" t="str">
            <v>044470</v>
          </cell>
          <cell r="B650" t="str">
            <v>Kesse,Harry R</v>
          </cell>
          <cell r="C650" t="str">
            <v>017318</v>
          </cell>
          <cell r="D650" t="str">
            <v>Kesler,Bradley</v>
          </cell>
        </row>
        <row r="651">
          <cell r="A651" t="str">
            <v>024789</v>
          </cell>
          <cell r="B651" t="str">
            <v>Kesse,Keith R</v>
          </cell>
          <cell r="C651" t="str">
            <v>044470</v>
          </cell>
          <cell r="D651" t="str">
            <v>Kesse,Harry R</v>
          </cell>
        </row>
        <row r="652">
          <cell r="A652" t="str">
            <v>289640</v>
          </cell>
          <cell r="B652" t="str">
            <v>Kidd,Jeremy R</v>
          </cell>
          <cell r="C652" t="str">
            <v>024789</v>
          </cell>
          <cell r="D652" t="str">
            <v>Kesse,Keith R</v>
          </cell>
        </row>
        <row r="653">
          <cell r="A653" t="str">
            <v>044636</v>
          </cell>
          <cell r="B653" t="str">
            <v>Kidd,Mark S</v>
          </cell>
          <cell r="C653" t="str">
            <v>289640</v>
          </cell>
          <cell r="D653" t="str">
            <v>Kidd,Jeremy R</v>
          </cell>
        </row>
        <row r="654">
          <cell r="A654" t="str">
            <v>270585</v>
          </cell>
          <cell r="B654" t="str">
            <v>Kimbrough,Brande A</v>
          </cell>
          <cell r="C654" t="str">
            <v>044636</v>
          </cell>
          <cell r="D654" t="str">
            <v>Kidd,Mark S</v>
          </cell>
        </row>
        <row r="655">
          <cell r="A655" t="str">
            <v>044722</v>
          </cell>
          <cell r="B655" t="str">
            <v>Kincaid,Harry Dale</v>
          </cell>
          <cell r="C655" t="str">
            <v>044722</v>
          </cell>
          <cell r="D655" t="str">
            <v>Kincaid,Harry Dale</v>
          </cell>
        </row>
        <row r="656">
          <cell r="A656" t="str">
            <v>044745</v>
          </cell>
          <cell r="B656" t="str">
            <v>King,Brett A</v>
          </cell>
          <cell r="C656" t="str">
            <v>044745</v>
          </cell>
          <cell r="D656" t="str">
            <v>King,Brett A</v>
          </cell>
        </row>
        <row r="657">
          <cell r="A657" t="str">
            <v>032832</v>
          </cell>
          <cell r="B657" t="str">
            <v>King,Daniella M</v>
          </cell>
          <cell r="C657" t="str">
            <v>032832</v>
          </cell>
          <cell r="D657" t="str">
            <v>King,Daniella M</v>
          </cell>
        </row>
        <row r="658">
          <cell r="A658" t="str">
            <v>019327</v>
          </cell>
          <cell r="B658" t="str">
            <v>King,Jim</v>
          </cell>
          <cell r="C658" t="str">
            <v>019327</v>
          </cell>
          <cell r="D658" t="str">
            <v>King,Jim</v>
          </cell>
        </row>
        <row r="659">
          <cell r="A659" t="str">
            <v>095067</v>
          </cell>
          <cell r="B659" t="str">
            <v>King,Victoria L</v>
          </cell>
          <cell r="C659" t="str">
            <v>095067</v>
          </cell>
          <cell r="D659" t="str">
            <v>King,Victoria L</v>
          </cell>
        </row>
        <row r="660">
          <cell r="A660" t="str">
            <v>014673</v>
          </cell>
          <cell r="B660" t="str">
            <v>Kinman,John Ray</v>
          </cell>
          <cell r="C660" t="str">
            <v>014673</v>
          </cell>
          <cell r="D660" t="str">
            <v>Kinman,John Ray</v>
          </cell>
        </row>
        <row r="661">
          <cell r="A661" t="str">
            <v>361793</v>
          </cell>
          <cell r="B661" t="str">
            <v>Kinsey,Jennifer</v>
          </cell>
          <cell r="C661" t="str">
            <v>361793</v>
          </cell>
          <cell r="D661" t="str">
            <v>Kinsey,Jennifer</v>
          </cell>
        </row>
        <row r="662">
          <cell r="A662" t="str">
            <v>044938</v>
          </cell>
          <cell r="B662" t="str">
            <v>Kirby,Connie</v>
          </cell>
          <cell r="C662" t="str">
            <v>044938</v>
          </cell>
          <cell r="D662" t="str">
            <v>Kirby,Connie</v>
          </cell>
        </row>
        <row r="663">
          <cell r="A663" t="str">
            <v>016885</v>
          </cell>
          <cell r="B663" t="str">
            <v>Kirby,Dusty</v>
          </cell>
          <cell r="C663" t="str">
            <v>016885</v>
          </cell>
          <cell r="D663" t="str">
            <v>Kirby,Dusty</v>
          </cell>
        </row>
        <row r="664">
          <cell r="A664" t="str">
            <v>044943</v>
          </cell>
          <cell r="B664" t="str">
            <v>Kirby-King,Karen L</v>
          </cell>
          <cell r="C664" t="str">
            <v>044943</v>
          </cell>
          <cell r="D664" t="str">
            <v>Kirby-King,Karen L</v>
          </cell>
        </row>
        <row r="665">
          <cell r="A665" t="str">
            <v>030596</v>
          </cell>
          <cell r="B665" t="str">
            <v>Kirk,Andrew Alan</v>
          </cell>
          <cell r="C665" t="str">
            <v>030596</v>
          </cell>
          <cell r="D665" t="str">
            <v>Kirk,Andrew Alan</v>
          </cell>
        </row>
        <row r="666">
          <cell r="A666" t="str">
            <v>045155</v>
          </cell>
          <cell r="B666" t="str">
            <v>Kirkpatrick,Allan R</v>
          </cell>
          <cell r="C666" t="str">
            <v>045155</v>
          </cell>
          <cell r="D666" t="str">
            <v>Kirkpatrick,Allan R</v>
          </cell>
        </row>
        <row r="667">
          <cell r="A667" t="str">
            <v>045273</v>
          </cell>
          <cell r="B667" t="str">
            <v>Kitz,Daryl Edward</v>
          </cell>
          <cell r="C667" t="str">
            <v>045273</v>
          </cell>
          <cell r="D667" t="str">
            <v>Kitz,Daryl Edward</v>
          </cell>
        </row>
        <row r="668">
          <cell r="A668" t="str">
            <v>045292</v>
          </cell>
          <cell r="B668" t="str">
            <v>Klei,Greg</v>
          </cell>
          <cell r="C668" t="str">
            <v>045292</v>
          </cell>
          <cell r="D668" t="str">
            <v>Klei,Greg</v>
          </cell>
        </row>
        <row r="669">
          <cell r="A669" t="str">
            <v>073572</v>
          </cell>
          <cell r="B669" t="str">
            <v>Klei,Terri</v>
          </cell>
          <cell r="C669" t="str">
            <v>073572</v>
          </cell>
          <cell r="D669" t="str">
            <v>Klei,Terri</v>
          </cell>
        </row>
        <row r="670">
          <cell r="A670" t="str">
            <v>045308</v>
          </cell>
          <cell r="B670" t="str">
            <v>Klein,Eric W</v>
          </cell>
          <cell r="C670" t="str">
            <v>045308</v>
          </cell>
          <cell r="D670" t="str">
            <v>Klein,Eric W</v>
          </cell>
        </row>
        <row r="671">
          <cell r="A671" t="str">
            <v>045355</v>
          </cell>
          <cell r="B671" t="str">
            <v>Kling,Michael P</v>
          </cell>
          <cell r="C671" t="str">
            <v>045355</v>
          </cell>
          <cell r="D671" t="str">
            <v>Kling,Michael P</v>
          </cell>
        </row>
        <row r="672">
          <cell r="A672" t="str">
            <v>045357</v>
          </cell>
          <cell r="B672" t="str">
            <v>Kling,Paul R</v>
          </cell>
          <cell r="C672" t="str">
            <v>045357</v>
          </cell>
          <cell r="D672" t="str">
            <v>Kling,Paul R</v>
          </cell>
        </row>
        <row r="673">
          <cell r="A673" t="str">
            <v>045369</v>
          </cell>
          <cell r="B673" t="str">
            <v>Kloeker,Chris</v>
          </cell>
          <cell r="C673" t="str">
            <v>045369</v>
          </cell>
          <cell r="D673" t="str">
            <v>Kloeker,Chris</v>
          </cell>
        </row>
        <row r="674">
          <cell r="A674" t="str">
            <v>045485</v>
          </cell>
          <cell r="B674" t="str">
            <v>Klump,Susan M</v>
          </cell>
          <cell r="C674" t="str">
            <v>045485</v>
          </cell>
          <cell r="D674" t="str">
            <v>Klump,Susan M</v>
          </cell>
        </row>
        <row r="675">
          <cell r="A675" t="str">
            <v>326646</v>
          </cell>
          <cell r="B675" t="str">
            <v>Knight,Josh</v>
          </cell>
          <cell r="C675" t="str">
            <v>326646</v>
          </cell>
          <cell r="D675" t="str">
            <v>Knight,Josh</v>
          </cell>
        </row>
        <row r="676">
          <cell r="A676" t="str">
            <v>361870</v>
          </cell>
          <cell r="B676" t="str">
            <v>Knight,Kenneth D</v>
          </cell>
          <cell r="C676" t="str">
            <v>361870</v>
          </cell>
          <cell r="D676" t="str">
            <v>Knight,Kenneth D</v>
          </cell>
        </row>
        <row r="677">
          <cell r="A677" t="str">
            <v>045728</v>
          </cell>
          <cell r="B677" t="str">
            <v>Knobloch,Christina J</v>
          </cell>
          <cell r="C677" t="str">
            <v>045728</v>
          </cell>
          <cell r="D677" t="str">
            <v>Knobloch,Christina J</v>
          </cell>
        </row>
        <row r="678">
          <cell r="A678" t="str">
            <v>285617</v>
          </cell>
          <cell r="B678" t="str">
            <v>Kobylarczyk,Nicholas P.</v>
          </cell>
          <cell r="C678" t="str">
            <v>285617</v>
          </cell>
          <cell r="D678" t="str">
            <v>Kobylarczyk,Nicholas P.</v>
          </cell>
        </row>
        <row r="679">
          <cell r="A679" t="str">
            <v>096310</v>
          </cell>
          <cell r="B679" t="str">
            <v>Koehler,Mike</v>
          </cell>
          <cell r="C679" t="str">
            <v>096310</v>
          </cell>
          <cell r="D679" t="str">
            <v>Koehler,Mike</v>
          </cell>
        </row>
        <row r="680">
          <cell r="A680" t="str">
            <v>095003</v>
          </cell>
          <cell r="B680" t="str">
            <v>Koenig,Matt</v>
          </cell>
          <cell r="C680" t="str">
            <v>095003</v>
          </cell>
          <cell r="D680" t="str">
            <v>Koenig,Matt</v>
          </cell>
        </row>
        <row r="681">
          <cell r="A681" t="str">
            <v>046028</v>
          </cell>
          <cell r="B681" t="str">
            <v>Koeninger,Paul Edward</v>
          </cell>
          <cell r="C681" t="str">
            <v>046028</v>
          </cell>
          <cell r="D681" t="str">
            <v>Koeninger,Paul Edward</v>
          </cell>
        </row>
        <row r="682">
          <cell r="A682" t="str">
            <v>278742</v>
          </cell>
          <cell r="B682" t="str">
            <v>Koetters,Joe</v>
          </cell>
          <cell r="C682" t="str">
            <v>278742</v>
          </cell>
          <cell r="D682" t="str">
            <v>Koetters,Joe</v>
          </cell>
        </row>
        <row r="683">
          <cell r="A683" t="str">
            <v>023408</v>
          </cell>
          <cell r="B683" t="str">
            <v>Kohl,David V</v>
          </cell>
          <cell r="C683" t="str">
            <v>023408</v>
          </cell>
          <cell r="D683" t="str">
            <v>Kohl,David V</v>
          </cell>
        </row>
        <row r="684">
          <cell r="A684" t="str">
            <v>026524</v>
          </cell>
          <cell r="B684" t="str">
            <v>Koontz,Marci L</v>
          </cell>
          <cell r="C684" t="str">
            <v>026524</v>
          </cell>
          <cell r="D684" t="str">
            <v>Koontz,Marci L</v>
          </cell>
        </row>
        <row r="685">
          <cell r="A685" t="str">
            <v>019334</v>
          </cell>
          <cell r="B685" t="str">
            <v>Kowolonek,Beverly S</v>
          </cell>
          <cell r="C685" t="str">
            <v>019334</v>
          </cell>
          <cell r="D685" t="str">
            <v>Kowolonek,Beverly S</v>
          </cell>
        </row>
        <row r="686">
          <cell r="A686" t="str">
            <v>046407</v>
          </cell>
          <cell r="B686" t="str">
            <v>Kramer,Don</v>
          </cell>
          <cell r="C686" t="str">
            <v>046407</v>
          </cell>
          <cell r="D686" t="str">
            <v>Kramer,Don</v>
          </cell>
        </row>
        <row r="687">
          <cell r="A687" t="str">
            <v>046415</v>
          </cell>
          <cell r="B687" t="str">
            <v>Kramer,James L</v>
          </cell>
          <cell r="C687" t="str">
            <v>046415</v>
          </cell>
          <cell r="D687" t="str">
            <v>Kramer,James L</v>
          </cell>
        </row>
        <row r="688">
          <cell r="A688" t="str">
            <v>097389</v>
          </cell>
          <cell r="B688" t="str">
            <v>Kramer,Scott A</v>
          </cell>
          <cell r="C688" t="str">
            <v>097389</v>
          </cell>
          <cell r="D688" t="str">
            <v>Kramer,Scott A</v>
          </cell>
        </row>
        <row r="689">
          <cell r="A689" t="str">
            <v>275130</v>
          </cell>
          <cell r="B689" t="str">
            <v>Kraus,Jeffrey J</v>
          </cell>
          <cell r="C689" t="str">
            <v>275130</v>
          </cell>
          <cell r="D689" t="str">
            <v>Kraus,Jeffrey J</v>
          </cell>
        </row>
        <row r="690">
          <cell r="A690" t="str">
            <v>291370</v>
          </cell>
          <cell r="B690" t="str">
            <v>Kremer,Wayne Edward</v>
          </cell>
          <cell r="C690" t="str">
            <v>291370</v>
          </cell>
          <cell r="D690" t="str">
            <v>Kremer,Wayne Edward</v>
          </cell>
        </row>
        <row r="691">
          <cell r="A691" t="str">
            <v>097283</v>
          </cell>
          <cell r="B691" t="str">
            <v>Kretten,Andrew J</v>
          </cell>
          <cell r="C691" t="str">
            <v>097283</v>
          </cell>
          <cell r="D691" t="str">
            <v>Kretten,Andrew J</v>
          </cell>
        </row>
        <row r="692">
          <cell r="A692" t="str">
            <v>046670</v>
          </cell>
          <cell r="B692" t="str">
            <v>Krier,Mike</v>
          </cell>
          <cell r="C692" t="str">
            <v>046670</v>
          </cell>
          <cell r="D692" t="str">
            <v>Krier,Mike</v>
          </cell>
        </row>
        <row r="693">
          <cell r="A693" t="str">
            <v>025469</v>
          </cell>
          <cell r="B693" t="str">
            <v>Krummen,Mark</v>
          </cell>
          <cell r="C693" t="str">
            <v>025469</v>
          </cell>
          <cell r="D693" t="str">
            <v>Krummen,Mark</v>
          </cell>
        </row>
        <row r="694">
          <cell r="A694" t="str">
            <v>047076</v>
          </cell>
          <cell r="B694" t="str">
            <v>Kurdila,Jerri Lynn</v>
          </cell>
          <cell r="C694" t="str">
            <v>047076</v>
          </cell>
          <cell r="D694" t="str">
            <v>Kurdila,Jerri Lynn</v>
          </cell>
        </row>
        <row r="695">
          <cell r="A695" t="str">
            <v>326639</v>
          </cell>
          <cell r="B695" t="str">
            <v>Kuszmaul,Jared James</v>
          </cell>
          <cell r="C695" t="str">
            <v>326639</v>
          </cell>
          <cell r="D695" t="str">
            <v>Kuszmaul,Jared James</v>
          </cell>
        </row>
        <row r="696">
          <cell r="A696" t="str">
            <v>096498</v>
          </cell>
          <cell r="B696" t="str">
            <v>Lacey,Jason E</v>
          </cell>
          <cell r="C696" t="str">
            <v>096498</v>
          </cell>
          <cell r="D696" t="str">
            <v>Lacey,Jason E</v>
          </cell>
        </row>
        <row r="697">
          <cell r="A697" t="str">
            <v>097053</v>
          </cell>
          <cell r="B697" t="str">
            <v>Lacy,Lonnie R</v>
          </cell>
          <cell r="C697" t="str">
            <v>097053</v>
          </cell>
          <cell r="D697" t="str">
            <v>Lacy,Lonnie R</v>
          </cell>
        </row>
        <row r="698">
          <cell r="A698" t="str">
            <v>010147</v>
          </cell>
          <cell r="B698" t="str">
            <v>Ladson,Doug</v>
          </cell>
          <cell r="C698" t="str">
            <v>010147</v>
          </cell>
          <cell r="D698" t="str">
            <v>Ladson,Doug</v>
          </cell>
        </row>
        <row r="699">
          <cell r="A699" t="str">
            <v>047514</v>
          </cell>
          <cell r="B699" t="str">
            <v>Lake,Paul H</v>
          </cell>
          <cell r="C699" t="str">
            <v>047514</v>
          </cell>
          <cell r="D699" t="str">
            <v>Lake,Paul H</v>
          </cell>
        </row>
        <row r="700">
          <cell r="A700" t="str">
            <v>289917</v>
          </cell>
          <cell r="B700" t="str">
            <v>Lamb,David</v>
          </cell>
          <cell r="C700" t="str">
            <v>289917</v>
          </cell>
          <cell r="D700" t="str">
            <v>Lamb,David</v>
          </cell>
        </row>
        <row r="701">
          <cell r="A701" t="str">
            <v>027125</v>
          </cell>
          <cell r="B701" t="str">
            <v>Lambdin,Benjamin R</v>
          </cell>
          <cell r="C701" t="str">
            <v>027125</v>
          </cell>
          <cell r="D701" t="str">
            <v>Lambdin,Benjamin R</v>
          </cell>
        </row>
        <row r="702">
          <cell r="A702" t="str">
            <v>008280</v>
          </cell>
          <cell r="B702" t="str">
            <v>Lammers,Phil</v>
          </cell>
          <cell r="C702" t="str">
            <v>008280</v>
          </cell>
          <cell r="D702" t="str">
            <v>Lammers,Phil</v>
          </cell>
        </row>
        <row r="703">
          <cell r="A703" t="str">
            <v>326627</v>
          </cell>
          <cell r="B703" t="str">
            <v>Land,James William</v>
          </cell>
          <cell r="C703" t="str">
            <v>326627</v>
          </cell>
          <cell r="D703" t="str">
            <v>Land,James William</v>
          </cell>
        </row>
        <row r="704">
          <cell r="A704" t="str">
            <v>027847</v>
          </cell>
          <cell r="B704" t="str">
            <v>Lane,Jonathan Michael</v>
          </cell>
          <cell r="C704" t="str">
            <v>027847</v>
          </cell>
          <cell r="D704" t="str">
            <v>Lane,Jonathan Michael</v>
          </cell>
        </row>
        <row r="705">
          <cell r="A705" t="str">
            <v>275081</v>
          </cell>
          <cell r="B705" t="str">
            <v>Langefeld,Eric M</v>
          </cell>
          <cell r="C705" t="str">
            <v>275081</v>
          </cell>
          <cell r="D705" t="str">
            <v>Langefeld,Eric M</v>
          </cell>
        </row>
        <row r="706">
          <cell r="A706" t="str">
            <v>361757</v>
          </cell>
          <cell r="B706" t="str">
            <v>Lanham,mike</v>
          </cell>
          <cell r="C706" t="str">
            <v>361757</v>
          </cell>
          <cell r="D706" t="str">
            <v>Lanham,mike</v>
          </cell>
        </row>
        <row r="707">
          <cell r="A707" t="str">
            <v>284652</v>
          </cell>
          <cell r="B707" t="str">
            <v>Lannan,Dan</v>
          </cell>
          <cell r="C707" t="str">
            <v>284652</v>
          </cell>
          <cell r="D707" t="str">
            <v>Lannan,Dan</v>
          </cell>
        </row>
        <row r="708">
          <cell r="A708" t="str">
            <v>285606</v>
          </cell>
          <cell r="B708" t="str">
            <v>Larimore,Dylan L.</v>
          </cell>
          <cell r="C708" t="str">
            <v>285606</v>
          </cell>
          <cell r="D708" t="str">
            <v>Larimore,Dylan L.</v>
          </cell>
        </row>
        <row r="709">
          <cell r="A709" t="str">
            <v>286643</v>
          </cell>
          <cell r="B709" t="str">
            <v>Larkin,Michael L</v>
          </cell>
          <cell r="C709" t="str">
            <v>286643</v>
          </cell>
          <cell r="D709" t="str">
            <v>Larkin,Michael L</v>
          </cell>
        </row>
        <row r="710">
          <cell r="A710" t="str">
            <v>048110</v>
          </cell>
          <cell r="B710" t="str">
            <v>Larkin,Shevelle</v>
          </cell>
          <cell r="C710" t="str">
            <v>048110</v>
          </cell>
          <cell r="D710" t="str">
            <v>Larkin,Shevelle</v>
          </cell>
        </row>
        <row r="711">
          <cell r="A711" t="str">
            <v>286236</v>
          </cell>
          <cell r="B711" t="str">
            <v>Laskowski,Sara Elizabeth</v>
          </cell>
          <cell r="C711" t="str">
            <v>286236</v>
          </cell>
          <cell r="D711" t="str">
            <v>Laskowski,Sara Elizabeth</v>
          </cell>
        </row>
        <row r="712">
          <cell r="A712" t="str">
            <v>017064</v>
          </cell>
          <cell r="B712" t="str">
            <v>Latham,Chris</v>
          </cell>
          <cell r="C712" t="str">
            <v>017064</v>
          </cell>
          <cell r="D712" t="str">
            <v>Latham,Chris</v>
          </cell>
        </row>
        <row r="713">
          <cell r="A713" t="str">
            <v>048132</v>
          </cell>
          <cell r="B713" t="str">
            <v>Laub,Steven E</v>
          </cell>
          <cell r="C713" t="str">
            <v>048132</v>
          </cell>
          <cell r="D713" t="str">
            <v>Laub,Steven E</v>
          </cell>
        </row>
        <row r="714">
          <cell r="A714" t="str">
            <v>278414</v>
          </cell>
          <cell r="B714" t="str">
            <v>Lauer,Nicholas G</v>
          </cell>
          <cell r="C714" t="str">
            <v>278414</v>
          </cell>
          <cell r="D714" t="str">
            <v>Lauer,Nicholas G</v>
          </cell>
        </row>
        <row r="715">
          <cell r="A715" t="str">
            <v>283661</v>
          </cell>
          <cell r="B715" t="str">
            <v>Lauer,Patrick N</v>
          </cell>
          <cell r="C715" t="str">
            <v>283661</v>
          </cell>
          <cell r="D715" t="str">
            <v>Lauer,Patrick N</v>
          </cell>
        </row>
        <row r="716">
          <cell r="A716" t="str">
            <v>278567</v>
          </cell>
          <cell r="B716" t="str">
            <v>Lauer,Timothy L.</v>
          </cell>
          <cell r="C716" t="str">
            <v>278567</v>
          </cell>
          <cell r="D716" t="str">
            <v>Lauer,Timothy L.</v>
          </cell>
        </row>
        <row r="717">
          <cell r="A717" t="str">
            <v>048350</v>
          </cell>
          <cell r="B717" t="str">
            <v>Lawson,Greg</v>
          </cell>
          <cell r="C717" t="str">
            <v>048350</v>
          </cell>
          <cell r="D717" t="str">
            <v>Lawson,Greg</v>
          </cell>
        </row>
        <row r="718">
          <cell r="A718" t="str">
            <v>048615</v>
          </cell>
          <cell r="B718" t="str">
            <v>Lee,Craig G</v>
          </cell>
          <cell r="C718" t="str">
            <v>048615</v>
          </cell>
          <cell r="D718" t="str">
            <v>Lee,Craig G</v>
          </cell>
        </row>
        <row r="719">
          <cell r="A719" t="str">
            <v>048622</v>
          </cell>
          <cell r="B719" t="str">
            <v>Lee,James A</v>
          </cell>
          <cell r="C719" t="str">
            <v>048622</v>
          </cell>
          <cell r="D719" t="str">
            <v>Lee,James A</v>
          </cell>
        </row>
        <row r="720">
          <cell r="A720" t="str">
            <v>012709</v>
          </cell>
          <cell r="B720" t="str">
            <v>Lee,Linda J</v>
          </cell>
          <cell r="C720" t="str">
            <v>012709</v>
          </cell>
          <cell r="D720" t="str">
            <v>Lee,Linda J</v>
          </cell>
        </row>
        <row r="721">
          <cell r="A721" t="str">
            <v>048650</v>
          </cell>
          <cell r="B721" t="str">
            <v>Leesemann,Lori Ann</v>
          </cell>
          <cell r="C721" t="str">
            <v>048650</v>
          </cell>
          <cell r="D721" t="str">
            <v>Leesemann,Lori Ann</v>
          </cell>
        </row>
        <row r="722">
          <cell r="A722" t="str">
            <v>024429</v>
          </cell>
          <cell r="B722" t="str">
            <v>Leggett,Keith B</v>
          </cell>
          <cell r="C722" t="str">
            <v>024429</v>
          </cell>
          <cell r="D722" t="str">
            <v>Leggett,Keith B</v>
          </cell>
        </row>
        <row r="723">
          <cell r="A723" t="str">
            <v>007991</v>
          </cell>
          <cell r="B723" t="str">
            <v>Leidolf,Roger</v>
          </cell>
          <cell r="C723" t="str">
            <v>007991</v>
          </cell>
          <cell r="D723" t="str">
            <v>Leidolf,Roger</v>
          </cell>
        </row>
        <row r="724">
          <cell r="A724" t="str">
            <v>025446</v>
          </cell>
          <cell r="B724" t="str">
            <v>Lewis,Jamie L</v>
          </cell>
          <cell r="C724" t="str">
            <v>025446</v>
          </cell>
          <cell r="D724" t="str">
            <v>Lewis,Jamie L</v>
          </cell>
        </row>
        <row r="725">
          <cell r="A725" t="str">
            <v>022955</v>
          </cell>
          <cell r="B725" t="str">
            <v>Lewis,Jeremy</v>
          </cell>
          <cell r="C725" t="str">
            <v>022955</v>
          </cell>
          <cell r="D725" t="str">
            <v>Lewis,Jeremy</v>
          </cell>
        </row>
        <row r="726">
          <cell r="A726" t="str">
            <v>026223</v>
          </cell>
          <cell r="B726" t="str">
            <v>Lewis,Marc T.</v>
          </cell>
          <cell r="C726" t="str">
            <v>026223</v>
          </cell>
          <cell r="D726" t="str">
            <v>Lewis,Marc T.</v>
          </cell>
        </row>
        <row r="727">
          <cell r="A727" t="str">
            <v>017254</v>
          </cell>
          <cell r="B727" t="str">
            <v>Lewis,TJ</v>
          </cell>
          <cell r="C727" t="str">
            <v>017254</v>
          </cell>
          <cell r="D727" t="str">
            <v>Lewis,TJ</v>
          </cell>
        </row>
        <row r="728">
          <cell r="A728" t="str">
            <v>011994</v>
          </cell>
          <cell r="B728" t="str">
            <v>Lichlyter,Michael Gary</v>
          </cell>
          <cell r="C728" t="str">
            <v>011994</v>
          </cell>
          <cell r="D728" t="str">
            <v>Lichlyter,Michael Gary</v>
          </cell>
        </row>
        <row r="729">
          <cell r="A729" t="str">
            <v>015724</v>
          </cell>
          <cell r="B729" t="str">
            <v>Liggett,Brian Todd</v>
          </cell>
          <cell r="C729" t="str">
            <v>015724</v>
          </cell>
          <cell r="D729" t="str">
            <v>Liggett,Brian Todd</v>
          </cell>
        </row>
        <row r="730">
          <cell r="A730" t="str">
            <v>010292</v>
          </cell>
          <cell r="B730" t="str">
            <v>Lilly,Charles Lee</v>
          </cell>
          <cell r="C730" t="str">
            <v>010292</v>
          </cell>
          <cell r="D730" t="str">
            <v>Lilly,Charles Lee</v>
          </cell>
        </row>
        <row r="731">
          <cell r="A731" t="str">
            <v>275083</v>
          </cell>
          <cell r="B731" t="str">
            <v>Lilly,Joseph Paul</v>
          </cell>
          <cell r="C731" t="str">
            <v>275083</v>
          </cell>
          <cell r="D731" t="str">
            <v>Lilly,Joseph Paul</v>
          </cell>
        </row>
        <row r="732">
          <cell r="A732" t="str">
            <v>049923</v>
          </cell>
          <cell r="B732" t="str">
            <v>Lipps,Sandy</v>
          </cell>
          <cell r="C732" t="str">
            <v>049923</v>
          </cell>
          <cell r="D732" t="str">
            <v>Lipps,Sandy</v>
          </cell>
        </row>
        <row r="733">
          <cell r="A733" t="str">
            <v>049969</v>
          </cell>
          <cell r="B733" t="str">
            <v>Litkenhaus,William A</v>
          </cell>
          <cell r="C733" t="str">
            <v>049969</v>
          </cell>
          <cell r="D733" t="str">
            <v>Litkenhaus,William A</v>
          </cell>
        </row>
        <row r="734">
          <cell r="A734" t="str">
            <v>283274</v>
          </cell>
          <cell r="B734" t="str">
            <v>Litmer,Bret</v>
          </cell>
          <cell r="C734" t="str">
            <v>283274</v>
          </cell>
          <cell r="D734" t="str">
            <v>Litmer,Bret</v>
          </cell>
        </row>
        <row r="735">
          <cell r="A735" t="str">
            <v>013064</v>
          </cell>
          <cell r="B735" t="str">
            <v>Little,Kevin Wayne</v>
          </cell>
          <cell r="C735" t="str">
            <v>008791</v>
          </cell>
          <cell r="D735" t="str">
            <v>Lively,Debbie</v>
          </cell>
        </row>
        <row r="736">
          <cell r="A736" t="str">
            <v>008791</v>
          </cell>
          <cell r="B736" t="str">
            <v>Lively,Debbie</v>
          </cell>
          <cell r="C736" t="str">
            <v>326643</v>
          </cell>
          <cell r="D736" t="str">
            <v>Livesay,Brent A</v>
          </cell>
        </row>
        <row r="737">
          <cell r="A737" t="str">
            <v>029316</v>
          </cell>
          <cell r="B737" t="str">
            <v>Livingston,Tim</v>
          </cell>
          <cell r="C737" t="str">
            <v>029316</v>
          </cell>
          <cell r="D737" t="str">
            <v>Livingston,Tim</v>
          </cell>
        </row>
        <row r="738">
          <cell r="A738" t="str">
            <v>015936</v>
          </cell>
          <cell r="B738" t="str">
            <v>Locke Jr,Artie</v>
          </cell>
          <cell r="C738" t="str">
            <v>015936</v>
          </cell>
          <cell r="D738" t="str">
            <v>Locke Jr,Artie</v>
          </cell>
        </row>
        <row r="739">
          <cell r="A739" t="str">
            <v>018432</v>
          </cell>
          <cell r="B739" t="str">
            <v>Lockwood,Bradley H</v>
          </cell>
          <cell r="C739" t="str">
            <v>018432</v>
          </cell>
          <cell r="D739" t="str">
            <v>Lockwood,Bradley H</v>
          </cell>
        </row>
        <row r="740">
          <cell r="A740" t="str">
            <v>019232</v>
          </cell>
          <cell r="B740" t="str">
            <v>Logan,Fred L</v>
          </cell>
          <cell r="C740" t="str">
            <v>019232</v>
          </cell>
          <cell r="D740" t="str">
            <v>Logan,Fred L</v>
          </cell>
        </row>
        <row r="741">
          <cell r="A741" t="str">
            <v>018439</v>
          </cell>
          <cell r="B741" t="str">
            <v>Lohmann,Robert E</v>
          </cell>
          <cell r="C741" t="str">
            <v>018439</v>
          </cell>
          <cell r="D741" t="str">
            <v>Lohmann,Robert E</v>
          </cell>
        </row>
        <row r="742">
          <cell r="A742" t="str">
            <v>018440</v>
          </cell>
          <cell r="B742" t="str">
            <v>Lohner,Thomas J</v>
          </cell>
          <cell r="C742" t="str">
            <v>018440</v>
          </cell>
          <cell r="D742" t="str">
            <v>Lohner,Thomas J</v>
          </cell>
        </row>
        <row r="743">
          <cell r="A743" t="str">
            <v>010657</v>
          </cell>
          <cell r="B743" t="str">
            <v>Long,Jim</v>
          </cell>
          <cell r="C743" t="str">
            <v>010657</v>
          </cell>
          <cell r="D743" t="str">
            <v>Long,Jim</v>
          </cell>
        </row>
        <row r="744">
          <cell r="A744" t="str">
            <v>015097</v>
          </cell>
          <cell r="B744" t="str">
            <v>Long,Teresa Lee</v>
          </cell>
          <cell r="C744" t="str">
            <v>015097</v>
          </cell>
          <cell r="D744" t="str">
            <v>Long,Teresa Lee</v>
          </cell>
        </row>
        <row r="745">
          <cell r="A745" t="str">
            <v>018452</v>
          </cell>
          <cell r="B745" t="str">
            <v>Louderback,Mark R</v>
          </cell>
          <cell r="C745" t="str">
            <v>018452</v>
          </cell>
          <cell r="D745" t="str">
            <v>Louderback,Mark R</v>
          </cell>
        </row>
        <row r="746">
          <cell r="A746" t="str">
            <v>019569</v>
          </cell>
          <cell r="B746" t="str">
            <v>Louderback,Ryan K</v>
          </cell>
          <cell r="C746" t="str">
            <v>019569</v>
          </cell>
          <cell r="D746" t="str">
            <v>Louderback,Ryan K</v>
          </cell>
        </row>
        <row r="747">
          <cell r="A747" t="str">
            <v>097769</v>
          </cell>
          <cell r="B747" t="str">
            <v>Lovell,Betsy L</v>
          </cell>
          <cell r="C747" t="str">
            <v>097769</v>
          </cell>
          <cell r="D747" t="str">
            <v>Lovell,Betsy L</v>
          </cell>
        </row>
        <row r="748">
          <cell r="A748" t="str">
            <v>275085</v>
          </cell>
          <cell r="B748" t="str">
            <v>Lowry,Darrick</v>
          </cell>
          <cell r="C748" t="str">
            <v>275085</v>
          </cell>
          <cell r="D748" t="str">
            <v>Lowry,Darrick</v>
          </cell>
        </row>
        <row r="749">
          <cell r="A749" t="str">
            <v>018467</v>
          </cell>
          <cell r="B749" t="str">
            <v>Lucas,Tanya Y</v>
          </cell>
          <cell r="C749" t="str">
            <v>018467</v>
          </cell>
          <cell r="D749" t="str">
            <v>Lucas,Tanya Y</v>
          </cell>
        </row>
        <row r="750">
          <cell r="A750" t="str">
            <v>018472</v>
          </cell>
          <cell r="B750" t="str">
            <v>Luehrmann,Gregory Joseph</v>
          </cell>
          <cell r="C750" t="str">
            <v>018472</v>
          </cell>
          <cell r="D750" t="str">
            <v>Luehrmann,Gregory Joseph</v>
          </cell>
        </row>
        <row r="751">
          <cell r="A751" t="str">
            <v>018473</v>
          </cell>
          <cell r="B751" t="str">
            <v>Luithle,Dennis W</v>
          </cell>
          <cell r="C751" t="str">
            <v>018473</v>
          </cell>
          <cell r="D751" t="str">
            <v>Luithle,Dennis W</v>
          </cell>
        </row>
        <row r="752">
          <cell r="A752" t="str">
            <v>285210</v>
          </cell>
          <cell r="B752" t="str">
            <v>Lukemire,Jeremy</v>
          </cell>
          <cell r="C752" t="str">
            <v>285210</v>
          </cell>
          <cell r="D752" t="str">
            <v>Lukemire,Jeremy</v>
          </cell>
        </row>
        <row r="753">
          <cell r="A753" t="str">
            <v>012114</v>
          </cell>
          <cell r="B753" t="str">
            <v>Lund,Randy</v>
          </cell>
          <cell r="C753" t="str">
            <v>012114</v>
          </cell>
          <cell r="D753" t="str">
            <v>Lund,Randy</v>
          </cell>
        </row>
        <row r="754">
          <cell r="A754" t="str">
            <v>024495</v>
          </cell>
          <cell r="B754" t="str">
            <v>Lunsford,Joey</v>
          </cell>
          <cell r="C754" t="str">
            <v>024495</v>
          </cell>
          <cell r="D754" t="str">
            <v>Lunsford,Joey</v>
          </cell>
        </row>
        <row r="755">
          <cell r="A755" t="str">
            <v>030185</v>
          </cell>
          <cell r="B755" t="str">
            <v>Lynton,James Richard</v>
          </cell>
          <cell r="C755" t="str">
            <v>030185</v>
          </cell>
          <cell r="D755" t="str">
            <v>Lynton,James Richard</v>
          </cell>
        </row>
        <row r="756">
          <cell r="A756" t="str">
            <v>051240</v>
          </cell>
          <cell r="B756" t="str">
            <v>Ma,Richard</v>
          </cell>
          <cell r="C756" t="str">
            <v>051240</v>
          </cell>
          <cell r="D756" t="str">
            <v>Ma,Richard</v>
          </cell>
        </row>
        <row r="757">
          <cell r="A757" t="str">
            <v>278644</v>
          </cell>
          <cell r="B757" t="str">
            <v>Macke,Suzanne Y</v>
          </cell>
          <cell r="C757" t="str">
            <v>278644</v>
          </cell>
          <cell r="D757" t="str">
            <v>Macke,Suzanne Y</v>
          </cell>
        </row>
        <row r="758">
          <cell r="A758" t="str">
            <v>014685</v>
          </cell>
          <cell r="B758" t="str">
            <v>Madden,Barb</v>
          </cell>
          <cell r="C758" t="str">
            <v>014685</v>
          </cell>
          <cell r="D758" t="str">
            <v>Madden,Barb</v>
          </cell>
        </row>
        <row r="759">
          <cell r="A759" t="str">
            <v>014886</v>
          </cell>
          <cell r="B759" t="str">
            <v>Madden,Greg</v>
          </cell>
          <cell r="C759" t="str">
            <v>014886</v>
          </cell>
          <cell r="D759" t="str">
            <v>Madden,Greg</v>
          </cell>
        </row>
        <row r="760">
          <cell r="A760" t="str">
            <v>051338</v>
          </cell>
          <cell r="B760" t="str">
            <v>Maddin,Steve E</v>
          </cell>
          <cell r="C760" t="str">
            <v>051338</v>
          </cell>
          <cell r="D760" t="str">
            <v>Maddin,Steve E</v>
          </cell>
        </row>
        <row r="761">
          <cell r="A761" t="str">
            <v>051355</v>
          </cell>
          <cell r="B761" t="str">
            <v>Madigan,Jerry</v>
          </cell>
          <cell r="C761" t="str">
            <v>051355</v>
          </cell>
          <cell r="D761" t="str">
            <v>Madigan,Jerry</v>
          </cell>
        </row>
        <row r="762">
          <cell r="A762" t="str">
            <v>026545</v>
          </cell>
          <cell r="B762" t="str">
            <v>Maggard,Kristi A</v>
          </cell>
          <cell r="C762" t="str">
            <v>026545</v>
          </cell>
          <cell r="D762" t="str">
            <v>Maggard,Kristi A</v>
          </cell>
        </row>
        <row r="763">
          <cell r="A763" t="str">
            <v>051400</v>
          </cell>
          <cell r="B763" t="str">
            <v>Mahan,Terry Ray</v>
          </cell>
          <cell r="C763" t="str">
            <v>051400</v>
          </cell>
          <cell r="D763" t="str">
            <v>Mahan,Terry Ray</v>
          </cell>
        </row>
        <row r="764">
          <cell r="A764" t="str">
            <v>051477</v>
          </cell>
          <cell r="B764" t="str">
            <v>Malloy,Pat</v>
          </cell>
          <cell r="C764" t="str">
            <v>051477</v>
          </cell>
          <cell r="D764" t="str">
            <v>Malloy,Pat</v>
          </cell>
        </row>
        <row r="765">
          <cell r="A765" t="str">
            <v>051516</v>
          </cell>
          <cell r="B765" t="str">
            <v>Malone,Thomas W</v>
          </cell>
          <cell r="C765" t="str">
            <v>051516</v>
          </cell>
          <cell r="D765" t="str">
            <v>Malone,Thomas W</v>
          </cell>
        </row>
        <row r="766">
          <cell r="A766" t="str">
            <v>007307</v>
          </cell>
          <cell r="B766" t="str">
            <v>Malott,Terry Richard</v>
          </cell>
          <cell r="C766" t="str">
            <v>007307</v>
          </cell>
          <cell r="D766" t="str">
            <v>Malott,Terry Richard</v>
          </cell>
        </row>
        <row r="767">
          <cell r="A767" t="str">
            <v>272355</v>
          </cell>
          <cell r="B767" t="str">
            <v>Manning,Andrew D</v>
          </cell>
          <cell r="C767" t="str">
            <v>272355</v>
          </cell>
          <cell r="D767" t="str">
            <v>Manning,Andrew D</v>
          </cell>
        </row>
        <row r="768">
          <cell r="A768" t="str">
            <v>031015</v>
          </cell>
          <cell r="B768" t="str">
            <v>Manning,Coy Roger</v>
          </cell>
          <cell r="C768" t="str">
            <v>031015</v>
          </cell>
          <cell r="D768" t="str">
            <v>Manning,Coy Roger</v>
          </cell>
        </row>
        <row r="769">
          <cell r="A769" t="str">
            <v>051730</v>
          </cell>
          <cell r="B769" t="str">
            <v>Manyet,Marjorie L</v>
          </cell>
          <cell r="C769" t="str">
            <v>051730</v>
          </cell>
          <cell r="D769" t="str">
            <v>Manyet,Marjorie L</v>
          </cell>
        </row>
        <row r="770">
          <cell r="A770" t="str">
            <v>009453</v>
          </cell>
          <cell r="B770" t="str">
            <v>Mardis,Terry Michael</v>
          </cell>
          <cell r="C770" t="str">
            <v>009453</v>
          </cell>
          <cell r="D770" t="str">
            <v>Mardis,Terry Michael</v>
          </cell>
        </row>
        <row r="771">
          <cell r="A771" t="str">
            <v>008094</v>
          </cell>
          <cell r="B771" t="str">
            <v>Margason,Dennis Gene</v>
          </cell>
          <cell r="C771" t="str">
            <v>008094</v>
          </cell>
          <cell r="D771" t="str">
            <v>Margason,Dennis Gene</v>
          </cell>
        </row>
        <row r="772">
          <cell r="A772" t="str">
            <v>097390</v>
          </cell>
          <cell r="B772" t="str">
            <v>Markus,Tony E</v>
          </cell>
          <cell r="C772" t="str">
            <v>097390</v>
          </cell>
          <cell r="D772" t="str">
            <v>Markus,Tony E</v>
          </cell>
        </row>
        <row r="773">
          <cell r="A773" t="str">
            <v>016214</v>
          </cell>
          <cell r="B773" t="str">
            <v>Maroney,Tom</v>
          </cell>
          <cell r="C773" t="str">
            <v>016214</v>
          </cell>
          <cell r="D773" t="str">
            <v>Maroney,Tom</v>
          </cell>
        </row>
        <row r="774">
          <cell r="A774" t="str">
            <v>361547</v>
          </cell>
          <cell r="B774" t="str">
            <v>Marschand,Blake</v>
          </cell>
          <cell r="C774" t="str">
            <v>361547</v>
          </cell>
          <cell r="D774" t="str">
            <v>Marschand,Blake</v>
          </cell>
        </row>
        <row r="775">
          <cell r="A775" t="str">
            <v>016843</v>
          </cell>
          <cell r="B775" t="str">
            <v>Marsh,Diane L</v>
          </cell>
          <cell r="C775" t="str">
            <v>016843</v>
          </cell>
          <cell r="D775" t="str">
            <v>Marsh,Diane L</v>
          </cell>
        </row>
        <row r="776">
          <cell r="A776" t="str">
            <v>024496</v>
          </cell>
          <cell r="B776" t="str">
            <v>Marshall,Dayne Joseph</v>
          </cell>
          <cell r="C776" t="str">
            <v>024496</v>
          </cell>
          <cell r="D776" t="str">
            <v>Marshall,Dayne Joseph</v>
          </cell>
        </row>
        <row r="777">
          <cell r="A777" t="str">
            <v>052210</v>
          </cell>
          <cell r="B777" t="str">
            <v>Martin,Anthony Lee</v>
          </cell>
          <cell r="C777" t="str">
            <v>052210</v>
          </cell>
          <cell r="D777" t="str">
            <v>Martin,Anthony Lee</v>
          </cell>
        </row>
        <row r="778">
          <cell r="A778" t="str">
            <v>095535</v>
          </cell>
          <cell r="B778" t="str">
            <v>Martin,Glen E</v>
          </cell>
          <cell r="C778" t="str">
            <v>095535</v>
          </cell>
          <cell r="D778" t="str">
            <v>Martin,Glen E</v>
          </cell>
        </row>
        <row r="779">
          <cell r="A779" t="str">
            <v>012576</v>
          </cell>
          <cell r="B779" t="str">
            <v>Martin,Robert Noel</v>
          </cell>
          <cell r="C779" t="str">
            <v>012576</v>
          </cell>
          <cell r="D779" t="str">
            <v>Martin,Robert Noel</v>
          </cell>
        </row>
        <row r="780">
          <cell r="A780" t="str">
            <v>030015</v>
          </cell>
          <cell r="B780" t="str">
            <v>Martin,Robert Scott</v>
          </cell>
          <cell r="C780" t="str">
            <v>030015</v>
          </cell>
          <cell r="D780" t="str">
            <v>Martin,Robert Scott</v>
          </cell>
        </row>
        <row r="781">
          <cell r="A781" t="str">
            <v>015784</v>
          </cell>
          <cell r="B781" t="str">
            <v>Martin,Tom</v>
          </cell>
          <cell r="C781" t="str">
            <v>015784</v>
          </cell>
          <cell r="D781" t="str">
            <v>Martin,Tom</v>
          </cell>
        </row>
        <row r="782">
          <cell r="A782" t="str">
            <v>283627</v>
          </cell>
          <cell r="B782" t="str">
            <v>Martini,Ronnie</v>
          </cell>
          <cell r="C782" t="str">
            <v>283627</v>
          </cell>
          <cell r="D782" t="str">
            <v>Martini,Ronnie</v>
          </cell>
        </row>
        <row r="783">
          <cell r="A783" t="str">
            <v>052739</v>
          </cell>
          <cell r="B783" t="str">
            <v>Maschmeyer Schuler,Mary C</v>
          </cell>
          <cell r="C783" t="str">
            <v>052739</v>
          </cell>
          <cell r="D783" t="str">
            <v>Maschmeyer Schuler,Mary C</v>
          </cell>
        </row>
        <row r="784">
          <cell r="A784" t="str">
            <v>030676</v>
          </cell>
          <cell r="B784" t="str">
            <v>Mattern,Ryan Alan</v>
          </cell>
          <cell r="C784" t="str">
            <v>030676</v>
          </cell>
          <cell r="D784" t="str">
            <v>Mattern,Ryan Alan</v>
          </cell>
        </row>
        <row r="785">
          <cell r="A785" t="str">
            <v>010028</v>
          </cell>
          <cell r="B785" t="str">
            <v>Matthews,Daniel Robert</v>
          </cell>
          <cell r="C785" t="str">
            <v>010028</v>
          </cell>
          <cell r="D785" t="str">
            <v>Matthews,Daniel Robert</v>
          </cell>
        </row>
        <row r="786">
          <cell r="A786" t="str">
            <v>015428</v>
          </cell>
          <cell r="B786" t="str">
            <v>Maus,Connie Jo</v>
          </cell>
          <cell r="C786" t="str">
            <v>015428</v>
          </cell>
          <cell r="D786" t="str">
            <v>Maus,Connie Jo</v>
          </cell>
        </row>
        <row r="787">
          <cell r="A787" t="str">
            <v>031597</v>
          </cell>
          <cell r="B787" t="str">
            <v>Maus,Jason L</v>
          </cell>
          <cell r="C787" t="str">
            <v>031597</v>
          </cell>
          <cell r="D787" t="str">
            <v>Maus,Jason L</v>
          </cell>
        </row>
        <row r="788">
          <cell r="A788" t="str">
            <v>010570</v>
          </cell>
          <cell r="B788" t="str">
            <v>May,Fritz</v>
          </cell>
          <cell r="C788" t="str">
            <v>010570</v>
          </cell>
          <cell r="D788" t="str">
            <v>May,Fritz</v>
          </cell>
        </row>
        <row r="789">
          <cell r="A789" t="str">
            <v>279894</v>
          </cell>
          <cell r="B789" t="str">
            <v>May,Pete</v>
          </cell>
          <cell r="C789" t="str">
            <v>279894</v>
          </cell>
          <cell r="D789" t="str">
            <v>May,Pete</v>
          </cell>
        </row>
        <row r="790">
          <cell r="A790" t="str">
            <v>053308</v>
          </cell>
          <cell r="B790" t="str">
            <v>Mayberry,Michael L</v>
          </cell>
          <cell r="C790" t="str">
            <v>053308</v>
          </cell>
          <cell r="D790" t="str">
            <v>Mayberry,Michael L</v>
          </cell>
        </row>
        <row r="791">
          <cell r="A791" t="str">
            <v>030678</v>
          </cell>
          <cell r="B791" t="str">
            <v>Mayhill,James Joseph</v>
          </cell>
          <cell r="C791" t="str">
            <v>030678</v>
          </cell>
          <cell r="D791" t="str">
            <v>Mayhill,James Joseph</v>
          </cell>
        </row>
        <row r="792">
          <cell r="A792" t="str">
            <v>053339</v>
          </cell>
          <cell r="B792" t="str">
            <v>Mayle,Maxine</v>
          </cell>
          <cell r="C792" t="str">
            <v>053339</v>
          </cell>
          <cell r="D792" t="str">
            <v>Mayle,Maxine</v>
          </cell>
        </row>
        <row r="793">
          <cell r="A793" t="str">
            <v>095536</v>
          </cell>
          <cell r="B793" t="str">
            <v>McCabe,Joe</v>
          </cell>
          <cell r="C793" t="str">
            <v>095536</v>
          </cell>
          <cell r="D793" t="str">
            <v>McCabe,Joe</v>
          </cell>
        </row>
        <row r="794">
          <cell r="A794" t="str">
            <v>097377</v>
          </cell>
          <cell r="B794" t="str">
            <v>McCammon,Chris</v>
          </cell>
          <cell r="C794" t="str">
            <v>097377</v>
          </cell>
          <cell r="D794" t="str">
            <v>McCammon,Chris</v>
          </cell>
        </row>
        <row r="795">
          <cell r="A795" t="str">
            <v>019317</v>
          </cell>
          <cell r="B795" t="str">
            <v>McClain,Richard E</v>
          </cell>
          <cell r="C795" t="str">
            <v>019317</v>
          </cell>
          <cell r="D795" t="str">
            <v>McClain,Richard E</v>
          </cell>
        </row>
        <row r="796">
          <cell r="A796" t="str">
            <v>053589</v>
          </cell>
          <cell r="B796" t="str">
            <v>McClanahan,Jerry L</v>
          </cell>
          <cell r="C796" t="str">
            <v>053589</v>
          </cell>
          <cell r="D796" t="str">
            <v>McClanahan,Jerry L</v>
          </cell>
        </row>
        <row r="797">
          <cell r="A797" t="str">
            <v>009013</v>
          </cell>
          <cell r="B797" t="str">
            <v>McClay,Larry Gene</v>
          </cell>
          <cell r="C797" t="str">
            <v>009013</v>
          </cell>
          <cell r="D797" t="str">
            <v>McClay,Larry Gene</v>
          </cell>
        </row>
        <row r="798">
          <cell r="A798" t="str">
            <v>095606</v>
          </cell>
          <cell r="B798" t="str">
            <v>McClelland,Andrew D</v>
          </cell>
          <cell r="C798" t="str">
            <v>095606</v>
          </cell>
          <cell r="D798" t="str">
            <v>McClelland,Andrew D</v>
          </cell>
        </row>
        <row r="799">
          <cell r="A799" t="str">
            <v>023492</v>
          </cell>
          <cell r="B799" t="str">
            <v>McClelland,Billy</v>
          </cell>
          <cell r="C799" t="str">
            <v>023492</v>
          </cell>
          <cell r="D799" t="str">
            <v>McClelland,Billy</v>
          </cell>
        </row>
        <row r="800">
          <cell r="A800" t="str">
            <v>023110</v>
          </cell>
          <cell r="B800" t="str">
            <v>McCloud,Greg</v>
          </cell>
          <cell r="C800" t="str">
            <v>023110</v>
          </cell>
          <cell r="D800" t="str">
            <v>McCloud,Greg</v>
          </cell>
        </row>
        <row r="801">
          <cell r="A801" t="str">
            <v>026226</v>
          </cell>
          <cell r="B801" t="str">
            <v>McClure,Victor Matthew</v>
          </cell>
          <cell r="C801" t="str">
            <v>026226</v>
          </cell>
          <cell r="D801" t="str">
            <v>McClure,Victor Matthew</v>
          </cell>
        </row>
        <row r="802">
          <cell r="A802" t="str">
            <v>025796</v>
          </cell>
          <cell r="B802" t="str">
            <v>McCord,Josh</v>
          </cell>
          <cell r="C802" t="str">
            <v>025796</v>
          </cell>
          <cell r="D802" t="str">
            <v>McCord,Josh</v>
          </cell>
        </row>
        <row r="803">
          <cell r="A803" t="str">
            <v>030026</v>
          </cell>
          <cell r="B803" t="str">
            <v>McCullough,Christopher Alan</v>
          </cell>
          <cell r="C803" t="str">
            <v>030026</v>
          </cell>
          <cell r="D803" t="str">
            <v>McCullough,Christopher Alan</v>
          </cell>
        </row>
        <row r="804">
          <cell r="A804" t="str">
            <v>367078</v>
          </cell>
          <cell r="B804" t="str">
            <v>McDaniel,Dawn</v>
          </cell>
          <cell r="C804" t="str">
            <v>367078</v>
          </cell>
          <cell r="D804" t="str">
            <v>McDaniel,Dawn</v>
          </cell>
        </row>
        <row r="805">
          <cell r="A805" t="str">
            <v>031626</v>
          </cell>
          <cell r="B805" t="str">
            <v>McDonald,Jonathan Michael</v>
          </cell>
          <cell r="C805" t="str">
            <v>031626</v>
          </cell>
          <cell r="D805" t="str">
            <v>McDonald,Jonathan Michael</v>
          </cell>
        </row>
        <row r="806">
          <cell r="A806" t="str">
            <v>054337</v>
          </cell>
          <cell r="B806" t="str">
            <v>McGhee,Brick</v>
          </cell>
          <cell r="C806" t="str">
            <v>054337</v>
          </cell>
          <cell r="D806" t="str">
            <v>McGhee,Brick</v>
          </cell>
        </row>
        <row r="807">
          <cell r="A807" t="str">
            <v>015332</v>
          </cell>
          <cell r="B807" t="str">
            <v>McGriff,Ron</v>
          </cell>
          <cell r="C807" t="str">
            <v>015332</v>
          </cell>
          <cell r="D807" t="str">
            <v>McGriff,Ron</v>
          </cell>
        </row>
        <row r="808">
          <cell r="A808" t="str">
            <v>030814</v>
          </cell>
          <cell r="B808" t="str">
            <v>McHugh,Roger B</v>
          </cell>
          <cell r="C808" t="str">
            <v>030814</v>
          </cell>
          <cell r="D808" t="str">
            <v>McHugh,Roger B</v>
          </cell>
        </row>
        <row r="809">
          <cell r="A809" t="str">
            <v>009326</v>
          </cell>
          <cell r="B809" t="str">
            <v>McIlwain,Daren James</v>
          </cell>
          <cell r="C809" t="str">
            <v>009326</v>
          </cell>
          <cell r="D809" t="str">
            <v>McIlwain,Daren James</v>
          </cell>
        </row>
        <row r="810">
          <cell r="A810" t="str">
            <v>097375</v>
          </cell>
          <cell r="B810" t="str">
            <v>McKenzie,Sean M</v>
          </cell>
          <cell r="C810" t="str">
            <v>097375</v>
          </cell>
          <cell r="D810" t="str">
            <v>McKenzie,Sean M</v>
          </cell>
        </row>
        <row r="811">
          <cell r="A811" t="str">
            <v>273039</v>
          </cell>
          <cell r="B811" t="str">
            <v>McKibben,Jacob D.</v>
          </cell>
          <cell r="C811" t="str">
            <v>273039</v>
          </cell>
          <cell r="D811" t="str">
            <v>McKibben,Jacob D.</v>
          </cell>
        </row>
        <row r="812">
          <cell r="A812" t="str">
            <v>017133</v>
          </cell>
          <cell r="B812" t="str">
            <v>McKinney,Darren C</v>
          </cell>
          <cell r="C812" t="str">
            <v>017133</v>
          </cell>
          <cell r="D812" t="str">
            <v>McKinney,Darren C</v>
          </cell>
        </row>
        <row r="813">
          <cell r="A813" t="str">
            <v>054948</v>
          </cell>
          <cell r="B813" t="str">
            <v>McKinney,Douglas J</v>
          </cell>
          <cell r="C813" t="str">
            <v>054948</v>
          </cell>
          <cell r="D813" t="str">
            <v>McKinney,Douglas J</v>
          </cell>
        </row>
        <row r="814">
          <cell r="A814" t="str">
            <v>055089</v>
          </cell>
          <cell r="B814" t="str">
            <v>McMahan,Kelly P</v>
          </cell>
          <cell r="C814" t="str">
            <v>055089</v>
          </cell>
          <cell r="D814" t="str">
            <v>McMahan,Kelly P</v>
          </cell>
        </row>
        <row r="815">
          <cell r="A815" t="str">
            <v>095447</v>
          </cell>
          <cell r="B815" t="str">
            <v>McMahan,Kyle P</v>
          </cell>
          <cell r="C815" t="str">
            <v>095447</v>
          </cell>
          <cell r="D815" t="str">
            <v>McMahan,Kyle P</v>
          </cell>
        </row>
        <row r="816">
          <cell r="A816" t="str">
            <v>010723</v>
          </cell>
          <cell r="B816" t="str">
            <v>McMains,Daniel</v>
          </cell>
          <cell r="C816" t="str">
            <v>010723</v>
          </cell>
          <cell r="D816" t="str">
            <v>McMains,Daniel</v>
          </cell>
        </row>
        <row r="817">
          <cell r="A817" t="str">
            <v>289387</v>
          </cell>
          <cell r="B817" t="str">
            <v>McMeans,Donald Chase</v>
          </cell>
          <cell r="C817" t="str">
            <v>289387</v>
          </cell>
          <cell r="D817" t="str">
            <v>McMeans,Donald Chase</v>
          </cell>
        </row>
        <row r="818">
          <cell r="A818" t="str">
            <v>055206</v>
          </cell>
          <cell r="B818" t="str">
            <v>McMillin Jr,Walter M</v>
          </cell>
          <cell r="C818" t="str">
            <v>055206</v>
          </cell>
          <cell r="D818" t="str">
            <v>McMillin Jr,Walter M</v>
          </cell>
        </row>
        <row r="819">
          <cell r="A819" t="str">
            <v>055234</v>
          </cell>
          <cell r="B819" t="str">
            <v>McNabb,John R</v>
          </cell>
          <cell r="C819" t="str">
            <v>055234</v>
          </cell>
          <cell r="D819" t="str">
            <v>McNabb,John R</v>
          </cell>
        </row>
        <row r="820">
          <cell r="A820" t="str">
            <v>016870</v>
          </cell>
          <cell r="B820" t="str">
            <v>McNew,Lester Earl</v>
          </cell>
          <cell r="C820" t="str">
            <v>016870</v>
          </cell>
          <cell r="D820" t="str">
            <v>McNew,Lester Earl</v>
          </cell>
        </row>
        <row r="821">
          <cell r="A821" t="str">
            <v>055317</v>
          </cell>
          <cell r="B821" t="str">
            <v>McWilson,Mark A</v>
          </cell>
          <cell r="C821" t="str">
            <v>055317</v>
          </cell>
          <cell r="D821" t="str">
            <v>McWilson,Mark A</v>
          </cell>
        </row>
        <row r="822">
          <cell r="A822" t="str">
            <v>055394</v>
          </cell>
          <cell r="B822" t="str">
            <v>Mearns,Susan</v>
          </cell>
          <cell r="C822" t="str">
            <v>055394</v>
          </cell>
          <cell r="D822" t="str">
            <v>Mearns,Susan</v>
          </cell>
        </row>
        <row r="823">
          <cell r="A823" t="str">
            <v>279858</v>
          </cell>
          <cell r="B823" t="str">
            <v>Medina,Cody</v>
          </cell>
          <cell r="C823" t="str">
            <v>279858</v>
          </cell>
          <cell r="D823" t="str">
            <v>Medina,Cody</v>
          </cell>
        </row>
        <row r="824">
          <cell r="A824" t="str">
            <v>014826</v>
          </cell>
          <cell r="B824" t="str">
            <v>Mehring,Tonya Lynn</v>
          </cell>
          <cell r="C824" t="str">
            <v>014826</v>
          </cell>
          <cell r="D824" t="str">
            <v>Mehring,Tonya Lynn</v>
          </cell>
        </row>
        <row r="825">
          <cell r="A825" t="str">
            <v>008115</v>
          </cell>
          <cell r="B825" t="str">
            <v>Melton,Gary Lynn</v>
          </cell>
          <cell r="C825" t="str">
            <v>008115</v>
          </cell>
          <cell r="D825" t="str">
            <v>Melton,Gary Lynn</v>
          </cell>
        </row>
        <row r="826">
          <cell r="A826" t="str">
            <v>055910</v>
          </cell>
          <cell r="B826" t="str">
            <v>Memering,Patty</v>
          </cell>
          <cell r="C826" t="str">
            <v>055910</v>
          </cell>
          <cell r="D826" t="str">
            <v>Memering,Patty</v>
          </cell>
        </row>
        <row r="827">
          <cell r="A827" t="str">
            <v>011541</v>
          </cell>
          <cell r="B827" t="str">
            <v>Mendenhall,Gary Lee</v>
          </cell>
          <cell r="C827" t="str">
            <v>011541</v>
          </cell>
          <cell r="D827" t="str">
            <v>Mendenhall,Gary Lee</v>
          </cell>
        </row>
        <row r="828">
          <cell r="A828" t="str">
            <v>275068</v>
          </cell>
          <cell r="B828" t="str">
            <v>Mendenhall,Jason S</v>
          </cell>
          <cell r="C828" t="str">
            <v>275068</v>
          </cell>
          <cell r="D828" t="str">
            <v>Mendenhall,Jason S</v>
          </cell>
        </row>
        <row r="829">
          <cell r="A829" t="str">
            <v>272594</v>
          </cell>
          <cell r="B829" t="str">
            <v>Mendez,Tomas D</v>
          </cell>
          <cell r="C829" t="str">
            <v>272594</v>
          </cell>
          <cell r="D829" t="str">
            <v>Mendez,Tomas D</v>
          </cell>
        </row>
        <row r="830">
          <cell r="A830" t="str">
            <v>016701</v>
          </cell>
          <cell r="B830" t="str">
            <v>Menefee,Joshua Shane</v>
          </cell>
          <cell r="C830" t="str">
            <v>016701</v>
          </cell>
          <cell r="D830" t="str">
            <v>Menefee,Joshua Shane</v>
          </cell>
        </row>
        <row r="831">
          <cell r="A831" t="str">
            <v>056235</v>
          </cell>
          <cell r="B831" t="str">
            <v>Messamer,Tom R</v>
          </cell>
          <cell r="C831" t="str">
            <v>056235</v>
          </cell>
          <cell r="D831" t="str">
            <v>Messamer,Tom R</v>
          </cell>
        </row>
        <row r="832">
          <cell r="A832" t="str">
            <v>016424</v>
          </cell>
          <cell r="B832" t="str">
            <v>Metschke,Francie Dee</v>
          </cell>
          <cell r="C832" t="str">
            <v>016424</v>
          </cell>
          <cell r="D832" t="str">
            <v>Metschke,Francie Dee</v>
          </cell>
        </row>
        <row r="833">
          <cell r="A833" t="str">
            <v>056575</v>
          </cell>
          <cell r="B833" t="str">
            <v>Meyer,Thomas Lee</v>
          </cell>
          <cell r="C833" t="str">
            <v>056575</v>
          </cell>
          <cell r="D833" t="str">
            <v>Meyer,Thomas Lee</v>
          </cell>
        </row>
        <row r="834">
          <cell r="A834" t="str">
            <v>056580</v>
          </cell>
          <cell r="B834" t="str">
            <v>Meyer,Tim</v>
          </cell>
          <cell r="C834" t="str">
            <v>056580</v>
          </cell>
          <cell r="D834" t="str">
            <v>Meyer,Tim</v>
          </cell>
        </row>
        <row r="835">
          <cell r="A835" t="str">
            <v>056595</v>
          </cell>
          <cell r="B835" t="str">
            <v>Meyer,Virginia</v>
          </cell>
          <cell r="C835" t="str">
            <v>056595</v>
          </cell>
          <cell r="D835" t="str">
            <v>Meyer,Virginia</v>
          </cell>
        </row>
        <row r="836">
          <cell r="A836" t="str">
            <v>056725</v>
          </cell>
          <cell r="B836" t="str">
            <v>Mickey,Lance Allan</v>
          </cell>
          <cell r="C836" t="str">
            <v>056725</v>
          </cell>
          <cell r="D836" t="str">
            <v>Mickey,Lance Allan</v>
          </cell>
        </row>
        <row r="837">
          <cell r="A837" t="str">
            <v>022926</v>
          </cell>
          <cell r="B837" t="str">
            <v>Milam,John D</v>
          </cell>
          <cell r="C837" t="str">
            <v>022926</v>
          </cell>
          <cell r="D837" t="str">
            <v>Milam,John D</v>
          </cell>
        </row>
        <row r="838">
          <cell r="A838" t="str">
            <v>007630</v>
          </cell>
          <cell r="B838" t="str">
            <v>Miles,Darlene</v>
          </cell>
          <cell r="C838" t="str">
            <v>007630</v>
          </cell>
          <cell r="D838" t="str">
            <v>Miles,Darlene</v>
          </cell>
        </row>
        <row r="839">
          <cell r="A839" t="str">
            <v>056838</v>
          </cell>
          <cell r="B839" t="str">
            <v>Millay,Charles E</v>
          </cell>
          <cell r="C839" t="str">
            <v>056838</v>
          </cell>
          <cell r="D839" t="str">
            <v>Millay,Charles E</v>
          </cell>
        </row>
        <row r="840">
          <cell r="A840" t="str">
            <v>056875</v>
          </cell>
          <cell r="B840" t="str">
            <v>Miller,Dale L</v>
          </cell>
          <cell r="C840" t="str">
            <v>056875</v>
          </cell>
          <cell r="D840" t="str">
            <v>Miller,Dale L</v>
          </cell>
        </row>
        <row r="841">
          <cell r="A841" t="str">
            <v>056883</v>
          </cell>
          <cell r="B841" t="str">
            <v>Miller,Don</v>
          </cell>
          <cell r="C841" t="str">
            <v>056883</v>
          </cell>
          <cell r="D841" t="str">
            <v>Miller,Don</v>
          </cell>
        </row>
        <row r="842">
          <cell r="A842" t="str">
            <v>056895</v>
          </cell>
          <cell r="B842" t="str">
            <v>Miller,Elaine C</v>
          </cell>
          <cell r="C842" t="str">
            <v>056895</v>
          </cell>
          <cell r="D842" t="str">
            <v>Miller,Elaine C</v>
          </cell>
        </row>
        <row r="843">
          <cell r="A843" t="str">
            <v>057136</v>
          </cell>
          <cell r="B843" t="str">
            <v>Miller,Michael W</v>
          </cell>
          <cell r="C843" t="str">
            <v>057136</v>
          </cell>
          <cell r="D843" t="str">
            <v>Miller,Michael W</v>
          </cell>
        </row>
        <row r="844">
          <cell r="A844" t="str">
            <v>011549</v>
          </cell>
          <cell r="B844" t="str">
            <v>Miller,Mike</v>
          </cell>
          <cell r="C844" t="str">
            <v>011549</v>
          </cell>
          <cell r="D844" t="str">
            <v>Miller,Mike</v>
          </cell>
        </row>
        <row r="845">
          <cell r="A845" t="str">
            <v>291403</v>
          </cell>
          <cell r="B845" t="str">
            <v>Miller,Rob L</v>
          </cell>
          <cell r="C845" t="str">
            <v>291403</v>
          </cell>
          <cell r="D845" t="str">
            <v>Miller,Rob L</v>
          </cell>
        </row>
        <row r="846">
          <cell r="A846" t="str">
            <v>288829</v>
          </cell>
          <cell r="B846" t="str">
            <v>Mills,Daniel Lee</v>
          </cell>
          <cell r="C846" t="str">
            <v>288829</v>
          </cell>
          <cell r="D846" t="str">
            <v>Mills,Daniel Lee</v>
          </cell>
        </row>
        <row r="847">
          <cell r="A847" t="str">
            <v>016275</v>
          </cell>
          <cell r="B847" t="str">
            <v>Mills,Debra Cay</v>
          </cell>
          <cell r="C847" t="str">
            <v>016275</v>
          </cell>
          <cell r="D847" t="str">
            <v>Mills,Debra Cay</v>
          </cell>
        </row>
        <row r="848">
          <cell r="A848" t="str">
            <v>016571</v>
          </cell>
          <cell r="B848" t="str">
            <v>Mills,Sam</v>
          </cell>
          <cell r="C848" t="str">
            <v>016571</v>
          </cell>
          <cell r="D848" t="str">
            <v>Mills,Sam</v>
          </cell>
        </row>
        <row r="849">
          <cell r="A849" t="str">
            <v>057314</v>
          </cell>
          <cell r="B849" t="str">
            <v>Mills,Sierra Lee</v>
          </cell>
          <cell r="C849" t="str">
            <v>057314</v>
          </cell>
          <cell r="D849" t="str">
            <v>Mills,Sierra Lee</v>
          </cell>
        </row>
        <row r="850">
          <cell r="A850" t="str">
            <v>026233</v>
          </cell>
          <cell r="B850" t="str">
            <v>Mineer,Shawn M</v>
          </cell>
          <cell r="C850" t="str">
            <v>026233</v>
          </cell>
          <cell r="D850" t="str">
            <v>Mineer,Shawn M</v>
          </cell>
        </row>
        <row r="851">
          <cell r="A851" t="str">
            <v>057367</v>
          </cell>
          <cell r="B851" t="str">
            <v>Minnich,Michael H</v>
          </cell>
          <cell r="C851" t="str">
            <v>057367</v>
          </cell>
          <cell r="D851" t="str">
            <v>Minnich,Michael H</v>
          </cell>
        </row>
        <row r="852">
          <cell r="A852" t="str">
            <v>057412</v>
          </cell>
          <cell r="B852" t="str">
            <v>Minshall,Brian James</v>
          </cell>
          <cell r="C852" t="str">
            <v>057412</v>
          </cell>
          <cell r="D852" t="str">
            <v>Minshall,Brian James</v>
          </cell>
        </row>
        <row r="853">
          <cell r="A853" t="str">
            <v>057414</v>
          </cell>
          <cell r="B853" t="str">
            <v>Minter,Rodney E</v>
          </cell>
          <cell r="C853" t="str">
            <v>057414</v>
          </cell>
          <cell r="D853" t="str">
            <v>Minter,Rodney E</v>
          </cell>
        </row>
        <row r="854">
          <cell r="A854" t="str">
            <v>057417</v>
          </cell>
          <cell r="B854" t="str">
            <v>Minton,James V</v>
          </cell>
          <cell r="C854" t="str">
            <v>057417</v>
          </cell>
          <cell r="D854" t="str">
            <v>Minton,James V</v>
          </cell>
        </row>
        <row r="855">
          <cell r="A855" t="str">
            <v>095445</v>
          </cell>
          <cell r="B855" t="str">
            <v>Mitchell,Jason T</v>
          </cell>
          <cell r="C855" t="str">
            <v>095445</v>
          </cell>
          <cell r="D855" t="str">
            <v>Mitchell,Jason T</v>
          </cell>
        </row>
        <row r="856">
          <cell r="A856" t="str">
            <v>029095</v>
          </cell>
          <cell r="B856" t="str">
            <v>Mitchell,Sean Medsker</v>
          </cell>
          <cell r="C856" t="str">
            <v>029095</v>
          </cell>
          <cell r="D856" t="str">
            <v>Mitchell,Sean Medsker</v>
          </cell>
        </row>
        <row r="857">
          <cell r="A857" t="str">
            <v>023941</v>
          </cell>
          <cell r="B857" t="str">
            <v>Mitchell,Vel M</v>
          </cell>
          <cell r="C857" t="str">
            <v>023941</v>
          </cell>
          <cell r="D857" t="str">
            <v>Mitchell,Vel M</v>
          </cell>
        </row>
        <row r="858">
          <cell r="A858" t="str">
            <v>058000</v>
          </cell>
          <cell r="B858" t="str">
            <v>Moher,Michael P</v>
          </cell>
          <cell r="C858" t="str">
            <v>058000</v>
          </cell>
          <cell r="D858" t="str">
            <v>Moher,Michael P</v>
          </cell>
        </row>
        <row r="859">
          <cell r="A859" t="str">
            <v>058144</v>
          </cell>
          <cell r="B859" t="str">
            <v>Monroe,John Philip</v>
          </cell>
          <cell r="C859" t="str">
            <v>058144</v>
          </cell>
          <cell r="D859" t="str">
            <v>Monroe,John Philip</v>
          </cell>
        </row>
        <row r="860">
          <cell r="A860" t="str">
            <v>058156</v>
          </cell>
          <cell r="B860" t="str">
            <v>Montag,John E</v>
          </cell>
          <cell r="C860" t="str">
            <v>058156</v>
          </cell>
          <cell r="D860" t="str">
            <v>Montag,John E</v>
          </cell>
        </row>
        <row r="861">
          <cell r="A861" t="str">
            <v>023999</v>
          </cell>
          <cell r="B861" t="str">
            <v>Moore,Eric D</v>
          </cell>
          <cell r="C861" t="str">
            <v>023999</v>
          </cell>
          <cell r="D861" t="str">
            <v>Moore,Eric D</v>
          </cell>
        </row>
        <row r="862">
          <cell r="A862" t="str">
            <v>008303</v>
          </cell>
          <cell r="B862" t="str">
            <v>Moore,Jeffrey Baird</v>
          </cell>
          <cell r="C862" t="str">
            <v>008303</v>
          </cell>
          <cell r="D862" t="str">
            <v>Moore,Jeffrey Baird</v>
          </cell>
        </row>
        <row r="863">
          <cell r="A863" t="str">
            <v>058288</v>
          </cell>
          <cell r="B863" t="str">
            <v>Moore,Jim</v>
          </cell>
          <cell r="C863" t="str">
            <v>058288</v>
          </cell>
          <cell r="D863" t="str">
            <v>Moore,Jim</v>
          </cell>
        </row>
        <row r="864">
          <cell r="A864" t="str">
            <v>058370</v>
          </cell>
          <cell r="B864" t="str">
            <v>Moore,Lee Anthony</v>
          </cell>
          <cell r="C864" t="str">
            <v>058370</v>
          </cell>
          <cell r="D864" t="str">
            <v>Moore,Lee Anthony</v>
          </cell>
        </row>
        <row r="865">
          <cell r="A865" t="str">
            <v>096039</v>
          </cell>
          <cell r="B865" t="str">
            <v>Moore,Ryan C</v>
          </cell>
          <cell r="C865" t="str">
            <v>096039</v>
          </cell>
          <cell r="D865" t="str">
            <v>Moore,Ryan C</v>
          </cell>
        </row>
        <row r="866">
          <cell r="A866" t="str">
            <v>008354</v>
          </cell>
          <cell r="B866" t="str">
            <v>Moore,Steven Lee</v>
          </cell>
          <cell r="C866" t="str">
            <v>008354</v>
          </cell>
          <cell r="D866" t="str">
            <v>Moore,Steven Lee</v>
          </cell>
        </row>
        <row r="867">
          <cell r="A867" t="str">
            <v>272123</v>
          </cell>
          <cell r="B867" t="str">
            <v>Moore,Tyler Justin</v>
          </cell>
          <cell r="C867" t="str">
            <v>272123</v>
          </cell>
          <cell r="D867" t="str">
            <v>Moore,Tyler Justin</v>
          </cell>
        </row>
        <row r="868">
          <cell r="A868" t="str">
            <v>015613</v>
          </cell>
          <cell r="B868" t="str">
            <v>Morgan,Kevin W</v>
          </cell>
          <cell r="C868" t="str">
            <v>015613</v>
          </cell>
          <cell r="D868" t="str">
            <v>Morgan,Kevin W</v>
          </cell>
        </row>
        <row r="869">
          <cell r="A869" t="str">
            <v>019374</v>
          </cell>
          <cell r="B869" t="str">
            <v>Morris,Eric W</v>
          </cell>
          <cell r="C869" t="str">
            <v>019374</v>
          </cell>
          <cell r="D869" t="str">
            <v>Morris,Eric W</v>
          </cell>
        </row>
        <row r="870">
          <cell r="A870" t="str">
            <v>009876</v>
          </cell>
          <cell r="B870" t="str">
            <v>Moscrip,Rob</v>
          </cell>
          <cell r="C870" t="str">
            <v>009876</v>
          </cell>
          <cell r="D870" t="str">
            <v>Moscrip,Rob</v>
          </cell>
        </row>
        <row r="871">
          <cell r="A871" t="str">
            <v>016853</v>
          </cell>
          <cell r="B871" t="str">
            <v>Moster,Tom</v>
          </cell>
          <cell r="C871" t="str">
            <v>016853</v>
          </cell>
          <cell r="D871" t="str">
            <v>Moster,Tom</v>
          </cell>
        </row>
        <row r="872">
          <cell r="A872" t="str">
            <v>059118</v>
          </cell>
          <cell r="B872" t="str">
            <v>Muck,David W</v>
          </cell>
          <cell r="C872" t="str">
            <v>059118</v>
          </cell>
          <cell r="D872" t="str">
            <v>Muck,David W</v>
          </cell>
        </row>
        <row r="873">
          <cell r="A873" t="str">
            <v>326568</v>
          </cell>
          <cell r="B873" t="str">
            <v>Mugler,Keith</v>
          </cell>
          <cell r="C873" t="str">
            <v>326568</v>
          </cell>
          <cell r="D873" t="str">
            <v>Mugler,Keith</v>
          </cell>
        </row>
        <row r="874">
          <cell r="A874" t="str">
            <v>097391</v>
          </cell>
          <cell r="B874" t="str">
            <v>Mulberry,Chris</v>
          </cell>
          <cell r="C874" t="str">
            <v>097391</v>
          </cell>
          <cell r="D874" t="str">
            <v>Mulberry,Chris</v>
          </cell>
        </row>
        <row r="875">
          <cell r="A875" t="str">
            <v>059241</v>
          </cell>
          <cell r="B875" t="str">
            <v>Mullen,Craig Andrew</v>
          </cell>
          <cell r="C875" t="str">
            <v>059241</v>
          </cell>
          <cell r="D875" t="str">
            <v>Mullen,Craig Andrew</v>
          </cell>
        </row>
        <row r="876">
          <cell r="A876" t="str">
            <v>008523</v>
          </cell>
          <cell r="B876" t="str">
            <v>Mullenix,Charles Wayne</v>
          </cell>
          <cell r="C876" t="str">
            <v>008523</v>
          </cell>
          <cell r="D876" t="str">
            <v>Mullenix,Charles Wayne</v>
          </cell>
        </row>
        <row r="877">
          <cell r="A877" t="str">
            <v>059293</v>
          </cell>
          <cell r="B877" t="str">
            <v>Mullins,Darrell Thomas</v>
          </cell>
          <cell r="C877" t="str">
            <v>059293</v>
          </cell>
          <cell r="D877" t="str">
            <v>Mullins,Darrell Thomas</v>
          </cell>
        </row>
        <row r="878">
          <cell r="A878" t="str">
            <v>059380</v>
          </cell>
          <cell r="B878" t="str">
            <v>Mundon Sr,Howard A</v>
          </cell>
          <cell r="C878" t="str">
            <v>059380</v>
          </cell>
          <cell r="D878" t="str">
            <v>Mundon Sr,Howard A</v>
          </cell>
        </row>
        <row r="879">
          <cell r="A879" t="str">
            <v>291691</v>
          </cell>
          <cell r="B879" t="str">
            <v>Munoz,Jose</v>
          </cell>
          <cell r="C879" t="str">
            <v>291691</v>
          </cell>
          <cell r="D879" t="str">
            <v>Munoz,Jose</v>
          </cell>
        </row>
        <row r="880">
          <cell r="A880" t="str">
            <v>019446</v>
          </cell>
          <cell r="B880" t="str">
            <v>Murray,Jason R</v>
          </cell>
          <cell r="C880" t="str">
            <v>019446</v>
          </cell>
          <cell r="D880" t="str">
            <v>Murray,Jason R</v>
          </cell>
        </row>
        <row r="881">
          <cell r="A881" t="str">
            <v>291371</v>
          </cell>
          <cell r="B881" t="str">
            <v>Murrison,Pete</v>
          </cell>
          <cell r="C881" t="str">
            <v>291371</v>
          </cell>
          <cell r="D881" t="str">
            <v>Murrison,Pete</v>
          </cell>
        </row>
        <row r="882">
          <cell r="A882" t="str">
            <v>059631</v>
          </cell>
          <cell r="B882" t="str">
            <v>Murrison,Scott C</v>
          </cell>
          <cell r="C882" t="str">
            <v>059631</v>
          </cell>
          <cell r="D882" t="str">
            <v>Murrison,Scott C</v>
          </cell>
        </row>
        <row r="883">
          <cell r="A883" t="str">
            <v>059645</v>
          </cell>
          <cell r="B883" t="str">
            <v>Musser,Connie J</v>
          </cell>
          <cell r="C883" t="str">
            <v>059645</v>
          </cell>
          <cell r="D883" t="str">
            <v>Musser,Connie J</v>
          </cell>
        </row>
        <row r="884">
          <cell r="A884" t="str">
            <v>291375</v>
          </cell>
          <cell r="B884" t="str">
            <v>Mustard,Craig Andrew</v>
          </cell>
          <cell r="C884" t="str">
            <v>291375</v>
          </cell>
          <cell r="D884" t="str">
            <v>Mustard,Craig Andrew</v>
          </cell>
        </row>
        <row r="885">
          <cell r="A885" t="str">
            <v>016171</v>
          </cell>
          <cell r="B885" t="str">
            <v>Myers,Rex</v>
          </cell>
          <cell r="C885" t="str">
            <v>016171</v>
          </cell>
          <cell r="D885" t="str">
            <v>Myers,Rex</v>
          </cell>
        </row>
        <row r="886">
          <cell r="A886" t="str">
            <v>018409</v>
          </cell>
          <cell r="B886" t="str">
            <v>Nailon,Paula J</v>
          </cell>
          <cell r="C886" t="str">
            <v>018409</v>
          </cell>
          <cell r="D886" t="str">
            <v>Nailon,Paula J</v>
          </cell>
        </row>
        <row r="887">
          <cell r="A887" t="str">
            <v>059902</v>
          </cell>
          <cell r="B887" t="str">
            <v>Napier,Wayne</v>
          </cell>
          <cell r="C887" t="str">
            <v>059902</v>
          </cell>
          <cell r="D887" t="str">
            <v>Napier,Wayne</v>
          </cell>
        </row>
        <row r="888">
          <cell r="A888" t="str">
            <v>011118</v>
          </cell>
          <cell r="B888" t="str">
            <v>Narey,Michael Frank</v>
          </cell>
          <cell r="C888" t="str">
            <v>011118</v>
          </cell>
          <cell r="D888" t="str">
            <v>Narey,Michael Frank</v>
          </cell>
        </row>
        <row r="889">
          <cell r="A889" t="str">
            <v>059932</v>
          </cell>
          <cell r="B889" t="str">
            <v>Nastold,Gary L</v>
          </cell>
          <cell r="C889" t="str">
            <v>059932</v>
          </cell>
          <cell r="D889" t="str">
            <v>Nastold,Gary L</v>
          </cell>
        </row>
        <row r="890">
          <cell r="A890" t="str">
            <v>060060</v>
          </cell>
          <cell r="B890" t="str">
            <v>Neidlinger,Glenn Leroy</v>
          </cell>
          <cell r="C890" t="str">
            <v>060060</v>
          </cell>
          <cell r="D890" t="str">
            <v>Neidlinger,Glenn Leroy</v>
          </cell>
        </row>
        <row r="891">
          <cell r="A891" t="str">
            <v>033559</v>
          </cell>
          <cell r="B891" t="str">
            <v>Neltner,Jonathan G</v>
          </cell>
          <cell r="C891" t="str">
            <v>033559</v>
          </cell>
          <cell r="D891" t="str">
            <v>Neltner,Jonathan G</v>
          </cell>
        </row>
        <row r="892">
          <cell r="A892" t="str">
            <v>023792</v>
          </cell>
          <cell r="B892" t="str">
            <v>Nethery,Rennie</v>
          </cell>
          <cell r="C892" t="str">
            <v>023792</v>
          </cell>
          <cell r="D892" t="str">
            <v>Nethery,Rennie</v>
          </cell>
        </row>
        <row r="893">
          <cell r="A893" t="str">
            <v>060145</v>
          </cell>
          <cell r="B893" t="str">
            <v>Neu,Mark A</v>
          </cell>
          <cell r="C893" t="str">
            <v>060145</v>
          </cell>
          <cell r="D893" t="str">
            <v>Neu,Mark A</v>
          </cell>
        </row>
        <row r="894">
          <cell r="A894" t="str">
            <v>024769</v>
          </cell>
          <cell r="B894" t="str">
            <v>Newkirk,Joe</v>
          </cell>
          <cell r="C894" t="str">
            <v>024769</v>
          </cell>
          <cell r="D894" t="str">
            <v>Newkirk,Joe</v>
          </cell>
        </row>
        <row r="895">
          <cell r="A895" t="str">
            <v>361791</v>
          </cell>
          <cell r="B895" t="str">
            <v>Newton,Jan M</v>
          </cell>
          <cell r="C895" t="str">
            <v>361791</v>
          </cell>
          <cell r="D895" t="str">
            <v>Newton,Jan M</v>
          </cell>
        </row>
        <row r="896">
          <cell r="A896" t="str">
            <v>024949</v>
          </cell>
          <cell r="B896" t="str">
            <v>Nichols,Gregory D</v>
          </cell>
          <cell r="C896" t="str">
            <v>024949</v>
          </cell>
          <cell r="D896" t="str">
            <v>Nichols,Gregory D</v>
          </cell>
        </row>
        <row r="897">
          <cell r="A897" t="str">
            <v>033534</v>
          </cell>
          <cell r="B897" t="str">
            <v>Nicholson,Lee E</v>
          </cell>
          <cell r="C897" t="str">
            <v>033534</v>
          </cell>
          <cell r="D897" t="str">
            <v>Nicholson,Lee E</v>
          </cell>
        </row>
        <row r="898">
          <cell r="A898" t="str">
            <v>361752</v>
          </cell>
          <cell r="B898" t="str">
            <v>Nickle,Brian Eugene</v>
          </cell>
          <cell r="C898" t="str">
            <v>361752</v>
          </cell>
          <cell r="D898" t="str">
            <v>Nickle,Brian Eugene</v>
          </cell>
        </row>
        <row r="899">
          <cell r="A899" t="str">
            <v>012990</v>
          </cell>
          <cell r="B899" t="str">
            <v>Nienaber,Angela May</v>
          </cell>
          <cell r="C899" t="str">
            <v>012990</v>
          </cell>
          <cell r="D899" t="str">
            <v>Nienaber,Angela May</v>
          </cell>
        </row>
        <row r="900">
          <cell r="A900" t="str">
            <v>024969</v>
          </cell>
          <cell r="B900" t="str">
            <v>Nippert,Gerald</v>
          </cell>
          <cell r="C900" t="str">
            <v>024969</v>
          </cell>
          <cell r="D900" t="str">
            <v>Nippert,Gerald</v>
          </cell>
        </row>
        <row r="901">
          <cell r="A901" t="str">
            <v>275073</v>
          </cell>
          <cell r="B901" t="str">
            <v>Noble,Seth A</v>
          </cell>
          <cell r="C901" t="str">
            <v>275073</v>
          </cell>
          <cell r="D901" t="str">
            <v>Noble,Seth A</v>
          </cell>
        </row>
        <row r="902">
          <cell r="A902" t="str">
            <v>060745</v>
          </cell>
          <cell r="B902" t="str">
            <v>Nolan,Dennis E</v>
          </cell>
          <cell r="C902" t="str">
            <v>060745</v>
          </cell>
          <cell r="D902" t="str">
            <v>Nolan,Dennis E</v>
          </cell>
        </row>
        <row r="903">
          <cell r="A903" t="str">
            <v>060759</v>
          </cell>
          <cell r="B903" t="str">
            <v>Nolan,Tom</v>
          </cell>
          <cell r="C903" t="str">
            <v>060759</v>
          </cell>
          <cell r="D903" t="str">
            <v>Nolan,Tom</v>
          </cell>
        </row>
        <row r="904">
          <cell r="A904" t="str">
            <v>030917</v>
          </cell>
          <cell r="B904" t="str">
            <v>Nordin,Charles Kevin</v>
          </cell>
          <cell r="C904" t="str">
            <v>030917</v>
          </cell>
          <cell r="D904" t="str">
            <v>Nordin,Charles Kevin</v>
          </cell>
        </row>
        <row r="905">
          <cell r="A905" t="str">
            <v>027165</v>
          </cell>
          <cell r="B905" t="str">
            <v>Norman,Tyler M</v>
          </cell>
          <cell r="C905" t="str">
            <v>027165</v>
          </cell>
          <cell r="D905" t="str">
            <v>Norman,Tyler M</v>
          </cell>
        </row>
        <row r="906">
          <cell r="A906" t="str">
            <v>009568</v>
          </cell>
          <cell r="B906" t="str">
            <v>Notz,Joe</v>
          </cell>
          <cell r="C906" t="str">
            <v>009568</v>
          </cell>
          <cell r="D906" t="str">
            <v>Notz,Joe</v>
          </cell>
        </row>
        <row r="907">
          <cell r="A907" t="str">
            <v>026221</v>
          </cell>
          <cell r="B907" t="str">
            <v>Nusky,Shawn S.</v>
          </cell>
          <cell r="C907" t="str">
            <v>026221</v>
          </cell>
          <cell r="D907" t="str">
            <v>Nusky,Shawn S.</v>
          </cell>
        </row>
        <row r="908">
          <cell r="A908" t="str">
            <v>095185</v>
          </cell>
          <cell r="B908" t="str">
            <v>Nutley,Keith A</v>
          </cell>
          <cell r="C908" t="str">
            <v>095185</v>
          </cell>
          <cell r="D908" t="str">
            <v>Nutley,Keith A</v>
          </cell>
        </row>
        <row r="909">
          <cell r="A909" t="str">
            <v>283609</v>
          </cell>
          <cell r="B909" t="str">
            <v>Oaks,Cory</v>
          </cell>
          <cell r="C909" t="str">
            <v>283609</v>
          </cell>
          <cell r="D909" t="str">
            <v>Oaks,Cory</v>
          </cell>
        </row>
        <row r="910">
          <cell r="A910" t="str">
            <v>026479</v>
          </cell>
          <cell r="B910" t="str">
            <v>Oates,Jeff T</v>
          </cell>
          <cell r="C910" t="str">
            <v>026479</v>
          </cell>
          <cell r="D910" t="str">
            <v>Oates,Jeff T</v>
          </cell>
        </row>
        <row r="911">
          <cell r="A911" t="str">
            <v>061214</v>
          </cell>
          <cell r="B911" t="str">
            <v>O'Connell,Philip F</v>
          </cell>
          <cell r="C911" t="str">
            <v>061214</v>
          </cell>
          <cell r="D911" t="str">
            <v>O'Connell,Philip F</v>
          </cell>
        </row>
        <row r="912">
          <cell r="A912" t="str">
            <v>015463</v>
          </cell>
          <cell r="B912" t="str">
            <v>Odle,Ron</v>
          </cell>
          <cell r="C912" t="str">
            <v>015463</v>
          </cell>
          <cell r="D912" t="str">
            <v>Odle,Ron</v>
          </cell>
        </row>
        <row r="913">
          <cell r="A913" t="str">
            <v>015609</v>
          </cell>
          <cell r="B913" t="str">
            <v>Olds,Jeff Merrill</v>
          </cell>
          <cell r="C913" t="str">
            <v>015609</v>
          </cell>
          <cell r="D913" t="str">
            <v>Olds,Jeff Merrill</v>
          </cell>
        </row>
        <row r="914">
          <cell r="A914" t="str">
            <v>030023</v>
          </cell>
          <cell r="B914" t="str">
            <v>Oliver,Chad Baker</v>
          </cell>
          <cell r="C914" t="str">
            <v>030023</v>
          </cell>
          <cell r="D914" t="str">
            <v>Oliver,Chad Baker</v>
          </cell>
        </row>
        <row r="915">
          <cell r="A915" t="str">
            <v>016598</v>
          </cell>
          <cell r="B915" t="str">
            <v>Olofson,Eileen M</v>
          </cell>
          <cell r="C915" t="str">
            <v>016598</v>
          </cell>
          <cell r="D915" t="str">
            <v>Olofson,Eileen M</v>
          </cell>
        </row>
        <row r="916">
          <cell r="A916" t="str">
            <v>015430</v>
          </cell>
          <cell r="B916" t="str">
            <v>O'Neill,Robin Ann</v>
          </cell>
          <cell r="C916" t="str">
            <v>015430</v>
          </cell>
          <cell r="D916" t="str">
            <v>O'Neill,Robin Ann</v>
          </cell>
        </row>
        <row r="917">
          <cell r="A917" t="str">
            <v>015757</v>
          </cell>
          <cell r="B917" t="str">
            <v>Ordway,Thomas K</v>
          </cell>
          <cell r="C917" t="str">
            <v>015757</v>
          </cell>
          <cell r="D917" t="str">
            <v>Ordway,Thomas K</v>
          </cell>
        </row>
        <row r="918">
          <cell r="A918" t="str">
            <v>023471</v>
          </cell>
          <cell r="B918" t="str">
            <v>Orth,Peter A</v>
          </cell>
          <cell r="C918" t="str">
            <v>023471</v>
          </cell>
          <cell r="D918" t="str">
            <v>Orth,Peter A</v>
          </cell>
        </row>
        <row r="919">
          <cell r="A919" t="str">
            <v>008403</v>
          </cell>
          <cell r="B919" t="str">
            <v>Osborne,Doug</v>
          </cell>
          <cell r="C919" t="str">
            <v>008403</v>
          </cell>
          <cell r="D919" t="str">
            <v>Osborne,Doug</v>
          </cell>
        </row>
        <row r="920">
          <cell r="A920" t="str">
            <v>096292</v>
          </cell>
          <cell r="B920" t="str">
            <v>Osborne,Laura M</v>
          </cell>
          <cell r="C920" t="str">
            <v>096292</v>
          </cell>
          <cell r="D920" t="str">
            <v>Osborne,Laura M</v>
          </cell>
        </row>
        <row r="921">
          <cell r="A921" t="str">
            <v>007657</v>
          </cell>
          <cell r="B921" t="str">
            <v>Osborne,Steven Joseph</v>
          </cell>
          <cell r="C921" t="str">
            <v>007657</v>
          </cell>
          <cell r="D921" t="str">
            <v>Osborne,Steven Joseph</v>
          </cell>
        </row>
        <row r="922">
          <cell r="A922" t="str">
            <v>025794</v>
          </cell>
          <cell r="B922" t="str">
            <v>Owen,Kathleen F</v>
          </cell>
          <cell r="C922" t="str">
            <v>025794</v>
          </cell>
          <cell r="D922" t="str">
            <v>Owen,Kathleen F</v>
          </cell>
        </row>
        <row r="923">
          <cell r="A923" t="str">
            <v>062129</v>
          </cell>
          <cell r="B923" t="str">
            <v>Owens,Charlotte A</v>
          </cell>
          <cell r="C923" t="str">
            <v>062129</v>
          </cell>
          <cell r="D923" t="str">
            <v>Owens,Charlotte A</v>
          </cell>
        </row>
        <row r="924">
          <cell r="A924" t="str">
            <v>095984</v>
          </cell>
          <cell r="B924" t="str">
            <v>Padgett,Tim</v>
          </cell>
          <cell r="C924" t="str">
            <v>095984</v>
          </cell>
          <cell r="D924" t="str">
            <v>Padgett,Tim</v>
          </cell>
        </row>
        <row r="925">
          <cell r="A925" t="str">
            <v>062440</v>
          </cell>
          <cell r="B925" t="str">
            <v>Pangburn,Daniel W</v>
          </cell>
          <cell r="C925" t="str">
            <v>062440</v>
          </cell>
          <cell r="D925" t="str">
            <v>Pangburn,Daniel W</v>
          </cell>
        </row>
        <row r="926">
          <cell r="A926" t="str">
            <v>024779</v>
          </cell>
          <cell r="B926" t="str">
            <v>Parks,Michael R</v>
          </cell>
          <cell r="C926" t="str">
            <v>024779</v>
          </cell>
          <cell r="D926" t="str">
            <v>Parks,Michael R</v>
          </cell>
        </row>
        <row r="927">
          <cell r="A927" t="str">
            <v>008704</v>
          </cell>
          <cell r="B927" t="str">
            <v>Parks,Sharon Ann</v>
          </cell>
          <cell r="C927" t="str">
            <v>008704</v>
          </cell>
          <cell r="D927" t="str">
            <v>Parks,Sharon Ann</v>
          </cell>
        </row>
        <row r="928">
          <cell r="A928" t="str">
            <v>062750</v>
          </cell>
          <cell r="B928" t="str">
            <v>Patterson,Gregory A</v>
          </cell>
          <cell r="C928" t="str">
            <v>062750</v>
          </cell>
          <cell r="D928" t="str">
            <v>Patterson,Gregory A</v>
          </cell>
        </row>
        <row r="929">
          <cell r="A929" t="str">
            <v>062780</v>
          </cell>
          <cell r="B929" t="str">
            <v>Patton,Tom</v>
          </cell>
          <cell r="C929" t="str">
            <v>062780</v>
          </cell>
          <cell r="D929" t="str">
            <v>Patton,Tom</v>
          </cell>
        </row>
        <row r="930">
          <cell r="A930" t="str">
            <v>063172</v>
          </cell>
          <cell r="B930" t="str">
            <v>Pennington,Donna</v>
          </cell>
          <cell r="C930" t="str">
            <v>063172</v>
          </cell>
          <cell r="D930" t="str">
            <v>Pennington,Donna</v>
          </cell>
        </row>
        <row r="931">
          <cell r="A931" t="str">
            <v>024494</v>
          </cell>
          <cell r="B931" t="str">
            <v>Penrose,Steve Thomas</v>
          </cell>
          <cell r="C931" t="str">
            <v>024494</v>
          </cell>
          <cell r="D931" t="str">
            <v>Penrose,Steve Thomas</v>
          </cell>
        </row>
        <row r="932">
          <cell r="A932" t="str">
            <v>063350</v>
          </cell>
          <cell r="B932" t="str">
            <v>Perry,Tim</v>
          </cell>
          <cell r="C932" t="str">
            <v>063350</v>
          </cell>
          <cell r="D932" t="str">
            <v>Perry,Tim</v>
          </cell>
        </row>
        <row r="933">
          <cell r="A933" t="str">
            <v>063667</v>
          </cell>
          <cell r="B933" t="str">
            <v>Pfaffinger Jr,Thomas F</v>
          </cell>
          <cell r="C933" t="str">
            <v>063667</v>
          </cell>
          <cell r="D933" t="str">
            <v>Pfaffinger Jr,Thomas F</v>
          </cell>
        </row>
        <row r="934">
          <cell r="A934" t="str">
            <v>063665</v>
          </cell>
          <cell r="B934" t="str">
            <v>Pfaffinger,Ted R</v>
          </cell>
          <cell r="C934" t="str">
            <v>063665</v>
          </cell>
          <cell r="D934" t="str">
            <v>Pfaffinger,Ted R</v>
          </cell>
        </row>
        <row r="935">
          <cell r="A935" t="str">
            <v>023871</v>
          </cell>
          <cell r="B935" t="str">
            <v>Pfeiffer,Craig E</v>
          </cell>
          <cell r="C935" t="str">
            <v>023871</v>
          </cell>
          <cell r="D935" t="str">
            <v>Pfeiffer,Craig E</v>
          </cell>
        </row>
        <row r="936">
          <cell r="A936" t="str">
            <v>326107</v>
          </cell>
          <cell r="B936" t="str">
            <v>Pfirrman,Doug</v>
          </cell>
          <cell r="C936" t="str">
            <v>326107</v>
          </cell>
          <cell r="D936" t="str">
            <v>Pfirrman,Doug</v>
          </cell>
        </row>
        <row r="937">
          <cell r="A937" t="str">
            <v>286876</v>
          </cell>
          <cell r="B937" t="str">
            <v>Phillips,Jason M.</v>
          </cell>
          <cell r="C937" t="str">
            <v>286876</v>
          </cell>
          <cell r="D937" t="str">
            <v>Phillips,Jason M.</v>
          </cell>
        </row>
        <row r="938">
          <cell r="A938" t="str">
            <v>063914</v>
          </cell>
          <cell r="B938" t="str">
            <v>Phillips,Terry Grant</v>
          </cell>
          <cell r="C938" t="str">
            <v>063914</v>
          </cell>
          <cell r="D938" t="str">
            <v>Phillips,Terry Grant</v>
          </cell>
        </row>
        <row r="939">
          <cell r="A939" t="str">
            <v>275064</v>
          </cell>
          <cell r="B939" t="str">
            <v>Pienaar,Christiaan J.</v>
          </cell>
          <cell r="C939" t="str">
            <v>275064</v>
          </cell>
          <cell r="D939" t="str">
            <v>Pienaar,Christiaan J.</v>
          </cell>
        </row>
        <row r="940">
          <cell r="A940" t="str">
            <v>096460</v>
          </cell>
          <cell r="B940" t="str">
            <v>Piercy,David W</v>
          </cell>
          <cell r="C940" t="str">
            <v>064000</v>
          </cell>
          <cell r="D940" t="str">
            <v>Pierce,Jennifer L</v>
          </cell>
        </row>
        <row r="941">
          <cell r="A941" t="str">
            <v>096955</v>
          </cell>
          <cell r="B941" t="str">
            <v>Pinnick,James D</v>
          </cell>
          <cell r="C941" t="str">
            <v>096460</v>
          </cell>
          <cell r="D941" t="str">
            <v>Piercy,David W</v>
          </cell>
        </row>
        <row r="942">
          <cell r="A942" t="str">
            <v>024933</v>
          </cell>
          <cell r="B942" t="str">
            <v>Plake,Joe</v>
          </cell>
          <cell r="C942" t="str">
            <v>096955</v>
          </cell>
          <cell r="D942" t="str">
            <v>Pinnick,James D</v>
          </cell>
        </row>
        <row r="943">
          <cell r="A943" t="str">
            <v>064120</v>
          </cell>
          <cell r="B943" t="str">
            <v>Platz,Tony J</v>
          </cell>
          <cell r="C943" t="str">
            <v>024933</v>
          </cell>
          <cell r="D943" t="str">
            <v>Plake,Joe</v>
          </cell>
        </row>
        <row r="944">
          <cell r="A944" t="str">
            <v>016848</v>
          </cell>
          <cell r="B944" t="str">
            <v>Pless,Troy E</v>
          </cell>
          <cell r="C944" t="str">
            <v>064120</v>
          </cell>
          <cell r="D944" t="str">
            <v>Platz,Tony J</v>
          </cell>
        </row>
        <row r="945">
          <cell r="A945" t="str">
            <v>362732</v>
          </cell>
          <cell r="B945" t="str">
            <v>Poe,Ted</v>
          </cell>
          <cell r="C945" t="str">
            <v>016848</v>
          </cell>
          <cell r="D945" t="str">
            <v>Pless,Troy E</v>
          </cell>
        </row>
        <row r="946">
          <cell r="A946" t="str">
            <v>097639</v>
          </cell>
          <cell r="B946" t="str">
            <v>Polley,Brian W</v>
          </cell>
          <cell r="C946" t="str">
            <v>362732</v>
          </cell>
          <cell r="D946" t="str">
            <v>Poe,Ted</v>
          </cell>
        </row>
        <row r="947">
          <cell r="A947" t="str">
            <v>011087</v>
          </cell>
          <cell r="B947" t="str">
            <v>Polley,Robert Steven</v>
          </cell>
          <cell r="C947" t="str">
            <v>097639</v>
          </cell>
          <cell r="D947" t="str">
            <v>Polley,Brian W</v>
          </cell>
        </row>
        <row r="948">
          <cell r="A948" t="str">
            <v>017158</v>
          </cell>
          <cell r="B948" t="str">
            <v>Powell,Mike</v>
          </cell>
          <cell r="C948" t="str">
            <v>011087</v>
          </cell>
          <cell r="D948" t="str">
            <v>Polley,Robert Steven</v>
          </cell>
        </row>
        <row r="949">
          <cell r="A949" t="str">
            <v>065149</v>
          </cell>
          <cell r="B949" t="str">
            <v>Pratt,Richard E</v>
          </cell>
          <cell r="C949" t="str">
            <v>017158</v>
          </cell>
          <cell r="D949" t="str">
            <v>Powell,Mike</v>
          </cell>
        </row>
        <row r="950">
          <cell r="A950" t="str">
            <v>097485</v>
          </cell>
          <cell r="B950" t="str">
            <v>Price,Brian L</v>
          </cell>
          <cell r="C950" t="str">
            <v>065149</v>
          </cell>
          <cell r="D950" t="str">
            <v>Pratt,Richard E</v>
          </cell>
        </row>
        <row r="951">
          <cell r="A951" t="str">
            <v>092425</v>
          </cell>
          <cell r="B951" t="str">
            <v>Price,Janice Kay</v>
          </cell>
          <cell r="C951" t="str">
            <v>097485</v>
          </cell>
          <cell r="D951" t="str">
            <v>Price,Brian L</v>
          </cell>
        </row>
        <row r="952">
          <cell r="A952" t="str">
            <v>278119</v>
          </cell>
          <cell r="B952" t="str">
            <v>Price,Travis A</v>
          </cell>
          <cell r="C952" t="str">
            <v>092425</v>
          </cell>
          <cell r="D952" t="str">
            <v>Price,Janice Kay</v>
          </cell>
        </row>
        <row r="953">
          <cell r="A953" t="str">
            <v>033529</v>
          </cell>
          <cell r="B953" t="str">
            <v>Prince,Craig F</v>
          </cell>
          <cell r="C953" t="str">
            <v>278119</v>
          </cell>
          <cell r="D953" t="str">
            <v>Price,Travis A</v>
          </cell>
        </row>
        <row r="954">
          <cell r="A954" t="str">
            <v>011397</v>
          </cell>
          <cell r="B954" t="str">
            <v>Proctor,Vicky Lynn</v>
          </cell>
          <cell r="C954" t="str">
            <v>033529</v>
          </cell>
          <cell r="D954" t="str">
            <v>Prince,Craig F</v>
          </cell>
        </row>
        <row r="955">
          <cell r="A955" t="str">
            <v>022880</v>
          </cell>
          <cell r="B955" t="str">
            <v>Proffitt,John C</v>
          </cell>
          <cell r="C955" t="str">
            <v>011397</v>
          </cell>
          <cell r="D955" t="str">
            <v>Proctor,Vicky Lynn</v>
          </cell>
        </row>
        <row r="956">
          <cell r="A956" t="str">
            <v>065347</v>
          </cell>
          <cell r="B956" t="str">
            <v>Pugh,Michele D</v>
          </cell>
          <cell r="C956" t="str">
            <v>022880</v>
          </cell>
          <cell r="D956" t="str">
            <v>Proffitt,John C</v>
          </cell>
        </row>
        <row r="957">
          <cell r="A957" t="str">
            <v>018771</v>
          </cell>
          <cell r="B957" t="str">
            <v>Pugh,Tamwa</v>
          </cell>
          <cell r="C957" t="str">
            <v>065347</v>
          </cell>
          <cell r="D957" t="str">
            <v>Pugh,Michele D</v>
          </cell>
        </row>
        <row r="958">
          <cell r="A958" t="str">
            <v>065354</v>
          </cell>
          <cell r="B958" t="str">
            <v>Purcel,Gerald</v>
          </cell>
          <cell r="C958" t="str">
            <v>018771</v>
          </cell>
          <cell r="D958" t="str">
            <v>Pugh,Tamwa</v>
          </cell>
        </row>
        <row r="959">
          <cell r="A959" t="str">
            <v>016624</v>
          </cell>
          <cell r="B959" t="str">
            <v>Quinlin,Tina Nichole</v>
          </cell>
          <cell r="C959" t="str">
            <v>065354</v>
          </cell>
          <cell r="D959" t="str">
            <v>Purcel,Gerald</v>
          </cell>
        </row>
        <row r="960">
          <cell r="A960" t="str">
            <v>285636</v>
          </cell>
          <cell r="B960" t="str">
            <v>Ragan,Kell Allen</v>
          </cell>
          <cell r="C960" t="str">
            <v>016624</v>
          </cell>
          <cell r="D960" t="str">
            <v>Quinlin,Tina Nichole</v>
          </cell>
        </row>
        <row r="961">
          <cell r="A961" t="str">
            <v>065696</v>
          </cell>
          <cell r="B961" t="str">
            <v>Ramer,David L</v>
          </cell>
          <cell r="C961" t="str">
            <v>285636</v>
          </cell>
          <cell r="D961" t="str">
            <v>Ragan,Kell Allen</v>
          </cell>
        </row>
        <row r="962">
          <cell r="A962" t="str">
            <v>286257</v>
          </cell>
          <cell r="B962" t="str">
            <v>Rankins,Cavanough J.</v>
          </cell>
          <cell r="C962" t="str">
            <v>065696</v>
          </cell>
          <cell r="D962" t="str">
            <v>Ramer,David L</v>
          </cell>
        </row>
        <row r="963">
          <cell r="A963" t="str">
            <v>028522</v>
          </cell>
          <cell r="B963" t="str">
            <v>Rauch,Adam Keith</v>
          </cell>
          <cell r="C963" t="str">
            <v>286257</v>
          </cell>
          <cell r="D963" t="str">
            <v>Rankins,Cavanough J.</v>
          </cell>
        </row>
        <row r="964">
          <cell r="A964" t="str">
            <v>286678</v>
          </cell>
          <cell r="B964" t="str">
            <v>Rauch,Phillip D</v>
          </cell>
          <cell r="C964" t="str">
            <v>028522</v>
          </cell>
          <cell r="D964" t="str">
            <v>Rauch,Adam Keith</v>
          </cell>
        </row>
        <row r="965">
          <cell r="A965" t="str">
            <v>008876</v>
          </cell>
          <cell r="B965" t="str">
            <v>Ray,Douglas Dean</v>
          </cell>
          <cell r="C965" t="str">
            <v>286678</v>
          </cell>
          <cell r="D965" t="str">
            <v>Rauch,Phillip D</v>
          </cell>
        </row>
        <row r="966">
          <cell r="A966" t="str">
            <v>027164</v>
          </cell>
          <cell r="B966" t="str">
            <v>Read,Andrew H</v>
          </cell>
          <cell r="C966" t="str">
            <v>008876</v>
          </cell>
          <cell r="D966" t="str">
            <v>Ray,Douglas Dean</v>
          </cell>
        </row>
        <row r="967">
          <cell r="A967" t="str">
            <v>066137</v>
          </cell>
          <cell r="B967" t="str">
            <v>Reckley,Julie A</v>
          </cell>
          <cell r="C967" t="str">
            <v>027164</v>
          </cell>
          <cell r="D967" t="str">
            <v>Read,Andrew H</v>
          </cell>
        </row>
        <row r="968">
          <cell r="A968" t="str">
            <v>066145</v>
          </cell>
          <cell r="B968" t="str">
            <v>Redd,Gail E</v>
          </cell>
          <cell r="C968" t="str">
            <v>066137</v>
          </cell>
          <cell r="D968" t="str">
            <v>Reckley,Julie A</v>
          </cell>
        </row>
        <row r="969">
          <cell r="A969" t="str">
            <v>024069</v>
          </cell>
          <cell r="B969" t="str">
            <v>Redden,Danny J</v>
          </cell>
          <cell r="C969" t="str">
            <v>066145</v>
          </cell>
          <cell r="D969" t="str">
            <v>Redd,Gail E</v>
          </cell>
        </row>
        <row r="970">
          <cell r="A970" t="str">
            <v>016511</v>
          </cell>
          <cell r="B970" t="str">
            <v>Rednour,Allen</v>
          </cell>
          <cell r="C970" t="str">
            <v>024069</v>
          </cell>
          <cell r="D970" t="str">
            <v>Redden,Danny J</v>
          </cell>
        </row>
        <row r="971">
          <cell r="A971" t="str">
            <v>066262</v>
          </cell>
          <cell r="B971" t="str">
            <v>Reed,Brett A</v>
          </cell>
          <cell r="C971" t="str">
            <v>016511</v>
          </cell>
          <cell r="D971" t="str">
            <v>Rednour,Allen</v>
          </cell>
        </row>
        <row r="972">
          <cell r="A972" t="str">
            <v>030679</v>
          </cell>
          <cell r="B972" t="str">
            <v>Reed,Jason Andrew</v>
          </cell>
          <cell r="C972" t="str">
            <v>066262</v>
          </cell>
          <cell r="D972" t="str">
            <v>Reed,Brett A</v>
          </cell>
        </row>
        <row r="973">
          <cell r="A973" t="str">
            <v>066296</v>
          </cell>
          <cell r="B973" t="str">
            <v>Reed,Matthew T</v>
          </cell>
          <cell r="C973" t="str">
            <v>030679</v>
          </cell>
          <cell r="D973" t="str">
            <v>Reed,Jason Andrew</v>
          </cell>
        </row>
        <row r="974">
          <cell r="A974" t="str">
            <v>066298</v>
          </cell>
          <cell r="B974" t="str">
            <v>Reed,Michael J</v>
          </cell>
          <cell r="C974" t="str">
            <v>066296</v>
          </cell>
          <cell r="D974" t="str">
            <v>Reed,Matthew T</v>
          </cell>
        </row>
        <row r="975">
          <cell r="A975" t="str">
            <v>014895</v>
          </cell>
          <cell r="B975" t="str">
            <v>Reedy,Alicia Anne</v>
          </cell>
          <cell r="C975" t="str">
            <v>066298</v>
          </cell>
          <cell r="D975" t="str">
            <v>Reed,Michael J</v>
          </cell>
        </row>
        <row r="976">
          <cell r="A976" t="str">
            <v>005635</v>
          </cell>
          <cell r="B976" t="str">
            <v>Reeves,Dea Kay</v>
          </cell>
          <cell r="C976" t="str">
            <v>014895</v>
          </cell>
          <cell r="D976" t="str">
            <v>Reedy,Alicia Anne</v>
          </cell>
        </row>
        <row r="977">
          <cell r="A977" t="str">
            <v>010854</v>
          </cell>
          <cell r="B977" t="str">
            <v>Reeves,Dennis Lee</v>
          </cell>
          <cell r="C977" t="str">
            <v>005635</v>
          </cell>
          <cell r="D977" t="str">
            <v>Reeves,Dea Kay</v>
          </cell>
        </row>
        <row r="978">
          <cell r="A978" t="str">
            <v>066458</v>
          </cell>
          <cell r="B978" t="str">
            <v>Reilly,Don J</v>
          </cell>
          <cell r="C978" t="str">
            <v>010854</v>
          </cell>
          <cell r="D978" t="str">
            <v>Reeves,Dennis Lee</v>
          </cell>
        </row>
        <row r="979">
          <cell r="A979" t="str">
            <v>010613</v>
          </cell>
          <cell r="B979" t="str">
            <v>Reinhart,Patrick Wayne</v>
          </cell>
          <cell r="C979" t="str">
            <v>066458</v>
          </cell>
          <cell r="D979" t="str">
            <v>Reilly,Don J</v>
          </cell>
        </row>
        <row r="980">
          <cell r="A980" t="str">
            <v>066630</v>
          </cell>
          <cell r="B980" t="str">
            <v>Reis Jr,Ray</v>
          </cell>
          <cell r="C980" t="str">
            <v>010613</v>
          </cell>
          <cell r="D980" t="str">
            <v>Reinhart,Patrick Wayne</v>
          </cell>
        </row>
        <row r="981">
          <cell r="A981" t="str">
            <v>283347</v>
          </cell>
          <cell r="B981" t="str">
            <v>Reis,Joe L</v>
          </cell>
          <cell r="C981" t="str">
            <v>066630</v>
          </cell>
          <cell r="D981" t="str">
            <v>Reis Jr,Ray</v>
          </cell>
        </row>
        <row r="982">
          <cell r="A982" t="str">
            <v>019951</v>
          </cell>
          <cell r="B982" t="str">
            <v>Reis,Steve</v>
          </cell>
          <cell r="C982" t="str">
            <v>283347</v>
          </cell>
          <cell r="D982" t="str">
            <v>Reis,Joe L</v>
          </cell>
        </row>
        <row r="983">
          <cell r="A983" t="str">
            <v>030597</v>
          </cell>
          <cell r="B983" t="str">
            <v>Rennekamp,Jeffrey M</v>
          </cell>
          <cell r="C983" t="str">
            <v>019951</v>
          </cell>
          <cell r="D983" t="str">
            <v>Reis,Steve</v>
          </cell>
        </row>
        <row r="984">
          <cell r="A984" t="str">
            <v>009677</v>
          </cell>
          <cell r="B984" t="str">
            <v>Rethlake,Mark David</v>
          </cell>
          <cell r="C984" t="str">
            <v>030597</v>
          </cell>
          <cell r="D984" t="str">
            <v>Rennekamp,Jeffrey M</v>
          </cell>
        </row>
        <row r="985">
          <cell r="A985" t="str">
            <v>066981</v>
          </cell>
          <cell r="B985" t="str">
            <v>Reynolds Jr,Lou</v>
          </cell>
          <cell r="C985" t="str">
            <v>009677</v>
          </cell>
          <cell r="D985" t="str">
            <v>Rethlake,Mark David</v>
          </cell>
        </row>
        <row r="986">
          <cell r="A986" t="str">
            <v>278109</v>
          </cell>
          <cell r="B986" t="str">
            <v>Reynolds,Clinton</v>
          </cell>
          <cell r="C986" t="str">
            <v>066981</v>
          </cell>
          <cell r="D986" t="str">
            <v>Reynolds Jr,Lou</v>
          </cell>
        </row>
        <row r="987">
          <cell r="A987" t="str">
            <v>013894</v>
          </cell>
          <cell r="B987" t="str">
            <v>Reynolds,Dawn L</v>
          </cell>
          <cell r="C987" t="str">
            <v>278109</v>
          </cell>
          <cell r="D987" t="str">
            <v>Reynolds,Clinton</v>
          </cell>
        </row>
        <row r="988">
          <cell r="A988" t="str">
            <v>067070</v>
          </cell>
          <cell r="B988" t="str">
            <v>Rhodes,James Calvin</v>
          </cell>
          <cell r="C988" t="str">
            <v>013894</v>
          </cell>
          <cell r="D988" t="str">
            <v>Reynolds,Dawn L</v>
          </cell>
        </row>
        <row r="989">
          <cell r="A989" t="str">
            <v>286376</v>
          </cell>
          <cell r="B989" t="str">
            <v>Richard,William A</v>
          </cell>
          <cell r="C989" t="str">
            <v>067070</v>
          </cell>
          <cell r="D989" t="str">
            <v>Rhodes,James Calvin</v>
          </cell>
        </row>
        <row r="990">
          <cell r="A990" t="str">
            <v>273989</v>
          </cell>
          <cell r="B990" t="str">
            <v>Richardson,Diane M.</v>
          </cell>
          <cell r="C990" t="str">
            <v>286376</v>
          </cell>
          <cell r="D990" t="str">
            <v>Richard,William A</v>
          </cell>
        </row>
        <row r="991">
          <cell r="A991" t="str">
            <v>291709</v>
          </cell>
          <cell r="B991" t="str">
            <v>Richardson,Millard C</v>
          </cell>
          <cell r="C991" t="str">
            <v>273989</v>
          </cell>
          <cell r="D991" t="str">
            <v>Richardson,Diane M.</v>
          </cell>
        </row>
        <row r="992">
          <cell r="A992" t="str">
            <v>067520</v>
          </cell>
          <cell r="B992" t="str">
            <v>Ridener,Roger T</v>
          </cell>
          <cell r="C992" t="str">
            <v>291709</v>
          </cell>
          <cell r="D992" t="str">
            <v>Richardson,Millard C</v>
          </cell>
        </row>
        <row r="993">
          <cell r="A993" t="str">
            <v>030681</v>
          </cell>
          <cell r="B993" t="str">
            <v>Ridenour,Bryant William</v>
          </cell>
          <cell r="C993" t="str">
            <v>067520</v>
          </cell>
          <cell r="D993" t="str">
            <v>Ridener,Roger T</v>
          </cell>
        </row>
        <row r="994">
          <cell r="A994" t="str">
            <v>009633</v>
          </cell>
          <cell r="B994" t="str">
            <v>Ridenour,Ed</v>
          </cell>
          <cell r="C994" t="str">
            <v>030681</v>
          </cell>
          <cell r="D994" t="str">
            <v>Ridenour,Bryant William</v>
          </cell>
        </row>
        <row r="995">
          <cell r="A995" t="str">
            <v>067655</v>
          </cell>
          <cell r="B995" t="str">
            <v>Rieman,Melora Jean</v>
          </cell>
          <cell r="C995" t="str">
            <v>009633</v>
          </cell>
          <cell r="D995" t="str">
            <v>Ridenour,Ed</v>
          </cell>
        </row>
        <row r="996">
          <cell r="A996" t="str">
            <v>326055</v>
          </cell>
          <cell r="B996" t="str">
            <v>Rieman,Rob</v>
          </cell>
          <cell r="C996" t="str">
            <v>067655</v>
          </cell>
          <cell r="D996" t="str">
            <v>Rieman,Melora Jean</v>
          </cell>
        </row>
        <row r="997">
          <cell r="A997" t="str">
            <v>024764</v>
          </cell>
          <cell r="B997" t="str">
            <v>Ries,Matthew M</v>
          </cell>
          <cell r="C997" t="str">
            <v>326055</v>
          </cell>
          <cell r="D997" t="str">
            <v>Rieman,Rob</v>
          </cell>
        </row>
        <row r="998">
          <cell r="A998" t="str">
            <v>023870</v>
          </cell>
          <cell r="B998" t="str">
            <v>Riggen,Jason</v>
          </cell>
          <cell r="C998" t="str">
            <v>024764</v>
          </cell>
          <cell r="D998" t="str">
            <v>Ries,Matthew M</v>
          </cell>
        </row>
        <row r="999">
          <cell r="A999" t="str">
            <v>011176</v>
          </cell>
          <cell r="B999" t="str">
            <v>Riggen,Rick</v>
          </cell>
          <cell r="C999" t="str">
            <v>023870</v>
          </cell>
          <cell r="D999" t="str">
            <v>Riggen,Jason</v>
          </cell>
        </row>
        <row r="1000">
          <cell r="A1000" t="str">
            <v>097962</v>
          </cell>
          <cell r="B1000" t="str">
            <v>Riggen,Robert E</v>
          </cell>
          <cell r="C1000" t="str">
            <v>011176</v>
          </cell>
          <cell r="D1000" t="str">
            <v>Riggen,Rick</v>
          </cell>
        </row>
        <row r="1001">
          <cell r="A1001" t="str">
            <v>068015</v>
          </cell>
          <cell r="B1001" t="str">
            <v>Ritter,Paula Marie</v>
          </cell>
          <cell r="C1001" t="str">
            <v>097962</v>
          </cell>
          <cell r="D1001" t="str">
            <v>Riggen,Robert E</v>
          </cell>
        </row>
        <row r="1002">
          <cell r="A1002" t="str">
            <v>095810</v>
          </cell>
          <cell r="B1002" t="str">
            <v>Robbins,Gary W</v>
          </cell>
          <cell r="C1002" t="str">
            <v>095810</v>
          </cell>
          <cell r="D1002" t="str">
            <v>Robbins,Gary W</v>
          </cell>
        </row>
        <row r="1003">
          <cell r="A1003" t="str">
            <v>015773</v>
          </cell>
          <cell r="B1003" t="str">
            <v>Robbins,Lisa Jane</v>
          </cell>
          <cell r="C1003" t="str">
            <v>015773</v>
          </cell>
          <cell r="D1003" t="str">
            <v>Robbins,Lisa Jane</v>
          </cell>
        </row>
        <row r="1004">
          <cell r="A1004" t="str">
            <v>285635</v>
          </cell>
          <cell r="B1004" t="str">
            <v>Roberts,Mike</v>
          </cell>
          <cell r="C1004" t="str">
            <v>285635</v>
          </cell>
          <cell r="D1004" t="str">
            <v>Roberts,Mike</v>
          </cell>
        </row>
        <row r="1005">
          <cell r="A1005" t="str">
            <v>030019</v>
          </cell>
          <cell r="B1005" t="str">
            <v>Robertson,Mark Brian</v>
          </cell>
          <cell r="C1005" t="str">
            <v>030019</v>
          </cell>
          <cell r="D1005" t="str">
            <v>Robertson,Mark Brian</v>
          </cell>
        </row>
        <row r="1006">
          <cell r="A1006" t="str">
            <v>025101</v>
          </cell>
          <cell r="B1006" t="str">
            <v>Robinson,Janetta Ann</v>
          </cell>
          <cell r="C1006" t="str">
            <v>025101</v>
          </cell>
          <cell r="D1006" t="str">
            <v>Robinson,Janetta Ann</v>
          </cell>
        </row>
        <row r="1007">
          <cell r="A1007" t="str">
            <v>011204</v>
          </cell>
          <cell r="B1007" t="str">
            <v>Roe,Kathy</v>
          </cell>
          <cell r="C1007" t="str">
            <v>011204</v>
          </cell>
          <cell r="D1007" t="str">
            <v>Roe,Kathy</v>
          </cell>
        </row>
        <row r="1008">
          <cell r="A1008" t="str">
            <v>068864</v>
          </cell>
          <cell r="B1008" t="str">
            <v>Rogers,Matt</v>
          </cell>
          <cell r="C1008" t="str">
            <v>068915</v>
          </cell>
          <cell r="D1008" t="str">
            <v>Rogers,Debbie</v>
          </cell>
        </row>
        <row r="1009">
          <cell r="A1009" t="str">
            <v>023787</v>
          </cell>
          <cell r="B1009" t="str">
            <v>Rogers,Tom</v>
          </cell>
          <cell r="C1009" t="str">
            <v>068864</v>
          </cell>
          <cell r="D1009" t="str">
            <v>Rogers,Matt</v>
          </cell>
        </row>
        <row r="1010">
          <cell r="A1010" t="str">
            <v>271660</v>
          </cell>
          <cell r="B1010" t="str">
            <v>Rolley,Craig R</v>
          </cell>
          <cell r="C1010" t="str">
            <v>023787</v>
          </cell>
          <cell r="D1010" t="str">
            <v>Rogers,Tom</v>
          </cell>
        </row>
        <row r="1011">
          <cell r="A1011" t="str">
            <v>009318</v>
          </cell>
          <cell r="B1011" t="str">
            <v>Ronan,Lewy</v>
          </cell>
          <cell r="C1011" t="str">
            <v>271660</v>
          </cell>
          <cell r="D1011" t="str">
            <v>Rolley,Craig R</v>
          </cell>
        </row>
        <row r="1012">
          <cell r="A1012" t="str">
            <v>069770</v>
          </cell>
          <cell r="B1012" t="str">
            <v>Ross,Jackie Lee</v>
          </cell>
          <cell r="C1012" t="str">
            <v>009318</v>
          </cell>
          <cell r="D1012" t="str">
            <v>Ronan,Lewy</v>
          </cell>
        </row>
        <row r="1013">
          <cell r="A1013" t="str">
            <v>043880</v>
          </cell>
          <cell r="B1013" t="str">
            <v>Ross,Michelle Anne</v>
          </cell>
          <cell r="C1013" t="str">
            <v>069770</v>
          </cell>
          <cell r="D1013" t="str">
            <v>Ross,Jackie Lee</v>
          </cell>
        </row>
        <row r="1014">
          <cell r="A1014" t="str">
            <v>069950</v>
          </cell>
          <cell r="B1014" t="str">
            <v>Roth,Dave Allen</v>
          </cell>
          <cell r="C1014" t="str">
            <v>043880</v>
          </cell>
          <cell r="D1014" t="str">
            <v>Ross,Michelle Anne</v>
          </cell>
        </row>
        <row r="1015">
          <cell r="A1015" t="str">
            <v>097055</v>
          </cell>
          <cell r="B1015" t="str">
            <v>Rothenburger,Kirby</v>
          </cell>
          <cell r="C1015" t="str">
            <v>069950</v>
          </cell>
          <cell r="D1015" t="str">
            <v>Roth,Dave Allen</v>
          </cell>
        </row>
        <row r="1016">
          <cell r="A1016" t="str">
            <v>013730</v>
          </cell>
          <cell r="B1016" t="str">
            <v>Rowland,Cindy</v>
          </cell>
          <cell r="C1016" t="str">
            <v>097055</v>
          </cell>
          <cell r="D1016" t="str">
            <v>Rothenburger,Kirby</v>
          </cell>
        </row>
        <row r="1017">
          <cell r="A1017" t="str">
            <v>289246</v>
          </cell>
          <cell r="B1017" t="str">
            <v>Royer,Shawn A.</v>
          </cell>
          <cell r="C1017" t="str">
            <v>013730</v>
          </cell>
          <cell r="D1017" t="str">
            <v>Rowland,Cindy</v>
          </cell>
        </row>
        <row r="1018">
          <cell r="A1018" t="str">
            <v>011492</v>
          </cell>
          <cell r="B1018" t="str">
            <v>Rudd,Linda M</v>
          </cell>
          <cell r="C1018" t="str">
            <v>289246</v>
          </cell>
          <cell r="D1018" t="str">
            <v>Royer,Shawn A.</v>
          </cell>
        </row>
        <row r="1019">
          <cell r="A1019" t="str">
            <v>009292</v>
          </cell>
          <cell r="B1019" t="str">
            <v>Rumple,Bob</v>
          </cell>
          <cell r="C1019" t="str">
            <v>011492</v>
          </cell>
          <cell r="D1019" t="str">
            <v>Rudd,Linda M</v>
          </cell>
        </row>
        <row r="1020">
          <cell r="A1020" t="str">
            <v>070663</v>
          </cell>
          <cell r="B1020" t="str">
            <v>Runion,John H</v>
          </cell>
          <cell r="C1020" t="str">
            <v>009292</v>
          </cell>
          <cell r="D1020" t="str">
            <v>Rumple,Bob</v>
          </cell>
        </row>
        <row r="1021">
          <cell r="A1021" t="str">
            <v>326106</v>
          </cell>
          <cell r="B1021" t="str">
            <v>Rust,Steve</v>
          </cell>
          <cell r="C1021" t="str">
            <v>070663</v>
          </cell>
          <cell r="D1021" t="str">
            <v>Runion,John H</v>
          </cell>
        </row>
        <row r="1022">
          <cell r="A1022" t="str">
            <v>291373</v>
          </cell>
          <cell r="B1022" t="str">
            <v>Ruth,Scott</v>
          </cell>
          <cell r="C1022" t="str">
            <v>326106</v>
          </cell>
          <cell r="D1022" t="str">
            <v>Rust,Steve</v>
          </cell>
        </row>
        <row r="1023">
          <cell r="A1023" t="str">
            <v>015190</v>
          </cell>
          <cell r="B1023" t="str">
            <v>Rutter,Kim</v>
          </cell>
          <cell r="C1023" t="str">
            <v>291373</v>
          </cell>
          <cell r="D1023" t="str">
            <v>Ruth,Scott</v>
          </cell>
        </row>
        <row r="1024">
          <cell r="A1024" t="str">
            <v>027136</v>
          </cell>
          <cell r="B1024" t="str">
            <v>Salyers,Curtis E</v>
          </cell>
          <cell r="C1024" t="str">
            <v>015190</v>
          </cell>
          <cell r="D1024" t="str">
            <v>Rutter,Kim</v>
          </cell>
        </row>
        <row r="1025">
          <cell r="A1025" t="str">
            <v>071255</v>
          </cell>
          <cell r="B1025" t="str">
            <v>Sammons,Terry E</v>
          </cell>
          <cell r="C1025" t="str">
            <v>027136</v>
          </cell>
          <cell r="D1025" t="str">
            <v>Salyers,Curtis E</v>
          </cell>
        </row>
        <row r="1026">
          <cell r="A1026" t="str">
            <v>008162</v>
          </cell>
          <cell r="B1026" t="str">
            <v>Samuels,Brenda</v>
          </cell>
          <cell r="C1026" t="str">
            <v>071255</v>
          </cell>
          <cell r="D1026" t="str">
            <v>Sammons,Terry E</v>
          </cell>
        </row>
        <row r="1027">
          <cell r="A1027" t="str">
            <v>025448</v>
          </cell>
          <cell r="B1027" t="str">
            <v>Sand,Bradley P</v>
          </cell>
          <cell r="C1027" t="str">
            <v>008162</v>
          </cell>
          <cell r="D1027" t="str">
            <v>Samuels,Brenda</v>
          </cell>
        </row>
        <row r="1028">
          <cell r="A1028" t="str">
            <v>023397</v>
          </cell>
          <cell r="B1028" t="str">
            <v>Sand,Michael L</v>
          </cell>
          <cell r="C1028" t="str">
            <v>025448</v>
          </cell>
          <cell r="D1028" t="str">
            <v>Sand,Bradley P</v>
          </cell>
        </row>
        <row r="1029">
          <cell r="A1029" t="str">
            <v>019274</v>
          </cell>
          <cell r="B1029" t="str">
            <v>Sanders,Leslie</v>
          </cell>
          <cell r="C1029" t="str">
            <v>023397</v>
          </cell>
          <cell r="D1029" t="str">
            <v>Sand,Michael L</v>
          </cell>
        </row>
        <row r="1030">
          <cell r="A1030" t="str">
            <v>011395</v>
          </cell>
          <cell r="B1030" t="str">
            <v>Sater,Kenneth Joe</v>
          </cell>
          <cell r="C1030" t="str">
            <v>019274</v>
          </cell>
          <cell r="D1030" t="str">
            <v>Sanders,Leslie</v>
          </cell>
        </row>
        <row r="1031">
          <cell r="A1031" t="str">
            <v>282197</v>
          </cell>
          <cell r="B1031" t="str">
            <v>Sawyer,Scott D</v>
          </cell>
          <cell r="C1031" t="str">
            <v>011395</v>
          </cell>
          <cell r="D1031" t="str">
            <v>Sater,Kenneth Joe</v>
          </cell>
        </row>
        <row r="1032">
          <cell r="A1032" t="str">
            <v>362730</v>
          </cell>
          <cell r="B1032" t="str">
            <v>Saylor,Shawn Eric</v>
          </cell>
          <cell r="C1032" t="str">
            <v>282197</v>
          </cell>
          <cell r="D1032" t="str">
            <v>Sawyer,Scott D</v>
          </cell>
        </row>
        <row r="1033">
          <cell r="A1033" t="str">
            <v>022916</v>
          </cell>
          <cell r="B1033" t="str">
            <v>Scales,Brian P</v>
          </cell>
          <cell r="C1033" t="str">
            <v>362730</v>
          </cell>
          <cell r="D1033" t="str">
            <v>Saylor,Shawn Eric</v>
          </cell>
        </row>
        <row r="1034">
          <cell r="A1034" t="str">
            <v>071853</v>
          </cell>
          <cell r="B1034" t="str">
            <v>Schack,Gerald Joseph</v>
          </cell>
          <cell r="C1034" t="str">
            <v>022916</v>
          </cell>
          <cell r="D1034" t="str">
            <v>Scales,Brian P</v>
          </cell>
        </row>
        <row r="1035">
          <cell r="A1035" t="str">
            <v>095551</v>
          </cell>
          <cell r="B1035" t="str">
            <v>Schalk,Joshua G</v>
          </cell>
          <cell r="C1035" t="str">
            <v>071853</v>
          </cell>
          <cell r="D1035" t="str">
            <v>Schack,Gerald Joseph</v>
          </cell>
        </row>
        <row r="1036">
          <cell r="A1036" t="str">
            <v>072001</v>
          </cell>
          <cell r="B1036" t="str">
            <v>Schalk,Maureen C</v>
          </cell>
          <cell r="C1036" t="str">
            <v>095551</v>
          </cell>
          <cell r="D1036" t="str">
            <v>Schalk,Joshua G</v>
          </cell>
        </row>
        <row r="1037">
          <cell r="A1037" t="str">
            <v>065694</v>
          </cell>
          <cell r="B1037" t="str">
            <v>Scherer,Michelle</v>
          </cell>
          <cell r="C1037" t="str">
            <v>072001</v>
          </cell>
          <cell r="D1037" t="str">
            <v>Schalk,Maureen C</v>
          </cell>
        </row>
        <row r="1038">
          <cell r="A1038" t="str">
            <v>073031</v>
          </cell>
          <cell r="B1038" t="str">
            <v>Schmidt,Nicholas Thomas</v>
          </cell>
          <cell r="C1038" t="str">
            <v>065694</v>
          </cell>
          <cell r="D1038" t="str">
            <v>Scherer,Michelle</v>
          </cell>
        </row>
        <row r="1039">
          <cell r="A1039" t="str">
            <v>023472</v>
          </cell>
          <cell r="B1039" t="str">
            <v>Schoulties,James P</v>
          </cell>
          <cell r="C1039" t="str">
            <v>073031</v>
          </cell>
          <cell r="D1039" t="str">
            <v>Schmidt,Nicholas Thomas</v>
          </cell>
        </row>
        <row r="1040">
          <cell r="A1040" t="str">
            <v>283610</v>
          </cell>
          <cell r="B1040" t="str">
            <v>Schuchter,David A.</v>
          </cell>
          <cell r="C1040" t="str">
            <v>023472</v>
          </cell>
          <cell r="D1040" t="str">
            <v>Schoulties,James P</v>
          </cell>
        </row>
        <row r="1041">
          <cell r="A1041" t="str">
            <v>022925</v>
          </cell>
          <cell r="B1041" t="str">
            <v>Schuchter,Kevin C</v>
          </cell>
          <cell r="C1041" t="str">
            <v>283610</v>
          </cell>
          <cell r="D1041" t="str">
            <v>Schuchter,David A.</v>
          </cell>
        </row>
        <row r="1042">
          <cell r="A1042" t="str">
            <v>074144</v>
          </cell>
          <cell r="B1042" t="str">
            <v>Schuler,Rick D</v>
          </cell>
          <cell r="C1042" t="str">
            <v>022925</v>
          </cell>
          <cell r="D1042" t="str">
            <v>Schuchter,Kevin C</v>
          </cell>
        </row>
        <row r="1043">
          <cell r="A1043" t="str">
            <v>074214</v>
          </cell>
          <cell r="B1043" t="str">
            <v>Schulte Jr,Paul D</v>
          </cell>
          <cell r="C1043" t="str">
            <v>074144</v>
          </cell>
          <cell r="D1043" t="str">
            <v>Schuler,Rick D</v>
          </cell>
        </row>
        <row r="1044">
          <cell r="A1044" t="str">
            <v>032448</v>
          </cell>
          <cell r="B1044" t="str">
            <v>Schultz,Anthony Scott</v>
          </cell>
          <cell r="C1044" t="str">
            <v>074214</v>
          </cell>
          <cell r="D1044" t="str">
            <v>Schulte Jr,Paul D</v>
          </cell>
        </row>
        <row r="1045">
          <cell r="A1045" t="str">
            <v>025443</v>
          </cell>
          <cell r="B1045" t="str">
            <v>Schultz,Ronald W</v>
          </cell>
          <cell r="C1045" t="str">
            <v>032448</v>
          </cell>
          <cell r="D1045" t="str">
            <v>Schultz,Anthony Scott</v>
          </cell>
        </row>
        <row r="1046">
          <cell r="A1046" t="str">
            <v>074285</v>
          </cell>
          <cell r="B1046" t="str">
            <v>Schumacher,Ted</v>
          </cell>
          <cell r="C1046" t="str">
            <v>025443</v>
          </cell>
          <cell r="D1046" t="str">
            <v>Schultz,Ronald W</v>
          </cell>
        </row>
        <row r="1047">
          <cell r="A1047" t="str">
            <v>033633</v>
          </cell>
          <cell r="B1047" t="str">
            <v>Schwartz,Daniel D</v>
          </cell>
          <cell r="C1047" t="str">
            <v>074285</v>
          </cell>
          <cell r="D1047" t="str">
            <v>Schumacher,Ted</v>
          </cell>
        </row>
        <row r="1048">
          <cell r="A1048" t="str">
            <v>285208</v>
          </cell>
          <cell r="B1048" t="str">
            <v>Schwartz,Jeff E</v>
          </cell>
          <cell r="C1048" t="str">
            <v>033633</v>
          </cell>
          <cell r="D1048" t="str">
            <v>Schwartz,Daniel D</v>
          </cell>
        </row>
        <row r="1049">
          <cell r="A1049" t="str">
            <v>026398</v>
          </cell>
          <cell r="B1049" t="str">
            <v>Schwartz,Michael</v>
          </cell>
          <cell r="C1049" t="str">
            <v>285208</v>
          </cell>
          <cell r="D1049" t="str">
            <v>Schwartz,Jeff E</v>
          </cell>
        </row>
        <row r="1050">
          <cell r="A1050" t="str">
            <v>075030</v>
          </cell>
          <cell r="B1050" t="str">
            <v>Scott,William C</v>
          </cell>
          <cell r="C1050" t="str">
            <v>026398</v>
          </cell>
          <cell r="D1050" t="str">
            <v>Schwartz,Michael</v>
          </cell>
        </row>
        <row r="1051">
          <cell r="A1051" t="str">
            <v>075033</v>
          </cell>
          <cell r="B1051" t="str">
            <v>Scott,William J</v>
          </cell>
          <cell r="C1051" t="str">
            <v>075030</v>
          </cell>
          <cell r="D1051" t="str">
            <v>Scott,William C</v>
          </cell>
        </row>
        <row r="1052">
          <cell r="A1052" t="str">
            <v>097701</v>
          </cell>
          <cell r="B1052" t="str">
            <v>Scully,Toni L</v>
          </cell>
          <cell r="C1052" t="str">
            <v>075033</v>
          </cell>
          <cell r="D1052" t="str">
            <v>Scott,William J</v>
          </cell>
        </row>
        <row r="1053">
          <cell r="A1053" t="str">
            <v>015618</v>
          </cell>
          <cell r="B1053" t="str">
            <v>Searcy,Doug</v>
          </cell>
          <cell r="C1053" t="str">
            <v>097701</v>
          </cell>
          <cell r="D1053" t="str">
            <v>Scully,Toni L</v>
          </cell>
        </row>
        <row r="1054">
          <cell r="A1054" t="str">
            <v>283432</v>
          </cell>
          <cell r="B1054" t="str">
            <v>Sears,William J</v>
          </cell>
          <cell r="C1054" t="str">
            <v>015618</v>
          </cell>
          <cell r="D1054" t="str">
            <v>Searcy,Doug</v>
          </cell>
        </row>
        <row r="1055">
          <cell r="A1055" t="str">
            <v>024491</v>
          </cell>
          <cell r="B1055" t="str">
            <v>Sebastian,Danny L</v>
          </cell>
          <cell r="C1055" t="str">
            <v>283432</v>
          </cell>
          <cell r="D1055" t="str">
            <v>Sears,William J</v>
          </cell>
        </row>
        <row r="1056">
          <cell r="A1056" t="str">
            <v>015459</v>
          </cell>
          <cell r="B1056" t="str">
            <v>Sebo,Kris</v>
          </cell>
          <cell r="C1056" t="str">
            <v>024491</v>
          </cell>
          <cell r="D1056" t="str">
            <v>Sebastian,Danny L</v>
          </cell>
        </row>
        <row r="1057">
          <cell r="A1057" t="str">
            <v>075182</v>
          </cell>
          <cell r="B1057" t="str">
            <v>Sebree,Stan</v>
          </cell>
          <cell r="C1057" t="str">
            <v>015459</v>
          </cell>
          <cell r="D1057" t="str">
            <v>Sebo,Kris</v>
          </cell>
        </row>
        <row r="1058">
          <cell r="A1058" t="str">
            <v>075184</v>
          </cell>
          <cell r="B1058" t="str">
            <v>Sedziol,Ken</v>
          </cell>
          <cell r="C1058" t="str">
            <v>075182</v>
          </cell>
          <cell r="D1058" t="str">
            <v>Sebree,Stan</v>
          </cell>
        </row>
        <row r="1059">
          <cell r="A1059" t="str">
            <v>015934</v>
          </cell>
          <cell r="B1059" t="str">
            <v>Sego,Marilyn Ann</v>
          </cell>
          <cell r="C1059" t="str">
            <v>075184</v>
          </cell>
          <cell r="D1059" t="str">
            <v>Sedziol,Ken</v>
          </cell>
        </row>
        <row r="1060">
          <cell r="A1060" t="str">
            <v>075415</v>
          </cell>
          <cell r="B1060" t="str">
            <v>Seiter,Gilbert J</v>
          </cell>
          <cell r="C1060" t="str">
            <v>015934</v>
          </cell>
          <cell r="D1060" t="str">
            <v>Sego,Marilyn Ann</v>
          </cell>
        </row>
        <row r="1061">
          <cell r="A1061" t="str">
            <v>023859</v>
          </cell>
          <cell r="B1061" t="str">
            <v>Seiter,Shawn S</v>
          </cell>
          <cell r="C1061" t="str">
            <v>075415</v>
          </cell>
          <cell r="D1061" t="str">
            <v>Seiter,Gilbert J</v>
          </cell>
        </row>
        <row r="1062">
          <cell r="A1062" t="str">
            <v>075535</v>
          </cell>
          <cell r="B1062" t="str">
            <v>Seniours,Ronald</v>
          </cell>
          <cell r="C1062" t="str">
            <v>023859</v>
          </cell>
          <cell r="D1062" t="str">
            <v>Seiter,Shawn S</v>
          </cell>
        </row>
        <row r="1063">
          <cell r="A1063" t="str">
            <v>075806</v>
          </cell>
          <cell r="B1063" t="str">
            <v>Sharpshair,Dave</v>
          </cell>
          <cell r="C1063" t="str">
            <v>075535</v>
          </cell>
          <cell r="D1063" t="str">
            <v>Seniours,Ronald</v>
          </cell>
        </row>
        <row r="1064">
          <cell r="A1064" t="str">
            <v>023894</v>
          </cell>
          <cell r="B1064" t="str">
            <v>Shay-Rouster,Leslie C</v>
          </cell>
          <cell r="C1064" t="str">
            <v>075806</v>
          </cell>
          <cell r="D1064" t="str">
            <v>Sharpshair,Dave</v>
          </cell>
        </row>
        <row r="1065">
          <cell r="A1065" t="str">
            <v>008306</v>
          </cell>
          <cell r="B1065" t="str">
            <v>Shelby,Timothy Myron</v>
          </cell>
          <cell r="C1065" t="str">
            <v>023894</v>
          </cell>
          <cell r="D1065" t="str">
            <v>Shay-Rouster,Leslie C</v>
          </cell>
        </row>
        <row r="1066">
          <cell r="A1066" t="str">
            <v>015950</v>
          </cell>
          <cell r="B1066" t="str">
            <v>Sheller,Mark Clinton</v>
          </cell>
          <cell r="C1066" t="str">
            <v>008306</v>
          </cell>
          <cell r="D1066" t="str">
            <v>Shelby,Timothy Myron</v>
          </cell>
        </row>
        <row r="1067">
          <cell r="A1067" t="str">
            <v>028145</v>
          </cell>
          <cell r="B1067" t="str">
            <v>Shelton,Carrie Marie</v>
          </cell>
          <cell r="C1067" t="str">
            <v>015950</v>
          </cell>
          <cell r="D1067" t="str">
            <v>Sheller,Mark Clinton</v>
          </cell>
        </row>
        <row r="1068">
          <cell r="A1068" t="str">
            <v>076060</v>
          </cell>
          <cell r="B1068" t="str">
            <v>Shepard,Robin</v>
          </cell>
          <cell r="C1068" t="str">
            <v>028145</v>
          </cell>
          <cell r="D1068" t="str">
            <v>Shelton,Carrie Marie</v>
          </cell>
        </row>
        <row r="1069">
          <cell r="A1069" t="str">
            <v>076075</v>
          </cell>
          <cell r="B1069" t="str">
            <v>Shepherd,Carl</v>
          </cell>
          <cell r="C1069" t="str">
            <v>076060</v>
          </cell>
          <cell r="D1069" t="str">
            <v>Shepard,Robin</v>
          </cell>
        </row>
        <row r="1070">
          <cell r="A1070" t="str">
            <v>076095</v>
          </cell>
          <cell r="B1070" t="str">
            <v>Shepherd,Montgomery L</v>
          </cell>
          <cell r="C1070" t="str">
            <v>076075</v>
          </cell>
          <cell r="D1070" t="str">
            <v>Shepherd,Carl</v>
          </cell>
        </row>
        <row r="1071">
          <cell r="A1071" t="str">
            <v>032760</v>
          </cell>
          <cell r="B1071" t="str">
            <v>Shepherd,Rebekah A</v>
          </cell>
          <cell r="C1071" t="str">
            <v>076095</v>
          </cell>
          <cell r="D1071" t="str">
            <v>Shepherd,Montgomery L</v>
          </cell>
        </row>
        <row r="1072">
          <cell r="A1072" t="str">
            <v>272039</v>
          </cell>
          <cell r="B1072" t="str">
            <v>Shew,Daniel W</v>
          </cell>
          <cell r="C1072" t="str">
            <v>032760</v>
          </cell>
          <cell r="D1072" t="str">
            <v>Shepherd,Rebekah A</v>
          </cell>
        </row>
        <row r="1073">
          <cell r="A1073" t="str">
            <v>023736</v>
          </cell>
          <cell r="B1073" t="str">
            <v>Shields Jr,Jim</v>
          </cell>
          <cell r="C1073" t="str">
            <v>272039</v>
          </cell>
          <cell r="D1073" t="str">
            <v>Shew,Daniel W</v>
          </cell>
        </row>
        <row r="1074">
          <cell r="A1074" t="str">
            <v>030684</v>
          </cell>
          <cell r="B1074" t="str">
            <v>Shonkwiler,John T.</v>
          </cell>
          <cell r="C1074" t="str">
            <v>023736</v>
          </cell>
          <cell r="D1074" t="str">
            <v>Shields Jr,Jim</v>
          </cell>
        </row>
        <row r="1075">
          <cell r="A1075" t="str">
            <v>076357</v>
          </cell>
          <cell r="B1075" t="str">
            <v>Short,Howard J</v>
          </cell>
          <cell r="C1075" t="str">
            <v>030684</v>
          </cell>
          <cell r="D1075" t="str">
            <v>Shonkwiler,John T.</v>
          </cell>
        </row>
        <row r="1076">
          <cell r="A1076" t="str">
            <v>008923</v>
          </cell>
          <cell r="B1076" t="str">
            <v>Shoultz,Carolyn Goodrid</v>
          </cell>
          <cell r="C1076" t="str">
            <v>076357</v>
          </cell>
          <cell r="D1076" t="str">
            <v>Short,Howard J</v>
          </cell>
        </row>
        <row r="1077">
          <cell r="A1077" t="str">
            <v>076370</v>
          </cell>
          <cell r="B1077" t="str">
            <v>Shriver,Jeffrey J</v>
          </cell>
          <cell r="C1077" t="str">
            <v>008923</v>
          </cell>
          <cell r="D1077" t="str">
            <v>Shoultz,Carolyn Goodrid</v>
          </cell>
        </row>
        <row r="1078">
          <cell r="A1078" t="str">
            <v>076435</v>
          </cell>
          <cell r="B1078" t="str">
            <v>Sibcy,Eric S</v>
          </cell>
          <cell r="C1078" t="str">
            <v>076370</v>
          </cell>
          <cell r="D1078" t="str">
            <v>Shriver,Jeffrey J</v>
          </cell>
        </row>
        <row r="1079">
          <cell r="A1079" t="str">
            <v>076518</v>
          </cell>
          <cell r="B1079" t="str">
            <v>Siener,John K</v>
          </cell>
          <cell r="C1079" t="str">
            <v>076435</v>
          </cell>
          <cell r="D1079" t="str">
            <v>Sibcy,Eric S</v>
          </cell>
        </row>
        <row r="1080">
          <cell r="A1080" t="str">
            <v>026178</v>
          </cell>
          <cell r="B1080" t="str">
            <v>Siler,Michael D</v>
          </cell>
          <cell r="C1080" t="str">
            <v>030613</v>
          </cell>
          <cell r="D1080" t="str">
            <v>Siefert,Justin L</v>
          </cell>
        </row>
        <row r="1081">
          <cell r="A1081" t="str">
            <v>076578</v>
          </cell>
          <cell r="B1081" t="str">
            <v>Siler,Tom</v>
          </cell>
          <cell r="C1081" t="str">
            <v>076518</v>
          </cell>
          <cell r="D1081" t="str">
            <v>Siener,John K</v>
          </cell>
        </row>
        <row r="1082">
          <cell r="A1082" t="str">
            <v>076840</v>
          </cell>
          <cell r="B1082" t="str">
            <v>Simmons,Deborah Anne</v>
          </cell>
          <cell r="C1082" t="str">
            <v>026178</v>
          </cell>
          <cell r="D1082" t="str">
            <v>Siler,Michael D</v>
          </cell>
        </row>
        <row r="1083">
          <cell r="A1083" t="str">
            <v>076889</v>
          </cell>
          <cell r="B1083" t="str">
            <v>Simms,Mike</v>
          </cell>
          <cell r="C1083" t="str">
            <v>076578</v>
          </cell>
          <cell r="D1083" t="str">
            <v>Siler,Tom</v>
          </cell>
        </row>
        <row r="1084">
          <cell r="A1084" t="str">
            <v>289915</v>
          </cell>
          <cell r="B1084" t="str">
            <v>Simpson,Chris</v>
          </cell>
          <cell r="C1084" t="str">
            <v>076840</v>
          </cell>
          <cell r="D1084" t="str">
            <v>Simmons,Deborah Anne</v>
          </cell>
        </row>
        <row r="1085">
          <cell r="A1085" t="str">
            <v>289395</v>
          </cell>
          <cell r="B1085" t="str">
            <v>Sims,Steven Micheal</v>
          </cell>
          <cell r="C1085" t="str">
            <v>076889</v>
          </cell>
          <cell r="D1085" t="str">
            <v>Simms,Mike</v>
          </cell>
        </row>
        <row r="1086">
          <cell r="A1086" t="str">
            <v>077107</v>
          </cell>
          <cell r="B1086" t="str">
            <v>Sinclair,Anthony F</v>
          </cell>
          <cell r="C1086" t="str">
            <v>289915</v>
          </cell>
          <cell r="D1086" t="str">
            <v>Simpson,Chris</v>
          </cell>
        </row>
        <row r="1087">
          <cell r="A1087" t="str">
            <v>030686</v>
          </cell>
          <cell r="B1087" t="str">
            <v>Siples,William David</v>
          </cell>
          <cell r="C1087" t="str">
            <v>289395</v>
          </cell>
          <cell r="D1087" t="str">
            <v>Sims,Steven Micheal</v>
          </cell>
        </row>
        <row r="1088">
          <cell r="A1088" t="str">
            <v>077255</v>
          </cell>
          <cell r="B1088" t="str">
            <v>Siry,Rick</v>
          </cell>
          <cell r="C1088" t="str">
            <v>077107</v>
          </cell>
          <cell r="D1088" t="str">
            <v>Sinclair,Anthony F</v>
          </cell>
        </row>
        <row r="1089">
          <cell r="A1089" t="str">
            <v>278521</v>
          </cell>
          <cell r="B1089" t="str">
            <v>Sitterding,Dustin Ray</v>
          </cell>
          <cell r="C1089" t="str">
            <v>030686</v>
          </cell>
          <cell r="D1089" t="str">
            <v>Siples,William David</v>
          </cell>
        </row>
        <row r="1090">
          <cell r="A1090" t="str">
            <v>016234</v>
          </cell>
          <cell r="B1090" t="str">
            <v>Six,Earl Aaron</v>
          </cell>
          <cell r="C1090" t="str">
            <v>077255</v>
          </cell>
          <cell r="D1090" t="str">
            <v>Siry,Rick</v>
          </cell>
        </row>
        <row r="1091">
          <cell r="A1091" t="str">
            <v>022944</v>
          </cell>
          <cell r="B1091" t="str">
            <v>Slack,Blake</v>
          </cell>
          <cell r="C1091" t="str">
            <v>278521</v>
          </cell>
          <cell r="D1091" t="str">
            <v>Sitterding,Dustin Ray</v>
          </cell>
        </row>
        <row r="1092">
          <cell r="A1092" t="str">
            <v>326632</v>
          </cell>
          <cell r="B1092" t="str">
            <v>Smith,Aaron Quinton</v>
          </cell>
          <cell r="C1092" t="str">
            <v>016234</v>
          </cell>
          <cell r="D1092" t="str">
            <v>Six,Earl Aaron</v>
          </cell>
        </row>
        <row r="1093">
          <cell r="A1093" t="str">
            <v>291751</v>
          </cell>
          <cell r="B1093" t="str">
            <v>Smith,Brandon</v>
          </cell>
          <cell r="C1093" t="str">
            <v>022944</v>
          </cell>
          <cell r="D1093" t="str">
            <v>Slack,Blake</v>
          </cell>
        </row>
        <row r="1094">
          <cell r="A1094" t="str">
            <v>010238</v>
          </cell>
          <cell r="B1094" t="str">
            <v>Smith,Darnell</v>
          </cell>
          <cell r="C1094" t="str">
            <v>326632</v>
          </cell>
          <cell r="D1094" t="str">
            <v>Smith,Aaron Quinton</v>
          </cell>
        </row>
        <row r="1095">
          <cell r="A1095" t="str">
            <v>078043</v>
          </cell>
          <cell r="B1095" t="str">
            <v>Smith,Duane Lee</v>
          </cell>
          <cell r="C1095" t="str">
            <v>291751</v>
          </cell>
          <cell r="D1095" t="str">
            <v>Smith,Brandon</v>
          </cell>
        </row>
        <row r="1096">
          <cell r="A1096" t="str">
            <v>291705</v>
          </cell>
          <cell r="B1096" t="str">
            <v>Smith,Jerry L</v>
          </cell>
          <cell r="C1096" t="str">
            <v>010238</v>
          </cell>
          <cell r="D1096" t="str">
            <v>Smith,Darnell</v>
          </cell>
        </row>
        <row r="1097">
          <cell r="A1097" t="str">
            <v>017289</v>
          </cell>
          <cell r="B1097" t="str">
            <v>Smith,Jerry L</v>
          </cell>
          <cell r="C1097" t="str">
            <v>078043</v>
          </cell>
          <cell r="D1097" t="str">
            <v>Smith,Duane Lee</v>
          </cell>
        </row>
        <row r="1098">
          <cell r="A1098" t="str">
            <v>015929</v>
          </cell>
          <cell r="B1098" t="str">
            <v>Smith,Jim</v>
          </cell>
          <cell r="C1098" t="str">
            <v>017289</v>
          </cell>
          <cell r="D1098" t="str">
            <v>Smith,Jerry L</v>
          </cell>
        </row>
        <row r="1099">
          <cell r="A1099" t="str">
            <v>078475</v>
          </cell>
          <cell r="B1099" t="str">
            <v>Smith,Ken</v>
          </cell>
          <cell r="C1099" t="str">
            <v>291705</v>
          </cell>
          <cell r="D1099" t="str">
            <v>Smith,Jerry L</v>
          </cell>
        </row>
        <row r="1100">
          <cell r="A1100" t="str">
            <v>078472</v>
          </cell>
          <cell r="B1100" t="str">
            <v>Smith,Kenny</v>
          </cell>
          <cell r="C1100" t="str">
            <v>015929</v>
          </cell>
          <cell r="D1100" t="str">
            <v>Smith,Jim</v>
          </cell>
        </row>
        <row r="1101">
          <cell r="A1101" t="str">
            <v>017260</v>
          </cell>
          <cell r="B1101" t="str">
            <v>Smith,Lancha W</v>
          </cell>
          <cell r="C1101" t="str">
            <v>078475</v>
          </cell>
          <cell r="D1101" t="str">
            <v>Smith,Ken</v>
          </cell>
        </row>
        <row r="1102">
          <cell r="A1102" t="str">
            <v>014101</v>
          </cell>
          <cell r="B1102" t="str">
            <v>Smith,Luann</v>
          </cell>
          <cell r="C1102" t="str">
            <v>078472</v>
          </cell>
          <cell r="D1102" t="str">
            <v>Smith,Kenny</v>
          </cell>
        </row>
        <row r="1103">
          <cell r="A1103" t="str">
            <v>272246</v>
          </cell>
          <cell r="B1103" t="str">
            <v>Smith,Max A</v>
          </cell>
          <cell r="C1103" t="str">
            <v>017260</v>
          </cell>
          <cell r="D1103" t="str">
            <v>Smith,Lancha W</v>
          </cell>
        </row>
        <row r="1104">
          <cell r="A1104" t="str">
            <v>009644</v>
          </cell>
          <cell r="B1104" t="str">
            <v>Smith,Michael</v>
          </cell>
          <cell r="C1104" t="str">
            <v>014101</v>
          </cell>
          <cell r="D1104" t="str">
            <v>Smith,Luann</v>
          </cell>
        </row>
        <row r="1105">
          <cell r="A1105" t="str">
            <v>009333</v>
          </cell>
          <cell r="B1105" t="str">
            <v>Smith,Michael Lloyd</v>
          </cell>
          <cell r="C1105" t="str">
            <v>272246</v>
          </cell>
          <cell r="D1105" t="str">
            <v>Smith,Max A</v>
          </cell>
        </row>
        <row r="1106">
          <cell r="A1106" t="str">
            <v>030918</v>
          </cell>
          <cell r="B1106" t="str">
            <v>Smith,Michael Robert</v>
          </cell>
          <cell r="C1106" t="str">
            <v>009644</v>
          </cell>
          <cell r="D1106" t="str">
            <v>Smith,Michael</v>
          </cell>
        </row>
        <row r="1107">
          <cell r="A1107" t="str">
            <v>014678</v>
          </cell>
          <cell r="B1107" t="str">
            <v>Smith,Phil</v>
          </cell>
          <cell r="C1107" t="str">
            <v>009333</v>
          </cell>
          <cell r="D1107" t="str">
            <v>Smith,Michael Lloyd</v>
          </cell>
        </row>
        <row r="1108">
          <cell r="A1108" t="str">
            <v>095902</v>
          </cell>
          <cell r="B1108" t="str">
            <v>Smith,Richard A</v>
          </cell>
          <cell r="C1108" t="str">
            <v>030918</v>
          </cell>
          <cell r="D1108" t="str">
            <v>Smith,Michael Robert</v>
          </cell>
        </row>
        <row r="1109">
          <cell r="A1109" t="str">
            <v>078769</v>
          </cell>
          <cell r="B1109" t="str">
            <v>Smith,Ronnie Dale</v>
          </cell>
          <cell r="C1109" t="str">
            <v>014678</v>
          </cell>
          <cell r="D1109" t="str">
            <v>Smith,Phil</v>
          </cell>
        </row>
        <row r="1110">
          <cell r="A1110" t="str">
            <v>273552</v>
          </cell>
          <cell r="B1110" t="str">
            <v>Smith,Sarah J.</v>
          </cell>
          <cell r="C1110" t="str">
            <v>095902</v>
          </cell>
          <cell r="D1110" t="str">
            <v>Smith,Richard A</v>
          </cell>
        </row>
        <row r="1111">
          <cell r="A1111" t="str">
            <v>014795</v>
          </cell>
          <cell r="B1111" t="str">
            <v>Smith,Sherri Lorraine</v>
          </cell>
          <cell r="C1111" t="str">
            <v>078769</v>
          </cell>
          <cell r="D1111" t="str">
            <v>Smith,Ronnie Dale</v>
          </cell>
        </row>
        <row r="1112">
          <cell r="A1112" t="str">
            <v>078961</v>
          </cell>
          <cell r="B1112" t="str">
            <v>Smith,Winston L</v>
          </cell>
          <cell r="C1112" t="str">
            <v>273552</v>
          </cell>
          <cell r="D1112" t="str">
            <v>Smith,Sarah J.</v>
          </cell>
        </row>
        <row r="1113">
          <cell r="A1113" t="str">
            <v>291692</v>
          </cell>
          <cell r="B1113" t="str">
            <v>Snedegar,William A</v>
          </cell>
          <cell r="C1113" t="str">
            <v>014795</v>
          </cell>
          <cell r="D1113" t="str">
            <v>Smith,Sherri Lorraine</v>
          </cell>
        </row>
        <row r="1114">
          <cell r="A1114" t="str">
            <v>272377</v>
          </cell>
          <cell r="B1114" t="str">
            <v>Snodgrass,Josh</v>
          </cell>
          <cell r="C1114" t="str">
            <v>078961</v>
          </cell>
          <cell r="D1114" t="str">
            <v>Smith,Winston L</v>
          </cell>
        </row>
        <row r="1115">
          <cell r="A1115" t="str">
            <v>015443</v>
          </cell>
          <cell r="B1115" t="str">
            <v>Sowers,Herman Lee</v>
          </cell>
          <cell r="C1115" t="str">
            <v>291692</v>
          </cell>
          <cell r="D1115" t="str">
            <v>Snedegar,William A</v>
          </cell>
        </row>
        <row r="1116">
          <cell r="A1116" t="str">
            <v>275071</v>
          </cell>
          <cell r="B1116" t="str">
            <v>Spangle,Drew D</v>
          </cell>
          <cell r="C1116" t="str">
            <v>272377</v>
          </cell>
          <cell r="D1116" t="str">
            <v>Snodgrass,Josh</v>
          </cell>
        </row>
        <row r="1117">
          <cell r="A1117" t="str">
            <v>023998</v>
          </cell>
          <cell r="B1117" t="str">
            <v>Sparks,Sean M</v>
          </cell>
          <cell r="C1117" t="str">
            <v>015443</v>
          </cell>
          <cell r="D1117" t="str">
            <v>Sowers,Herman Lee</v>
          </cell>
        </row>
        <row r="1118">
          <cell r="A1118" t="str">
            <v>011158</v>
          </cell>
          <cell r="B1118" t="str">
            <v>Spears,Jimmy Wayne</v>
          </cell>
          <cell r="C1118" t="str">
            <v>275071</v>
          </cell>
          <cell r="D1118" t="str">
            <v>Spangle,Drew D</v>
          </cell>
        </row>
        <row r="1119">
          <cell r="A1119" t="str">
            <v>096462</v>
          </cell>
          <cell r="B1119" t="str">
            <v>Springer,Jason H</v>
          </cell>
          <cell r="C1119" t="str">
            <v>023998</v>
          </cell>
          <cell r="D1119" t="str">
            <v>Sparks,Sean M</v>
          </cell>
        </row>
        <row r="1120">
          <cell r="A1120" t="str">
            <v>010112</v>
          </cell>
          <cell r="B1120" t="str">
            <v>Spurgeon,Gary Lee</v>
          </cell>
          <cell r="C1120" t="str">
            <v>011158</v>
          </cell>
          <cell r="D1120" t="str">
            <v>Spears,Jimmy Wayne</v>
          </cell>
        </row>
        <row r="1121">
          <cell r="A1121" t="str">
            <v>079805</v>
          </cell>
          <cell r="B1121" t="str">
            <v>Stadelmann,Tim</v>
          </cell>
          <cell r="C1121" t="str">
            <v>096462</v>
          </cell>
          <cell r="D1121" t="str">
            <v>Springer,Jason H</v>
          </cell>
        </row>
        <row r="1122">
          <cell r="A1122" t="str">
            <v>027867</v>
          </cell>
          <cell r="B1122" t="str">
            <v>Stanforth,Ronald James</v>
          </cell>
          <cell r="C1122" t="str">
            <v>010112</v>
          </cell>
          <cell r="D1122" t="str">
            <v>Spurgeon,Gary Lee</v>
          </cell>
        </row>
        <row r="1123">
          <cell r="A1123" t="str">
            <v>014110</v>
          </cell>
          <cell r="B1123" t="str">
            <v>Stanifer,Tracy</v>
          </cell>
          <cell r="C1123" t="str">
            <v>079805</v>
          </cell>
          <cell r="D1123" t="str">
            <v>Stadelmann,Tim</v>
          </cell>
        </row>
        <row r="1124">
          <cell r="A1124" t="str">
            <v>097621</v>
          </cell>
          <cell r="B1124" t="str">
            <v>Stansberry,William R</v>
          </cell>
          <cell r="C1124" t="str">
            <v>027867</v>
          </cell>
          <cell r="D1124" t="str">
            <v>Stanforth,Ronald James</v>
          </cell>
        </row>
        <row r="1125">
          <cell r="A1125" t="str">
            <v>019918</v>
          </cell>
          <cell r="B1125" t="str">
            <v>Stath,Ron</v>
          </cell>
          <cell r="C1125" t="str">
            <v>014110</v>
          </cell>
          <cell r="D1125" t="str">
            <v>Stanifer,Tracy</v>
          </cell>
        </row>
        <row r="1126">
          <cell r="A1126" t="str">
            <v>285205</v>
          </cell>
          <cell r="B1126" t="str">
            <v>Staud,Mike</v>
          </cell>
          <cell r="C1126" t="str">
            <v>097621</v>
          </cell>
          <cell r="D1126" t="str">
            <v>Stansberry,William R</v>
          </cell>
        </row>
        <row r="1127">
          <cell r="A1127" t="str">
            <v>013479</v>
          </cell>
          <cell r="B1127" t="str">
            <v>Steele,Mary Jayne</v>
          </cell>
          <cell r="C1127" t="str">
            <v>019918</v>
          </cell>
          <cell r="D1127" t="str">
            <v>Stath,Ron</v>
          </cell>
        </row>
        <row r="1128">
          <cell r="A1128" t="str">
            <v>080595</v>
          </cell>
          <cell r="B1128" t="str">
            <v>Steiber,Edward John</v>
          </cell>
          <cell r="C1128" t="str">
            <v>285205</v>
          </cell>
          <cell r="D1128" t="str">
            <v>Staud,Mike</v>
          </cell>
        </row>
        <row r="1129">
          <cell r="A1129" t="str">
            <v>024632</v>
          </cell>
          <cell r="B1129" t="str">
            <v>Steinmetz,Corey J.</v>
          </cell>
          <cell r="C1129" t="str">
            <v>013479</v>
          </cell>
          <cell r="D1129" t="str">
            <v>Steele,Mary Jayne</v>
          </cell>
        </row>
        <row r="1130">
          <cell r="A1130" t="str">
            <v>326578</v>
          </cell>
          <cell r="B1130" t="str">
            <v>Stephens,Jeremy Anthony</v>
          </cell>
          <cell r="C1130" t="str">
            <v>080595</v>
          </cell>
          <cell r="D1130" t="str">
            <v>Steiber,Edward John</v>
          </cell>
        </row>
        <row r="1131">
          <cell r="A1131" t="str">
            <v>326566</v>
          </cell>
          <cell r="B1131" t="str">
            <v>Stephens,Joshua Anthony</v>
          </cell>
          <cell r="C1131" t="str">
            <v>024632</v>
          </cell>
          <cell r="D1131" t="str">
            <v>Steinmetz,Corey J.</v>
          </cell>
        </row>
        <row r="1132">
          <cell r="A1132" t="str">
            <v>081024</v>
          </cell>
          <cell r="B1132" t="str">
            <v>Stephenson,Ricky Allen</v>
          </cell>
          <cell r="C1132" t="str">
            <v>326578</v>
          </cell>
          <cell r="D1132" t="str">
            <v>Stephens,Jeremy Anthony</v>
          </cell>
        </row>
        <row r="1133">
          <cell r="A1133" t="str">
            <v>009591</v>
          </cell>
          <cell r="B1133" t="str">
            <v>Stevenson,Denise</v>
          </cell>
          <cell r="C1133" t="str">
            <v>326566</v>
          </cell>
          <cell r="D1133" t="str">
            <v>Stephens,Joshua Anthony</v>
          </cell>
        </row>
        <row r="1134">
          <cell r="A1134" t="str">
            <v>281697</v>
          </cell>
          <cell r="B1134" t="str">
            <v>Stevenson,Mark A</v>
          </cell>
          <cell r="C1134" t="str">
            <v>081024</v>
          </cell>
          <cell r="D1134" t="str">
            <v>Stephenson,Ricky Allen</v>
          </cell>
        </row>
        <row r="1135">
          <cell r="A1135" t="str">
            <v>009798</v>
          </cell>
          <cell r="B1135" t="str">
            <v>Stier,Stephen Bernard</v>
          </cell>
          <cell r="C1135" t="str">
            <v>009591</v>
          </cell>
          <cell r="D1135" t="str">
            <v>Stevenson,Denise</v>
          </cell>
        </row>
        <row r="1136">
          <cell r="A1136" t="str">
            <v>284791</v>
          </cell>
          <cell r="B1136" t="str">
            <v>Stiner,Kyle</v>
          </cell>
          <cell r="C1136" t="str">
            <v>281697</v>
          </cell>
          <cell r="D1136" t="str">
            <v>Stevenson,Mark A</v>
          </cell>
        </row>
        <row r="1137">
          <cell r="A1137" t="str">
            <v>081490</v>
          </cell>
          <cell r="B1137" t="str">
            <v>Stith,Gregory A</v>
          </cell>
          <cell r="C1137" t="str">
            <v>009798</v>
          </cell>
          <cell r="D1137" t="str">
            <v>Stier,Stephen Bernard</v>
          </cell>
        </row>
        <row r="1138">
          <cell r="A1138" t="str">
            <v>025471</v>
          </cell>
          <cell r="B1138" t="str">
            <v>Stitt,Jonathan Derek</v>
          </cell>
          <cell r="C1138" t="str">
            <v>284791</v>
          </cell>
          <cell r="D1138" t="str">
            <v>Stiner,Kyle</v>
          </cell>
        </row>
        <row r="1139">
          <cell r="A1139" t="str">
            <v>014762</v>
          </cell>
          <cell r="B1139" t="str">
            <v>Stoner,Scotty Joe</v>
          </cell>
          <cell r="C1139" t="str">
            <v>081490</v>
          </cell>
          <cell r="D1139" t="str">
            <v>Stith,Gregory A</v>
          </cell>
        </row>
        <row r="1140">
          <cell r="A1140" t="str">
            <v>082309</v>
          </cell>
          <cell r="B1140" t="str">
            <v>Strong,Larry E</v>
          </cell>
          <cell r="C1140" t="str">
            <v>025471</v>
          </cell>
          <cell r="D1140" t="str">
            <v>Stitt,Jonathan Derek</v>
          </cell>
        </row>
        <row r="1141">
          <cell r="A1141" t="str">
            <v>097344</v>
          </cell>
          <cell r="B1141" t="str">
            <v>Strunk,John R</v>
          </cell>
          <cell r="C1141" t="str">
            <v>014762</v>
          </cell>
          <cell r="D1141" t="str">
            <v>Stoner,Scotty Joe</v>
          </cell>
        </row>
        <row r="1142">
          <cell r="A1142" t="str">
            <v>022837</v>
          </cell>
          <cell r="B1142" t="str">
            <v>Stubbs,Scott A</v>
          </cell>
          <cell r="C1142" t="str">
            <v>082309</v>
          </cell>
          <cell r="D1142" t="str">
            <v>Strong,Larry E</v>
          </cell>
        </row>
        <row r="1143">
          <cell r="A1143" t="str">
            <v>272405</v>
          </cell>
          <cell r="B1143" t="str">
            <v>Stuckey,Katie Joan</v>
          </cell>
          <cell r="C1143" t="str">
            <v>097344</v>
          </cell>
          <cell r="D1143" t="str">
            <v>Strunk,John R</v>
          </cell>
        </row>
        <row r="1144">
          <cell r="A1144" t="str">
            <v>278516</v>
          </cell>
          <cell r="B1144" t="str">
            <v>Stuckey,Michael D</v>
          </cell>
          <cell r="C1144" t="str">
            <v>022837</v>
          </cell>
          <cell r="D1144" t="str">
            <v>Stubbs,Scott A</v>
          </cell>
        </row>
        <row r="1145">
          <cell r="A1145" t="str">
            <v>082508</v>
          </cell>
          <cell r="B1145" t="str">
            <v>Studer,Ron</v>
          </cell>
          <cell r="C1145" t="str">
            <v>272405</v>
          </cell>
          <cell r="D1145" t="str">
            <v>Stuckey,Katie Joan</v>
          </cell>
        </row>
        <row r="1146">
          <cell r="A1146" t="str">
            <v>025525</v>
          </cell>
          <cell r="B1146" t="str">
            <v>Stultz,Ryan</v>
          </cell>
          <cell r="C1146" t="str">
            <v>278516</v>
          </cell>
          <cell r="D1146" t="str">
            <v>Stuckey,Michael D</v>
          </cell>
        </row>
        <row r="1147">
          <cell r="A1147" t="str">
            <v>272106</v>
          </cell>
          <cell r="B1147" t="str">
            <v>Sullivan,Anthony</v>
          </cell>
          <cell r="C1147" t="str">
            <v>082508</v>
          </cell>
          <cell r="D1147" t="str">
            <v>Studer,Ron</v>
          </cell>
        </row>
        <row r="1148">
          <cell r="A1148" t="str">
            <v>082802</v>
          </cell>
          <cell r="B1148" t="str">
            <v>Sullivan,Mark D</v>
          </cell>
          <cell r="C1148" t="str">
            <v>025525</v>
          </cell>
          <cell r="D1148" t="str">
            <v>Stultz,Ryan</v>
          </cell>
        </row>
        <row r="1149">
          <cell r="A1149" t="str">
            <v>026114</v>
          </cell>
          <cell r="B1149" t="str">
            <v>Sullivan,Ron</v>
          </cell>
          <cell r="C1149" t="str">
            <v>272106</v>
          </cell>
          <cell r="D1149" t="str">
            <v>Sullivan,Anthony</v>
          </cell>
        </row>
        <row r="1150">
          <cell r="A1150" t="str">
            <v>010106</v>
          </cell>
          <cell r="B1150" t="str">
            <v>Sutherland,Mike</v>
          </cell>
          <cell r="C1150" t="str">
            <v>082802</v>
          </cell>
          <cell r="D1150" t="str">
            <v>Sullivan,Mark D</v>
          </cell>
        </row>
        <row r="1151">
          <cell r="A1151" t="str">
            <v>023860</v>
          </cell>
          <cell r="B1151" t="str">
            <v>Sutton,Jody B</v>
          </cell>
          <cell r="C1151" t="str">
            <v>026114</v>
          </cell>
          <cell r="D1151" t="str">
            <v>Sullivan,Ron</v>
          </cell>
        </row>
        <row r="1152">
          <cell r="A1152" t="str">
            <v>030022</v>
          </cell>
          <cell r="B1152" t="str">
            <v>Swartzentruber,Jesse Willis</v>
          </cell>
          <cell r="C1152" t="str">
            <v>010106</v>
          </cell>
          <cell r="D1152" t="str">
            <v>Sutherland,Mike</v>
          </cell>
        </row>
        <row r="1153">
          <cell r="A1153" t="str">
            <v>015386</v>
          </cell>
          <cell r="B1153" t="str">
            <v>Sweat,Dennis Wayne</v>
          </cell>
          <cell r="C1153" t="str">
            <v>023860</v>
          </cell>
          <cell r="D1153" t="str">
            <v>Sutton,Jody B</v>
          </cell>
        </row>
        <row r="1154">
          <cell r="A1154" t="str">
            <v>275378</v>
          </cell>
          <cell r="B1154" t="str">
            <v>Sweeney,Logan</v>
          </cell>
          <cell r="C1154" t="str">
            <v>030022</v>
          </cell>
          <cell r="D1154" t="str">
            <v>Swartzentruber,Jesse Willis</v>
          </cell>
        </row>
        <row r="1155">
          <cell r="A1155" t="str">
            <v>083538</v>
          </cell>
          <cell r="B1155" t="str">
            <v>Tanner,Marc A</v>
          </cell>
          <cell r="C1155" t="str">
            <v>015386</v>
          </cell>
          <cell r="D1155" t="str">
            <v>Sweat,Dennis Wayne</v>
          </cell>
        </row>
        <row r="1156">
          <cell r="A1156" t="str">
            <v>361789</v>
          </cell>
          <cell r="B1156" t="str">
            <v>Tapp,Kyle Wayne</v>
          </cell>
          <cell r="C1156" t="str">
            <v>275378</v>
          </cell>
          <cell r="D1156" t="str">
            <v>Sweeney,Logan</v>
          </cell>
        </row>
        <row r="1157">
          <cell r="A1157" t="str">
            <v>083650</v>
          </cell>
          <cell r="B1157" t="str">
            <v>Tate,Kevin</v>
          </cell>
          <cell r="C1157" t="str">
            <v>083538</v>
          </cell>
          <cell r="D1157" t="str">
            <v>Tanner,Marc A</v>
          </cell>
        </row>
        <row r="1158">
          <cell r="A1158" t="str">
            <v>083953</v>
          </cell>
          <cell r="B1158" t="str">
            <v>Taylor,Gregory S</v>
          </cell>
          <cell r="C1158" t="str">
            <v>361789</v>
          </cell>
          <cell r="D1158" t="str">
            <v>Tapp,Kyle Wayne</v>
          </cell>
        </row>
        <row r="1159">
          <cell r="A1159" t="str">
            <v>007683</v>
          </cell>
          <cell r="B1159" t="str">
            <v>Taylor,Matt</v>
          </cell>
          <cell r="C1159" t="str">
            <v>083650</v>
          </cell>
          <cell r="D1159" t="str">
            <v>Tate,Kevin</v>
          </cell>
        </row>
        <row r="1160">
          <cell r="A1160" t="str">
            <v>095538</v>
          </cell>
          <cell r="B1160" t="str">
            <v>Tearman,Bryan R</v>
          </cell>
          <cell r="C1160" t="str">
            <v>083953</v>
          </cell>
          <cell r="D1160" t="str">
            <v>Taylor,Gregory S</v>
          </cell>
        </row>
        <row r="1161">
          <cell r="A1161" t="str">
            <v>084063</v>
          </cell>
          <cell r="B1161" t="str">
            <v>Tedeschi,Ted A</v>
          </cell>
          <cell r="C1161" t="str">
            <v>007683</v>
          </cell>
          <cell r="D1161" t="str">
            <v>Taylor,Matt</v>
          </cell>
        </row>
        <row r="1162">
          <cell r="A1162" t="str">
            <v>069634</v>
          </cell>
          <cell r="B1162" t="str">
            <v>Teegarden,Marlene Sue</v>
          </cell>
          <cell r="C1162" t="str">
            <v>095538</v>
          </cell>
          <cell r="D1162" t="str">
            <v>Tearman,Bryan R</v>
          </cell>
        </row>
        <row r="1163">
          <cell r="A1163" t="str">
            <v>084225</v>
          </cell>
          <cell r="B1163" t="str">
            <v>Temple,Richard William</v>
          </cell>
          <cell r="C1163" t="str">
            <v>084063</v>
          </cell>
          <cell r="D1163" t="str">
            <v>Tedeschi,Ted A</v>
          </cell>
        </row>
        <row r="1164">
          <cell r="A1164" t="str">
            <v>365520</v>
          </cell>
          <cell r="B1164" t="str">
            <v>Tepe,Chris</v>
          </cell>
          <cell r="C1164" t="str">
            <v>069634</v>
          </cell>
          <cell r="D1164" t="str">
            <v>Teegarden,Marlene Sue</v>
          </cell>
        </row>
        <row r="1165">
          <cell r="A1165" t="str">
            <v>016221</v>
          </cell>
          <cell r="B1165" t="str">
            <v>Terrell,Brian Keith</v>
          </cell>
          <cell r="C1165" t="str">
            <v>084225</v>
          </cell>
          <cell r="D1165" t="str">
            <v>Temple,Richard William</v>
          </cell>
        </row>
        <row r="1166">
          <cell r="A1166" t="str">
            <v>025516</v>
          </cell>
          <cell r="B1166" t="str">
            <v>Terrell,Dave Bruce</v>
          </cell>
          <cell r="C1166" t="str">
            <v>365520</v>
          </cell>
          <cell r="D1166" t="str">
            <v>Tepe,Chris</v>
          </cell>
        </row>
        <row r="1167">
          <cell r="A1167" t="str">
            <v>084300</v>
          </cell>
          <cell r="B1167" t="str">
            <v>Terry,Timothy J</v>
          </cell>
          <cell r="C1167" t="str">
            <v>016221</v>
          </cell>
          <cell r="D1167" t="str">
            <v>Terrell,Brian Keith</v>
          </cell>
        </row>
        <row r="1168">
          <cell r="A1168" t="str">
            <v>025560</v>
          </cell>
          <cell r="B1168" t="str">
            <v>Thomas,Antonio L</v>
          </cell>
          <cell r="C1168" t="str">
            <v>025516</v>
          </cell>
          <cell r="D1168" t="str">
            <v>Terrell,Dave Bruce</v>
          </cell>
        </row>
        <row r="1169">
          <cell r="A1169" t="str">
            <v>283285</v>
          </cell>
          <cell r="B1169" t="str">
            <v>Thomas,Brian D</v>
          </cell>
          <cell r="C1169" t="str">
            <v>084300</v>
          </cell>
          <cell r="D1169" t="str">
            <v>Terry,Timothy J</v>
          </cell>
        </row>
        <row r="1170">
          <cell r="A1170" t="str">
            <v>084515</v>
          </cell>
          <cell r="B1170" t="str">
            <v>Thomas,Gina Lee</v>
          </cell>
          <cell r="C1170" t="str">
            <v>025560</v>
          </cell>
          <cell r="D1170" t="str">
            <v>Thomas,Antonio L</v>
          </cell>
        </row>
        <row r="1171">
          <cell r="A1171" t="str">
            <v>026227</v>
          </cell>
          <cell r="B1171" t="str">
            <v>Thomas,Joe</v>
          </cell>
          <cell r="C1171" t="str">
            <v>283285</v>
          </cell>
          <cell r="D1171" t="str">
            <v>Thomas,Brian D</v>
          </cell>
        </row>
        <row r="1172">
          <cell r="A1172" t="str">
            <v>084692</v>
          </cell>
          <cell r="B1172" t="str">
            <v>Thompson Jr,Bill</v>
          </cell>
          <cell r="C1172" t="str">
            <v>084515</v>
          </cell>
          <cell r="D1172" t="str">
            <v>Thomas,Gina Lee</v>
          </cell>
        </row>
        <row r="1173">
          <cell r="A1173" t="str">
            <v>024932</v>
          </cell>
          <cell r="B1173" t="str">
            <v>Thompson,John Franklin</v>
          </cell>
          <cell r="C1173" t="str">
            <v>026227</v>
          </cell>
          <cell r="D1173" t="str">
            <v>Thomas,Joe</v>
          </cell>
        </row>
        <row r="1174">
          <cell r="A1174" t="str">
            <v>084639</v>
          </cell>
          <cell r="B1174" t="str">
            <v>Thompson,Leslie Byron</v>
          </cell>
          <cell r="C1174" t="str">
            <v>084692</v>
          </cell>
          <cell r="D1174" t="str">
            <v>Thompson Jr,Bill</v>
          </cell>
        </row>
        <row r="1175">
          <cell r="A1175" t="str">
            <v>326087</v>
          </cell>
          <cell r="B1175" t="str">
            <v>Thompson,Steven R.</v>
          </cell>
          <cell r="C1175" t="str">
            <v>024932</v>
          </cell>
          <cell r="D1175" t="str">
            <v>Thompson,John Franklin</v>
          </cell>
        </row>
        <row r="1176">
          <cell r="A1176" t="str">
            <v>084682</v>
          </cell>
          <cell r="B1176" t="str">
            <v>Thompson,Tony</v>
          </cell>
          <cell r="C1176" t="str">
            <v>084639</v>
          </cell>
          <cell r="D1176" t="str">
            <v>Thompson,Leslie Byron</v>
          </cell>
        </row>
        <row r="1177">
          <cell r="A1177" t="str">
            <v>016091</v>
          </cell>
          <cell r="B1177" t="str">
            <v>Timberman,Kevin L</v>
          </cell>
          <cell r="C1177" t="str">
            <v>326087</v>
          </cell>
          <cell r="D1177" t="str">
            <v>Thompson,Steven R.</v>
          </cell>
        </row>
        <row r="1178">
          <cell r="A1178" t="str">
            <v>291404</v>
          </cell>
          <cell r="B1178" t="str">
            <v>Timmerding,Jeremy Joseph</v>
          </cell>
          <cell r="C1178" t="str">
            <v>084682</v>
          </cell>
          <cell r="D1178" t="str">
            <v>Thompson,Tony</v>
          </cell>
        </row>
        <row r="1179">
          <cell r="A1179" t="str">
            <v>078607</v>
          </cell>
          <cell r="B1179" t="str">
            <v>Titus-Smith,Marlene</v>
          </cell>
          <cell r="C1179" t="str">
            <v>016091</v>
          </cell>
          <cell r="D1179" t="str">
            <v>Timberman,Kevin L</v>
          </cell>
        </row>
        <row r="1180">
          <cell r="A1180" t="str">
            <v>084939</v>
          </cell>
          <cell r="B1180" t="str">
            <v>Tobergte,A Matthew</v>
          </cell>
          <cell r="C1180" t="str">
            <v>291404</v>
          </cell>
          <cell r="D1180" t="str">
            <v>Timmerding,Jeremy Joseph</v>
          </cell>
        </row>
        <row r="1181">
          <cell r="A1181" t="str">
            <v>012986</v>
          </cell>
          <cell r="B1181" t="str">
            <v>Tolbert,Steve</v>
          </cell>
          <cell r="C1181" t="str">
            <v>078607</v>
          </cell>
          <cell r="D1181" t="str">
            <v>Titus-Smith,Marlene</v>
          </cell>
        </row>
        <row r="1182">
          <cell r="A1182" t="str">
            <v>084981</v>
          </cell>
          <cell r="B1182" t="str">
            <v>Tolle,Kevin L</v>
          </cell>
          <cell r="C1182" t="str">
            <v>084939</v>
          </cell>
          <cell r="D1182" t="str">
            <v>Tobergte,A Matthew</v>
          </cell>
        </row>
        <row r="1183">
          <cell r="A1183" t="str">
            <v>026332</v>
          </cell>
          <cell r="B1183" t="str">
            <v>Tom,Steven D.</v>
          </cell>
          <cell r="C1183" t="str">
            <v>012986</v>
          </cell>
          <cell r="D1183" t="str">
            <v>Tolbert,Steve</v>
          </cell>
        </row>
        <row r="1184">
          <cell r="A1184" t="str">
            <v>326672</v>
          </cell>
          <cell r="B1184" t="str">
            <v>Tomey,Wesley Curtis</v>
          </cell>
          <cell r="C1184" t="str">
            <v>084981</v>
          </cell>
          <cell r="D1184" t="str">
            <v>Tolle,Kevin L</v>
          </cell>
        </row>
        <row r="1185">
          <cell r="A1185" t="str">
            <v>024934</v>
          </cell>
          <cell r="B1185" t="str">
            <v>Tompkins,Jack</v>
          </cell>
          <cell r="C1185" t="str">
            <v>026332</v>
          </cell>
          <cell r="D1185" t="str">
            <v>Tom,Steven D.</v>
          </cell>
        </row>
        <row r="1186">
          <cell r="A1186" t="str">
            <v>085060</v>
          </cell>
          <cell r="B1186" t="str">
            <v>Townsend,Jim</v>
          </cell>
          <cell r="C1186" t="str">
            <v>326672</v>
          </cell>
          <cell r="D1186" t="str">
            <v>Tomey,Wesley Curtis</v>
          </cell>
        </row>
        <row r="1187">
          <cell r="A1187" t="str">
            <v>085141</v>
          </cell>
          <cell r="B1187" t="str">
            <v>Trammell,Larry L</v>
          </cell>
          <cell r="C1187" t="str">
            <v>024934</v>
          </cell>
          <cell r="D1187" t="str">
            <v>Tompkins,Jack</v>
          </cell>
        </row>
        <row r="1188">
          <cell r="A1188" t="str">
            <v>085156</v>
          </cell>
          <cell r="B1188" t="str">
            <v>Trammell,Sam</v>
          </cell>
          <cell r="C1188" t="str">
            <v>085060</v>
          </cell>
          <cell r="D1188" t="str">
            <v>Townsend,Jim</v>
          </cell>
        </row>
        <row r="1189">
          <cell r="A1189" t="str">
            <v>014630</v>
          </cell>
          <cell r="B1189" t="str">
            <v>Tribby,Richard Lee</v>
          </cell>
          <cell r="C1189" t="str">
            <v>085141</v>
          </cell>
          <cell r="D1189" t="str">
            <v>Trammell,Larry L</v>
          </cell>
        </row>
        <row r="1190">
          <cell r="A1190" t="str">
            <v>023675</v>
          </cell>
          <cell r="B1190" t="str">
            <v>Trippany,Jodi</v>
          </cell>
          <cell r="C1190" t="str">
            <v>085156</v>
          </cell>
          <cell r="D1190" t="str">
            <v>Trammell,Sam</v>
          </cell>
        </row>
        <row r="1191">
          <cell r="A1191" t="str">
            <v>085317</v>
          </cell>
          <cell r="B1191" t="str">
            <v>Trotta,Michael G</v>
          </cell>
          <cell r="C1191" t="str">
            <v>014630</v>
          </cell>
          <cell r="D1191" t="str">
            <v>Tribby,Richard Lee</v>
          </cell>
        </row>
        <row r="1192">
          <cell r="A1192" t="str">
            <v>023468</v>
          </cell>
          <cell r="B1192" t="str">
            <v>Trowbridge,Danny J</v>
          </cell>
          <cell r="C1192" t="str">
            <v>023675</v>
          </cell>
          <cell r="D1192" t="str">
            <v>Trippany,Jodi</v>
          </cell>
        </row>
        <row r="1193">
          <cell r="A1193" t="str">
            <v>015465</v>
          </cell>
          <cell r="B1193" t="str">
            <v>Tuley,Doc</v>
          </cell>
          <cell r="C1193" t="str">
            <v>085317</v>
          </cell>
          <cell r="D1193" t="str">
            <v>Trotta,Michael G</v>
          </cell>
        </row>
        <row r="1194">
          <cell r="A1194" t="str">
            <v>273566</v>
          </cell>
          <cell r="B1194" t="str">
            <v>Turner,Christopher M.</v>
          </cell>
          <cell r="C1194" t="str">
            <v>023468</v>
          </cell>
          <cell r="D1194" t="str">
            <v>Trowbridge,Danny J</v>
          </cell>
        </row>
        <row r="1195">
          <cell r="A1195" t="str">
            <v>024952</v>
          </cell>
          <cell r="B1195" t="str">
            <v>Turner,Michael D</v>
          </cell>
          <cell r="C1195" t="str">
            <v>015465</v>
          </cell>
          <cell r="D1195" t="str">
            <v>Tuley,Doc</v>
          </cell>
        </row>
        <row r="1196">
          <cell r="A1196" t="str">
            <v>015574</v>
          </cell>
          <cell r="B1196" t="str">
            <v>Turner,Paul Jack</v>
          </cell>
          <cell r="C1196" t="str">
            <v>273566</v>
          </cell>
          <cell r="D1196" t="str">
            <v>Turner,Christopher M.</v>
          </cell>
        </row>
        <row r="1197">
          <cell r="A1197" t="str">
            <v>085581</v>
          </cell>
          <cell r="B1197" t="str">
            <v>Tuttle,Ricky D</v>
          </cell>
          <cell r="C1197" t="str">
            <v>024952</v>
          </cell>
          <cell r="D1197" t="str">
            <v>Turner,Michael D</v>
          </cell>
        </row>
        <row r="1198">
          <cell r="A1198" t="str">
            <v>367984</v>
          </cell>
          <cell r="B1198" t="str">
            <v>Tweedy,Chad</v>
          </cell>
          <cell r="C1198" t="str">
            <v>015574</v>
          </cell>
          <cell r="D1198" t="str">
            <v>Turner,Paul Jack</v>
          </cell>
        </row>
        <row r="1199">
          <cell r="A1199" t="str">
            <v>030920</v>
          </cell>
          <cell r="B1199" t="str">
            <v>Twehues,Steven R</v>
          </cell>
          <cell r="C1199" t="str">
            <v>085581</v>
          </cell>
          <cell r="D1199" t="str">
            <v>Tuttle,Ricky D</v>
          </cell>
        </row>
        <row r="1200">
          <cell r="A1200" t="str">
            <v>014153</v>
          </cell>
          <cell r="B1200" t="str">
            <v>Tyler,Darrell</v>
          </cell>
          <cell r="C1200" t="str">
            <v>030920</v>
          </cell>
          <cell r="D1200" t="str">
            <v>Twehues,Steven R</v>
          </cell>
        </row>
        <row r="1201">
          <cell r="A1201" t="str">
            <v>010581</v>
          </cell>
          <cell r="B1201" t="str">
            <v>Umbaugh,Tim</v>
          </cell>
          <cell r="C1201" t="str">
            <v>014153</v>
          </cell>
          <cell r="D1201" t="str">
            <v>Tyler,Darrell</v>
          </cell>
        </row>
        <row r="1202">
          <cell r="A1202" t="str">
            <v>024541</v>
          </cell>
          <cell r="B1202" t="str">
            <v>Un,Vanna</v>
          </cell>
          <cell r="C1202" t="str">
            <v>010581</v>
          </cell>
          <cell r="D1202" t="str">
            <v>Umbaugh,Tim</v>
          </cell>
        </row>
        <row r="1203">
          <cell r="A1203" t="str">
            <v>024507</v>
          </cell>
          <cell r="B1203" t="str">
            <v>Underhill,Kirk</v>
          </cell>
          <cell r="C1203" t="str">
            <v>024541</v>
          </cell>
          <cell r="D1203" t="str">
            <v>Un,Vanna</v>
          </cell>
        </row>
        <row r="1204">
          <cell r="A1204" t="str">
            <v>283442</v>
          </cell>
          <cell r="B1204" t="str">
            <v>Urfer,Ross T</v>
          </cell>
          <cell r="C1204" t="str">
            <v>024507</v>
          </cell>
          <cell r="D1204" t="str">
            <v>Underhill,Kirk</v>
          </cell>
        </row>
        <row r="1205">
          <cell r="A1205" t="str">
            <v>286875</v>
          </cell>
          <cell r="B1205" t="str">
            <v>Urrutia,Jack</v>
          </cell>
          <cell r="C1205" t="str">
            <v>283442</v>
          </cell>
          <cell r="D1205" t="str">
            <v>Urfer,Ross T</v>
          </cell>
        </row>
        <row r="1206">
          <cell r="A1206" t="str">
            <v>085833</v>
          </cell>
          <cell r="B1206" t="str">
            <v>Utley,Forrest J</v>
          </cell>
          <cell r="C1206" t="str">
            <v>286875</v>
          </cell>
          <cell r="D1206" t="str">
            <v>Urrutia,Jack</v>
          </cell>
        </row>
        <row r="1207">
          <cell r="A1207" t="str">
            <v>280251</v>
          </cell>
          <cell r="B1207" t="str">
            <v>Vallandingham,Todd</v>
          </cell>
          <cell r="C1207" t="str">
            <v>085833</v>
          </cell>
          <cell r="D1207" t="str">
            <v>Utley,Forrest J</v>
          </cell>
        </row>
        <row r="1208">
          <cell r="A1208" t="str">
            <v>011970</v>
          </cell>
          <cell r="B1208" t="str">
            <v>VanCleave,Meechie</v>
          </cell>
          <cell r="C1208" t="str">
            <v>280251</v>
          </cell>
          <cell r="D1208" t="str">
            <v>Vallandingham,Todd</v>
          </cell>
        </row>
        <row r="1209">
          <cell r="A1209" t="str">
            <v>283218</v>
          </cell>
          <cell r="B1209" t="str">
            <v>VanDeventer,Heath H</v>
          </cell>
          <cell r="C1209" t="str">
            <v>011970</v>
          </cell>
          <cell r="D1209" t="str">
            <v>VanCleave,Meechie</v>
          </cell>
        </row>
        <row r="1210">
          <cell r="A1210" t="str">
            <v>013101</v>
          </cell>
          <cell r="B1210" t="str">
            <v>Vandivier,Tom</v>
          </cell>
          <cell r="C1210" t="str">
            <v>283218</v>
          </cell>
          <cell r="D1210" t="str">
            <v>VanDeventer,Heath H</v>
          </cell>
        </row>
        <row r="1211">
          <cell r="A1211" t="str">
            <v>289238</v>
          </cell>
          <cell r="B1211" t="str">
            <v>Vanesky,Jeremiah J.</v>
          </cell>
          <cell r="C1211" t="str">
            <v>013101</v>
          </cell>
          <cell r="D1211" t="str">
            <v>Vandivier,Tom</v>
          </cell>
        </row>
        <row r="1212">
          <cell r="A1212" t="str">
            <v>025517</v>
          </cell>
          <cell r="B1212" t="str">
            <v>VanHook,Brett Alan</v>
          </cell>
          <cell r="C1212" t="str">
            <v>289238</v>
          </cell>
          <cell r="D1212" t="str">
            <v>Vanesky,Jeremiah J.</v>
          </cell>
        </row>
        <row r="1213">
          <cell r="A1213" t="str">
            <v>015040</v>
          </cell>
          <cell r="B1213" t="str">
            <v>VanHook,Richard Alan</v>
          </cell>
          <cell r="C1213" t="str">
            <v>025517</v>
          </cell>
          <cell r="D1213" t="str">
            <v>VanHook,Brett Alan</v>
          </cell>
        </row>
        <row r="1214">
          <cell r="A1214" t="str">
            <v>012846</v>
          </cell>
          <cell r="B1214" t="str">
            <v>Vanlandingham,Kathy Sue</v>
          </cell>
          <cell r="C1214" t="str">
            <v>015040</v>
          </cell>
          <cell r="D1214" t="str">
            <v>VanHook,Richard Alan</v>
          </cell>
        </row>
        <row r="1215">
          <cell r="A1215" t="str">
            <v>031790</v>
          </cell>
          <cell r="B1215" t="str">
            <v>Vanover,Tamra M</v>
          </cell>
          <cell r="C1215" t="str">
            <v>012846</v>
          </cell>
          <cell r="D1215" t="str">
            <v>Vanlandingham,Kathy Sue</v>
          </cell>
        </row>
        <row r="1216">
          <cell r="A1216" t="str">
            <v>016313</v>
          </cell>
          <cell r="B1216" t="str">
            <v>VanValkenburg,Gaye Lynn</v>
          </cell>
          <cell r="C1216" t="str">
            <v>031790</v>
          </cell>
          <cell r="D1216" t="str">
            <v>Vanover,Tamra M</v>
          </cell>
        </row>
        <row r="1217">
          <cell r="A1217" t="str">
            <v>031016</v>
          </cell>
          <cell r="B1217" t="str">
            <v>Veite,Benjamin Joseph</v>
          </cell>
          <cell r="C1217" t="str">
            <v>016313</v>
          </cell>
          <cell r="D1217" t="str">
            <v>VanValkenburg,Gaye Lynn</v>
          </cell>
        </row>
        <row r="1218">
          <cell r="A1218" t="str">
            <v>086195</v>
          </cell>
          <cell r="B1218" t="str">
            <v>Venable,Suzan</v>
          </cell>
          <cell r="C1218" t="str">
            <v>031016</v>
          </cell>
          <cell r="D1218" t="str">
            <v>Veite,Benjamin Joseph</v>
          </cell>
        </row>
        <row r="1219">
          <cell r="A1219" t="str">
            <v>016503</v>
          </cell>
          <cell r="B1219" t="str">
            <v>Vest,David Allen</v>
          </cell>
          <cell r="C1219" t="str">
            <v>086195</v>
          </cell>
          <cell r="D1219" t="str">
            <v>Venable,Suzan</v>
          </cell>
        </row>
        <row r="1220">
          <cell r="A1220" t="str">
            <v>014692</v>
          </cell>
          <cell r="B1220" t="str">
            <v>Vicars,Mike</v>
          </cell>
          <cell r="C1220" t="str">
            <v>016503</v>
          </cell>
          <cell r="D1220" t="str">
            <v>Vest,David Allen</v>
          </cell>
        </row>
        <row r="1221">
          <cell r="A1221" t="str">
            <v>016508</v>
          </cell>
          <cell r="B1221" t="str">
            <v>Vicars,Tom</v>
          </cell>
          <cell r="C1221" t="str">
            <v>014692</v>
          </cell>
          <cell r="D1221" t="str">
            <v>Vicars,Mike</v>
          </cell>
        </row>
        <row r="1222">
          <cell r="A1222" t="str">
            <v>095506</v>
          </cell>
          <cell r="B1222" t="str">
            <v>Volkel,Lori A</v>
          </cell>
          <cell r="C1222" t="str">
            <v>016508</v>
          </cell>
          <cell r="D1222" t="str">
            <v>Vicars,Tom</v>
          </cell>
        </row>
        <row r="1223">
          <cell r="A1223" t="str">
            <v>015388</v>
          </cell>
          <cell r="B1223" t="str">
            <v>Volrich,Mike</v>
          </cell>
          <cell r="C1223" t="str">
            <v>095506</v>
          </cell>
          <cell r="D1223" t="str">
            <v>Volkel,Lori A</v>
          </cell>
        </row>
        <row r="1224">
          <cell r="A1224" t="str">
            <v>086560</v>
          </cell>
          <cell r="B1224" t="str">
            <v>Vonderahe,Joseph Edward</v>
          </cell>
          <cell r="C1224" t="str">
            <v>015388</v>
          </cell>
          <cell r="D1224" t="str">
            <v>Volrich,Mike</v>
          </cell>
        </row>
        <row r="1225">
          <cell r="A1225" t="str">
            <v>086602</v>
          </cell>
          <cell r="B1225" t="str">
            <v>Vontz,Steve</v>
          </cell>
          <cell r="C1225" t="str">
            <v>086560</v>
          </cell>
          <cell r="D1225" t="str">
            <v>Vonderahe,Joseph Edward</v>
          </cell>
        </row>
        <row r="1226">
          <cell r="A1226" t="str">
            <v>011275</v>
          </cell>
          <cell r="B1226" t="str">
            <v>Vores,Marilyn</v>
          </cell>
          <cell r="C1226" t="str">
            <v>086602</v>
          </cell>
          <cell r="D1226" t="str">
            <v>Vontz,Steve</v>
          </cell>
        </row>
        <row r="1227">
          <cell r="A1227" t="str">
            <v>015348</v>
          </cell>
          <cell r="B1227" t="str">
            <v>Voris,Ann Earlene</v>
          </cell>
          <cell r="C1227" t="str">
            <v>011275</v>
          </cell>
          <cell r="D1227" t="str">
            <v>Vores,Marilyn</v>
          </cell>
        </row>
        <row r="1228">
          <cell r="A1228" t="str">
            <v>019343</v>
          </cell>
          <cell r="B1228" t="str">
            <v>Vulgan,Matt</v>
          </cell>
          <cell r="C1228" t="str">
            <v>015348</v>
          </cell>
          <cell r="D1228" t="str">
            <v>Voris,Ann Earlene</v>
          </cell>
        </row>
        <row r="1229">
          <cell r="A1229" t="str">
            <v>086807</v>
          </cell>
          <cell r="B1229" t="str">
            <v>Wade Jr,Robert Earl</v>
          </cell>
          <cell r="C1229" t="str">
            <v>019343</v>
          </cell>
          <cell r="D1229" t="str">
            <v>Vulgan,Matt</v>
          </cell>
        </row>
        <row r="1230">
          <cell r="A1230" t="str">
            <v>027166</v>
          </cell>
          <cell r="B1230" t="str">
            <v>Wagner,Randall L</v>
          </cell>
          <cell r="C1230" t="str">
            <v>086807</v>
          </cell>
          <cell r="D1230" t="str">
            <v>Wade Jr,Robert Earl</v>
          </cell>
        </row>
        <row r="1231">
          <cell r="A1231" t="str">
            <v>087072</v>
          </cell>
          <cell r="B1231" t="str">
            <v>Wainscott,Steven D</v>
          </cell>
          <cell r="C1231" t="str">
            <v>027166</v>
          </cell>
          <cell r="D1231" t="str">
            <v>Wagner,Randall L</v>
          </cell>
        </row>
        <row r="1232">
          <cell r="A1232" t="str">
            <v>006488</v>
          </cell>
          <cell r="B1232" t="str">
            <v>Walden,Debbie</v>
          </cell>
          <cell r="C1232" t="str">
            <v>087072</v>
          </cell>
          <cell r="D1232" t="str">
            <v>Wainscott,Steven D</v>
          </cell>
        </row>
        <row r="1233">
          <cell r="A1233" t="str">
            <v>026141</v>
          </cell>
          <cell r="B1233" t="str">
            <v>Walker,Reid</v>
          </cell>
          <cell r="C1233" t="str">
            <v>006488</v>
          </cell>
          <cell r="D1233" t="str">
            <v>Walden,Debbie</v>
          </cell>
        </row>
        <row r="1234">
          <cell r="A1234" t="str">
            <v>087168</v>
          </cell>
          <cell r="B1234" t="str">
            <v>Wallace,DL</v>
          </cell>
          <cell r="C1234" t="str">
            <v>026141</v>
          </cell>
          <cell r="D1234" t="str">
            <v>Walker,Reid</v>
          </cell>
        </row>
        <row r="1235">
          <cell r="A1235" t="str">
            <v>087190</v>
          </cell>
          <cell r="B1235" t="str">
            <v>Wallace,Ken</v>
          </cell>
          <cell r="C1235" t="str">
            <v>087168</v>
          </cell>
          <cell r="D1235" t="str">
            <v>Wallace,DL</v>
          </cell>
        </row>
        <row r="1236">
          <cell r="A1236" t="str">
            <v>013227</v>
          </cell>
          <cell r="B1236" t="str">
            <v>Wallace,Ruth Darlene</v>
          </cell>
          <cell r="C1236" t="str">
            <v>087190</v>
          </cell>
          <cell r="D1236" t="str">
            <v>Wallace,Ken</v>
          </cell>
        </row>
        <row r="1237">
          <cell r="A1237" t="str">
            <v>022835</v>
          </cell>
          <cell r="B1237" t="str">
            <v>Wallace,Scott L</v>
          </cell>
          <cell r="C1237" t="str">
            <v>013227</v>
          </cell>
          <cell r="D1237" t="str">
            <v>Wallace,Ruth Darlene</v>
          </cell>
        </row>
        <row r="1238">
          <cell r="A1238" t="str">
            <v>326766</v>
          </cell>
          <cell r="B1238" t="str">
            <v>Wallpe,Jordan P.</v>
          </cell>
          <cell r="C1238" t="str">
            <v>022835</v>
          </cell>
          <cell r="D1238" t="str">
            <v>Wallace,Scott L</v>
          </cell>
        </row>
        <row r="1239">
          <cell r="A1239" t="str">
            <v>013262</v>
          </cell>
          <cell r="B1239" t="str">
            <v>Walter,Robert Joseph</v>
          </cell>
          <cell r="C1239" t="str">
            <v>326766</v>
          </cell>
          <cell r="D1239" t="str">
            <v>Wallpe,Jordan P.</v>
          </cell>
        </row>
        <row r="1240">
          <cell r="A1240" t="str">
            <v>030413</v>
          </cell>
          <cell r="B1240" t="str">
            <v>Ward,Michael W</v>
          </cell>
          <cell r="C1240" t="str">
            <v>013262</v>
          </cell>
          <cell r="D1240" t="str">
            <v>Walter,Robert Joseph</v>
          </cell>
        </row>
        <row r="1241">
          <cell r="A1241" t="str">
            <v>087700</v>
          </cell>
          <cell r="B1241" t="str">
            <v>Warndorf,James F</v>
          </cell>
          <cell r="C1241" t="str">
            <v>030413</v>
          </cell>
          <cell r="D1241" t="str">
            <v>Ward,Michael W</v>
          </cell>
        </row>
        <row r="1242">
          <cell r="A1242" t="str">
            <v>079966</v>
          </cell>
          <cell r="B1242" t="str">
            <v>Warren,Lori L</v>
          </cell>
          <cell r="C1242" t="str">
            <v>087700</v>
          </cell>
          <cell r="D1242" t="str">
            <v>Warndorf,James F</v>
          </cell>
        </row>
        <row r="1243">
          <cell r="A1243" t="str">
            <v>361988</v>
          </cell>
          <cell r="B1243" t="str">
            <v>Washabaugh,Ashley S</v>
          </cell>
          <cell r="C1243" t="str">
            <v>079966</v>
          </cell>
          <cell r="D1243" t="str">
            <v>Warren,Lori L</v>
          </cell>
        </row>
        <row r="1244">
          <cell r="A1244" t="str">
            <v>030615</v>
          </cell>
          <cell r="B1244" t="str">
            <v>Washington,Michael Todd</v>
          </cell>
          <cell r="C1244" t="str">
            <v>361988</v>
          </cell>
          <cell r="D1244" t="str">
            <v>Washabaugh,Ashley S</v>
          </cell>
        </row>
        <row r="1245">
          <cell r="A1245" t="str">
            <v>019829</v>
          </cell>
          <cell r="B1245" t="str">
            <v>Waters,Bernard J</v>
          </cell>
          <cell r="C1245" t="str">
            <v>030615</v>
          </cell>
          <cell r="D1245" t="str">
            <v>Washington,Michael Todd</v>
          </cell>
        </row>
        <row r="1246">
          <cell r="A1246" t="str">
            <v>087935</v>
          </cell>
          <cell r="B1246" t="str">
            <v>Watson,Golden McShawn</v>
          </cell>
          <cell r="C1246" t="str">
            <v>019829</v>
          </cell>
          <cell r="D1246" t="str">
            <v>Waters,Bernard J</v>
          </cell>
        </row>
        <row r="1247">
          <cell r="A1247" t="str">
            <v>283302</v>
          </cell>
          <cell r="B1247" t="str">
            <v>Waugh,Brock D</v>
          </cell>
          <cell r="C1247" t="str">
            <v>087935</v>
          </cell>
          <cell r="D1247" t="str">
            <v>Watson,Golden McShawn</v>
          </cell>
        </row>
        <row r="1248">
          <cell r="A1248" t="str">
            <v>031496</v>
          </cell>
          <cell r="B1248" t="str">
            <v>Wayman,Joshua A</v>
          </cell>
          <cell r="C1248" t="str">
            <v>283302</v>
          </cell>
          <cell r="D1248" t="str">
            <v>Waugh,Brock D</v>
          </cell>
        </row>
        <row r="1249">
          <cell r="A1249" t="str">
            <v>016471</v>
          </cell>
          <cell r="B1249" t="str">
            <v>Weatherford,Xavier Hans</v>
          </cell>
          <cell r="C1249" t="str">
            <v>031496</v>
          </cell>
          <cell r="D1249" t="str">
            <v>Wayman,Joshua A</v>
          </cell>
        </row>
        <row r="1250">
          <cell r="A1250" t="str">
            <v>016523</v>
          </cell>
          <cell r="B1250" t="str">
            <v>Weathers,Mark Alan</v>
          </cell>
          <cell r="C1250" t="str">
            <v>016471</v>
          </cell>
          <cell r="D1250" t="str">
            <v>Weatherford,Xavier Hans</v>
          </cell>
        </row>
        <row r="1251">
          <cell r="A1251" t="str">
            <v>016750</v>
          </cell>
          <cell r="B1251" t="str">
            <v>Webb,Anita M</v>
          </cell>
          <cell r="C1251" t="str">
            <v>016523</v>
          </cell>
          <cell r="D1251" t="str">
            <v>Weathers,Mark Alan</v>
          </cell>
        </row>
        <row r="1252">
          <cell r="A1252" t="str">
            <v>272354</v>
          </cell>
          <cell r="B1252" t="str">
            <v>Weber,Brett J.</v>
          </cell>
          <cell r="C1252" t="str">
            <v>016750</v>
          </cell>
          <cell r="D1252" t="str">
            <v>Webb,Anita M</v>
          </cell>
        </row>
        <row r="1253">
          <cell r="A1253" t="str">
            <v>088662</v>
          </cell>
          <cell r="B1253" t="str">
            <v>Wedding,Steven</v>
          </cell>
          <cell r="C1253" t="str">
            <v>272354</v>
          </cell>
          <cell r="D1253" t="str">
            <v>Weber,Brett J.</v>
          </cell>
        </row>
        <row r="1254">
          <cell r="A1254" t="str">
            <v>088750</v>
          </cell>
          <cell r="B1254" t="str">
            <v>Wehby,Dave</v>
          </cell>
          <cell r="C1254" t="str">
            <v>088662</v>
          </cell>
          <cell r="D1254" t="str">
            <v>Wedding,Steven</v>
          </cell>
        </row>
        <row r="1255">
          <cell r="A1255" t="str">
            <v>088769</v>
          </cell>
          <cell r="B1255" t="str">
            <v>Wehrman,Gary R</v>
          </cell>
          <cell r="C1255" t="str">
            <v>088750</v>
          </cell>
          <cell r="D1255" t="str">
            <v>Wehby,Dave</v>
          </cell>
        </row>
        <row r="1256">
          <cell r="A1256" t="str">
            <v>088807</v>
          </cell>
          <cell r="B1256" t="str">
            <v>Weidner,Dan</v>
          </cell>
          <cell r="C1256" t="str">
            <v>088769</v>
          </cell>
          <cell r="D1256" t="str">
            <v>Wehrman,Gary R</v>
          </cell>
        </row>
        <row r="1257">
          <cell r="A1257" t="str">
            <v>015920</v>
          </cell>
          <cell r="B1257" t="str">
            <v>Weisenbach,Bonnie</v>
          </cell>
          <cell r="C1257" t="str">
            <v>088807</v>
          </cell>
          <cell r="D1257" t="str">
            <v>Weidner,Dan</v>
          </cell>
        </row>
        <row r="1258">
          <cell r="A1258" t="str">
            <v>089024</v>
          </cell>
          <cell r="B1258" t="str">
            <v>Weiskittel,Phil</v>
          </cell>
          <cell r="C1258" t="str">
            <v>015920</v>
          </cell>
          <cell r="D1258" t="str">
            <v>Weisenbach,Bonnie</v>
          </cell>
        </row>
        <row r="1259">
          <cell r="A1259" t="str">
            <v>089050</v>
          </cell>
          <cell r="B1259" t="str">
            <v>Weiss,D Michael</v>
          </cell>
          <cell r="C1259" t="str">
            <v>089024</v>
          </cell>
          <cell r="D1259" t="str">
            <v>Weiskittel,Phil</v>
          </cell>
        </row>
        <row r="1260">
          <cell r="A1260" t="str">
            <v>016455</v>
          </cell>
          <cell r="B1260" t="str">
            <v>Wesley,Jeff</v>
          </cell>
          <cell r="C1260" t="str">
            <v>089050</v>
          </cell>
          <cell r="D1260" t="str">
            <v>Weiss,D Michael</v>
          </cell>
        </row>
        <row r="1261">
          <cell r="A1261" t="str">
            <v>025526</v>
          </cell>
          <cell r="B1261" t="str">
            <v>Wesner,Travis Haws</v>
          </cell>
          <cell r="C1261" t="str">
            <v>016455</v>
          </cell>
          <cell r="D1261" t="str">
            <v>Wesley,Jeff</v>
          </cell>
        </row>
        <row r="1262">
          <cell r="A1262" t="str">
            <v>089413</v>
          </cell>
          <cell r="B1262" t="str">
            <v>Wessendorf,Gary G</v>
          </cell>
          <cell r="C1262" t="str">
            <v>025526</v>
          </cell>
          <cell r="D1262" t="str">
            <v>Wesner,Travis Haws</v>
          </cell>
        </row>
        <row r="1263">
          <cell r="A1263" t="str">
            <v>016231</v>
          </cell>
          <cell r="B1263" t="str">
            <v>Wetherald,Tom</v>
          </cell>
          <cell r="C1263" t="str">
            <v>089413</v>
          </cell>
          <cell r="D1263" t="str">
            <v>Wessendorf,Gary G</v>
          </cell>
        </row>
        <row r="1264">
          <cell r="A1264" t="str">
            <v>031017</v>
          </cell>
          <cell r="B1264" t="str">
            <v>Whalen,Richard P</v>
          </cell>
          <cell r="C1264" t="str">
            <v>016231</v>
          </cell>
          <cell r="D1264" t="str">
            <v>Wetherald,Tom</v>
          </cell>
        </row>
        <row r="1265">
          <cell r="A1265" t="str">
            <v>008848</v>
          </cell>
          <cell r="B1265" t="str">
            <v>Wheatley,Mike</v>
          </cell>
          <cell r="C1265" t="str">
            <v>031017</v>
          </cell>
          <cell r="D1265" t="str">
            <v>Whalen,Richard P</v>
          </cell>
        </row>
        <row r="1266">
          <cell r="A1266" t="str">
            <v>089864</v>
          </cell>
          <cell r="B1266" t="str">
            <v>Whisner,Thomas L</v>
          </cell>
          <cell r="C1266" t="str">
            <v>089864</v>
          </cell>
          <cell r="D1266" t="str">
            <v>Whisner,Thomas L</v>
          </cell>
        </row>
        <row r="1267">
          <cell r="A1267" t="str">
            <v>015772</v>
          </cell>
          <cell r="B1267" t="str">
            <v>Whitacre,Mark Kevin</v>
          </cell>
          <cell r="C1267" t="str">
            <v>015772</v>
          </cell>
          <cell r="D1267" t="str">
            <v>Whitacre,Mark Kevin</v>
          </cell>
        </row>
        <row r="1268">
          <cell r="A1268" t="str">
            <v>089995</v>
          </cell>
          <cell r="B1268" t="str">
            <v>White,Nathaniel</v>
          </cell>
          <cell r="C1268" t="str">
            <v>089995</v>
          </cell>
          <cell r="D1268" t="str">
            <v>White,Nathaniel</v>
          </cell>
        </row>
        <row r="1269">
          <cell r="A1269" t="str">
            <v>278245</v>
          </cell>
          <cell r="B1269" t="str">
            <v>Whitehead,Chase F</v>
          </cell>
          <cell r="C1269" t="str">
            <v>278245</v>
          </cell>
          <cell r="D1269" t="str">
            <v>Whitehead,Chase F</v>
          </cell>
        </row>
        <row r="1270">
          <cell r="A1270" t="str">
            <v>097059</v>
          </cell>
          <cell r="B1270" t="str">
            <v>Whitford,David W</v>
          </cell>
          <cell r="C1270" t="str">
            <v>097059</v>
          </cell>
          <cell r="D1270" t="str">
            <v>Whitford,David W</v>
          </cell>
        </row>
        <row r="1271">
          <cell r="A1271" t="str">
            <v>275079</v>
          </cell>
          <cell r="B1271" t="str">
            <v>Whitis,Brooks L.</v>
          </cell>
          <cell r="C1271" t="str">
            <v>275079</v>
          </cell>
          <cell r="D1271" t="str">
            <v>Whitis,Brooks L.</v>
          </cell>
        </row>
        <row r="1272">
          <cell r="A1272" t="str">
            <v>090085</v>
          </cell>
          <cell r="B1272" t="str">
            <v>Whitley,Steven G</v>
          </cell>
          <cell r="C1272" t="str">
            <v>090085</v>
          </cell>
          <cell r="D1272" t="str">
            <v>Whitley,Steven G</v>
          </cell>
        </row>
        <row r="1273">
          <cell r="A1273" t="str">
            <v>015623</v>
          </cell>
          <cell r="B1273" t="str">
            <v>Whitlow,Rod</v>
          </cell>
          <cell r="C1273" t="str">
            <v>015623</v>
          </cell>
          <cell r="D1273" t="str">
            <v>Whitlow,Rod</v>
          </cell>
        </row>
        <row r="1274">
          <cell r="A1274" t="str">
            <v>016479</v>
          </cell>
          <cell r="B1274" t="str">
            <v>Whitman,Mike</v>
          </cell>
          <cell r="C1274" t="str">
            <v>016479</v>
          </cell>
          <cell r="D1274" t="str">
            <v>Whitman,Mike</v>
          </cell>
        </row>
        <row r="1275">
          <cell r="A1275" t="str">
            <v>029227</v>
          </cell>
          <cell r="B1275" t="str">
            <v>Whitworth,Robert Wesley</v>
          </cell>
          <cell r="C1275" t="str">
            <v>029227</v>
          </cell>
          <cell r="D1275" t="str">
            <v>Whitworth,Robert Wesley</v>
          </cell>
        </row>
        <row r="1276">
          <cell r="A1276" t="str">
            <v>090151</v>
          </cell>
          <cell r="B1276" t="str">
            <v>Wical,John</v>
          </cell>
          <cell r="C1276" t="str">
            <v>090151</v>
          </cell>
          <cell r="D1276" t="str">
            <v>Wical,John</v>
          </cell>
        </row>
        <row r="1277">
          <cell r="A1277" t="str">
            <v>096840</v>
          </cell>
          <cell r="B1277" t="str">
            <v>Wiles,Timothy L</v>
          </cell>
          <cell r="C1277" t="str">
            <v>096840</v>
          </cell>
          <cell r="D1277" t="str">
            <v>Wiles,Timothy L</v>
          </cell>
        </row>
        <row r="1278">
          <cell r="A1278" t="str">
            <v>015771</v>
          </cell>
          <cell r="B1278" t="str">
            <v>Wiley,James Nathan</v>
          </cell>
          <cell r="C1278" t="str">
            <v>015771</v>
          </cell>
          <cell r="D1278" t="str">
            <v>Wiley,James Nathan</v>
          </cell>
        </row>
        <row r="1279">
          <cell r="A1279" t="str">
            <v>016227</v>
          </cell>
          <cell r="B1279" t="str">
            <v>Wiley,Karen Kay</v>
          </cell>
          <cell r="C1279" t="str">
            <v>016227</v>
          </cell>
          <cell r="D1279" t="str">
            <v>Wiley,Karen Kay</v>
          </cell>
        </row>
        <row r="1280">
          <cell r="A1280" t="str">
            <v>090455</v>
          </cell>
          <cell r="B1280" t="str">
            <v>Wilkins,Ami</v>
          </cell>
          <cell r="C1280" t="str">
            <v>090455</v>
          </cell>
          <cell r="D1280" t="str">
            <v>Wilkins,Ami</v>
          </cell>
        </row>
        <row r="1281">
          <cell r="A1281" t="str">
            <v>012188</v>
          </cell>
          <cell r="B1281" t="str">
            <v>Willhoite,Brent Christopher</v>
          </cell>
          <cell r="C1281" t="str">
            <v>012188</v>
          </cell>
          <cell r="D1281" t="str">
            <v>Willhoite,Brent Christopher</v>
          </cell>
        </row>
        <row r="1282">
          <cell r="A1282" t="str">
            <v>090761</v>
          </cell>
          <cell r="B1282" t="str">
            <v>Williams Jr,Matthew B</v>
          </cell>
          <cell r="C1282" t="str">
            <v>090761</v>
          </cell>
          <cell r="D1282" t="str">
            <v>Williams Jr,Matthew B</v>
          </cell>
        </row>
        <row r="1283">
          <cell r="A1283" t="str">
            <v>018198</v>
          </cell>
          <cell r="B1283" t="str">
            <v>Williams,Arnetta M</v>
          </cell>
          <cell r="C1283" t="str">
            <v>018198</v>
          </cell>
          <cell r="D1283" t="str">
            <v>Williams,Arnetta M</v>
          </cell>
        </row>
        <row r="1284">
          <cell r="A1284" t="str">
            <v>014775</v>
          </cell>
          <cell r="B1284" t="str">
            <v>Williams,Corey Allen</v>
          </cell>
          <cell r="C1284" t="str">
            <v>014775</v>
          </cell>
          <cell r="D1284" t="str">
            <v>Williams,Corey Allen</v>
          </cell>
        </row>
        <row r="1285">
          <cell r="A1285" t="str">
            <v>090552</v>
          </cell>
          <cell r="B1285" t="str">
            <v>Williams,Debbie</v>
          </cell>
          <cell r="C1285" t="str">
            <v>090552</v>
          </cell>
          <cell r="D1285" t="str">
            <v>Williams,Debbie</v>
          </cell>
        </row>
        <row r="1286">
          <cell r="A1286" t="str">
            <v>090620</v>
          </cell>
          <cell r="B1286" t="str">
            <v>Williams,Gary</v>
          </cell>
          <cell r="C1286" t="str">
            <v>090620</v>
          </cell>
          <cell r="D1286" t="str">
            <v>Williams,Gary</v>
          </cell>
        </row>
        <row r="1287">
          <cell r="A1287" t="str">
            <v>090717</v>
          </cell>
          <cell r="B1287" t="str">
            <v>Williams,Joe</v>
          </cell>
          <cell r="C1287" t="str">
            <v>090717</v>
          </cell>
          <cell r="D1287" t="str">
            <v>Williams,Joe</v>
          </cell>
        </row>
        <row r="1288">
          <cell r="A1288" t="str">
            <v>096458</v>
          </cell>
          <cell r="B1288" t="str">
            <v>Williams,Joseph M</v>
          </cell>
          <cell r="C1288" t="str">
            <v>096458</v>
          </cell>
          <cell r="D1288" t="str">
            <v>Williams,Joseph M</v>
          </cell>
        </row>
        <row r="1289">
          <cell r="A1289" t="str">
            <v>090726</v>
          </cell>
          <cell r="B1289" t="str">
            <v>Williams,Kathy Jo</v>
          </cell>
          <cell r="C1289" t="str">
            <v>090726</v>
          </cell>
          <cell r="D1289" t="str">
            <v>Williams,Kathy Jo</v>
          </cell>
        </row>
        <row r="1290">
          <cell r="A1290" t="str">
            <v>015778</v>
          </cell>
          <cell r="B1290" t="str">
            <v>Williams,Warren Douglas</v>
          </cell>
          <cell r="C1290" t="str">
            <v>015778</v>
          </cell>
          <cell r="D1290" t="str">
            <v>Williams,Warren Douglas</v>
          </cell>
        </row>
        <row r="1291">
          <cell r="A1291" t="str">
            <v>090899</v>
          </cell>
          <cell r="B1291" t="str">
            <v>Williamson,Mark A</v>
          </cell>
          <cell r="C1291" t="str">
            <v>275074</v>
          </cell>
          <cell r="D1291" t="str">
            <v>Williamson,Sean M</v>
          </cell>
        </row>
        <row r="1292">
          <cell r="A1292" t="str">
            <v>275074</v>
          </cell>
          <cell r="B1292" t="str">
            <v>Williamson,Sean M</v>
          </cell>
          <cell r="C1292" t="str">
            <v>283289</v>
          </cell>
          <cell r="D1292" t="str">
            <v>Williamson,Stephen R.</v>
          </cell>
        </row>
        <row r="1293">
          <cell r="A1293" t="str">
            <v>283289</v>
          </cell>
          <cell r="B1293" t="str">
            <v>Williamson,Stephen R.</v>
          </cell>
          <cell r="C1293" t="str">
            <v>278486</v>
          </cell>
          <cell r="D1293" t="str">
            <v>Wills,Casey L</v>
          </cell>
        </row>
        <row r="1294">
          <cell r="A1294" t="str">
            <v>278486</v>
          </cell>
          <cell r="B1294" t="str">
            <v>Wills,Casey L</v>
          </cell>
          <cell r="C1294" t="str">
            <v>361750</v>
          </cell>
          <cell r="D1294" t="str">
            <v>Wilson,Chris</v>
          </cell>
        </row>
        <row r="1295">
          <cell r="A1295" t="str">
            <v>361750</v>
          </cell>
          <cell r="B1295" t="str">
            <v>Wilson,Chris</v>
          </cell>
          <cell r="C1295" t="str">
            <v>079963</v>
          </cell>
          <cell r="D1295" t="str">
            <v>Wilson,Dee Stamper</v>
          </cell>
        </row>
        <row r="1296">
          <cell r="A1296" t="str">
            <v>079963</v>
          </cell>
          <cell r="B1296" t="str">
            <v>Wilson,Dee Stamper</v>
          </cell>
          <cell r="C1296" t="str">
            <v>278415</v>
          </cell>
          <cell r="D1296" t="str">
            <v>Wilson,Jeremy D</v>
          </cell>
        </row>
        <row r="1297">
          <cell r="A1297" t="str">
            <v>278415</v>
          </cell>
          <cell r="B1297" t="str">
            <v>Wilson,Jeremy D</v>
          </cell>
          <cell r="C1297" t="str">
            <v>016179</v>
          </cell>
          <cell r="D1297" t="str">
            <v>Wilson,Stevan</v>
          </cell>
        </row>
        <row r="1298">
          <cell r="A1298" t="str">
            <v>016179</v>
          </cell>
          <cell r="B1298" t="str">
            <v>Wilson,Stevan</v>
          </cell>
          <cell r="C1298" t="str">
            <v>289389</v>
          </cell>
          <cell r="D1298" t="str">
            <v>Windell,Lee W</v>
          </cell>
        </row>
        <row r="1299">
          <cell r="A1299" t="str">
            <v>289389</v>
          </cell>
          <cell r="B1299" t="str">
            <v>Windell,Lee W</v>
          </cell>
          <cell r="C1299" t="str">
            <v>015070</v>
          </cell>
          <cell r="D1299" t="str">
            <v>Wininger,Glenn Aldo</v>
          </cell>
        </row>
        <row r="1300">
          <cell r="A1300" t="str">
            <v>015070</v>
          </cell>
          <cell r="B1300" t="str">
            <v>Wininger,Glenn Aldo</v>
          </cell>
          <cell r="C1300" t="str">
            <v>016858</v>
          </cell>
          <cell r="D1300" t="str">
            <v>Winslow,Matt</v>
          </cell>
        </row>
        <row r="1301">
          <cell r="A1301" t="str">
            <v>016858</v>
          </cell>
          <cell r="B1301" t="str">
            <v>Winslow,Matt</v>
          </cell>
          <cell r="C1301" t="str">
            <v>283180</v>
          </cell>
          <cell r="D1301" t="str">
            <v>Winter,Brad</v>
          </cell>
        </row>
        <row r="1302">
          <cell r="A1302" t="str">
            <v>283180</v>
          </cell>
          <cell r="B1302" t="str">
            <v>Winter,Brad</v>
          </cell>
          <cell r="C1302" t="str">
            <v>091847</v>
          </cell>
          <cell r="D1302" t="str">
            <v>Winterman,Rob</v>
          </cell>
        </row>
        <row r="1303">
          <cell r="A1303" t="str">
            <v>091847</v>
          </cell>
          <cell r="B1303" t="str">
            <v>Winterman,Rob</v>
          </cell>
          <cell r="C1303" t="str">
            <v>029932</v>
          </cell>
          <cell r="D1303" t="str">
            <v>Wirrig,Alexander D</v>
          </cell>
        </row>
        <row r="1304">
          <cell r="A1304" t="str">
            <v>029932</v>
          </cell>
          <cell r="B1304" t="str">
            <v>Wirrig,Alexander D</v>
          </cell>
          <cell r="C1304" t="str">
            <v>009613</v>
          </cell>
          <cell r="D1304" t="str">
            <v>Wirth,Hugh</v>
          </cell>
        </row>
        <row r="1305">
          <cell r="A1305" t="str">
            <v>009613</v>
          </cell>
          <cell r="B1305" t="str">
            <v>Wirth,Hugh</v>
          </cell>
          <cell r="C1305" t="str">
            <v>092158</v>
          </cell>
          <cell r="D1305" t="str">
            <v>Woelfel,Mark E</v>
          </cell>
        </row>
        <row r="1306">
          <cell r="A1306" t="str">
            <v>092158</v>
          </cell>
          <cell r="B1306" t="str">
            <v>Woelfel,Mark E</v>
          </cell>
          <cell r="C1306" t="str">
            <v>285207</v>
          </cell>
          <cell r="D1306" t="str">
            <v>Wolber,Doug</v>
          </cell>
        </row>
        <row r="1307">
          <cell r="A1307" t="str">
            <v>285207</v>
          </cell>
          <cell r="B1307" t="str">
            <v>Wolber,Doug</v>
          </cell>
          <cell r="C1307" t="str">
            <v>092284</v>
          </cell>
          <cell r="D1307" t="str">
            <v>Wolf,Jerry</v>
          </cell>
        </row>
        <row r="1308">
          <cell r="A1308" t="str">
            <v>092284</v>
          </cell>
          <cell r="B1308" t="str">
            <v>Wolf,Jerry</v>
          </cell>
          <cell r="C1308" t="str">
            <v>092315</v>
          </cell>
          <cell r="D1308" t="str">
            <v>Wolfe II,Charles Scholl</v>
          </cell>
        </row>
        <row r="1309">
          <cell r="A1309" t="str">
            <v>092315</v>
          </cell>
          <cell r="B1309" t="str">
            <v>Wolfe II,Charles Scholl</v>
          </cell>
          <cell r="C1309" t="str">
            <v>015390</v>
          </cell>
          <cell r="D1309" t="str">
            <v>Womack,Rick L</v>
          </cell>
        </row>
        <row r="1310">
          <cell r="A1310" t="str">
            <v>015390</v>
          </cell>
          <cell r="B1310" t="str">
            <v>Womack,Rick L</v>
          </cell>
          <cell r="C1310" t="str">
            <v>023494</v>
          </cell>
          <cell r="D1310" t="str">
            <v>Wood,Dan</v>
          </cell>
        </row>
        <row r="1311">
          <cell r="A1311" t="str">
            <v>023494</v>
          </cell>
          <cell r="B1311" t="str">
            <v>Wood,Dan</v>
          </cell>
          <cell r="C1311" t="str">
            <v>016209</v>
          </cell>
          <cell r="D1311" t="str">
            <v>Wood,Terry Lee</v>
          </cell>
        </row>
        <row r="1312">
          <cell r="A1312" t="str">
            <v>016209</v>
          </cell>
          <cell r="B1312" t="str">
            <v>Wood,Terry Lee</v>
          </cell>
          <cell r="C1312" t="str">
            <v>015003</v>
          </cell>
          <cell r="D1312" t="str">
            <v>Woodley,Linda Ann</v>
          </cell>
        </row>
        <row r="1313">
          <cell r="A1313" t="str">
            <v>285209</v>
          </cell>
          <cell r="B1313" t="str">
            <v>Woods,Jason H</v>
          </cell>
          <cell r="C1313" t="str">
            <v>285209</v>
          </cell>
          <cell r="D1313" t="str">
            <v>Woods,Jason H</v>
          </cell>
        </row>
        <row r="1314">
          <cell r="A1314" t="str">
            <v>026595</v>
          </cell>
          <cell r="B1314" t="str">
            <v>Wooten,Barbara S</v>
          </cell>
          <cell r="C1314" t="str">
            <v>026595</v>
          </cell>
          <cell r="D1314" t="str">
            <v>Wooten,Barbara S</v>
          </cell>
        </row>
        <row r="1315">
          <cell r="A1315" t="str">
            <v>092836</v>
          </cell>
          <cell r="B1315" t="str">
            <v>Wooton,Doug</v>
          </cell>
          <cell r="C1315" t="str">
            <v>092836</v>
          </cell>
          <cell r="D1315" t="str">
            <v>Wooton,Doug</v>
          </cell>
        </row>
        <row r="1316">
          <cell r="A1316" t="str">
            <v>289398</v>
          </cell>
          <cell r="B1316" t="str">
            <v>Worley,William Justin</v>
          </cell>
          <cell r="C1316" t="str">
            <v>289398</v>
          </cell>
          <cell r="D1316" t="str">
            <v>Worley,William Justin</v>
          </cell>
        </row>
        <row r="1317">
          <cell r="A1317" t="str">
            <v>092880</v>
          </cell>
          <cell r="B1317" t="str">
            <v>Wright,Aaron M</v>
          </cell>
          <cell r="C1317" t="str">
            <v>092880</v>
          </cell>
          <cell r="D1317" t="str">
            <v>Wright,Aaron M</v>
          </cell>
        </row>
        <row r="1318">
          <cell r="A1318" t="str">
            <v>092882</v>
          </cell>
          <cell r="B1318" t="str">
            <v>Wright,Anita L</v>
          </cell>
          <cell r="C1318" t="str">
            <v>092882</v>
          </cell>
          <cell r="D1318" t="str">
            <v>Wright,Anita L</v>
          </cell>
        </row>
        <row r="1319">
          <cell r="A1319" t="str">
            <v>286921</v>
          </cell>
          <cell r="B1319" t="str">
            <v>Wright,Brynn</v>
          </cell>
          <cell r="C1319" t="str">
            <v>286921</v>
          </cell>
          <cell r="D1319" t="str">
            <v>Wright,Brynn</v>
          </cell>
        </row>
        <row r="1320">
          <cell r="A1320" t="str">
            <v>279877</v>
          </cell>
          <cell r="B1320" t="str">
            <v>Wright,Jacob</v>
          </cell>
          <cell r="C1320" t="str">
            <v>279877</v>
          </cell>
          <cell r="D1320" t="str">
            <v>Wright,Jacob</v>
          </cell>
        </row>
        <row r="1321">
          <cell r="A1321" t="str">
            <v>092997</v>
          </cell>
          <cell r="B1321" t="str">
            <v>Wright,Macky</v>
          </cell>
          <cell r="C1321" t="str">
            <v>291786</v>
          </cell>
          <cell r="D1321" t="str">
            <v>Wright,Kevin Michael</v>
          </cell>
        </row>
        <row r="1322">
          <cell r="A1322" t="str">
            <v>016846</v>
          </cell>
          <cell r="B1322" t="str">
            <v>Wright,Rob</v>
          </cell>
          <cell r="C1322" t="str">
            <v>092997</v>
          </cell>
          <cell r="D1322" t="str">
            <v>Wright,Macky</v>
          </cell>
        </row>
        <row r="1323">
          <cell r="A1323" t="str">
            <v>278499</v>
          </cell>
          <cell r="B1323" t="str">
            <v>Wright,Zachary</v>
          </cell>
          <cell r="C1323" t="str">
            <v>016846</v>
          </cell>
          <cell r="D1323" t="str">
            <v>Wright,Rob</v>
          </cell>
        </row>
        <row r="1324">
          <cell r="A1324" t="str">
            <v>093084</v>
          </cell>
          <cell r="B1324" t="str">
            <v>Wyche,Deanna D</v>
          </cell>
          <cell r="C1324" t="str">
            <v>278499</v>
          </cell>
          <cell r="D1324" t="str">
            <v>Wright,Zachary</v>
          </cell>
        </row>
        <row r="1325">
          <cell r="A1325" t="str">
            <v>285654</v>
          </cell>
          <cell r="B1325" t="str">
            <v>Wyndham,Roy L</v>
          </cell>
          <cell r="C1325" t="str">
            <v>093084</v>
          </cell>
          <cell r="D1325" t="str">
            <v>Wyche,Deanna D</v>
          </cell>
        </row>
        <row r="1326">
          <cell r="A1326" t="str">
            <v>093141</v>
          </cell>
          <cell r="B1326" t="str">
            <v>Yates,Evelyn D</v>
          </cell>
          <cell r="C1326" t="str">
            <v>285654</v>
          </cell>
          <cell r="D1326" t="str">
            <v>Wyndham,Roy L</v>
          </cell>
        </row>
        <row r="1327">
          <cell r="A1327" t="str">
            <v>093360</v>
          </cell>
          <cell r="B1327" t="str">
            <v>York,Brian W</v>
          </cell>
          <cell r="C1327" t="str">
            <v>093141</v>
          </cell>
          <cell r="D1327" t="str">
            <v>Yates,Evelyn D</v>
          </cell>
        </row>
        <row r="1328">
          <cell r="A1328" t="str">
            <v>025447</v>
          </cell>
          <cell r="B1328" t="str">
            <v>Young,Jeff</v>
          </cell>
          <cell r="C1328" t="str">
            <v>093360</v>
          </cell>
          <cell r="D1328" t="str">
            <v>York,Brian W</v>
          </cell>
        </row>
        <row r="1329">
          <cell r="A1329" t="str">
            <v>093463</v>
          </cell>
          <cell r="B1329" t="str">
            <v>Young,Linda Alicia</v>
          </cell>
          <cell r="C1329" t="str">
            <v>025447</v>
          </cell>
          <cell r="D1329" t="str">
            <v>Young,Jeff</v>
          </cell>
        </row>
        <row r="1330">
          <cell r="A1330" t="str">
            <v>022838</v>
          </cell>
          <cell r="B1330" t="str">
            <v>Young,Troy M</v>
          </cell>
          <cell r="C1330" t="str">
            <v>093463</v>
          </cell>
          <cell r="D1330" t="str">
            <v>Young,Linda Alicia</v>
          </cell>
        </row>
        <row r="1331">
          <cell r="A1331" t="str">
            <v>011242</v>
          </cell>
          <cell r="B1331" t="str">
            <v>Zearbaugh,Marty</v>
          </cell>
          <cell r="C1331" t="str">
            <v>022838</v>
          </cell>
          <cell r="D1331" t="str">
            <v>Young,Troy M</v>
          </cell>
        </row>
        <row r="1332">
          <cell r="A1332" t="str">
            <v>033493</v>
          </cell>
          <cell r="B1332" t="str">
            <v>Zech,David P</v>
          </cell>
          <cell r="C1332" t="str">
            <v>011242</v>
          </cell>
          <cell r="D1332" t="str">
            <v>Zearbaugh,Marty</v>
          </cell>
        </row>
        <row r="1333">
          <cell r="A1333" t="str">
            <v>361857</v>
          </cell>
          <cell r="B1333" t="str">
            <v>Zuerner,Joe</v>
          </cell>
          <cell r="C1333" t="str">
            <v>033493</v>
          </cell>
          <cell r="D1333" t="str">
            <v>Zech,David P</v>
          </cell>
        </row>
        <row r="1334">
          <cell r="A1334" t="str">
            <v>029088</v>
          </cell>
          <cell r="B1334" t="str">
            <v>Zurcher,John D</v>
          </cell>
          <cell r="C1334" t="str">
            <v>361857</v>
          </cell>
          <cell r="D1334" t="str">
            <v>Zuerner,Joe</v>
          </cell>
        </row>
        <row r="1335">
          <cell r="C1335" t="str">
            <v>029088</v>
          </cell>
          <cell r="D1335" t="str">
            <v>Zurcher,John D</v>
          </cell>
        </row>
      </sheetData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YTD Selection"/>
      <sheetName val="Residential"/>
      <sheetName val="Commercial &amp; Industrial"/>
      <sheetName val="Lights"/>
      <sheetName val="BO Data Dump"/>
      <sheetName val="Units"/>
      <sheetName val="KPI Data"/>
      <sheetName val="BO Budget Data"/>
      <sheetName val="compare hdcts"/>
      <sheetName val="Cust Orders June"/>
      <sheetName val="Cust Orders Feb"/>
      <sheetName val="Cust Orders Jan"/>
      <sheetName val="Cable Locate Pivot"/>
      <sheetName val="cable locates march"/>
      <sheetName val="DEC-DEP June"/>
      <sheetName val="Cust Prem Graphs"/>
      <sheetName val="Not updated Meter Orders Graphs"/>
      <sheetName val="Unit Comparison"/>
      <sheetName val="2016-2015-2014"/>
      <sheetName val="Sheet2"/>
      <sheetName val="Sheet1"/>
      <sheetName val="Sheet3"/>
    </sheetNames>
    <sheetDataSet>
      <sheetData sheetId="0" refreshError="1"/>
      <sheetData sheetId="1" refreshError="1">
        <row r="18">
          <cell r="C18">
            <v>4</v>
          </cell>
          <cell r="G18">
            <v>0.29981000000000002</v>
          </cell>
          <cell r="H18">
            <v>0.30196425847697561</v>
          </cell>
          <cell r="I18">
            <v>0.30640000000000001</v>
          </cell>
          <cell r="J18">
            <v>0.28526675439162946</v>
          </cell>
          <cell r="K18">
            <v>0.32100999999999996</v>
          </cell>
          <cell r="L18">
            <v>0.30962174925931263</v>
          </cell>
        </row>
        <row r="21">
          <cell r="B21" t="str">
            <v>Apr YTD Total</v>
          </cell>
        </row>
      </sheetData>
      <sheetData sheetId="2" refreshError="1"/>
      <sheetData sheetId="3" refreshError="1"/>
      <sheetData sheetId="4" refreshError="1"/>
      <sheetData sheetId="5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  <cell r="R4" t="str">
            <v>YE Projection</v>
          </cell>
          <cell r="S4" t="str">
            <v>Nov YE Projection</v>
          </cell>
        </row>
        <row r="5">
          <cell r="A5" t="str">
            <v>Northern-Residential Construction</v>
          </cell>
          <cell r="B5">
            <v>2</v>
          </cell>
          <cell r="E5">
            <v>373079.03999999998</v>
          </cell>
          <cell r="F5">
            <v>359712</v>
          </cell>
          <cell r="G5">
            <v>747155.49</v>
          </cell>
          <cell r="H5">
            <v>574517.36</v>
          </cell>
          <cell r="I5">
            <v>608287.31999999995</v>
          </cell>
          <cell r="J5">
            <v>633180.93999999994</v>
          </cell>
          <cell r="R5">
            <v>4741398.63</v>
          </cell>
          <cell r="S5">
            <v>0</v>
          </cell>
        </row>
        <row r="6">
          <cell r="A6" t="str">
            <v>Eastern-Residential Construction</v>
          </cell>
          <cell r="B6">
            <v>3</v>
          </cell>
          <cell r="E6">
            <v>307686.34999999998</v>
          </cell>
          <cell r="F6">
            <v>251226.05</v>
          </cell>
          <cell r="G6">
            <v>324533.24</v>
          </cell>
          <cell r="H6">
            <v>26182.47</v>
          </cell>
          <cell r="I6">
            <v>258379.72</v>
          </cell>
          <cell r="J6">
            <v>316469</v>
          </cell>
          <cell r="R6">
            <v>3325159.64</v>
          </cell>
          <cell r="S6">
            <v>0</v>
          </cell>
        </row>
        <row r="7">
          <cell r="A7" t="str">
            <v>Southern-Residential Construction</v>
          </cell>
          <cell r="B7">
            <v>4</v>
          </cell>
          <cell r="E7">
            <v>323934.74</v>
          </cell>
          <cell r="F7">
            <v>218918.45</v>
          </cell>
          <cell r="G7">
            <v>206082.78</v>
          </cell>
          <cell r="H7">
            <v>285799.37</v>
          </cell>
          <cell r="I7">
            <v>126598.82</v>
          </cell>
          <cell r="J7">
            <v>342380.02</v>
          </cell>
          <cell r="R7">
            <v>2975257.66</v>
          </cell>
          <cell r="S7">
            <v>0</v>
          </cell>
        </row>
        <row r="8">
          <cell r="A8" t="str">
            <v>Western-Residential Construction</v>
          </cell>
          <cell r="B8">
            <v>5</v>
          </cell>
          <cell r="E8">
            <v>156523.37</v>
          </cell>
          <cell r="F8">
            <v>70193.66</v>
          </cell>
          <cell r="G8">
            <v>102888.63</v>
          </cell>
          <cell r="H8">
            <v>-70319.63</v>
          </cell>
          <cell r="I8">
            <v>194870.37</v>
          </cell>
          <cell r="J8">
            <v>155780.88</v>
          </cell>
          <cell r="R8">
            <v>1884622.91</v>
          </cell>
          <cell r="S8">
            <v>0</v>
          </cell>
        </row>
        <row r="9">
          <cell r="A9" t="str">
            <v>-Residential Construction</v>
          </cell>
          <cell r="B9">
            <v>6</v>
          </cell>
          <cell r="E9">
            <v>1161223.5</v>
          </cell>
          <cell r="F9">
            <v>900050.16</v>
          </cell>
          <cell r="G9">
            <v>1380660.1400000001</v>
          </cell>
          <cell r="H9">
            <v>816179.57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  <cell r="O9">
            <v>0</v>
          </cell>
          <cell r="P9">
            <v>0</v>
          </cell>
          <cell r="R9">
            <v>12926438.84</v>
          </cell>
          <cell r="S9">
            <v>0</v>
          </cell>
        </row>
        <row r="10">
          <cell r="A10" t="str">
            <v>-</v>
          </cell>
          <cell r="B10">
            <v>7</v>
          </cell>
        </row>
        <row r="11">
          <cell r="A11" t="str">
            <v>Northern-C&amp;I Construction</v>
          </cell>
          <cell r="B11">
            <v>8</v>
          </cell>
          <cell r="E11">
            <v>490870.02</v>
          </cell>
          <cell r="F11">
            <v>319356.96000000002</v>
          </cell>
          <cell r="G11">
            <v>398702.77</v>
          </cell>
          <cell r="H11">
            <v>399601.77</v>
          </cell>
          <cell r="I11">
            <v>459300.76</v>
          </cell>
          <cell r="J11">
            <v>279276.12</v>
          </cell>
          <cell r="R11">
            <v>4852607.91</v>
          </cell>
          <cell r="S11">
            <v>0</v>
          </cell>
        </row>
        <row r="12">
          <cell r="A12" t="str">
            <v>Eastern-C&amp;I Construction</v>
          </cell>
          <cell r="B12">
            <v>9</v>
          </cell>
          <cell r="E12">
            <v>322771.84000000003</v>
          </cell>
          <cell r="F12">
            <v>262271.87</v>
          </cell>
          <cell r="G12">
            <v>309678.34999999998</v>
          </cell>
          <cell r="H12">
            <v>341480.34</v>
          </cell>
          <cell r="I12">
            <v>278769.17</v>
          </cell>
          <cell r="J12">
            <v>317347.27</v>
          </cell>
          <cell r="R12">
            <v>3146780.12</v>
          </cell>
          <cell r="S12">
            <v>0</v>
          </cell>
        </row>
        <row r="13">
          <cell r="A13" t="str">
            <v>Southern-C&amp;I Construction</v>
          </cell>
          <cell r="B13">
            <v>10</v>
          </cell>
          <cell r="E13">
            <v>238167.67999999999</v>
          </cell>
          <cell r="F13">
            <v>362738.93</v>
          </cell>
          <cell r="G13">
            <v>382789.29</v>
          </cell>
          <cell r="H13">
            <v>410671.21</v>
          </cell>
          <cell r="I13">
            <v>358244.6</v>
          </cell>
          <cell r="J13">
            <v>407630.78</v>
          </cell>
          <cell r="R13">
            <v>3015882.07</v>
          </cell>
          <cell r="S13">
            <v>0</v>
          </cell>
        </row>
        <row r="14">
          <cell r="A14" t="str">
            <v>Western-C&amp;I Construction</v>
          </cell>
          <cell r="B14">
            <v>11</v>
          </cell>
          <cell r="E14">
            <v>125319.67999999999</v>
          </cell>
          <cell r="F14">
            <v>136805.43</v>
          </cell>
          <cell r="G14">
            <v>193419.43</v>
          </cell>
          <cell r="H14">
            <v>177506.98</v>
          </cell>
          <cell r="I14">
            <v>53523.02</v>
          </cell>
          <cell r="J14">
            <v>94598.92</v>
          </cell>
          <cell r="R14">
            <v>1113192.4099999999</v>
          </cell>
          <cell r="S14">
            <v>0</v>
          </cell>
        </row>
        <row r="15">
          <cell r="A15" t="str">
            <v>-C&amp;I Construction</v>
          </cell>
          <cell r="B15">
            <v>12</v>
          </cell>
          <cell r="E15">
            <v>1177129.22</v>
          </cell>
          <cell r="F15">
            <v>1081173.19</v>
          </cell>
          <cell r="G15">
            <v>1284589.8399999999</v>
          </cell>
          <cell r="H15">
            <v>1329260.3</v>
          </cell>
          <cell r="I15">
            <v>0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  <cell r="O15">
            <v>0</v>
          </cell>
          <cell r="P15">
            <v>0</v>
          </cell>
          <cell r="R15">
            <v>12128462.51</v>
          </cell>
          <cell r="S15">
            <v>0</v>
          </cell>
        </row>
        <row r="16">
          <cell r="A16" t="str">
            <v>-</v>
          </cell>
          <cell r="B16">
            <v>13</v>
          </cell>
        </row>
        <row r="17">
          <cell r="A17" t="str">
            <v>Northern-Lighting Construction</v>
          </cell>
          <cell r="B17">
            <v>14</v>
          </cell>
          <cell r="E17">
            <v>300278.7</v>
          </cell>
          <cell r="F17">
            <v>326120.53999999998</v>
          </cell>
          <cell r="G17">
            <v>397018.62</v>
          </cell>
          <cell r="H17">
            <v>392429.4</v>
          </cell>
          <cell r="I17">
            <v>411547.79</v>
          </cell>
          <cell r="J17">
            <v>377397.81</v>
          </cell>
          <cell r="R17">
            <v>3921046.3</v>
          </cell>
          <cell r="S17">
            <v>0</v>
          </cell>
        </row>
        <row r="18">
          <cell r="A18" t="str">
            <v>Eastern-Lighting Construction</v>
          </cell>
          <cell r="B18">
            <v>15</v>
          </cell>
          <cell r="E18">
            <v>307591.44</v>
          </cell>
          <cell r="F18">
            <v>241226.49</v>
          </cell>
          <cell r="G18">
            <v>245788.27</v>
          </cell>
          <cell r="H18">
            <v>187016.04</v>
          </cell>
          <cell r="I18">
            <v>237613.61</v>
          </cell>
          <cell r="J18">
            <v>215269.09</v>
          </cell>
          <cell r="R18">
            <v>2253840.9500000002</v>
          </cell>
          <cell r="S18">
            <v>0</v>
          </cell>
        </row>
        <row r="19">
          <cell r="A19" t="str">
            <v>Southern-Lighting Construction</v>
          </cell>
          <cell r="B19">
            <v>16</v>
          </cell>
          <cell r="E19">
            <v>289035.34999999998</v>
          </cell>
          <cell r="F19">
            <v>215547.8</v>
          </cell>
          <cell r="G19">
            <v>245394.7</v>
          </cell>
          <cell r="H19">
            <v>226266.71</v>
          </cell>
          <cell r="I19">
            <v>210650.38</v>
          </cell>
          <cell r="J19">
            <v>229777.41</v>
          </cell>
          <cell r="R19">
            <v>2972230.77</v>
          </cell>
          <cell r="S19">
            <v>0</v>
          </cell>
        </row>
        <row r="20">
          <cell r="A20" t="str">
            <v>Western-Lighting Construction</v>
          </cell>
          <cell r="B20">
            <v>17</v>
          </cell>
          <cell r="E20">
            <v>118272.94</v>
          </cell>
          <cell r="F20">
            <v>69209.13</v>
          </cell>
          <cell r="G20">
            <v>103718.23</v>
          </cell>
          <cell r="H20">
            <v>34011.19</v>
          </cell>
          <cell r="I20">
            <v>62047.51</v>
          </cell>
          <cell r="J20">
            <v>48287.55</v>
          </cell>
          <cell r="R20">
            <v>835109.62</v>
          </cell>
          <cell r="S20">
            <v>0</v>
          </cell>
        </row>
        <row r="21">
          <cell r="A21" t="str">
            <v>-Lighting Construction</v>
          </cell>
          <cell r="B21">
            <v>18</v>
          </cell>
          <cell r="E21">
            <v>1015178.4299999999</v>
          </cell>
          <cell r="F21">
            <v>852103.96000000008</v>
          </cell>
          <cell r="G21">
            <v>991919.82000000007</v>
          </cell>
          <cell r="H21">
            <v>839723.34000000008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  <cell r="O21">
            <v>0</v>
          </cell>
          <cell r="P21">
            <v>0</v>
          </cell>
          <cell r="R21">
            <v>9982227.6399999987</v>
          </cell>
          <cell r="S21">
            <v>0</v>
          </cell>
        </row>
        <row r="22">
          <cell r="A22" t="str">
            <v>-</v>
          </cell>
          <cell r="B22">
            <v>19</v>
          </cell>
        </row>
        <row r="23">
          <cell r="A23" t="str">
            <v>-Sum:</v>
          </cell>
          <cell r="B23">
            <v>20</v>
          </cell>
          <cell r="E23">
            <v>3353531.1499999994</v>
          </cell>
          <cell r="F23">
            <v>2833327.31</v>
          </cell>
          <cell r="G23">
            <v>3657169.8</v>
          </cell>
          <cell r="H23">
            <v>2985163.21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R23">
            <v>35037128.990000002</v>
          </cell>
          <cell r="S23">
            <v>0</v>
          </cell>
        </row>
      </sheetData>
      <sheetData sheetId="6" refreshError="1"/>
      <sheetData sheetId="7" refreshError="1"/>
      <sheetData sheetId="8" refreshError="1">
        <row r="4">
          <cell r="E4">
            <v>40920</v>
          </cell>
          <cell r="F4">
            <v>40951</v>
          </cell>
          <cell r="G4">
            <v>40980</v>
          </cell>
          <cell r="H4">
            <v>41011</v>
          </cell>
          <cell r="I4">
            <v>41041</v>
          </cell>
          <cell r="J4">
            <v>41072</v>
          </cell>
          <cell r="K4">
            <v>41102</v>
          </cell>
          <cell r="L4">
            <v>41133</v>
          </cell>
          <cell r="M4">
            <v>41164</v>
          </cell>
          <cell r="N4">
            <v>41194</v>
          </cell>
          <cell r="O4">
            <v>41225</v>
          </cell>
          <cell r="P4">
            <v>41255</v>
          </cell>
        </row>
        <row r="5">
          <cell r="C5" t="str">
            <v>Northern</v>
          </cell>
          <cell r="D5" t="str">
            <v>Residential Construction</v>
          </cell>
          <cell r="E5">
            <v>167176.98000000001</v>
          </cell>
          <cell r="F5">
            <v>279730.36</v>
          </cell>
          <cell r="G5">
            <v>475809.78</v>
          </cell>
          <cell r="H5">
            <v>416273.16</v>
          </cell>
          <cell r="I5">
            <v>475901</v>
          </cell>
          <cell r="J5">
            <v>426829.05</v>
          </cell>
          <cell r="K5">
            <v>409014.28</v>
          </cell>
          <cell r="L5">
            <v>397686.25</v>
          </cell>
          <cell r="M5">
            <v>500235.87</v>
          </cell>
          <cell r="N5">
            <v>392902.3</v>
          </cell>
          <cell r="O5">
            <v>418824.64</v>
          </cell>
          <cell r="P5">
            <v>381014.96</v>
          </cell>
        </row>
        <row r="6">
          <cell r="C6" t="str">
            <v>Eastern</v>
          </cell>
          <cell r="D6" t="str">
            <v>Residential Construction</v>
          </cell>
          <cell r="E6">
            <v>212355.01</v>
          </cell>
          <cell r="F6">
            <v>264755.53000000003</v>
          </cell>
          <cell r="G6">
            <v>294001.56</v>
          </cell>
          <cell r="H6">
            <v>316191.25</v>
          </cell>
          <cell r="I6">
            <v>364263.87</v>
          </cell>
          <cell r="J6">
            <v>284098.5</v>
          </cell>
          <cell r="K6">
            <v>324800.36</v>
          </cell>
          <cell r="L6">
            <v>258512.16</v>
          </cell>
          <cell r="M6">
            <v>289319.45</v>
          </cell>
          <cell r="N6">
            <v>237095.09</v>
          </cell>
          <cell r="O6">
            <v>254950.25</v>
          </cell>
          <cell r="P6">
            <v>224816.61</v>
          </cell>
        </row>
        <row r="7">
          <cell r="C7" t="str">
            <v>Southern</v>
          </cell>
          <cell r="D7" t="str">
            <v>Residential Construction</v>
          </cell>
          <cell r="E7">
            <v>157023.62</v>
          </cell>
          <cell r="F7">
            <v>181267.75</v>
          </cell>
          <cell r="G7">
            <v>242708.13</v>
          </cell>
          <cell r="H7">
            <v>360441.78</v>
          </cell>
          <cell r="I7">
            <v>288617.21999999997</v>
          </cell>
          <cell r="J7">
            <v>280934.24</v>
          </cell>
          <cell r="K7">
            <v>200482.27</v>
          </cell>
          <cell r="L7">
            <v>256583.15</v>
          </cell>
          <cell r="M7">
            <v>223471.85</v>
          </cell>
          <cell r="N7">
            <v>293071.18</v>
          </cell>
          <cell r="O7">
            <v>335971.63</v>
          </cell>
          <cell r="P7">
            <v>154684.84</v>
          </cell>
        </row>
        <row r="8">
          <cell r="C8" t="str">
            <v>Western</v>
          </cell>
          <cell r="D8" t="str">
            <v>Residential Construction</v>
          </cell>
          <cell r="E8">
            <v>74757.649999999994</v>
          </cell>
          <cell r="F8">
            <v>133343.57</v>
          </cell>
          <cell r="G8">
            <v>91559.16</v>
          </cell>
          <cell r="H8">
            <v>159245.29999999999</v>
          </cell>
          <cell r="I8">
            <v>151556.12</v>
          </cell>
          <cell r="J8">
            <v>178414.9</v>
          </cell>
          <cell r="K8">
            <v>231927.94</v>
          </cell>
          <cell r="L8">
            <v>244268.88</v>
          </cell>
          <cell r="M8">
            <v>158310.69</v>
          </cell>
          <cell r="N8">
            <v>176553.17</v>
          </cell>
          <cell r="O8">
            <v>162813.13</v>
          </cell>
          <cell r="P8">
            <v>121872.4</v>
          </cell>
        </row>
        <row r="9">
          <cell r="D9" t="str">
            <v>Residential Construction</v>
          </cell>
          <cell r="E9">
            <v>611313.26</v>
          </cell>
          <cell r="F9">
            <v>859097.21</v>
          </cell>
          <cell r="G9">
            <v>1104078.6300000001</v>
          </cell>
          <cell r="H9">
            <v>1252151.49</v>
          </cell>
          <cell r="I9">
            <v>1280338.21</v>
          </cell>
          <cell r="J9">
            <v>1170276.69</v>
          </cell>
          <cell r="K9">
            <v>1166224.8500000001</v>
          </cell>
          <cell r="L9">
            <v>1157050.44</v>
          </cell>
          <cell r="M9">
            <v>1171337.8600000001</v>
          </cell>
          <cell r="N9">
            <v>1099621.74</v>
          </cell>
          <cell r="O9">
            <v>1172559.6499999999</v>
          </cell>
          <cell r="P9">
            <v>882388.81</v>
          </cell>
        </row>
        <row r="11">
          <cell r="C11" t="str">
            <v>Northern</v>
          </cell>
          <cell r="D11" t="str">
            <v>C&amp;I Construction</v>
          </cell>
          <cell r="E11">
            <v>210722.37</v>
          </cell>
          <cell r="F11">
            <v>334599.24</v>
          </cell>
          <cell r="G11">
            <v>482313.01</v>
          </cell>
          <cell r="H11">
            <v>355339.83</v>
          </cell>
          <cell r="I11">
            <v>282777.03999999998</v>
          </cell>
          <cell r="J11">
            <v>1264763.27</v>
          </cell>
          <cell r="K11">
            <v>118370.2</v>
          </cell>
          <cell r="L11">
            <v>446778.7</v>
          </cell>
          <cell r="M11">
            <v>316985.18</v>
          </cell>
          <cell r="N11">
            <v>373617.88</v>
          </cell>
          <cell r="O11">
            <v>266566.90999999997</v>
          </cell>
          <cell r="P11">
            <v>399774.28</v>
          </cell>
        </row>
        <row r="12">
          <cell r="C12" t="str">
            <v>Eastern</v>
          </cell>
          <cell r="D12" t="str">
            <v>C&amp;I Construction</v>
          </cell>
          <cell r="E12">
            <v>149265.04</v>
          </cell>
          <cell r="F12">
            <v>233513.47</v>
          </cell>
          <cell r="G12">
            <v>754338.17</v>
          </cell>
          <cell r="H12">
            <v>181602.88</v>
          </cell>
          <cell r="I12">
            <v>250123.99</v>
          </cell>
          <cell r="J12">
            <v>184610.52</v>
          </cell>
          <cell r="K12">
            <v>281509.31</v>
          </cell>
          <cell r="L12">
            <v>220208.33</v>
          </cell>
          <cell r="M12">
            <v>159273.12</v>
          </cell>
          <cell r="N12">
            <v>245287.09</v>
          </cell>
          <cell r="O12">
            <v>196613.9</v>
          </cell>
          <cell r="P12">
            <v>290434.3</v>
          </cell>
        </row>
        <row r="13">
          <cell r="C13" t="str">
            <v>Southern</v>
          </cell>
          <cell r="D13" t="str">
            <v>C&amp;I Construction</v>
          </cell>
          <cell r="E13">
            <v>128831.66</v>
          </cell>
          <cell r="F13">
            <v>255563.55</v>
          </cell>
          <cell r="G13">
            <v>303451.51</v>
          </cell>
          <cell r="H13">
            <v>177776.94</v>
          </cell>
          <cell r="I13">
            <v>357384.25</v>
          </cell>
          <cell r="J13">
            <v>176045.15</v>
          </cell>
          <cell r="K13">
            <v>236401.86</v>
          </cell>
          <cell r="L13">
            <v>372777.81</v>
          </cell>
          <cell r="M13">
            <v>249714.04</v>
          </cell>
          <cell r="N13">
            <v>284069.15000000002</v>
          </cell>
          <cell r="O13">
            <v>231297.33</v>
          </cell>
          <cell r="P13">
            <v>242568.82</v>
          </cell>
        </row>
        <row r="14">
          <cell r="C14" t="str">
            <v>Western</v>
          </cell>
          <cell r="D14" t="str">
            <v>C&amp;I Construction</v>
          </cell>
          <cell r="E14">
            <v>70212.240000000005</v>
          </cell>
          <cell r="F14">
            <v>141873.97</v>
          </cell>
          <cell r="G14">
            <v>94030.18</v>
          </cell>
          <cell r="H14">
            <v>71855.67</v>
          </cell>
          <cell r="I14">
            <v>79399.34</v>
          </cell>
          <cell r="J14">
            <v>190381.2</v>
          </cell>
          <cell r="K14">
            <v>72786.63</v>
          </cell>
          <cell r="L14">
            <v>81653.710000000006</v>
          </cell>
          <cell r="M14">
            <v>91209.85</v>
          </cell>
          <cell r="N14">
            <v>66492.11</v>
          </cell>
          <cell r="O14">
            <v>68745.759999999995</v>
          </cell>
          <cell r="P14">
            <v>84551.75</v>
          </cell>
        </row>
        <row r="15">
          <cell r="D15" t="str">
            <v>C&amp;I Construction</v>
          </cell>
          <cell r="E15">
            <v>559031.31000000006</v>
          </cell>
          <cell r="F15">
            <v>965550.23</v>
          </cell>
          <cell r="G15">
            <v>1634132.87</v>
          </cell>
          <cell r="H15">
            <v>786575.32</v>
          </cell>
          <cell r="I15">
            <v>969684.62</v>
          </cell>
          <cell r="J15">
            <v>1815800.14</v>
          </cell>
          <cell r="K15">
            <v>709068</v>
          </cell>
          <cell r="L15">
            <v>1121418.55</v>
          </cell>
          <cell r="M15">
            <v>817182.19</v>
          </cell>
          <cell r="N15">
            <v>969466.23</v>
          </cell>
          <cell r="O15">
            <v>763223.89999999991</v>
          </cell>
          <cell r="P15">
            <v>1017329.1500000001</v>
          </cell>
        </row>
        <row r="17">
          <cell r="C17" t="str">
            <v>Northern</v>
          </cell>
          <cell r="D17" t="str">
            <v>Lighting Construction</v>
          </cell>
          <cell r="E17">
            <v>248493.41</v>
          </cell>
          <cell r="F17">
            <v>244872.54</v>
          </cell>
          <cell r="G17">
            <v>271098.71000000002</v>
          </cell>
          <cell r="H17">
            <v>299926.40000000002</v>
          </cell>
          <cell r="I17">
            <v>217764.87</v>
          </cell>
          <cell r="J17">
            <v>288909.27</v>
          </cell>
          <cell r="K17">
            <v>322788.28999999998</v>
          </cell>
          <cell r="L17">
            <v>241372.26</v>
          </cell>
          <cell r="M17">
            <v>227731.82</v>
          </cell>
          <cell r="N17">
            <v>310461.34999999998</v>
          </cell>
          <cell r="O17">
            <v>334967.19</v>
          </cell>
          <cell r="P17">
            <v>912660.19</v>
          </cell>
        </row>
        <row r="18">
          <cell r="C18" t="str">
            <v>Eastern</v>
          </cell>
          <cell r="D18" t="str">
            <v>Lighting Construction</v>
          </cell>
          <cell r="E18">
            <v>179871.05</v>
          </cell>
          <cell r="F18">
            <v>144173.34</v>
          </cell>
          <cell r="G18">
            <v>215503.42</v>
          </cell>
          <cell r="H18">
            <v>168767.44</v>
          </cell>
          <cell r="I18">
            <v>213709.84</v>
          </cell>
          <cell r="J18">
            <v>143171.03</v>
          </cell>
          <cell r="K18">
            <v>131499.82999999999</v>
          </cell>
          <cell r="L18">
            <v>208773.8</v>
          </cell>
          <cell r="M18">
            <v>204216.61</v>
          </cell>
          <cell r="N18">
            <v>162041.93</v>
          </cell>
          <cell r="O18">
            <v>241261.69</v>
          </cell>
          <cell r="P18">
            <v>240850.97</v>
          </cell>
        </row>
        <row r="19">
          <cell r="C19" t="str">
            <v>Southern</v>
          </cell>
          <cell r="D19" t="str">
            <v>Lighting Construction</v>
          </cell>
          <cell r="E19">
            <v>214007.39</v>
          </cell>
          <cell r="F19">
            <v>279867.46000000002</v>
          </cell>
          <cell r="G19">
            <v>220180.04</v>
          </cell>
          <cell r="H19">
            <v>250813.01</v>
          </cell>
          <cell r="I19">
            <v>238528.95</v>
          </cell>
          <cell r="J19">
            <v>199537.17</v>
          </cell>
          <cell r="K19">
            <v>165114.79999999999</v>
          </cell>
          <cell r="L19">
            <v>246291.05</v>
          </cell>
          <cell r="M19">
            <v>274247.08</v>
          </cell>
          <cell r="N19">
            <v>255658.32</v>
          </cell>
          <cell r="O19">
            <v>317959.59999999998</v>
          </cell>
          <cell r="P19">
            <v>310025.90000000002</v>
          </cell>
        </row>
        <row r="20">
          <cell r="C20" t="str">
            <v>Western</v>
          </cell>
          <cell r="D20" t="str">
            <v>Lighting Construction</v>
          </cell>
          <cell r="E20">
            <v>102696.8</v>
          </cell>
          <cell r="F20">
            <v>34620.959999999999</v>
          </cell>
          <cell r="G20">
            <v>40585.07</v>
          </cell>
          <cell r="H20">
            <v>54620.77</v>
          </cell>
          <cell r="I20">
            <v>69053.67</v>
          </cell>
          <cell r="J20">
            <v>97296.43</v>
          </cell>
          <cell r="K20">
            <v>77436.69</v>
          </cell>
          <cell r="L20">
            <v>91030.27</v>
          </cell>
          <cell r="M20">
            <v>57976.73</v>
          </cell>
          <cell r="N20">
            <v>80867.28</v>
          </cell>
          <cell r="O20">
            <v>43302.3</v>
          </cell>
          <cell r="P20">
            <v>85622.65</v>
          </cell>
        </row>
        <row r="21">
          <cell r="D21" t="str">
            <v>Lighting Construction</v>
          </cell>
          <cell r="E21">
            <v>745068.65</v>
          </cell>
          <cell r="F21">
            <v>703534.3</v>
          </cell>
          <cell r="G21">
            <v>747367.24</v>
          </cell>
          <cell r="H21">
            <v>774127.62000000011</v>
          </cell>
          <cell r="I21">
            <v>739057.33</v>
          </cell>
          <cell r="J21">
            <v>728913.90000000014</v>
          </cell>
          <cell r="K21">
            <v>696839.60999999987</v>
          </cell>
          <cell r="L21">
            <v>787467.38</v>
          </cell>
          <cell r="M21">
            <v>764172.24</v>
          </cell>
          <cell r="N21">
            <v>809028.88</v>
          </cell>
          <cell r="O21">
            <v>937490.78</v>
          </cell>
          <cell r="P21">
            <v>1549159.71</v>
          </cell>
        </row>
        <row r="23">
          <cell r="D23" t="str">
            <v>Sum:</v>
          </cell>
          <cell r="E23">
            <v>1915413.22</v>
          </cell>
          <cell r="F23">
            <v>2528181.7400000002</v>
          </cell>
          <cell r="G23">
            <v>3485578.74</v>
          </cell>
          <cell r="H23">
            <v>2812854.4299999997</v>
          </cell>
          <cell r="I23">
            <v>2989080.16</v>
          </cell>
          <cell r="J23">
            <v>3714990.73</v>
          </cell>
          <cell r="K23">
            <v>2572132.46</v>
          </cell>
          <cell r="L23">
            <v>3065936.37</v>
          </cell>
          <cell r="M23">
            <v>2752692.29</v>
          </cell>
          <cell r="N23">
            <v>2878116.8499999996</v>
          </cell>
          <cell r="O23">
            <v>2873274.33</v>
          </cell>
          <cell r="P23">
            <v>3448877.6700000004</v>
          </cell>
        </row>
      </sheetData>
      <sheetData sheetId="9" refreshError="1"/>
      <sheetData sheetId="10">
        <row r="4">
          <cell r="C4" t="str">
            <v>Bud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- IN"/>
      <sheetName val="Capital - KY"/>
      <sheetName val="Capital - OH"/>
      <sheetName val="Total O&amp;M"/>
      <sheetName val="O&amp;M - IN"/>
      <sheetName val="O&amp;M - IN.N"/>
      <sheetName val="O&amp;M - IN.SE"/>
      <sheetName val="O&amp;M - IN.SW"/>
      <sheetName val="O&amp;M - IN.Other"/>
      <sheetName val="O&amp;M - KY"/>
      <sheetName val="O&amp;M - OH"/>
      <sheetName val="Actual Data"/>
      <sheetName val="IN"/>
      <sheetName val="IN-N"/>
      <sheetName val="IN-SE"/>
      <sheetName val="IN-SW"/>
      <sheetName val="KY"/>
      <sheetName val="OH"/>
      <sheetName val="tie out"/>
      <sheetName val="BO Budget Data"/>
      <sheetName val="BO Data Dump"/>
      <sheetName val="YTD Selec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>
        <row r="1">
          <cell r="F1" t="str">
            <v>Bus Unit ID CB</v>
          </cell>
          <cell r="Z1" t="str">
            <v>Project ID CB</v>
          </cell>
          <cell r="AN1" t="str">
            <v>OU5-Rev</v>
          </cell>
          <cell r="AO1" t="str">
            <v>OU6-Rev</v>
          </cell>
        </row>
        <row r="2">
          <cell r="F2">
            <v>75023</v>
          </cell>
          <cell r="Z2" t="str">
            <v>BSMEINS</v>
          </cell>
          <cell r="AN2" t="str">
            <v>MDO C&amp;M</v>
          </cell>
          <cell r="AO2" t="str">
            <v>MDO OH/KEN C&amp;M</v>
          </cell>
        </row>
        <row r="3">
          <cell r="F3">
            <v>75023</v>
          </cell>
          <cell r="Z3" t="str">
            <v>BSMEINS</v>
          </cell>
          <cell r="AN3" t="str">
            <v>MDO C&amp;M</v>
          </cell>
          <cell r="AO3" t="str">
            <v>MDO OH/KEN C&amp;M</v>
          </cell>
        </row>
        <row r="4">
          <cell r="F4">
            <v>75023</v>
          </cell>
          <cell r="Z4" t="str">
            <v>BSMEINS</v>
          </cell>
          <cell r="AN4" t="str">
            <v>MDO C&amp;M</v>
          </cell>
          <cell r="AO4" t="str">
            <v>MDO OH/KEN C&amp;M</v>
          </cell>
        </row>
        <row r="5">
          <cell r="F5">
            <v>75023</v>
          </cell>
          <cell r="Z5" t="str">
            <v>BSMEINS</v>
          </cell>
          <cell r="AN5" t="str">
            <v>MDO C&amp;M</v>
          </cell>
          <cell r="AO5" t="str">
            <v>MDO OH/KEN C&amp;M</v>
          </cell>
        </row>
        <row r="6">
          <cell r="F6">
            <v>75023</v>
          </cell>
          <cell r="Z6" t="str">
            <v>BSMEINS</v>
          </cell>
          <cell r="AN6" t="str">
            <v>MDO C&amp;M</v>
          </cell>
          <cell r="AO6" t="str">
            <v>MDO OH/KEN C&amp;M</v>
          </cell>
        </row>
        <row r="7">
          <cell r="F7">
            <v>75023</v>
          </cell>
          <cell r="Z7" t="str">
            <v>BSMEINS</v>
          </cell>
          <cell r="AN7" t="str">
            <v>MDO C&amp;M</v>
          </cell>
          <cell r="AO7" t="str">
            <v>MDO OH/KEN C&amp;M</v>
          </cell>
        </row>
        <row r="8">
          <cell r="F8">
            <v>75023</v>
          </cell>
          <cell r="Z8" t="str">
            <v>BSMEINS</v>
          </cell>
          <cell r="AN8" t="str">
            <v>MDO C&amp;M</v>
          </cell>
          <cell r="AO8" t="str">
            <v>MDO OH/KEN C&amp;M</v>
          </cell>
        </row>
        <row r="9">
          <cell r="F9">
            <v>75023</v>
          </cell>
          <cell r="Z9" t="str">
            <v>BSMEINS</v>
          </cell>
          <cell r="AN9" t="str">
            <v>MDO C&amp;M</v>
          </cell>
          <cell r="AO9" t="str">
            <v>MDO OH/KEN C&amp;M</v>
          </cell>
        </row>
        <row r="10">
          <cell r="F10">
            <v>75023</v>
          </cell>
          <cell r="Z10" t="str">
            <v>BSMEINS</v>
          </cell>
          <cell r="AN10" t="str">
            <v>MDO C&amp;M</v>
          </cell>
          <cell r="AO10" t="str">
            <v>MDO OH/KEN C&amp;M</v>
          </cell>
        </row>
        <row r="11">
          <cell r="F11">
            <v>75023</v>
          </cell>
          <cell r="Z11" t="str">
            <v>BSMEINS</v>
          </cell>
          <cell r="AN11" t="str">
            <v>MDO C&amp;M</v>
          </cell>
          <cell r="AO11" t="str">
            <v>MDO OH/KEN C&amp;M</v>
          </cell>
        </row>
        <row r="12">
          <cell r="F12">
            <v>75023</v>
          </cell>
          <cell r="Z12" t="str">
            <v>BSMEINS</v>
          </cell>
          <cell r="AN12" t="str">
            <v>MDO C&amp;M</v>
          </cell>
          <cell r="AO12" t="str">
            <v>MDO OH/KEN C&amp;M</v>
          </cell>
        </row>
        <row r="13">
          <cell r="F13">
            <v>75023</v>
          </cell>
          <cell r="Z13" t="str">
            <v>BSMEINS</v>
          </cell>
          <cell r="AN13" t="str">
            <v>MDO C&amp;M</v>
          </cell>
          <cell r="AO13" t="str">
            <v>MDO OH/KEN C&amp;M</v>
          </cell>
        </row>
        <row r="14">
          <cell r="F14">
            <v>75023</v>
          </cell>
          <cell r="Z14" t="str">
            <v>BSMEINS</v>
          </cell>
          <cell r="AN14" t="str">
            <v>MDO C&amp;M</v>
          </cell>
          <cell r="AO14" t="str">
            <v>MDO OH/KEN C&amp;M</v>
          </cell>
        </row>
        <row r="15">
          <cell r="F15">
            <v>75023</v>
          </cell>
          <cell r="Z15" t="str">
            <v>BSMEINS</v>
          </cell>
          <cell r="AN15" t="str">
            <v>MDO C&amp;M</v>
          </cell>
          <cell r="AO15" t="str">
            <v>MDO OH/KEN C&amp;M</v>
          </cell>
        </row>
        <row r="16">
          <cell r="F16">
            <v>75023</v>
          </cell>
          <cell r="Z16" t="str">
            <v>BSMEINS</v>
          </cell>
          <cell r="AN16" t="str">
            <v>MDO C&amp;M</v>
          </cell>
          <cell r="AO16" t="str">
            <v>MDO OH/KEN C&amp;M</v>
          </cell>
        </row>
        <row r="17">
          <cell r="F17">
            <v>75023</v>
          </cell>
          <cell r="Z17" t="str">
            <v>BSMEINS</v>
          </cell>
          <cell r="AN17" t="str">
            <v>MDO C&amp;M</v>
          </cell>
          <cell r="AO17" t="str">
            <v>MDO OH/KEN C&amp;M</v>
          </cell>
        </row>
        <row r="18">
          <cell r="F18">
            <v>75023</v>
          </cell>
          <cell r="Z18" t="str">
            <v>BSMEINS</v>
          </cell>
          <cell r="AN18" t="str">
            <v>MDO C&amp;M</v>
          </cell>
          <cell r="AO18" t="str">
            <v>MDO OH/KEN C&amp;M</v>
          </cell>
        </row>
        <row r="19">
          <cell r="F19">
            <v>75023</v>
          </cell>
          <cell r="Z19" t="str">
            <v>BSMEINS</v>
          </cell>
          <cell r="AN19" t="str">
            <v>MDO C&amp;M</v>
          </cell>
          <cell r="AO19" t="str">
            <v>MDO OH/KEN C&amp;M</v>
          </cell>
        </row>
        <row r="20">
          <cell r="F20">
            <v>75023</v>
          </cell>
          <cell r="Z20" t="str">
            <v>BSMEINS</v>
          </cell>
          <cell r="AN20" t="str">
            <v>MDO C&amp;M</v>
          </cell>
          <cell r="AO20" t="str">
            <v>MDO OH/KEN C&amp;M</v>
          </cell>
        </row>
        <row r="21">
          <cell r="F21">
            <v>75023</v>
          </cell>
          <cell r="Z21" t="str">
            <v>BSMEINS</v>
          </cell>
          <cell r="AN21" t="str">
            <v>MDO C&amp;M</v>
          </cell>
          <cell r="AO21" t="str">
            <v>MDO OH/KEN C&amp;M</v>
          </cell>
        </row>
        <row r="22">
          <cell r="F22">
            <v>75023</v>
          </cell>
          <cell r="Z22" t="str">
            <v>BSMEINS</v>
          </cell>
          <cell r="AN22" t="str">
            <v>MDO C&amp;M</v>
          </cell>
          <cell r="AO22" t="str">
            <v>MDO OH/KEN C&amp;M</v>
          </cell>
        </row>
        <row r="23">
          <cell r="F23">
            <v>75023</v>
          </cell>
          <cell r="Z23" t="str">
            <v>BSMEINS</v>
          </cell>
          <cell r="AN23" t="str">
            <v>MDO C&amp;M</v>
          </cell>
          <cell r="AO23" t="str">
            <v>MDO OH/KEN C&amp;M</v>
          </cell>
        </row>
        <row r="24">
          <cell r="F24">
            <v>75023</v>
          </cell>
          <cell r="Z24" t="str">
            <v>BSMEINS</v>
          </cell>
          <cell r="AN24" t="str">
            <v>MDO C&amp;M</v>
          </cell>
          <cell r="AO24" t="str">
            <v>MDO OH/KEN C&amp;M</v>
          </cell>
        </row>
        <row r="25">
          <cell r="F25">
            <v>75023</v>
          </cell>
          <cell r="Z25" t="str">
            <v>BSMEINS</v>
          </cell>
          <cell r="AN25" t="str">
            <v>MDO C&amp;M</v>
          </cell>
          <cell r="AO25" t="str">
            <v>MDO OH/KEN C&amp;M</v>
          </cell>
        </row>
        <row r="26">
          <cell r="F26">
            <v>75023</v>
          </cell>
          <cell r="Z26" t="str">
            <v>BSMEINS</v>
          </cell>
          <cell r="AN26" t="str">
            <v>MDO C&amp;M</v>
          </cell>
          <cell r="AO26" t="str">
            <v>MDO OH/KEN C&amp;M</v>
          </cell>
        </row>
        <row r="27">
          <cell r="F27">
            <v>75023</v>
          </cell>
          <cell r="Z27" t="str">
            <v>BSMEINS</v>
          </cell>
          <cell r="AN27" t="str">
            <v>MDO C&amp;M</v>
          </cell>
          <cell r="AO27" t="str">
            <v>MDO OH/KEN C&amp;M</v>
          </cell>
        </row>
        <row r="28">
          <cell r="F28">
            <v>75023</v>
          </cell>
          <cell r="Z28" t="str">
            <v>BSMEINS</v>
          </cell>
          <cell r="AN28" t="str">
            <v>MDO C&amp;M</v>
          </cell>
          <cell r="AO28" t="str">
            <v>MDO OH/KEN C&amp;M</v>
          </cell>
        </row>
        <row r="29">
          <cell r="F29">
            <v>75023</v>
          </cell>
          <cell r="Z29" t="str">
            <v>BSMEINS</v>
          </cell>
          <cell r="AN29" t="str">
            <v>MDO C&amp;M</v>
          </cell>
          <cell r="AO29" t="str">
            <v>MDO OH/KEN C&amp;M</v>
          </cell>
        </row>
        <row r="30">
          <cell r="F30">
            <v>75023</v>
          </cell>
          <cell r="Z30" t="str">
            <v>BSMEINS</v>
          </cell>
          <cell r="AN30" t="str">
            <v>MDO C&amp;M</v>
          </cell>
          <cell r="AO30" t="str">
            <v>MDO OH/KEN C&amp;M</v>
          </cell>
        </row>
        <row r="31">
          <cell r="F31">
            <v>75023</v>
          </cell>
          <cell r="Z31" t="str">
            <v>BSMEINS</v>
          </cell>
          <cell r="AN31" t="str">
            <v>MDO C&amp;M</v>
          </cell>
          <cell r="AO31" t="str">
            <v>MDO OH/KEN C&amp;M</v>
          </cell>
        </row>
        <row r="32">
          <cell r="F32">
            <v>75023</v>
          </cell>
          <cell r="Z32" t="str">
            <v>BSMEINS</v>
          </cell>
          <cell r="AN32" t="str">
            <v>MDO C&amp;M</v>
          </cell>
          <cell r="AO32" t="str">
            <v>MDO OH/KEN C&amp;M</v>
          </cell>
        </row>
        <row r="33">
          <cell r="F33">
            <v>75023</v>
          </cell>
          <cell r="Z33" t="str">
            <v>BSMEINS</v>
          </cell>
          <cell r="AN33" t="str">
            <v>MDO C&amp;M</v>
          </cell>
          <cell r="AO33" t="str">
            <v>MDO OH/KEN C&amp;M</v>
          </cell>
        </row>
        <row r="34">
          <cell r="F34">
            <v>75023</v>
          </cell>
          <cell r="Z34" t="str">
            <v>BSMEINS</v>
          </cell>
          <cell r="AN34" t="str">
            <v>MDO C&amp;M</v>
          </cell>
          <cell r="AO34" t="str">
            <v>MDO OH/KEN C&amp;M</v>
          </cell>
        </row>
        <row r="35">
          <cell r="F35">
            <v>75023</v>
          </cell>
          <cell r="Z35" t="str">
            <v>BSMEINS</v>
          </cell>
          <cell r="AN35" t="str">
            <v>MDO C&amp;M</v>
          </cell>
          <cell r="AO35" t="str">
            <v>MDO OH/KEN C&amp;M</v>
          </cell>
        </row>
        <row r="36">
          <cell r="F36">
            <v>75023</v>
          </cell>
          <cell r="Z36" t="str">
            <v>BSMEINS</v>
          </cell>
          <cell r="AN36" t="str">
            <v>MDO C&amp;M</v>
          </cell>
          <cell r="AO36" t="str">
            <v>MDO OH/KEN C&amp;M</v>
          </cell>
        </row>
        <row r="37">
          <cell r="F37">
            <v>75023</v>
          </cell>
          <cell r="Z37" t="str">
            <v>BSMEINS</v>
          </cell>
          <cell r="AN37" t="str">
            <v>MDO C&amp;M</v>
          </cell>
          <cell r="AO37" t="str">
            <v>MDO OH/KEN C&amp;M</v>
          </cell>
        </row>
        <row r="38">
          <cell r="F38">
            <v>75023</v>
          </cell>
          <cell r="Z38" t="str">
            <v>BSMEINS</v>
          </cell>
          <cell r="AN38" t="str">
            <v>MDO C&amp;M</v>
          </cell>
          <cell r="AO38" t="str">
            <v>MDO OH/KEN C&amp;M</v>
          </cell>
        </row>
        <row r="39">
          <cell r="F39">
            <v>75023</v>
          </cell>
          <cell r="Z39" t="str">
            <v>BSMEINS</v>
          </cell>
          <cell r="AN39" t="str">
            <v>MDO C&amp;M</v>
          </cell>
          <cell r="AO39" t="str">
            <v>MDO OH/KEN C&amp;M</v>
          </cell>
        </row>
        <row r="40">
          <cell r="F40">
            <v>75023</v>
          </cell>
          <cell r="Z40" t="str">
            <v>BSMEINS</v>
          </cell>
          <cell r="AN40" t="str">
            <v>MDO C&amp;M</v>
          </cell>
          <cell r="AO40" t="str">
            <v>MDO OH/KEN C&amp;M</v>
          </cell>
        </row>
        <row r="41">
          <cell r="F41">
            <v>75023</v>
          </cell>
          <cell r="Z41" t="str">
            <v>BSMEINS</v>
          </cell>
          <cell r="AN41" t="str">
            <v>MDO C&amp;M</v>
          </cell>
          <cell r="AO41" t="str">
            <v>MDO OH/KEN C&amp;M</v>
          </cell>
        </row>
        <row r="42">
          <cell r="F42">
            <v>75023</v>
          </cell>
          <cell r="Z42" t="str">
            <v>BSMEINS</v>
          </cell>
          <cell r="AN42" t="str">
            <v>MDO C&amp;M</v>
          </cell>
          <cell r="AO42" t="str">
            <v>MDO OH/KEN C&amp;M</v>
          </cell>
        </row>
        <row r="43">
          <cell r="F43">
            <v>75023</v>
          </cell>
          <cell r="Z43" t="str">
            <v>BSMEINS</v>
          </cell>
          <cell r="AN43" t="str">
            <v>MDO C&amp;M</v>
          </cell>
          <cell r="AO43" t="str">
            <v>MDO OH/KEN C&amp;M</v>
          </cell>
        </row>
        <row r="44">
          <cell r="F44">
            <v>75023</v>
          </cell>
          <cell r="Z44" t="str">
            <v>BSMEINS</v>
          </cell>
          <cell r="AN44" t="str">
            <v>MDO C&amp;M</v>
          </cell>
          <cell r="AO44" t="str">
            <v>MDO OH/KEN C&amp;M</v>
          </cell>
        </row>
        <row r="45">
          <cell r="F45">
            <v>75023</v>
          </cell>
          <cell r="Z45" t="str">
            <v>BSMEINS</v>
          </cell>
          <cell r="AN45" t="str">
            <v>MDO C&amp;M</v>
          </cell>
          <cell r="AO45" t="str">
            <v>MDO OH/KEN C&amp;M</v>
          </cell>
        </row>
        <row r="46">
          <cell r="F46">
            <v>75023</v>
          </cell>
          <cell r="Z46" t="str">
            <v>BSMEINS</v>
          </cell>
          <cell r="AN46" t="str">
            <v>MDO C&amp;M</v>
          </cell>
          <cell r="AO46" t="str">
            <v>MDO OH/KEN C&amp;M</v>
          </cell>
        </row>
        <row r="47">
          <cell r="F47">
            <v>75023</v>
          </cell>
          <cell r="Z47" t="str">
            <v>BSMEINS</v>
          </cell>
          <cell r="AN47" t="str">
            <v>MDO C&amp;M</v>
          </cell>
          <cell r="AO47" t="str">
            <v>MDO OH/KEN C&amp;M</v>
          </cell>
        </row>
        <row r="48">
          <cell r="F48">
            <v>75023</v>
          </cell>
          <cell r="Z48" t="str">
            <v>BSMEINS</v>
          </cell>
          <cell r="AN48" t="str">
            <v>MDO C&amp;M</v>
          </cell>
          <cell r="AO48" t="str">
            <v>MDO OH/KEN C&amp;M</v>
          </cell>
        </row>
        <row r="49">
          <cell r="F49">
            <v>75023</v>
          </cell>
          <cell r="Z49" t="str">
            <v>BSMEINS</v>
          </cell>
          <cell r="AN49" t="str">
            <v>MDO C&amp;M</v>
          </cell>
          <cell r="AO49" t="str">
            <v>MDO OH/KEN C&amp;M</v>
          </cell>
        </row>
        <row r="50">
          <cell r="F50">
            <v>75023</v>
          </cell>
          <cell r="Z50" t="str">
            <v>BSMEINS</v>
          </cell>
          <cell r="AN50" t="str">
            <v>MDO C&amp;M</v>
          </cell>
          <cell r="AO50" t="str">
            <v>MDO OH/KEN C&amp;M</v>
          </cell>
        </row>
        <row r="51">
          <cell r="F51">
            <v>75023</v>
          </cell>
          <cell r="Z51" t="str">
            <v>BSMEINS</v>
          </cell>
          <cell r="AN51" t="str">
            <v>MDO C&amp;M</v>
          </cell>
          <cell r="AO51" t="str">
            <v>MDO OH/KEN C&amp;M</v>
          </cell>
        </row>
        <row r="52">
          <cell r="F52">
            <v>75023</v>
          </cell>
          <cell r="Z52" t="str">
            <v>BSMEINS</v>
          </cell>
          <cell r="AN52" t="str">
            <v>MDO C&amp;M</v>
          </cell>
          <cell r="AO52" t="str">
            <v>MDO OH/KEN C&amp;M</v>
          </cell>
        </row>
        <row r="53">
          <cell r="F53">
            <v>75023</v>
          </cell>
          <cell r="Z53" t="str">
            <v>BSMEINS</v>
          </cell>
          <cell r="AN53" t="str">
            <v>MDO C&amp;M</v>
          </cell>
          <cell r="AO53" t="str">
            <v>MDO OH/KEN C&amp;M</v>
          </cell>
        </row>
        <row r="54">
          <cell r="F54">
            <v>75023</v>
          </cell>
          <cell r="Z54" t="str">
            <v>BSMEINS</v>
          </cell>
          <cell r="AN54" t="str">
            <v>MDO C&amp;M</v>
          </cell>
          <cell r="AO54" t="str">
            <v>MDO OH/KEN C&amp;M</v>
          </cell>
        </row>
        <row r="55">
          <cell r="F55">
            <v>75023</v>
          </cell>
          <cell r="Z55" t="str">
            <v>BSMEINS</v>
          </cell>
          <cell r="AN55" t="str">
            <v>MDO C&amp;M</v>
          </cell>
          <cell r="AO55" t="str">
            <v>MDO OH/KEN C&amp;M</v>
          </cell>
        </row>
        <row r="56">
          <cell r="F56">
            <v>75023</v>
          </cell>
          <cell r="Z56" t="str">
            <v>BSMEINS</v>
          </cell>
          <cell r="AN56" t="str">
            <v>MDO C&amp;M</v>
          </cell>
          <cell r="AO56" t="str">
            <v>MDO OH/KEN C&amp;M</v>
          </cell>
        </row>
        <row r="57">
          <cell r="F57">
            <v>75023</v>
          </cell>
          <cell r="Z57" t="str">
            <v>BSMEINS</v>
          </cell>
          <cell r="AN57" t="str">
            <v>MDO C&amp;M</v>
          </cell>
          <cell r="AO57" t="str">
            <v>MDO OH/KEN C&amp;M</v>
          </cell>
        </row>
        <row r="58">
          <cell r="F58">
            <v>75023</v>
          </cell>
          <cell r="Z58" t="str">
            <v>BSMEINS</v>
          </cell>
          <cell r="AN58" t="str">
            <v>MDO C&amp;M</v>
          </cell>
          <cell r="AO58" t="str">
            <v>MDO OH/KEN C&amp;M</v>
          </cell>
        </row>
        <row r="59">
          <cell r="F59">
            <v>75023</v>
          </cell>
          <cell r="Z59" t="str">
            <v>BSMEINS</v>
          </cell>
          <cell r="AN59" t="str">
            <v>MDO C&amp;M</v>
          </cell>
          <cell r="AO59" t="str">
            <v>MDO OH/KEN C&amp;M</v>
          </cell>
        </row>
        <row r="60">
          <cell r="F60">
            <v>75023</v>
          </cell>
          <cell r="Z60" t="str">
            <v>BSMEINS</v>
          </cell>
          <cell r="AN60" t="str">
            <v>MDO C&amp;M</v>
          </cell>
          <cell r="AO60" t="str">
            <v>MDO OH/KEN C&amp;M</v>
          </cell>
        </row>
        <row r="61">
          <cell r="F61">
            <v>75023</v>
          </cell>
          <cell r="Z61" t="str">
            <v>BSMEINS</v>
          </cell>
          <cell r="AN61" t="str">
            <v>MDO C&amp;M</v>
          </cell>
          <cell r="AO61" t="str">
            <v>MDO OH/KEN C&amp;M</v>
          </cell>
        </row>
        <row r="62">
          <cell r="F62">
            <v>75023</v>
          </cell>
          <cell r="Z62" t="str">
            <v>BSMEINS</v>
          </cell>
          <cell r="AN62" t="str">
            <v>MDO C&amp;M</v>
          </cell>
          <cell r="AO62" t="str">
            <v>MDO OH/KEN C&amp;M</v>
          </cell>
        </row>
        <row r="63">
          <cell r="F63">
            <v>75023</v>
          </cell>
          <cell r="Z63" t="str">
            <v>BSMEINS</v>
          </cell>
          <cell r="AN63" t="str">
            <v>MDO C&amp;M</v>
          </cell>
          <cell r="AO63" t="str">
            <v>MDO OH/KEN C&amp;M</v>
          </cell>
        </row>
        <row r="64">
          <cell r="F64">
            <v>75023</v>
          </cell>
          <cell r="Z64" t="str">
            <v>BSMEINS</v>
          </cell>
          <cell r="AN64" t="str">
            <v>MDO C&amp;M</v>
          </cell>
          <cell r="AO64" t="str">
            <v>MDO OH/KEN C&amp;M</v>
          </cell>
        </row>
        <row r="65">
          <cell r="F65">
            <v>75023</v>
          </cell>
          <cell r="Z65" t="str">
            <v>BSMEINS</v>
          </cell>
          <cell r="AN65" t="str">
            <v>MDO C&amp;M</v>
          </cell>
          <cell r="AO65" t="str">
            <v>MDO OH/KEN C&amp;M</v>
          </cell>
        </row>
        <row r="66">
          <cell r="F66">
            <v>75023</v>
          </cell>
          <cell r="Z66" t="str">
            <v>BSMEINS</v>
          </cell>
          <cell r="AN66" t="str">
            <v>MDO C&amp;M</v>
          </cell>
          <cell r="AO66" t="str">
            <v>MDO OH/KEN C&amp;M</v>
          </cell>
        </row>
        <row r="67">
          <cell r="F67">
            <v>75023</v>
          </cell>
          <cell r="Z67" t="str">
            <v>BSMEINS</v>
          </cell>
          <cell r="AN67" t="str">
            <v>MDO C&amp;M</v>
          </cell>
          <cell r="AO67" t="str">
            <v>MDO OH/KEN C&amp;M</v>
          </cell>
        </row>
        <row r="68">
          <cell r="F68">
            <v>75023</v>
          </cell>
          <cell r="Z68" t="str">
            <v>BSMEINS</v>
          </cell>
          <cell r="AN68" t="str">
            <v>MDO C&amp;M</v>
          </cell>
          <cell r="AO68" t="str">
            <v>MDO OH/KEN C&amp;M</v>
          </cell>
        </row>
        <row r="69">
          <cell r="F69">
            <v>75115</v>
          </cell>
          <cell r="Z69" t="str">
            <v>BSMEINS</v>
          </cell>
          <cell r="AN69" t="str">
            <v>MDO C&amp;M</v>
          </cell>
          <cell r="AO69" t="str">
            <v>MDO INDIANA SOUTHWEST C&amp;M</v>
          </cell>
        </row>
        <row r="70">
          <cell r="F70">
            <v>75115</v>
          </cell>
          <cell r="Z70" t="str">
            <v>BSMEINS</v>
          </cell>
          <cell r="AN70" t="str">
            <v>MDO C&amp;M</v>
          </cell>
          <cell r="AO70" t="str">
            <v>MDO INDIANA SOUTHWEST C&amp;M</v>
          </cell>
        </row>
        <row r="71">
          <cell r="F71">
            <v>75115</v>
          </cell>
          <cell r="Z71" t="str">
            <v>BSMEINS</v>
          </cell>
          <cell r="AN71" t="str">
            <v>MDO C&amp;M</v>
          </cell>
          <cell r="AO71" t="str">
            <v>MDO INDIANA SOUTHWEST C&amp;M</v>
          </cell>
        </row>
        <row r="72">
          <cell r="F72">
            <v>75115</v>
          </cell>
          <cell r="Z72" t="str">
            <v>BSMEINS</v>
          </cell>
          <cell r="AN72" t="str">
            <v>MDO C&amp;M</v>
          </cell>
          <cell r="AO72" t="str">
            <v>MDO INDIANA SOUTHEAST C&amp;M</v>
          </cell>
        </row>
        <row r="73">
          <cell r="F73">
            <v>75115</v>
          </cell>
          <cell r="Z73" t="str">
            <v>BSMEINS</v>
          </cell>
          <cell r="AN73" t="str">
            <v>MDO C&amp;M</v>
          </cell>
          <cell r="AO73" t="str">
            <v>MDO INDIANA SOUTHEAST C&amp;M</v>
          </cell>
        </row>
        <row r="74">
          <cell r="F74">
            <v>75115</v>
          </cell>
          <cell r="Z74" t="str">
            <v>BSMEINS</v>
          </cell>
          <cell r="AN74" t="str">
            <v>MDO C&amp;M</v>
          </cell>
          <cell r="AO74" t="str">
            <v>MDO INDIANA SOUTHEAST C&amp;M</v>
          </cell>
        </row>
        <row r="75">
          <cell r="F75">
            <v>75023</v>
          </cell>
          <cell r="Z75" t="str">
            <v>CAPAC</v>
          </cell>
          <cell r="AN75" t="str">
            <v>MDO C&amp;M</v>
          </cell>
          <cell r="AO75" t="str">
            <v>MDO OH/KEN C&amp;M</v>
          </cell>
        </row>
        <row r="76">
          <cell r="F76">
            <v>75023</v>
          </cell>
          <cell r="Z76" t="str">
            <v>CAPAC</v>
          </cell>
          <cell r="AN76" t="str">
            <v>MDO C&amp;M</v>
          </cell>
          <cell r="AO76" t="str">
            <v>MDO OH/KEN C&amp;M</v>
          </cell>
        </row>
        <row r="77">
          <cell r="F77">
            <v>75023</v>
          </cell>
          <cell r="Z77" t="str">
            <v>CAPAC</v>
          </cell>
          <cell r="AN77" t="str">
            <v>MDO C&amp;M</v>
          </cell>
          <cell r="AO77" t="str">
            <v>MDO OH/KEN C&amp;M</v>
          </cell>
        </row>
        <row r="78">
          <cell r="F78">
            <v>75023</v>
          </cell>
          <cell r="Z78" t="str">
            <v>CAPAC</v>
          </cell>
          <cell r="AN78" t="str">
            <v>MDO C&amp;M</v>
          </cell>
          <cell r="AO78" t="str">
            <v>MDO OH/KEN C&amp;M</v>
          </cell>
        </row>
        <row r="79">
          <cell r="F79">
            <v>75023</v>
          </cell>
          <cell r="Z79" t="str">
            <v>CAPAC</v>
          </cell>
          <cell r="AN79" t="str">
            <v>MDO C&amp;M</v>
          </cell>
          <cell r="AO79" t="str">
            <v>MDO OH/KEN C&amp;M</v>
          </cell>
        </row>
        <row r="80">
          <cell r="F80">
            <v>75023</v>
          </cell>
          <cell r="Z80" t="str">
            <v>CAPAC</v>
          </cell>
          <cell r="AN80" t="str">
            <v>MDO C&amp;M</v>
          </cell>
          <cell r="AO80" t="str">
            <v>MDO OH/KEN C&amp;M</v>
          </cell>
        </row>
        <row r="81">
          <cell r="F81">
            <v>75023</v>
          </cell>
          <cell r="Z81" t="str">
            <v>CAPAC</v>
          </cell>
          <cell r="AN81" t="str">
            <v>MDO C&amp;M</v>
          </cell>
          <cell r="AO81" t="str">
            <v>MDO OH/KEN C&amp;M</v>
          </cell>
        </row>
        <row r="82">
          <cell r="F82">
            <v>75023</v>
          </cell>
          <cell r="Z82" t="str">
            <v>CAPAC</v>
          </cell>
          <cell r="AN82" t="str">
            <v>MDO C&amp;M</v>
          </cell>
          <cell r="AO82" t="str">
            <v>MDO OH/KEN C&amp;M</v>
          </cell>
        </row>
        <row r="83">
          <cell r="F83">
            <v>75023</v>
          </cell>
          <cell r="Z83" t="str">
            <v>CAPAC</v>
          </cell>
          <cell r="AN83" t="str">
            <v>MDO C&amp;M</v>
          </cell>
          <cell r="AO83" t="str">
            <v>MDO OH/KEN C&amp;M</v>
          </cell>
        </row>
        <row r="84">
          <cell r="F84">
            <v>75023</v>
          </cell>
          <cell r="Z84" t="str">
            <v>CAPAC</v>
          </cell>
          <cell r="AN84" t="str">
            <v>MDO C&amp;M</v>
          </cell>
          <cell r="AO84" t="str">
            <v>MDO OH/KEN C&amp;M</v>
          </cell>
        </row>
        <row r="85">
          <cell r="F85">
            <v>75023</v>
          </cell>
          <cell r="Z85" t="str">
            <v>CAPAC</v>
          </cell>
          <cell r="AN85" t="str">
            <v>MDO C&amp;M</v>
          </cell>
          <cell r="AO85" t="str">
            <v>MDO OH/KEN C&amp;M</v>
          </cell>
        </row>
        <row r="86">
          <cell r="F86">
            <v>75023</v>
          </cell>
          <cell r="Z86" t="str">
            <v>CAPAC</v>
          </cell>
          <cell r="AN86" t="str">
            <v>MDO C&amp;M</v>
          </cell>
          <cell r="AO86" t="str">
            <v>MDO OH/KEN C&amp;M</v>
          </cell>
        </row>
        <row r="87">
          <cell r="F87">
            <v>75023</v>
          </cell>
          <cell r="Z87" t="str">
            <v>CAPAC</v>
          </cell>
          <cell r="AN87" t="str">
            <v>MDO C&amp;M</v>
          </cell>
          <cell r="AO87" t="str">
            <v>MDO OH/KEN C&amp;M</v>
          </cell>
        </row>
        <row r="88">
          <cell r="F88">
            <v>75023</v>
          </cell>
          <cell r="Z88" t="str">
            <v>CAPAC</v>
          </cell>
          <cell r="AN88" t="str">
            <v>MDO C&amp;M</v>
          </cell>
          <cell r="AO88" t="str">
            <v>MDO OH/KEN C&amp;M</v>
          </cell>
        </row>
        <row r="89">
          <cell r="F89">
            <v>75023</v>
          </cell>
          <cell r="Z89" t="str">
            <v>CAPAC</v>
          </cell>
          <cell r="AN89" t="str">
            <v>MDO C&amp;M</v>
          </cell>
          <cell r="AO89" t="str">
            <v>MDO OH/KEN C&amp;M</v>
          </cell>
        </row>
        <row r="90">
          <cell r="F90">
            <v>75023</v>
          </cell>
          <cell r="Z90" t="str">
            <v>CAPAC</v>
          </cell>
          <cell r="AN90" t="str">
            <v>MDO C&amp;M</v>
          </cell>
          <cell r="AO90" t="str">
            <v>MDO OH/KEN C&amp;M</v>
          </cell>
        </row>
        <row r="91">
          <cell r="F91">
            <v>75023</v>
          </cell>
          <cell r="Z91" t="str">
            <v>CAPAC</v>
          </cell>
          <cell r="AN91" t="str">
            <v>MDO C&amp;M</v>
          </cell>
          <cell r="AO91" t="str">
            <v>MDO OH/KEN C&amp;M</v>
          </cell>
        </row>
        <row r="92">
          <cell r="F92">
            <v>75023</v>
          </cell>
          <cell r="Z92" t="str">
            <v>CAPAC</v>
          </cell>
          <cell r="AN92" t="str">
            <v>MDO C&amp;M</v>
          </cell>
          <cell r="AO92" t="str">
            <v>MDO OH/KEN C&amp;M</v>
          </cell>
        </row>
        <row r="93">
          <cell r="F93">
            <v>75023</v>
          </cell>
          <cell r="Z93" t="str">
            <v>CAPAC</v>
          </cell>
          <cell r="AN93" t="str">
            <v>MDO C&amp;M</v>
          </cell>
          <cell r="AO93" t="str">
            <v>MDO OH/KEN C&amp;M</v>
          </cell>
        </row>
        <row r="94">
          <cell r="F94">
            <v>75023</v>
          </cell>
          <cell r="Z94" t="str">
            <v>CAPAC</v>
          </cell>
          <cell r="AN94" t="str">
            <v>MDO C&amp;M</v>
          </cell>
          <cell r="AO94" t="str">
            <v>MDO OH/KEN C&amp;M</v>
          </cell>
        </row>
        <row r="95">
          <cell r="F95">
            <v>75023</v>
          </cell>
          <cell r="Z95" t="str">
            <v>CAPAC</v>
          </cell>
          <cell r="AN95" t="str">
            <v>MDO C&amp;M</v>
          </cell>
          <cell r="AO95" t="str">
            <v>MDO OH/KEN C&amp;M</v>
          </cell>
        </row>
        <row r="96">
          <cell r="F96">
            <v>75023</v>
          </cell>
          <cell r="Z96" t="str">
            <v>CAPAC</v>
          </cell>
          <cell r="AN96" t="str">
            <v>MDO C&amp;M</v>
          </cell>
          <cell r="AO96" t="str">
            <v>MDO OH/KEN C&amp;M</v>
          </cell>
        </row>
        <row r="97">
          <cell r="F97">
            <v>75023</v>
          </cell>
          <cell r="Z97" t="str">
            <v>CAPAC</v>
          </cell>
          <cell r="AN97" t="str">
            <v>MDO C&amp;M</v>
          </cell>
          <cell r="AO97" t="str">
            <v>MDO OH/KEN C&amp;M</v>
          </cell>
        </row>
        <row r="98">
          <cell r="F98">
            <v>75023</v>
          </cell>
          <cell r="Z98" t="str">
            <v>CAPAC</v>
          </cell>
          <cell r="AN98" t="str">
            <v>MDO C&amp;M</v>
          </cell>
          <cell r="AO98" t="str">
            <v>MDO OH/KEN C&amp;M</v>
          </cell>
        </row>
        <row r="99">
          <cell r="F99">
            <v>75023</v>
          </cell>
          <cell r="Z99" t="str">
            <v>CAPAC</v>
          </cell>
          <cell r="AN99" t="str">
            <v>MDO C&amp;M</v>
          </cell>
          <cell r="AO99" t="str">
            <v>MDO OH/KEN C&amp;M</v>
          </cell>
        </row>
        <row r="100">
          <cell r="F100">
            <v>75023</v>
          </cell>
          <cell r="Z100" t="str">
            <v>CAPAC</v>
          </cell>
          <cell r="AN100" t="str">
            <v>MDO C&amp;M</v>
          </cell>
          <cell r="AO100" t="str">
            <v>MDO OH/KEN C&amp;M</v>
          </cell>
        </row>
        <row r="101">
          <cell r="F101">
            <v>75023</v>
          </cell>
          <cell r="Z101" t="str">
            <v>CAPAC</v>
          </cell>
          <cell r="AN101" t="str">
            <v>MDO C&amp;M</v>
          </cell>
          <cell r="AO101" t="str">
            <v>MDO OH/KEN C&amp;M</v>
          </cell>
        </row>
        <row r="102">
          <cell r="F102">
            <v>75023</v>
          </cell>
          <cell r="Z102" t="str">
            <v>CAPAC</v>
          </cell>
          <cell r="AN102" t="str">
            <v>MDO C&amp;M</v>
          </cell>
          <cell r="AO102" t="str">
            <v>MDO OH/KEN C&amp;M</v>
          </cell>
        </row>
        <row r="103">
          <cell r="F103">
            <v>75023</v>
          </cell>
          <cell r="Z103" t="str">
            <v>CAPAC</v>
          </cell>
          <cell r="AN103" t="str">
            <v>MDO C&amp;M</v>
          </cell>
          <cell r="AO103" t="str">
            <v>MDO OH/KEN C&amp;M</v>
          </cell>
        </row>
        <row r="104">
          <cell r="F104">
            <v>75023</v>
          </cell>
          <cell r="Z104" t="str">
            <v>CAPAC</v>
          </cell>
          <cell r="AN104" t="str">
            <v>MDO C&amp;M</v>
          </cell>
          <cell r="AO104" t="str">
            <v>MDO OH/KEN C&amp;M</v>
          </cell>
        </row>
        <row r="105">
          <cell r="F105">
            <v>75023</v>
          </cell>
          <cell r="Z105" t="str">
            <v>CAPAC</v>
          </cell>
          <cell r="AN105" t="str">
            <v>MDO C&amp;M</v>
          </cell>
          <cell r="AO105" t="str">
            <v>MDO OH/KEN C&amp;M</v>
          </cell>
        </row>
        <row r="106">
          <cell r="F106">
            <v>75023</v>
          </cell>
          <cell r="Z106" t="str">
            <v>CAPAC</v>
          </cell>
          <cell r="AN106" t="str">
            <v>MDO C&amp;M</v>
          </cell>
          <cell r="AO106" t="str">
            <v>MDO OH/KEN C&amp;M</v>
          </cell>
        </row>
        <row r="107">
          <cell r="F107">
            <v>75023</v>
          </cell>
          <cell r="Z107" t="str">
            <v>CAPAC</v>
          </cell>
          <cell r="AN107" t="str">
            <v>MDO C&amp;M</v>
          </cell>
          <cell r="AO107" t="str">
            <v>MDO OH/KEN C&amp;M</v>
          </cell>
        </row>
        <row r="108">
          <cell r="F108">
            <v>75023</v>
          </cell>
          <cell r="Z108" t="str">
            <v>CAPAC</v>
          </cell>
          <cell r="AN108" t="str">
            <v>MDO C&amp;M</v>
          </cell>
          <cell r="AO108" t="str">
            <v>MDO OH/KEN C&amp;M</v>
          </cell>
        </row>
        <row r="109">
          <cell r="F109">
            <v>75023</v>
          </cell>
          <cell r="Z109" t="str">
            <v>CAPAC</v>
          </cell>
          <cell r="AN109" t="str">
            <v>MDO C&amp;M</v>
          </cell>
          <cell r="AO109" t="str">
            <v>MDO OH/KEN C&amp;M</v>
          </cell>
        </row>
        <row r="110">
          <cell r="F110">
            <v>75023</v>
          </cell>
          <cell r="Z110" t="str">
            <v>CAPAC</v>
          </cell>
          <cell r="AN110" t="str">
            <v>MDO C&amp;M</v>
          </cell>
          <cell r="AO110" t="str">
            <v>MDO OH/KEN C&amp;M</v>
          </cell>
        </row>
        <row r="111">
          <cell r="F111">
            <v>75023</v>
          </cell>
          <cell r="Z111" t="str">
            <v>CAPAC</v>
          </cell>
          <cell r="AN111" t="str">
            <v>MDO C&amp;M</v>
          </cell>
          <cell r="AO111" t="str">
            <v>MDO OH/KEN C&amp;M</v>
          </cell>
        </row>
        <row r="112">
          <cell r="F112">
            <v>75023</v>
          </cell>
          <cell r="Z112" t="str">
            <v>CAPAC</v>
          </cell>
          <cell r="AN112" t="str">
            <v>MDO C&amp;M</v>
          </cell>
          <cell r="AO112" t="str">
            <v>MDO OH/KEN C&amp;M</v>
          </cell>
        </row>
        <row r="113">
          <cell r="F113">
            <v>75023</v>
          </cell>
          <cell r="Z113" t="str">
            <v>CAPAC</v>
          </cell>
          <cell r="AN113" t="str">
            <v>MDO C&amp;M</v>
          </cell>
          <cell r="AO113" t="str">
            <v>MDO OH/KEN C&amp;M</v>
          </cell>
        </row>
        <row r="114">
          <cell r="F114">
            <v>75023</v>
          </cell>
          <cell r="Z114" t="str">
            <v>CAPAC</v>
          </cell>
          <cell r="AN114" t="str">
            <v>MDO C&amp;M</v>
          </cell>
          <cell r="AO114" t="str">
            <v>MDO OH/KEN C&amp;M</v>
          </cell>
        </row>
        <row r="115">
          <cell r="F115">
            <v>75023</v>
          </cell>
          <cell r="Z115" t="str">
            <v>CAPAC</v>
          </cell>
          <cell r="AN115" t="str">
            <v>MDO C&amp;M</v>
          </cell>
          <cell r="AO115" t="str">
            <v>MDO OH/KEN C&amp;M</v>
          </cell>
        </row>
        <row r="116">
          <cell r="F116">
            <v>75023</v>
          </cell>
          <cell r="Z116" t="str">
            <v>CAPAC</v>
          </cell>
          <cell r="AN116" t="str">
            <v>MDO C&amp;M</v>
          </cell>
          <cell r="AO116" t="str">
            <v>MDO OH/KEN C&amp;M</v>
          </cell>
        </row>
        <row r="117">
          <cell r="F117">
            <v>75023</v>
          </cell>
          <cell r="Z117" t="str">
            <v>CAPAC</v>
          </cell>
          <cell r="AN117" t="str">
            <v>MDO C&amp;M</v>
          </cell>
          <cell r="AO117" t="str">
            <v>MDO OH/KEN C&amp;M</v>
          </cell>
        </row>
        <row r="118">
          <cell r="F118">
            <v>75023</v>
          </cell>
          <cell r="Z118" t="str">
            <v>CAPAC</v>
          </cell>
          <cell r="AN118" t="str">
            <v>MDO C&amp;M</v>
          </cell>
          <cell r="AO118" t="str">
            <v>MDO OH/KEN C&amp;M</v>
          </cell>
        </row>
        <row r="119">
          <cell r="F119">
            <v>75023</v>
          </cell>
          <cell r="Z119" t="str">
            <v>CAPAC</v>
          </cell>
          <cell r="AN119" t="str">
            <v>MDO C&amp;M</v>
          </cell>
          <cell r="AO119" t="str">
            <v>MDO OH/KEN C&amp;M</v>
          </cell>
        </row>
        <row r="120">
          <cell r="F120">
            <v>75023</v>
          </cell>
          <cell r="Z120" t="str">
            <v>CAPAC</v>
          </cell>
          <cell r="AN120" t="str">
            <v>MDO C&amp;M</v>
          </cell>
          <cell r="AO120" t="str">
            <v>MDO OH/KEN C&amp;M</v>
          </cell>
        </row>
        <row r="121">
          <cell r="F121">
            <v>75023</v>
          </cell>
          <cell r="Z121" t="str">
            <v>CAPAC</v>
          </cell>
          <cell r="AN121" t="str">
            <v>MDO C&amp;M</v>
          </cell>
          <cell r="AO121" t="str">
            <v>MDO OH/KEN C&amp;M</v>
          </cell>
        </row>
        <row r="122">
          <cell r="F122">
            <v>75023</v>
          </cell>
          <cell r="Z122" t="str">
            <v>CAPAC</v>
          </cell>
          <cell r="AN122" t="str">
            <v>MDO C&amp;M</v>
          </cell>
          <cell r="AO122" t="str">
            <v>MDO OH/KEN C&amp;M</v>
          </cell>
        </row>
        <row r="123">
          <cell r="F123">
            <v>75023</v>
          </cell>
          <cell r="Z123" t="str">
            <v>CAPAC</v>
          </cell>
          <cell r="AN123" t="str">
            <v>MDO C&amp;M</v>
          </cell>
          <cell r="AO123" t="str">
            <v>MDO OH/KEN C&amp;M</v>
          </cell>
        </row>
        <row r="124">
          <cell r="F124">
            <v>75023</v>
          </cell>
          <cell r="Z124" t="str">
            <v>CAPAC</v>
          </cell>
          <cell r="AN124" t="str">
            <v>MDO C&amp;M</v>
          </cell>
          <cell r="AO124" t="str">
            <v>MDO OH/KEN C&amp;M</v>
          </cell>
        </row>
        <row r="125">
          <cell r="F125">
            <v>75023</v>
          </cell>
          <cell r="Z125" t="str">
            <v>CAPAC</v>
          </cell>
          <cell r="AN125" t="str">
            <v>MDO C&amp;M</v>
          </cell>
          <cell r="AO125" t="str">
            <v>MDO OH/KEN C&amp;M</v>
          </cell>
        </row>
        <row r="126">
          <cell r="F126">
            <v>75023</v>
          </cell>
          <cell r="Z126" t="str">
            <v>CAPAC</v>
          </cell>
          <cell r="AN126" t="str">
            <v>MDO C&amp;M</v>
          </cell>
          <cell r="AO126" t="str">
            <v>MDO OH/KEN C&amp;M</v>
          </cell>
        </row>
        <row r="127">
          <cell r="F127">
            <v>75023</v>
          </cell>
          <cell r="Z127" t="str">
            <v>CAPAC</v>
          </cell>
          <cell r="AN127" t="str">
            <v>MDO C&amp;M</v>
          </cell>
          <cell r="AO127" t="str">
            <v>MDO OH/KEN C&amp;M</v>
          </cell>
        </row>
        <row r="128">
          <cell r="F128">
            <v>75023</v>
          </cell>
          <cell r="Z128" t="str">
            <v>CAPAC</v>
          </cell>
          <cell r="AN128" t="str">
            <v>MDO C&amp;M</v>
          </cell>
          <cell r="AO128" t="str">
            <v>MDO OH/KEN C&amp;M</v>
          </cell>
        </row>
        <row r="129">
          <cell r="F129">
            <v>75023</v>
          </cell>
          <cell r="Z129" t="str">
            <v>CAPAC</v>
          </cell>
          <cell r="AN129" t="str">
            <v>MDO C&amp;M</v>
          </cell>
          <cell r="AO129" t="str">
            <v>MDO OH/KEN C&amp;M</v>
          </cell>
        </row>
        <row r="130">
          <cell r="F130">
            <v>75023</v>
          </cell>
          <cell r="Z130" t="str">
            <v>CAPAC</v>
          </cell>
          <cell r="AN130" t="str">
            <v>MDO C&amp;M</v>
          </cell>
          <cell r="AO130" t="str">
            <v>MDO OH/KEN C&amp;M</v>
          </cell>
        </row>
        <row r="131">
          <cell r="F131">
            <v>75023</v>
          </cell>
          <cell r="Z131" t="str">
            <v>CAPAC</v>
          </cell>
          <cell r="AN131" t="str">
            <v>MDO C&amp;M</v>
          </cell>
          <cell r="AO131" t="str">
            <v>MDO OH/KEN C&amp;M</v>
          </cell>
        </row>
        <row r="132">
          <cell r="F132">
            <v>75023</v>
          </cell>
          <cell r="Z132" t="str">
            <v>CAPAC</v>
          </cell>
          <cell r="AN132" t="str">
            <v>MDO C&amp;M</v>
          </cell>
          <cell r="AO132" t="str">
            <v>MDO OH/KEN C&amp;M</v>
          </cell>
        </row>
        <row r="133">
          <cell r="F133">
            <v>75023</v>
          </cell>
          <cell r="Z133" t="str">
            <v>CAPAC</v>
          </cell>
          <cell r="AN133" t="str">
            <v>MDO C&amp;M</v>
          </cell>
          <cell r="AO133" t="str">
            <v>MDO OH/KEN C&amp;M</v>
          </cell>
        </row>
        <row r="134">
          <cell r="F134">
            <v>75023</v>
          </cell>
          <cell r="Z134" t="str">
            <v>CAPAC</v>
          </cell>
          <cell r="AN134" t="str">
            <v>MDO C&amp;M</v>
          </cell>
          <cell r="AO134" t="str">
            <v>MDO OH/KEN C&amp;M</v>
          </cell>
        </row>
        <row r="135">
          <cell r="F135">
            <v>75023</v>
          </cell>
          <cell r="Z135" t="str">
            <v>CAPAC</v>
          </cell>
          <cell r="AN135" t="str">
            <v>MDO C&amp;M</v>
          </cell>
          <cell r="AO135" t="str">
            <v>MDO OH/KEN C&amp;M</v>
          </cell>
        </row>
        <row r="136">
          <cell r="F136">
            <v>75023</v>
          </cell>
          <cell r="Z136" t="str">
            <v>CAPAC</v>
          </cell>
          <cell r="AN136" t="str">
            <v>MDO C&amp;M</v>
          </cell>
          <cell r="AO136" t="str">
            <v>MDO OH/KEN C&amp;M</v>
          </cell>
        </row>
        <row r="137">
          <cell r="F137">
            <v>75023</v>
          </cell>
          <cell r="Z137" t="str">
            <v>CAPAC</v>
          </cell>
          <cell r="AN137" t="str">
            <v>MDO C&amp;M</v>
          </cell>
          <cell r="AO137" t="str">
            <v>MDO OH/KEN C&amp;M</v>
          </cell>
        </row>
        <row r="138">
          <cell r="F138">
            <v>75023</v>
          </cell>
          <cell r="Z138" t="str">
            <v>CAPAC</v>
          </cell>
          <cell r="AN138" t="str">
            <v>MDO C&amp;M</v>
          </cell>
          <cell r="AO138" t="str">
            <v>MDO OH/KEN C&amp;M</v>
          </cell>
        </row>
        <row r="139">
          <cell r="F139">
            <v>75023</v>
          </cell>
          <cell r="Z139" t="str">
            <v>CAPAC</v>
          </cell>
          <cell r="AN139" t="str">
            <v>MDO C&amp;M</v>
          </cell>
          <cell r="AO139" t="str">
            <v>MDO OH/KEN C&amp;M</v>
          </cell>
        </row>
        <row r="140">
          <cell r="F140">
            <v>75023</v>
          </cell>
          <cell r="Z140" t="str">
            <v>CAPAC</v>
          </cell>
          <cell r="AN140" t="str">
            <v>MDO C&amp;M</v>
          </cell>
          <cell r="AO140" t="str">
            <v>MDO OH/KEN C&amp;M</v>
          </cell>
        </row>
        <row r="141">
          <cell r="F141">
            <v>75023</v>
          </cell>
          <cell r="Z141" t="str">
            <v>CAPAC</v>
          </cell>
          <cell r="AN141" t="str">
            <v>MDO C&amp;M</v>
          </cell>
          <cell r="AO141" t="str">
            <v>MDO OH/KEN C&amp;M</v>
          </cell>
        </row>
        <row r="142">
          <cell r="F142">
            <v>75023</v>
          </cell>
          <cell r="Z142" t="str">
            <v>CAPAC</v>
          </cell>
          <cell r="AN142" t="str">
            <v>MDO C&amp;M</v>
          </cell>
          <cell r="AO142" t="str">
            <v>MDO OH/KEN C&amp;M</v>
          </cell>
        </row>
        <row r="143">
          <cell r="F143">
            <v>75023</v>
          </cell>
          <cell r="Z143" t="str">
            <v>CAPAC</v>
          </cell>
          <cell r="AN143" t="str">
            <v>MDO C&amp;M</v>
          </cell>
          <cell r="AO143" t="str">
            <v>MDO OH/KEN C&amp;M</v>
          </cell>
        </row>
        <row r="144">
          <cell r="F144">
            <v>75023</v>
          </cell>
          <cell r="Z144" t="str">
            <v>CAPAC</v>
          </cell>
          <cell r="AN144" t="str">
            <v>MDO C&amp;M</v>
          </cell>
          <cell r="AO144" t="str">
            <v>MDO OH/KEN C&amp;M</v>
          </cell>
        </row>
        <row r="145">
          <cell r="F145">
            <v>75023</v>
          </cell>
          <cell r="Z145" t="str">
            <v>CAPAC</v>
          </cell>
          <cell r="AN145" t="str">
            <v>MDO C&amp;M</v>
          </cell>
          <cell r="AO145" t="str">
            <v>MDO OH/KEN C&amp;M</v>
          </cell>
        </row>
        <row r="146">
          <cell r="F146">
            <v>75023</v>
          </cell>
          <cell r="Z146" t="str">
            <v>CAPAC</v>
          </cell>
          <cell r="AN146" t="str">
            <v>MDO C&amp;M</v>
          </cell>
          <cell r="AO146" t="str">
            <v>MDO OH/KEN C&amp;M</v>
          </cell>
        </row>
        <row r="147">
          <cell r="F147">
            <v>75023</v>
          </cell>
          <cell r="Z147" t="str">
            <v>CAPAC</v>
          </cell>
          <cell r="AN147" t="str">
            <v>MDO C&amp;M</v>
          </cell>
          <cell r="AO147" t="str">
            <v>MDO OH/KEN C&amp;M</v>
          </cell>
        </row>
        <row r="148">
          <cell r="F148">
            <v>75023</v>
          </cell>
          <cell r="Z148" t="str">
            <v>CAPAC</v>
          </cell>
          <cell r="AN148" t="str">
            <v>MDO C&amp;M</v>
          </cell>
          <cell r="AO148" t="str">
            <v>MDO OH/KEN C&amp;M</v>
          </cell>
        </row>
        <row r="149">
          <cell r="F149">
            <v>75023</v>
          </cell>
          <cell r="Z149" t="str">
            <v>CAPAC</v>
          </cell>
          <cell r="AN149" t="str">
            <v>MDO C&amp;M</v>
          </cell>
          <cell r="AO149" t="str">
            <v>MDO OH/KEN C&amp;M</v>
          </cell>
        </row>
        <row r="150">
          <cell r="F150">
            <v>75023</v>
          </cell>
          <cell r="Z150" t="str">
            <v>CAPAC</v>
          </cell>
          <cell r="AN150" t="str">
            <v>MDO C&amp;M</v>
          </cell>
          <cell r="AO150" t="str">
            <v>MDO OH/KEN C&amp;M</v>
          </cell>
        </row>
        <row r="151">
          <cell r="F151">
            <v>75023</v>
          </cell>
          <cell r="Z151" t="str">
            <v>CAPAC</v>
          </cell>
          <cell r="AN151" t="str">
            <v>MDO C&amp;M</v>
          </cell>
          <cell r="AO151" t="str">
            <v>MDO OH/KEN C&amp;M</v>
          </cell>
        </row>
        <row r="152">
          <cell r="F152">
            <v>75023</v>
          </cell>
          <cell r="Z152" t="str">
            <v>CAPAC</v>
          </cell>
          <cell r="AN152" t="str">
            <v>MDO C&amp;M</v>
          </cell>
          <cell r="AO152" t="str">
            <v>MDO OH/KEN C&amp;M</v>
          </cell>
        </row>
        <row r="153">
          <cell r="F153">
            <v>75023</v>
          </cell>
          <cell r="Z153" t="str">
            <v>CAPAC</v>
          </cell>
          <cell r="AN153" t="str">
            <v>MDO C&amp;M</v>
          </cell>
          <cell r="AO153" t="str">
            <v>MDO OH/KEN C&amp;M</v>
          </cell>
        </row>
        <row r="154">
          <cell r="F154">
            <v>75023</v>
          </cell>
          <cell r="Z154" t="str">
            <v>CAPAC</v>
          </cell>
          <cell r="AN154" t="str">
            <v>MDO C&amp;M</v>
          </cell>
          <cell r="AO154" t="str">
            <v>MDO OH/KEN C&amp;M</v>
          </cell>
        </row>
        <row r="155">
          <cell r="F155">
            <v>75023</v>
          </cell>
          <cell r="Z155" t="str">
            <v>CAPAC</v>
          </cell>
          <cell r="AN155" t="str">
            <v>MDO C&amp;M</v>
          </cell>
          <cell r="AO155" t="str">
            <v>MDO OH/KEN C&amp;M</v>
          </cell>
        </row>
        <row r="156">
          <cell r="F156">
            <v>75023</v>
          </cell>
          <cell r="Z156" t="str">
            <v>CAPAC</v>
          </cell>
          <cell r="AN156" t="str">
            <v>MDO C&amp;M</v>
          </cell>
          <cell r="AO156" t="str">
            <v>MDO OH/KEN C&amp;M</v>
          </cell>
        </row>
        <row r="157">
          <cell r="F157">
            <v>75023</v>
          </cell>
          <cell r="Z157" t="str">
            <v>CAPAC</v>
          </cell>
          <cell r="AN157" t="str">
            <v>MDO C&amp;M</v>
          </cell>
          <cell r="AO157" t="str">
            <v>MDO OH/KEN C&amp;M</v>
          </cell>
        </row>
        <row r="158">
          <cell r="F158">
            <v>75023</v>
          </cell>
          <cell r="Z158" t="str">
            <v>CAPAC</v>
          </cell>
          <cell r="AN158" t="str">
            <v>MDO C&amp;M</v>
          </cell>
          <cell r="AO158" t="str">
            <v>MDO OH/KEN C&amp;M</v>
          </cell>
        </row>
        <row r="159">
          <cell r="F159">
            <v>75023</v>
          </cell>
          <cell r="Z159" t="str">
            <v>CAPAC</v>
          </cell>
          <cell r="AN159" t="str">
            <v>MDO C&amp;M</v>
          </cell>
          <cell r="AO159" t="str">
            <v>MDO OH/KEN C&amp;M</v>
          </cell>
        </row>
        <row r="160">
          <cell r="F160">
            <v>75023</v>
          </cell>
          <cell r="Z160" t="str">
            <v>CAPAC</v>
          </cell>
          <cell r="AN160" t="str">
            <v>MDO C&amp;M</v>
          </cell>
          <cell r="AO160" t="str">
            <v>MDO OH/KEN C&amp;M</v>
          </cell>
        </row>
        <row r="161">
          <cell r="F161">
            <v>75023</v>
          </cell>
          <cell r="Z161" t="str">
            <v>CAPAC</v>
          </cell>
          <cell r="AN161" t="str">
            <v>MDO C&amp;M</v>
          </cell>
          <cell r="AO161" t="str">
            <v>MDO OH/KEN C&amp;M</v>
          </cell>
        </row>
        <row r="162">
          <cell r="F162">
            <v>75023</v>
          </cell>
          <cell r="Z162" t="str">
            <v>CAPAC</v>
          </cell>
          <cell r="AN162" t="str">
            <v>MDO C&amp;M</v>
          </cell>
          <cell r="AO162" t="str">
            <v>MDO OH/KEN C&amp;M</v>
          </cell>
        </row>
        <row r="163">
          <cell r="F163">
            <v>75023</v>
          </cell>
          <cell r="Z163" t="str">
            <v>CAPAC</v>
          </cell>
          <cell r="AN163" t="str">
            <v>MDO C&amp;M</v>
          </cell>
          <cell r="AO163" t="str">
            <v>MDO OH/KEN C&amp;M</v>
          </cell>
        </row>
        <row r="164">
          <cell r="F164">
            <v>75023</v>
          </cell>
          <cell r="Z164" t="str">
            <v>CAPAC</v>
          </cell>
          <cell r="AN164" t="str">
            <v>MDO C&amp;M</v>
          </cell>
          <cell r="AO164" t="str">
            <v>MDO OH/KEN C&amp;M</v>
          </cell>
        </row>
        <row r="165">
          <cell r="F165">
            <v>75023</v>
          </cell>
          <cell r="Z165" t="str">
            <v>CAPAC</v>
          </cell>
          <cell r="AN165" t="str">
            <v>MDO C&amp;M</v>
          </cell>
          <cell r="AO165" t="str">
            <v>MDO OH/KEN C&amp;M</v>
          </cell>
        </row>
        <row r="166">
          <cell r="F166">
            <v>75023</v>
          </cell>
          <cell r="Z166" t="str">
            <v>CAPAC</v>
          </cell>
          <cell r="AN166" t="str">
            <v>MDO C&amp;M</v>
          </cell>
          <cell r="AO166" t="str">
            <v>MDO OH/KEN C&amp;M</v>
          </cell>
        </row>
        <row r="167">
          <cell r="F167">
            <v>75023</v>
          </cell>
          <cell r="Z167" t="str">
            <v>CAPAC</v>
          </cell>
          <cell r="AN167" t="str">
            <v>MDO C&amp;M</v>
          </cell>
          <cell r="AO167" t="str">
            <v>MDO OH/KEN C&amp;M</v>
          </cell>
        </row>
        <row r="168">
          <cell r="F168">
            <v>75023</v>
          </cell>
          <cell r="Z168" t="str">
            <v>CAPAC</v>
          </cell>
          <cell r="AN168" t="str">
            <v>MDO C&amp;M</v>
          </cell>
          <cell r="AO168" t="str">
            <v>MDO OH/KEN C&amp;M</v>
          </cell>
        </row>
        <row r="169">
          <cell r="F169">
            <v>75023</v>
          </cell>
          <cell r="Z169" t="str">
            <v>CAPAC</v>
          </cell>
          <cell r="AN169" t="str">
            <v>MDO C&amp;M</v>
          </cell>
          <cell r="AO169" t="str">
            <v>MDO OH/KEN C&amp;M</v>
          </cell>
        </row>
        <row r="170">
          <cell r="F170">
            <v>75023</v>
          </cell>
          <cell r="Z170" t="str">
            <v>CAPAC</v>
          </cell>
          <cell r="AN170" t="str">
            <v>MDO C&amp;M</v>
          </cell>
          <cell r="AO170" t="str">
            <v>MDO OH/KEN C&amp;M</v>
          </cell>
        </row>
        <row r="171">
          <cell r="F171">
            <v>75023</v>
          </cell>
          <cell r="Z171" t="str">
            <v>CAPAC</v>
          </cell>
          <cell r="AN171" t="str">
            <v>MDO C&amp;M</v>
          </cell>
          <cell r="AO171" t="str">
            <v>MDO OH/KEN C&amp;M</v>
          </cell>
        </row>
        <row r="172">
          <cell r="F172">
            <v>75023</v>
          </cell>
          <cell r="Z172" t="str">
            <v>CAPAC</v>
          </cell>
          <cell r="AN172" t="str">
            <v>MDO C&amp;M</v>
          </cell>
          <cell r="AO172" t="str">
            <v>MDO OH/KEN C&amp;M</v>
          </cell>
        </row>
        <row r="173">
          <cell r="F173">
            <v>75023</v>
          </cell>
          <cell r="Z173" t="str">
            <v>CAPAC</v>
          </cell>
          <cell r="AN173" t="str">
            <v>MDO C&amp;M</v>
          </cell>
          <cell r="AO173" t="str">
            <v>MDO OH/KEN C&amp;M</v>
          </cell>
        </row>
        <row r="174">
          <cell r="F174">
            <v>75023</v>
          </cell>
          <cell r="Z174" t="str">
            <v>CAPAC</v>
          </cell>
          <cell r="AN174" t="str">
            <v>MDO C&amp;M</v>
          </cell>
          <cell r="AO174" t="str">
            <v>MDO OH/KEN C&amp;M</v>
          </cell>
        </row>
        <row r="175">
          <cell r="F175">
            <v>75023</v>
          </cell>
          <cell r="Z175" t="str">
            <v>CAPAC</v>
          </cell>
          <cell r="AN175" t="str">
            <v>MDO C&amp;M</v>
          </cell>
          <cell r="AO175" t="str">
            <v>MDO OH/KEN C&amp;M</v>
          </cell>
        </row>
        <row r="176">
          <cell r="F176">
            <v>75023</v>
          </cell>
          <cell r="Z176" t="str">
            <v>CAPAC</v>
          </cell>
          <cell r="AN176" t="str">
            <v>MDO C&amp;M</v>
          </cell>
          <cell r="AO176" t="str">
            <v>MDO OH/KEN C&amp;M</v>
          </cell>
        </row>
        <row r="177">
          <cell r="F177">
            <v>75023</v>
          </cell>
          <cell r="Z177" t="str">
            <v>CAPAC</v>
          </cell>
          <cell r="AN177" t="str">
            <v>MDO C&amp;M</v>
          </cell>
          <cell r="AO177" t="str">
            <v>MDO OH/KEN C&amp;M</v>
          </cell>
        </row>
        <row r="178">
          <cell r="F178">
            <v>75023</v>
          </cell>
          <cell r="Z178" t="str">
            <v>CAPAC</v>
          </cell>
          <cell r="AN178" t="str">
            <v>MDO C&amp;M</v>
          </cell>
          <cell r="AO178" t="str">
            <v>MDO OH/KEN C&amp;M</v>
          </cell>
        </row>
        <row r="179">
          <cell r="F179">
            <v>75023</v>
          </cell>
          <cell r="Z179" t="str">
            <v>CAPAC</v>
          </cell>
          <cell r="AN179" t="str">
            <v>MDO C&amp;M</v>
          </cell>
          <cell r="AO179" t="str">
            <v>MDO OH/KEN C&amp;M</v>
          </cell>
        </row>
        <row r="180">
          <cell r="F180">
            <v>75023</v>
          </cell>
          <cell r="Z180" t="str">
            <v>CAPAC</v>
          </cell>
          <cell r="AN180" t="str">
            <v>MDO C&amp;M</v>
          </cell>
          <cell r="AO180" t="str">
            <v>MDO OH/KEN C&amp;M</v>
          </cell>
        </row>
        <row r="181">
          <cell r="F181">
            <v>75023</v>
          </cell>
          <cell r="Z181" t="str">
            <v>CAPAC</v>
          </cell>
          <cell r="AN181" t="str">
            <v>MDO C&amp;M</v>
          </cell>
          <cell r="AO181" t="str">
            <v>MDO OH/KEN C&amp;M</v>
          </cell>
        </row>
        <row r="182">
          <cell r="F182">
            <v>75023</v>
          </cell>
          <cell r="Z182" t="str">
            <v>CAPAC</v>
          </cell>
          <cell r="AN182" t="str">
            <v>MDO C&amp;M</v>
          </cell>
          <cell r="AO182" t="str">
            <v>MDO OH/KEN C&amp;M</v>
          </cell>
        </row>
        <row r="183">
          <cell r="F183">
            <v>75023</v>
          </cell>
          <cell r="Z183" t="str">
            <v>CAPAC</v>
          </cell>
          <cell r="AN183" t="str">
            <v>MDO C&amp;M</v>
          </cell>
          <cell r="AO183" t="str">
            <v>MDO OH/KEN C&amp;M</v>
          </cell>
        </row>
        <row r="184">
          <cell r="F184">
            <v>75023</v>
          </cell>
          <cell r="Z184" t="str">
            <v>CAPAC</v>
          </cell>
          <cell r="AN184" t="str">
            <v>MDO C&amp;M</v>
          </cell>
          <cell r="AO184" t="str">
            <v>MDO OH/KEN C&amp;M</v>
          </cell>
        </row>
        <row r="185">
          <cell r="F185">
            <v>75023</v>
          </cell>
          <cell r="Z185" t="str">
            <v>CAPAC</v>
          </cell>
          <cell r="AN185" t="str">
            <v>MDO C&amp;M</v>
          </cell>
          <cell r="AO185" t="str">
            <v>MDO OH/KEN C&amp;M</v>
          </cell>
        </row>
        <row r="186">
          <cell r="F186">
            <v>75023</v>
          </cell>
          <cell r="Z186" t="str">
            <v>CAPAC</v>
          </cell>
          <cell r="AN186" t="str">
            <v>MDO C&amp;M</v>
          </cell>
          <cell r="AO186" t="str">
            <v>MDO OH/KEN C&amp;M</v>
          </cell>
        </row>
        <row r="187">
          <cell r="F187">
            <v>75023</v>
          </cell>
          <cell r="Z187" t="str">
            <v>CAPAC</v>
          </cell>
          <cell r="AN187" t="str">
            <v>MDO C&amp;M</v>
          </cell>
          <cell r="AO187" t="str">
            <v>MDO OH/KEN C&amp;M</v>
          </cell>
        </row>
        <row r="188">
          <cell r="F188">
            <v>75023</v>
          </cell>
          <cell r="Z188" t="str">
            <v>CAPAC</v>
          </cell>
          <cell r="AN188" t="str">
            <v>MDO C&amp;M</v>
          </cell>
          <cell r="AO188" t="str">
            <v>MDO OH/KEN C&amp;M</v>
          </cell>
        </row>
        <row r="189">
          <cell r="F189">
            <v>75023</v>
          </cell>
          <cell r="Z189" t="str">
            <v>CAPAC</v>
          </cell>
          <cell r="AN189" t="str">
            <v>MDO C&amp;M</v>
          </cell>
          <cell r="AO189" t="str">
            <v>MDO OH/KEN C&amp;M</v>
          </cell>
        </row>
        <row r="190">
          <cell r="F190">
            <v>75023</v>
          </cell>
          <cell r="Z190" t="str">
            <v>CAPAC</v>
          </cell>
          <cell r="AN190" t="str">
            <v>MDO C&amp;M</v>
          </cell>
          <cell r="AO190" t="str">
            <v>MDO OH/KEN C&amp;M</v>
          </cell>
        </row>
        <row r="191">
          <cell r="F191">
            <v>75023</v>
          </cell>
          <cell r="Z191" t="str">
            <v>CAPAC</v>
          </cell>
          <cell r="AN191" t="str">
            <v>MDO C&amp;M</v>
          </cell>
          <cell r="AO191" t="str">
            <v>MDO OH/KEN C&amp;M</v>
          </cell>
        </row>
        <row r="192">
          <cell r="F192">
            <v>75023</v>
          </cell>
          <cell r="Z192" t="str">
            <v>CAPAC</v>
          </cell>
          <cell r="AN192" t="str">
            <v>MDO C&amp;M</v>
          </cell>
          <cell r="AO192" t="str">
            <v>MDO OH/KEN C&amp;M</v>
          </cell>
        </row>
        <row r="193">
          <cell r="F193">
            <v>75023</v>
          </cell>
          <cell r="Z193" t="str">
            <v>CAPAC</v>
          </cell>
          <cell r="AN193" t="str">
            <v>MDO C&amp;M</v>
          </cell>
          <cell r="AO193" t="str">
            <v>MDO OH/KEN C&amp;M</v>
          </cell>
        </row>
        <row r="194">
          <cell r="F194">
            <v>75023</v>
          </cell>
          <cell r="Z194" t="str">
            <v>CAPAC</v>
          </cell>
          <cell r="AN194" t="str">
            <v>MDO C&amp;M</v>
          </cell>
          <cell r="AO194" t="str">
            <v>MDO OH/KEN C&amp;M</v>
          </cell>
        </row>
        <row r="195">
          <cell r="F195">
            <v>75023</v>
          </cell>
          <cell r="Z195" t="str">
            <v>CAPAC</v>
          </cell>
          <cell r="AN195" t="str">
            <v>MDO C&amp;M</v>
          </cell>
          <cell r="AO195" t="str">
            <v>MDO OH/KEN C&amp;M</v>
          </cell>
        </row>
        <row r="196">
          <cell r="F196">
            <v>75023</v>
          </cell>
          <cell r="Z196" t="str">
            <v>CAPAC</v>
          </cell>
          <cell r="AN196" t="str">
            <v>MDO C&amp;M</v>
          </cell>
          <cell r="AO196" t="str">
            <v>MDO OH/KEN C&amp;M</v>
          </cell>
        </row>
        <row r="197">
          <cell r="F197">
            <v>75023</v>
          </cell>
          <cell r="Z197" t="str">
            <v>CAPAC</v>
          </cell>
          <cell r="AN197" t="str">
            <v>MDO C&amp;M</v>
          </cell>
          <cell r="AO197" t="str">
            <v>MDO OH/KEN C&amp;M</v>
          </cell>
        </row>
        <row r="198">
          <cell r="F198">
            <v>75023</v>
          </cell>
          <cell r="Z198" t="str">
            <v>CAPAC</v>
          </cell>
          <cell r="AN198" t="str">
            <v>MDO C&amp;M</v>
          </cell>
          <cell r="AO198" t="str">
            <v>MDO OH/KEN C&amp;M</v>
          </cell>
        </row>
        <row r="199">
          <cell r="F199">
            <v>75023</v>
          </cell>
          <cell r="Z199" t="str">
            <v>CAPAC</v>
          </cell>
          <cell r="AN199" t="str">
            <v>MDO C&amp;M</v>
          </cell>
          <cell r="AO199" t="str">
            <v>MDO OH/KEN C&amp;M</v>
          </cell>
        </row>
        <row r="200">
          <cell r="F200">
            <v>75023</v>
          </cell>
          <cell r="Z200" t="str">
            <v>CAPAC</v>
          </cell>
          <cell r="AN200" t="str">
            <v>MDO C&amp;M</v>
          </cell>
          <cell r="AO200" t="str">
            <v>MDO OH/KEN C&amp;M</v>
          </cell>
        </row>
        <row r="201">
          <cell r="F201">
            <v>75023</v>
          </cell>
          <cell r="Z201" t="str">
            <v>CAPAC</v>
          </cell>
          <cell r="AN201" t="str">
            <v>MDO C&amp;M</v>
          </cell>
          <cell r="AO201" t="str">
            <v>MDO OH/KEN C&amp;M</v>
          </cell>
        </row>
        <row r="202">
          <cell r="F202">
            <v>75084</v>
          </cell>
          <cell r="Z202" t="str">
            <v>CAPAC</v>
          </cell>
          <cell r="AN202" t="str">
            <v>MDO C&amp;M</v>
          </cell>
          <cell r="AO202" t="str">
            <v>MDO OH/KEN C&amp;M</v>
          </cell>
        </row>
        <row r="203">
          <cell r="F203">
            <v>75084</v>
          </cell>
          <cell r="Z203" t="str">
            <v>CAPAC</v>
          </cell>
          <cell r="AN203" t="str">
            <v>MDO C&amp;M</v>
          </cell>
          <cell r="AO203" t="str">
            <v>MDO OH/KEN C&amp;M</v>
          </cell>
        </row>
        <row r="204">
          <cell r="F204">
            <v>75084</v>
          </cell>
          <cell r="Z204" t="str">
            <v>CAPAC</v>
          </cell>
          <cell r="AN204" t="str">
            <v>MDO C&amp;M</v>
          </cell>
          <cell r="AO204" t="str">
            <v>MDO OH/KEN C&amp;M</v>
          </cell>
        </row>
        <row r="205">
          <cell r="F205">
            <v>75084</v>
          </cell>
          <cell r="Z205" t="str">
            <v>CAPAC</v>
          </cell>
          <cell r="AN205" t="str">
            <v>MDO C&amp;M</v>
          </cell>
          <cell r="AO205" t="str">
            <v>MDO OH/KEN C&amp;M</v>
          </cell>
        </row>
        <row r="206">
          <cell r="F206">
            <v>75084</v>
          </cell>
          <cell r="Z206" t="str">
            <v>CAPAC</v>
          </cell>
          <cell r="AN206" t="str">
            <v>MDO C&amp;M</v>
          </cell>
          <cell r="AO206" t="str">
            <v>MDO OH/KEN C&amp;M</v>
          </cell>
        </row>
        <row r="207">
          <cell r="F207">
            <v>75084</v>
          </cell>
          <cell r="Z207" t="str">
            <v>CAPAC</v>
          </cell>
          <cell r="AN207" t="str">
            <v>MDO C&amp;M</v>
          </cell>
          <cell r="AO207" t="str">
            <v>MDO OH/KEN C&amp;M</v>
          </cell>
        </row>
        <row r="208">
          <cell r="F208">
            <v>75084</v>
          </cell>
          <cell r="Z208" t="str">
            <v>CAPAC</v>
          </cell>
          <cell r="AN208" t="str">
            <v>MDO C&amp;M</v>
          </cell>
          <cell r="AO208" t="str">
            <v>MDO OH/KEN C&amp;M</v>
          </cell>
        </row>
        <row r="209">
          <cell r="F209">
            <v>75084</v>
          </cell>
          <cell r="Z209" t="str">
            <v>CAPAC</v>
          </cell>
          <cell r="AN209" t="str">
            <v>MDO C&amp;M</v>
          </cell>
          <cell r="AO209" t="str">
            <v>MDO OH/KEN C&amp;M</v>
          </cell>
        </row>
        <row r="210">
          <cell r="F210">
            <v>75084</v>
          </cell>
          <cell r="Z210" t="str">
            <v>CAPAC</v>
          </cell>
          <cell r="AN210" t="str">
            <v>MDO C&amp;M</v>
          </cell>
          <cell r="AO210" t="str">
            <v>MDO OH/KEN C&amp;M</v>
          </cell>
        </row>
        <row r="211">
          <cell r="F211">
            <v>75084</v>
          </cell>
          <cell r="Z211" t="str">
            <v>CAPAC</v>
          </cell>
          <cell r="AN211" t="str">
            <v>MDO C&amp;M</v>
          </cell>
          <cell r="AO211" t="str">
            <v>MDO OH/KEN C&amp;M</v>
          </cell>
        </row>
        <row r="212">
          <cell r="F212">
            <v>75084</v>
          </cell>
          <cell r="Z212" t="str">
            <v>CAPAC</v>
          </cell>
          <cell r="AN212" t="str">
            <v>MDO C&amp;M</v>
          </cell>
          <cell r="AO212" t="str">
            <v>MDO OH/KEN C&amp;M</v>
          </cell>
        </row>
        <row r="213">
          <cell r="F213">
            <v>75084</v>
          </cell>
          <cell r="Z213" t="str">
            <v>CAPAC</v>
          </cell>
          <cell r="AN213" t="str">
            <v>MDO C&amp;M</v>
          </cell>
          <cell r="AO213" t="str">
            <v>MDO OH/KEN C&amp;M</v>
          </cell>
        </row>
        <row r="214">
          <cell r="F214">
            <v>75084</v>
          </cell>
          <cell r="Z214" t="str">
            <v>CAPAC</v>
          </cell>
          <cell r="AN214" t="str">
            <v>MDO C&amp;M</v>
          </cell>
          <cell r="AO214" t="str">
            <v>MDO OH/KEN C&amp;M</v>
          </cell>
        </row>
        <row r="215">
          <cell r="F215">
            <v>75084</v>
          </cell>
          <cell r="Z215" t="str">
            <v>CAPAC</v>
          </cell>
          <cell r="AN215" t="str">
            <v>MDO C&amp;M</v>
          </cell>
          <cell r="AO215" t="str">
            <v>MDO OH/KEN C&amp;M</v>
          </cell>
        </row>
        <row r="216">
          <cell r="F216">
            <v>75084</v>
          </cell>
          <cell r="Z216" t="str">
            <v>CAPAC</v>
          </cell>
          <cell r="AN216" t="str">
            <v>MDO C&amp;M</v>
          </cell>
          <cell r="AO216" t="str">
            <v>MDO OH/KEN C&amp;M</v>
          </cell>
        </row>
        <row r="217">
          <cell r="F217">
            <v>75084</v>
          </cell>
          <cell r="Z217" t="str">
            <v>CAPAC</v>
          </cell>
          <cell r="AN217" t="str">
            <v>MDO C&amp;M</v>
          </cell>
          <cell r="AO217" t="str">
            <v>MDO OH/KEN C&amp;M</v>
          </cell>
        </row>
        <row r="218">
          <cell r="F218">
            <v>75084</v>
          </cell>
          <cell r="Z218" t="str">
            <v>CAPAC</v>
          </cell>
          <cell r="AN218" t="str">
            <v>MDO C&amp;M</v>
          </cell>
          <cell r="AO218" t="str">
            <v>MDO OH/KEN C&amp;M</v>
          </cell>
        </row>
        <row r="219">
          <cell r="F219">
            <v>75084</v>
          </cell>
          <cell r="Z219" t="str">
            <v>CAPAC</v>
          </cell>
          <cell r="AN219" t="str">
            <v>MDO C&amp;M</v>
          </cell>
          <cell r="AO219" t="str">
            <v>MDO OH/KEN C&amp;M</v>
          </cell>
        </row>
        <row r="220">
          <cell r="F220">
            <v>75084</v>
          </cell>
          <cell r="Z220" t="str">
            <v>CAPAC</v>
          </cell>
          <cell r="AN220" t="str">
            <v>MDO C&amp;M</v>
          </cell>
          <cell r="AO220" t="str">
            <v>MDO OH/KEN C&amp;M</v>
          </cell>
        </row>
        <row r="221">
          <cell r="F221">
            <v>75084</v>
          </cell>
          <cell r="Z221" t="str">
            <v>CAPAC</v>
          </cell>
          <cell r="AN221" t="str">
            <v>MDO C&amp;M</v>
          </cell>
          <cell r="AO221" t="str">
            <v>MDO OH/KEN C&amp;M</v>
          </cell>
        </row>
        <row r="222">
          <cell r="F222">
            <v>75084</v>
          </cell>
          <cell r="Z222" t="str">
            <v>CAPAC</v>
          </cell>
          <cell r="AN222" t="str">
            <v>MDO C&amp;M</v>
          </cell>
          <cell r="AO222" t="str">
            <v>MDO OH/KEN C&amp;M</v>
          </cell>
        </row>
        <row r="223">
          <cell r="F223">
            <v>75084</v>
          </cell>
          <cell r="Z223" t="str">
            <v>CAPAC</v>
          </cell>
          <cell r="AN223" t="str">
            <v>MDO C&amp;M</v>
          </cell>
          <cell r="AO223" t="str">
            <v>MDO OH/KEN C&amp;M</v>
          </cell>
        </row>
        <row r="224">
          <cell r="F224">
            <v>75084</v>
          </cell>
          <cell r="Z224" t="str">
            <v>CAPAC</v>
          </cell>
          <cell r="AN224" t="str">
            <v>MDO C&amp;M</v>
          </cell>
          <cell r="AO224" t="str">
            <v>MDO OH/KEN C&amp;M</v>
          </cell>
        </row>
        <row r="225">
          <cell r="F225">
            <v>75084</v>
          </cell>
          <cell r="Z225" t="str">
            <v>CAPAC</v>
          </cell>
          <cell r="AN225" t="str">
            <v>MDO C&amp;M</v>
          </cell>
          <cell r="AO225" t="str">
            <v>MDO OH/KEN C&amp;M</v>
          </cell>
        </row>
        <row r="226">
          <cell r="F226">
            <v>75084</v>
          </cell>
          <cell r="Z226" t="str">
            <v>CAPAC</v>
          </cell>
          <cell r="AN226" t="str">
            <v>MDO C&amp;M</v>
          </cell>
          <cell r="AO226" t="str">
            <v>MDO OH/KEN C&amp;M</v>
          </cell>
        </row>
        <row r="227">
          <cell r="F227">
            <v>75084</v>
          </cell>
          <cell r="Z227" t="str">
            <v>CAPAC</v>
          </cell>
          <cell r="AN227" t="str">
            <v>MDO C&amp;M</v>
          </cell>
          <cell r="AO227" t="str">
            <v>MDO OH/KEN C&amp;M</v>
          </cell>
        </row>
        <row r="228">
          <cell r="F228">
            <v>75084</v>
          </cell>
          <cell r="Z228" t="str">
            <v>CAPAC</v>
          </cell>
          <cell r="AN228" t="str">
            <v>MDO C&amp;M</v>
          </cell>
          <cell r="AO228" t="str">
            <v>MDO OH/KEN C&amp;M</v>
          </cell>
        </row>
        <row r="229">
          <cell r="F229">
            <v>75084</v>
          </cell>
          <cell r="Z229" t="str">
            <v>CAPAC</v>
          </cell>
          <cell r="AN229" t="str">
            <v>MDO C&amp;M</v>
          </cell>
          <cell r="AO229" t="str">
            <v>MDO OH/KEN C&amp;M</v>
          </cell>
        </row>
        <row r="230">
          <cell r="F230">
            <v>75084</v>
          </cell>
          <cell r="Z230" t="str">
            <v>CAPAC</v>
          </cell>
          <cell r="AN230" t="str">
            <v>MDO C&amp;M</v>
          </cell>
          <cell r="AO230" t="str">
            <v>MDO OH/KEN C&amp;M</v>
          </cell>
        </row>
        <row r="231">
          <cell r="F231">
            <v>75084</v>
          </cell>
          <cell r="Z231" t="str">
            <v>CAPAC</v>
          </cell>
          <cell r="AN231" t="str">
            <v>MDO C&amp;M</v>
          </cell>
          <cell r="AO231" t="str">
            <v>MDO OH/KEN C&amp;M</v>
          </cell>
        </row>
        <row r="232">
          <cell r="F232">
            <v>75084</v>
          </cell>
          <cell r="Z232" t="str">
            <v>CAPAC</v>
          </cell>
          <cell r="AN232" t="str">
            <v>MDO C&amp;M</v>
          </cell>
          <cell r="AO232" t="str">
            <v>MDO OH/KEN C&amp;M</v>
          </cell>
        </row>
        <row r="233">
          <cell r="F233">
            <v>75084</v>
          </cell>
          <cell r="Z233" t="str">
            <v>CAPAC</v>
          </cell>
          <cell r="AN233" t="str">
            <v>MDO C&amp;M</v>
          </cell>
          <cell r="AO233" t="str">
            <v>MDO OH/KEN C&amp;M</v>
          </cell>
        </row>
        <row r="234">
          <cell r="F234">
            <v>75084</v>
          </cell>
          <cell r="Z234" t="str">
            <v>CAPAC</v>
          </cell>
          <cell r="AN234" t="str">
            <v>MDO C&amp;M</v>
          </cell>
          <cell r="AO234" t="str">
            <v>MDO OH/KEN C&amp;M</v>
          </cell>
        </row>
        <row r="235">
          <cell r="F235">
            <v>75084</v>
          </cell>
          <cell r="Z235" t="str">
            <v>CAPAC</v>
          </cell>
          <cell r="AN235" t="str">
            <v>MDO C&amp;M</v>
          </cell>
          <cell r="AO235" t="str">
            <v>MDO OH/KEN C&amp;M</v>
          </cell>
        </row>
        <row r="236">
          <cell r="F236">
            <v>75084</v>
          </cell>
          <cell r="Z236" t="str">
            <v>CAPAC</v>
          </cell>
          <cell r="AN236" t="str">
            <v>MDO C&amp;M</v>
          </cell>
          <cell r="AO236" t="str">
            <v>MDO OH/KEN C&amp;M</v>
          </cell>
        </row>
        <row r="237">
          <cell r="F237">
            <v>75084</v>
          </cell>
          <cell r="Z237" t="str">
            <v>CAPAC</v>
          </cell>
          <cell r="AN237" t="str">
            <v>MDO C&amp;M</v>
          </cell>
          <cell r="AO237" t="str">
            <v>MDO OH/KEN C&amp;M</v>
          </cell>
        </row>
        <row r="238">
          <cell r="F238">
            <v>75084</v>
          </cell>
          <cell r="Z238" t="str">
            <v>CAPAC</v>
          </cell>
          <cell r="AN238" t="str">
            <v>MDO C&amp;M</v>
          </cell>
          <cell r="AO238" t="str">
            <v>MDO OH/KEN C&amp;M</v>
          </cell>
        </row>
        <row r="239">
          <cell r="F239">
            <v>75084</v>
          </cell>
          <cell r="Z239" t="str">
            <v>CAPAC</v>
          </cell>
          <cell r="AN239" t="str">
            <v>MDO C&amp;M</v>
          </cell>
          <cell r="AO239" t="str">
            <v>MDO OH/KEN C&amp;M</v>
          </cell>
        </row>
        <row r="240">
          <cell r="F240">
            <v>75084</v>
          </cell>
          <cell r="Z240" t="str">
            <v>CAPAC</v>
          </cell>
          <cell r="AN240" t="str">
            <v>MDO C&amp;M</v>
          </cell>
          <cell r="AO240" t="str">
            <v>MDO OH/KEN C&amp;M</v>
          </cell>
        </row>
        <row r="241">
          <cell r="F241">
            <v>75084</v>
          </cell>
          <cell r="Z241" t="str">
            <v>CAPAC</v>
          </cell>
          <cell r="AN241" t="str">
            <v>MDO C&amp;M</v>
          </cell>
          <cell r="AO241" t="str">
            <v>MDO OH/KEN C&amp;M</v>
          </cell>
        </row>
        <row r="242">
          <cell r="F242">
            <v>75115</v>
          </cell>
          <cell r="Z242" t="str">
            <v>CAPAC</v>
          </cell>
          <cell r="AN242" t="str">
            <v>MDO C&amp;M</v>
          </cell>
          <cell r="AO242" t="str">
            <v>MDO INDIANA SOUTHWEST C&amp;M</v>
          </cell>
        </row>
        <row r="243">
          <cell r="F243">
            <v>75115</v>
          </cell>
          <cell r="Z243" t="str">
            <v>CAPAC</v>
          </cell>
          <cell r="AN243" t="str">
            <v>MDO C&amp;M</v>
          </cell>
          <cell r="AO243" t="str">
            <v>MDO INDIANA SOUTHWEST C&amp;M</v>
          </cell>
        </row>
        <row r="244">
          <cell r="F244">
            <v>75115</v>
          </cell>
          <cell r="Z244" t="str">
            <v>CAPAC</v>
          </cell>
          <cell r="AN244" t="str">
            <v>MDO C&amp;M</v>
          </cell>
          <cell r="AO244" t="str">
            <v>MDO INDIANA SOUTHWEST C&amp;M</v>
          </cell>
        </row>
        <row r="245">
          <cell r="F245">
            <v>75115</v>
          </cell>
          <cell r="Z245" t="str">
            <v>CAPAC</v>
          </cell>
          <cell r="AN245" t="str">
            <v>MDO C&amp;M</v>
          </cell>
          <cell r="AO245" t="str">
            <v>MDO INDIANA SOUTHWEST C&amp;M</v>
          </cell>
        </row>
        <row r="246">
          <cell r="F246">
            <v>75115</v>
          </cell>
          <cell r="Z246" t="str">
            <v>CAPAC</v>
          </cell>
          <cell r="AN246" t="str">
            <v>MDO C&amp;M</v>
          </cell>
          <cell r="AO246" t="str">
            <v>MDO INDIANA SOUTHWEST C&amp;M</v>
          </cell>
        </row>
        <row r="247">
          <cell r="F247">
            <v>75115</v>
          </cell>
          <cell r="Z247" t="str">
            <v>CAPAC</v>
          </cell>
          <cell r="AN247" t="str">
            <v>MDO C&amp;M</v>
          </cell>
          <cell r="AO247" t="str">
            <v>MDO INDIANA SOUTHWEST C&amp;M</v>
          </cell>
        </row>
        <row r="248">
          <cell r="F248">
            <v>75115</v>
          </cell>
          <cell r="Z248" t="str">
            <v>CAPAC</v>
          </cell>
          <cell r="AN248" t="str">
            <v>MDO C&amp;M</v>
          </cell>
          <cell r="AO248" t="str">
            <v>MDO INDIANA SOUTHWEST C&amp;M</v>
          </cell>
        </row>
        <row r="249">
          <cell r="F249">
            <v>75115</v>
          </cell>
          <cell r="Z249" t="str">
            <v>CAPAC</v>
          </cell>
          <cell r="AN249" t="str">
            <v>MDO C&amp;M</v>
          </cell>
          <cell r="AO249" t="str">
            <v>MDO INDIANA SOUTHWEST C&amp;M</v>
          </cell>
        </row>
        <row r="250">
          <cell r="F250">
            <v>75115</v>
          </cell>
          <cell r="Z250" t="str">
            <v>CAPAC</v>
          </cell>
          <cell r="AN250" t="str">
            <v>MDO C&amp;M</v>
          </cell>
          <cell r="AO250" t="str">
            <v>MDO INDIANA SOUTHWEST C&amp;M</v>
          </cell>
        </row>
        <row r="251">
          <cell r="F251">
            <v>75115</v>
          </cell>
          <cell r="Z251" t="str">
            <v>CAPAC</v>
          </cell>
          <cell r="AN251" t="str">
            <v>MDO C&amp;M</v>
          </cell>
          <cell r="AO251" t="str">
            <v>MDO INDIANA SOUTHWEST C&amp;M</v>
          </cell>
        </row>
        <row r="252">
          <cell r="F252">
            <v>75115</v>
          </cell>
          <cell r="Z252" t="str">
            <v>CAPAC</v>
          </cell>
          <cell r="AN252" t="str">
            <v>MDO C&amp;M</v>
          </cell>
          <cell r="AO252" t="str">
            <v>MDO INDIANA SOUTHWEST C&amp;M</v>
          </cell>
        </row>
        <row r="253">
          <cell r="F253">
            <v>75115</v>
          </cell>
          <cell r="Z253" t="str">
            <v>CAPAC</v>
          </cell>
          <cell r="AN253" t="str">
            <v>MDO C&amp;M</v>
          </cell>
          <cell r="AO253" t="str">
            <v>MDO INDIANA SOUTHWEST C&amp;M</v>
          </cell>
        </row>
        <row r="254">
          <cell r="F254">
            <v>75115</v>
          </cell>
          <cell r="Z254" t="str">
            <v>CAPAC</v>
          </cell>
          <cell r="AN254" t="str">
            <v>MDO C&amp;M</v>
          </cell>
          <cell r="AO254" t="str">
            <v>MDO INDIANA SOUTHWEST C&amp;M</v>
          </cell>
        </row>
        <row r="255">
          <cell r="F255">
            <v>75115</v>
          </cell>
          <cell r="Z255" t="str">
            <v>CAPAC</v>
          </cell>
          <cell r="AN255" t="str">
            <v>MDO C&amp;M</v>
          </cell>
          <cell r="AO255" t="str">
            <v>MDO INDIANA SOUTHWEST C&amp;M</v>
          </cell>
        </row>
        <row r="256">
          <cell r="F256">
            <v>75115</v>
          </cell>
          <cell r="Z256" t="str">
            <v>CAPAC</v>
          </cell>
          <cell r="AN256" t="str">
            <v>MDO C&amp;M</v>
          </cell>
          <cell r="AO256" t="str">
            <v>MDO INDIANA SOUTHWEST C&amp;M</v>
          </cell>
        </row>
        <row r="257">
          <cell r="F257">
            <v>75115</v>
          </cell>
          <cell r="Z257" t="str">
            <v>CAPAC</v>
          </cell>
          <cell r="AN257" t="str">
            <v>MDO C&amp;M</v>
          </cell>
          <cell r="AO257" t="str">
            <v>MDO INDIANA SOUTHWEST C&amp;M</v>
          </cell>
        </row>
        <row r="258">
          <cell r="F258">
            <v>75115</v>
          </cell>
          <cell r="Z258" t="str">
            <v>CAPAC</v>
          </cell>
          <cell r="AN258" t="str">
            <v>MDO C&amp;M</v>
          </cell>
          <cell r="AO258" t="str">
            <v>MDO INDIANA SOUTHWEST C&amp;M</v>
          </cell>
        </row>
        <row r="259">
          <cell r="F259">
            <v>75115</v>
          </cell>
          <cell r="Z259" t="str">
            <v>CAPAC</v>
          </cell>
          <cell r="AN259" t="str">
            <v>MDO C&amp;M</v>
          </cell>
          <cell r="AO259" t="str">
            <v>MDO INDIANA SOUTHWEST C&amp;M</v>
          </cell>
        </row>
        <row r="260">
          <cell r="F260">
            <v>75115</v>
          </cell>
          <cell r="Z260" t="str">
            <v>CAPAC</v>
          </cell>
          <cell r="AN260" t="str">
            <v>MDO C&amp;M</v>
          </cell>
          <cell r="AO260" t="str">
            <v>MDO INDIANA SOUTHWEST C&amp;M</v>
          </cell>
        </row>
        <row r="261">
          <cell r="F261">
            <v>75115</v>
          </cell>
          <cell r="Z261" t="str">
            <v>CAPAC</v>
          </cell>
          <cell r="AN261" t="str">
            <v>MDO C&amp;M</v>
          </cell>
          <cell r="AO261" t="str">
            <v>MDO INDIANA SOUTHWEST C&amp;M</v>
          </cell>
        </row>
        <row r="262">
          <cell r="F262">
            <v>75115</v>
          </cell>
          <cell r="Z262" t="str">
            <v>CAPAC</v>
          </cell>
          <cell r="AN262" t="str">
            <v>MDO C&amp;M</v>
          </cell>
          <cell r="AO262" t="str">
            <v>MDO INDIANA SOUTHWEST C&amp;M</v>
          </cell>
        </row>
        <row r="263">
          <cell r="F263">
            <v>75115</v>
          </cell>
          <cell r="Z263" t="str">
            <v>CAPAC</v>
          </cell>
          <cell r="AN263" t="str">
            <v>MDO C&amp;M</v>
          </cell>
          <cell r="AO263" t="str">
            <v>MDO INDIANA SOUTHWEST C&amp;M</v>
          </cell>
        </row>
        <row r="264">
          <cell r="F264">
            <v>75115</v>
          </cell>
          <cell r="Z264" t="str">
            <v>CAPAC</v>
          </cell>
          <cell r="AN264" t="str">
            <v>MDO C&amp;M</v>
          </cell>
          <cell r="AO264" t="str">
            <v>MDO INDIANA SOUTHWEST C&amp;M</v>
          </cell>
        </row>
        <row r="265">
          <cell r="F265">
            <v>75115</v>
          </cell>
          <cell r="Z265" t="str">
            <v>CAPAC</v>
          </cell>
          <cell r="AN265" t="str">
            <v>MDO C&amp;M</v>
          </cell>
          <cell r="AO265" t="str">
            <v>MDO INDIANA SOUTHWEST C&amp;M</v>
          </cell>
        </row>
        <row r="266">
          <cell r="F266">
            <v>75115</v>
          </cell>
          <cell r="Z266" t="str">
            <v>CAPAC</v>
          </cell>
          <cell r="AN266" t="str">
            <v>MDO C&amp;M</v>
          </cell>
          <cell r="AO266" t="str">
            <v>MDO INDIANA SOUTHWEST C&amp;M</v>
          </cell>
        </row>
        <row r="267">
          <cell r="F267">
            <v>75115</v>
          </cell>
          <cell r="Z267" t="str">
            <v>CAPAC</v>
          </cell>
          <cell r="AN267" t="str">
            <v>MDO C&amp;M</v>
          </cell>
          <cell r="AO267" t="str">
            <v>MDO INDIANA SOUTHWEST C&amp;M</v>
          </cell>
        </row>
        <row r="268">
          <cell r="F268">
            <v>75115</v>
          </cell>
          <cell r="Z268" t="str">
            <v>CAPAC</v>
          </cell>
          <cell r="AN268" t="str">
            <v>MDO C&amp;M</v>
          </cell>
          <cell r="AO268" t="str">
            <v>MDO INDIANA SOUTHWEST C&amp;M</v>
          </cell>
        </row>
        <row r="269">
          <cell r="F269">
            <v>75115</v>
          </cell>
          <cell r="Z269" t="str">
            <v>CAPAC</v>
          </cell>
          <cell r="AN269" t="str">
            <v>MDO C&amp;M</v>
          </cell>
          <cell r="AO269" t="str">
            <v>MDO INDIANA SOUTHWEST C&amp;M</v>
          </cell>
        </row>
        <row r="270">
          <cell r="F270">
            <v>75115</v>
          </cell>
          <cell r="Z270" t="str">
            <v>CAPAC</v>
          </cell>
          <cell r="AN270" t="str">
            <v>MDO C&amp;M</v>
          </cell>
          <cell r="AO270" t="str">
            <v>MDO INDIANA SOUTHWEST C&amp;M</v>
          </cell>
        </row>
        <row r="271">
          <cell r="F271">
            <v>75115</v>
          </cell>
          <cell r="Z271" t="str">
            <v>CAPAC</v>
          </cell>
          <cell r="AN271" t="str">
            <v>MDO C&amp;M</v>
          </cell>
          <cell r="AO271" t="str">
            <v>MDO INDIANA SOUTHWEST C&amp;M</v>
          </cell>
        </row>
        <row r="272">
          <cell r="F272">
            <v>75115</v>
          </cell>
          <cell r="Z272" t="str">
            <v>CAPAC</v>
          </cell>
          <cell r="AN272" t="str">
            <v>MDO C&amp;M</v>
          </cell>
          <cell r="AO272" t="str">
            <v>MDO INDIANA SOUTHWEST C&amp;M</v>
          </cell>
        </row>
        <row r="273">
          <cell r="F273">
            <v>75115</v>
          </cell>
          <cell r="Z273" t="str">
            <v>CAPAC</v>
          </cell>
          <cell r="AN273" t="str">
            <v>MDO C&amp;M</v>
          </cell>
          <cell r="AO273" t="str">
            <v>MDO INDIANA SOUTHWEST C&amp;M</v>
          </cell>
        </row>
        <row r="274">
          <cell r="F274">
            <v>75115</v>
          </cell>
          <cell r="Z274" t="str">
            <v>CAPAC</v>
          </cell>
          <cell r="AN274" t="str">
            <v>MDO C&amp;M</v>
          </cell>
          <cell r="AO274" t="str">
            <v>MDO INDIANA SOUTHWEST C&amp;M</v>
          </cell>
        </row>
        <row r="275">
          <cell r="F275">
            <v>75115</v>
          </cell>
          <cell r="Z275" t="str">
            <v>CAPAC</v>
          </cell>
          <cell r="AN275" t="str">
            <v>MDO C&amp;M</v>
          </cell>
          <cell r="AO275" t="str">
            <v>MDO INDIANA SOUTHWEST C&amp;M</v>
          </cell>
        </row>
        <row r="276">
          <cell r="F276">
            <v>75115</v>
          </cell>
          <cell r="Z276" t="str">
            <v>CAPAC</v>
          </cell>
          <cell r="AN276" t="str">
            <v>MDO C&amp;M</v>
          </cell>
          <cell r="AO276" t="str">
            <v>MDO INDIANA SOUTHWEST C&amp;M</v>
          </cell>
        </row>
        <row r="277">
          <cell r="F277">
            <v>75115</v>
          </cell>
          <cell r="Z277" t="str">
            <v>CAPAC</v>
          </cell>
          <cell r="AN277" t="str">
            <v>MDO C&amp;M</v>
          </cell>
          <cell r="AO277" t="str">
            <v>MDO INDIANA SOUTHWEST C&amp;M</v>
          </cell>
        </row>
        <row r="278">
          <cell r="F278">
            <v>75115</v>
          </cell>
          <cell r="Z278" t="str">
            <v>CAPAC</v>
          </cell>
          <cell r="AN278" t="str">
            <v>MDO C&amp;M</v>
          </cell>
          <cell r="AO278" t="str">
            <v>MDO INDIANA SOUTHWEST C&amp;M</v>
          </cell>
        </row>
        <row r="279">
          <cell r="F279">
            <v>75115</v>
          </cell>
          <cell r="Z279" t="str">
            <v>CAPAC</v>
          </cell>
          <cell r="AN279" t="str">
            <v>MDO C&amp;M</v>
          </cell>
          <cell r="AO279" t="str">
            <v>MDO INDIANA SOUTHWEST C&amp;M</v>
          </cell>
        </row>
        <row r="280">
          <cell r="F280">
            <v>75115</v>
          </cell>
          <cell r="Z280" t="str">
            <v>CAPAC</v>
          </cell>
          <cell r="AN280" t="str">
            <v>MDO C&amp;M</v>
          </cell>
          <cell r="AO280" t="str">
            <v>MDO INDIANA SOUTHWEST C&amp;M</v>
          </cell>
        </row>
        <row r="281">
          <cell r="F281">
            <v>75115</v>
          </cell>
          <cell r="Z281" t="str">
            <v>CAPAC</v>
          </cell>
          <cell r="AN281" t="str">
            <v>MDO C&amp;M</v>
          </cell>
          <cell r="AO281" t="str">
            <v>MDO INDIANA SOUTHWEST C&amp;M</v>
          </cell>
        </row>
        <row r="282">
          <cell r="F282">
            <v>75115</v>
          </cell>
          <cell r="Z282" t="str">
            <v>CAPAC</v>
          </cell>
          <cell r="AN282" t="str">
            <v>MDO C&amp;M</v>
          </cell>
          <cell r="AO282" t="str">
            <v>MDO INDIANA SOUTHWEST C&amp;M</v>
          </cell>
        </row>
        <row r="283">
          <cell r="F283">
            <v>75115</v>
          </cell>
          <cell r="Z283" t="str">
            <v>CAPAC</v>
          </cell>
          <cell r="AN283" t="str">
            <v>MDO C&amp;M</v>
          </cell>
          <cell r="AO283" t="str">
            <v>MDO INDIANA SOUTHWEST C&amp;M</v>
          </cell>
        </row>
        <row r="284">
          <cell r="F284">
            <v>75115</v>
          </cell>
          <cell r="Z284" t="str">
            <v>CAPAC</v>
          </cell>
          <cell r="AN284" t="str">
            <v>MDO C&amp;M</v>
          </cell>
          <cell r="AO284" t="str">
            <v>MDO INDIANA SOUTHWEST C&amp;M</v>
          </cell>
        </row>
        <row r="285">
          <cell r="F285">
            <v>75115</v>
          </cell>
          <cell r="Z285" t="str">
            <v>CAPAC</v>
          </cell>
          <cell r="AN285" t="str">
            <v>MDO C&amp;M</v>
          </cell>
          <cell r="AO285" t="str">
            <v>MDO INDIANA SOUTHWEST C&amp;M</v>
          </cell>
        </row>
        <row r="286">
          <cell r="F286">
            <v>75115</v>
          </cell>
          <cell r="Z286" t="str">
            <v>CAPAC</v>
          </cell>
          <cell r="AN286" t="str">
            <v>MDO C&amp;M</v>
          </cell>
          <cell r="AO286" t="str">
            <v>MDO INDIANA SOUTHWEST C&amp;M</v>
          </cell>
        </row>
        <row r="287">
          <cell r="F287">
            <v>75115</v>
          </cell>
          <cell r="Z287" t="str">
            <v>CAPAC</v>
          </cell>
          <cell r="AN287" t="str">
            <v>MDO C&amp;M</v>
          </cell>
          <cell r="AO287" t="str">
            <v>MDO INDIANA SOUTHWEST C&amp;M</v>
          </cell>
        </row>
        <row r="288">
          <cell r="F288">
            <v>75115</v>
          </cell>
          <cell r="Z288" t="str">
            <v>CAPAC</v>
          </cell>
          <cell r="AN288" t="str">
            <v>MDO C&amp;M</v>
          </cell>
          <cell r="AO288" t="str">
            <v>MDO INDIANA SOUTHWEST C&amp;M</v>
          </cell>
        </row>
        <row r="289">
          <cell r="F289">
            <v>75115</v>
          </cell>
          <cell r="Z289" t="str">
            <v>CAPAC</v>
          </cell>
          <cell r="AN289" t="str">
            <v>MDO C&amp;M</v>
          </cell>
          <cell r="AO289" t="str">
            <v>MDO INDIANA SOUTHWEST C&amp;M</v>
          </cell>
        </row>
        <row r="290">
          <cell r="F290">
            <v>75115</v>
          </cell>
          <cell r="Z290" t="str">
            <v>CAPAC</v>
          </cell>
          <cell r="AN290" t="str">
            <v>MDO C&amp;M</v>
          </cell>
          <cell r="AO290" t="str">
            <v>MDO INDIANA SOUTHWEST C&amp;M</v>
          </cell>
        </row>
        <row r="291">
          <cell r="F291">
            <v>75115</v>
          </cell>
          <cell r="Z291" t="str">
            <v>CAPAC</v>
          </cell>
          <cell r="AN291" t="str">
            <v>MDO C&amp;M</v>
          </cell>
          <cell r="AO291" t="str">
            <v>MDO INDIANA SOUTHWEST C&amp;M</v>
          </cell>
        </row>
        <row r="292">
          <cell r="F292">
            <v>75115</v>
          </cell>
          <cell r="Z292" t="str">
            <v>CAPAC</v>
          </cell>
          <cell r="AN292" t="str">
            <v>MDO C&amp;M</v>
          </cell>
          <cell r="AO292" t="str">
            <v>MDO INDIANA SOUTHWEST C&amp;M</v>
          </cell>
        </row>
        <row r="293">
          <cell r="F293">
            <v>75115</v>
          </cell>
          <cell r="Z293" t="str">
            <v>CAPAC</v>
          </cell>
          <cell r="AN293" t="str">
            <v>MDO C&amp;M</v>
          </cell>
          <cell r="AO293" t="str">
            <v>MDO INDIANA SOUTHWEST C&amp;M</v>
          </cell>
        </row>
        <row r="294">
          <cell r="F294">
            <v>75115</v>
          </cell>
          <cell r="Z294" t="str">
            <v>CAPAC</v>
          </cell>
          <cell r="AN294" t="str">
            <v>MDO C&amp;M</v>
          </cell>
          <cell r="AO294" t="str">
            <v>MDO INDIANA SOUTHWEST C&amp;M</v>
          </cell>
        </row>
        <row r="295">
          <cell r="F295">
            <v>75115</v>
          </cell>
          <cell r="Z295" t="str">
            <v>CAPAC</v>
          </cell>
          <cell r="AN295" t="str">
            <v>MDO C&amp;M</v>
          </cell>
          <cell r="AO295" t="str">
            <v>MDO INDIANA SOUTHWEST C&amp;M</v>
          </cell>
        </row>
        <row r="296">
          <cell r="F296">
            <v>75115</v>
          </cell>
          <cell r="Z296" t="str">
            <v>CAPAC</v>
          </cell>
          <cell r="AN296" t="str">
            <v>MDO C&amp;M</v>
          </cell>
          <cell r="AO296" t="str">
            <v>MDO INDIANA SOUTHWEST C&amp;M</v>
          </cell>
        </row>
        <row r="297">
          <cell r="F297">
            <v>75115</v>
          </cell>
          <cell r="Z297" t="str">
            <v>CAPAC</v>
          </cell>
          <cell r="AN297" t="str">
            <v>MDO C&amp;M</v>
          </cell>
          <cell r="AO297" t="str">
            <v>MDO INDIANA SOUTHWEST C&amp;M</v>
          </cell>
        </row>
        <row r="298">
          <cell r="F298">
            <v>75115</v>
          </cell>
          <cell r="Z298" t="str">
            <v>CAPAC</v>
          </cell>
          <cell r="AN298" t="str">
            <v>MDO C&amp;M</v>
          </cell>
          <cell r="AO298" t="str">
            <v>MDO INDIANA SOUTHWEST C&amp;M</v>
          </cell>
        </row>
        <row r="299">
          <cell r="F299">
            <v>75115</v>
          </cell>
          <cell r="Z299" t="str">
            <v>CAPAC</v>
          </cell>
          <cell r="AN299" t="str">
            <v>MDO C&amp;M</v>
          </cell>
          <cell r="AO299" t="str">
            <v>MDO INDIANA SOUTHWEST C&amp;M</v>
          </cell>
        </row>
        <row r="300">
          <cell r="F300">
            <v>75115</v>
          </cell>
          <cell r="Z300" t="str">
            <v>CAPAC</v>
          </cell>
          <cell r="AN300" t="str">
            <v>MDO C&amp;M</v>
          </cell>
          <cell r="AO300" t="str">
            <v>MDO INDIANA SOUTHWEST C&amp;M</v>
          </cell>
        </row>
        <row r="301">
          <cell r="F301">
            <v>75115</v>
          </cell>
          <cell r="Z301" t="str">
            <v>CAPAC</v>
          </cell>
          <cell r="AN301" t="str">
            <v>MDO C&amp;M</v>
          </cell>
          <cell r="AO301" t="str">
            <v>MDO INDIANA SOUTHWEST C&amp;M</v>
          </cell>
        </row>
        <row r="302">
          <cell r="F302">
            <v>75115</v>
          </cell>
          <cell r="Z302" t="str">
            <v>CAPAC</v>
          </cell>
          <cell r="AN302" t="str">
            <v>MDO C&amp;M</v>
          </cell>
          <cell r="AO302" t="str">
            <v>MDO INDIANA SOUTHWEST C&amp;M</v>
          </cell>
        </row>
        <row r="303">
          <cell r="F303">
            <v>75115</v>
          </cell>
          <cell r="Z303" t="str">
            <v>CAPAC</v>
          </cell>
          <cell r="AN303" t="str">
            <v>MDO C&amp;M</v>
          </cell>
          <cell r="AO303" t="str">
            <v>MDO INDIANA SOUTHWEST C&amp;M</v>
          </cell>
        </row>
        <row r="304">
          <cell r="F304">
            <v>75115</v>
          </cell>
          <cell r="Z304" t="str">
            <v>CAPAC</v>
          </cell>
          <cell r="AN304" t="str">
            <v>MDO C&amp;M</v>
          </cell>
          <cell r="AO304" t="str">
            <v>MDO INDIANA SOUTHWEST C&amp;M</v>
          </cell>
        </row>
        <row r="305">
          <cell r="F305">
            <v>75115</v>
          </cell>
          <cell r="Z305" t="str">
            <v>CAPAC</v>
          </cell>
          <cell r="AN305" t="str">
            <v>MDO C&amp;M</v>
          </cell>
          <cell r="AO305" t="str">
            <v>MDO INDIANA SOUTHWEST C&amp;M</v>
          </cell>
        </row>
        <row r="306">
          <cell r="F306">
            <v>75115</v>
          </cell>
          <cell r="Z306" t="str">
            <v>CAPAC</v>
          </cell>
          <cell r="AN306" t="str">
            <v>MDO C&amp;M</v>
          </cell>
          <cell r="AO306" t="str">
            <v>MDO INDIANA SOUTHWEST C&amp;M</v>
          </cell>
        </row>
        <row r="307">
          <cell r="F307">
            <v>75115</v>
          </cell>
          <cell r="Z307" t="str">
            <v>CAPAC</v>
          </cell>
          <cell r="AN307" t="str">
            <v>MDO C&amp;M</v>
          </cell>
          <cell r="AO307" t="str">
            <v>MDO INDIANA SOUTHWEST C&amp;M</v>
          </cell>
        </row>
        <row r="308">
          <cell r="F308">
            <v>75115</v>
          </cell>
          <cell r="Z308" t="str">
            <v>CAPAC</v>
          </cell>
          <cell r="AN308" t="str">
            <v>MDO C&amp;M</v>
          </cell>
          <cell r="AO308" t="str">
            <v>MDO INDIANA SOUTHWEST C&amp;M</v>
          </cell>
        </row>
        <row r="309">
          <cell r="F309">
            <v>75115</v>
          </cell>
          <cell r="Z309" t="str">
            <v>CAPAC</v>
          </cell>
          <cell r="AN309" t="str">
            <v>MDO C&amp;M</v>
          </cell>
          <cell r="AO309" t="str">
            <v>MDO INDIANA SOUTHWEST C&amp;M</v>
          </cell>
        </row>
        <row r="310">
          <cell r="F310">
            <v>75115</v>
          </cell>
          <cell r="Z310" t="str">
            <v>CAPAC</v>
          </cell>
          <cell r="AN310" t="str">
            <v>MDO C&amp;M</v>
          </cell>
          <cell r="AO310" t="str">
            <v>MDO INDIANA SOUTHWEST C&amp;M</v>
          </cell>
        </row>
        <row r="311">
          <cell r="F311">
            <v>75115</v>
          </cell>
          <cell r="Z311" t="str">
            <v>CAPAC</v>
          </cell>
          <cell r="AN311" t="str">
            <v>MDO C&amp;M</v>
          </cell>
          <cell r="AO311" t="str">
            <v>MDO INDIANA SOUTHWEST C&amp;M</v>
          </cell>
        </row>
        <row r="312">
          <cell r="F312">
            <v>75115</v>
          </cell>
          <cell r="Z312" t="str">
            <v>CAPAC</v>
          </cell>
          <cell r="AN312" t="str">
            <v>MDO C&amp;M</v>
          </cell>
          <cell r="AO312" t="str">
            <v>MDO INDIANA SOUTHWEST C&amp;M</v>
          </cell>
        </row>
        <row r="313">
          <cell r="F313">
            <v>75115</v>
          </cell>
          <cell r="Z313" t="str">
            <v>CAPAC</v>
          </cell>
          <cell r="AN313" t="str">
            <v>MDO C&amp;M</v>
          </cell>
          <cell r="AO313" t="str">
            <v>MDO INDIANA SOUTHWEST C&amp;M</v>
          </cell>
        </row>
        <row r="314">
          <cell r="F314">
            <v>75115</v>
          </cell>
          <cell r="Z314" t="str">
            <v>CAPAC</v>
          </cell>
          <cell r="AN314" t="str">
            <v>MDO C&amp;M</v>
          </cell>
          <cell r="AO314" t="str">
            <v>MDO INDIANA SOUTHWEST C&amp;M</v>
          </cell>
        </row>
        <row r="315">
          <cell r="F315">
            <v>75115</v>
          </cell>
          <cell r="Z315" t="str">
            <v>CAPAC</v>
          </cell>
          <cell r="AN315" t="str">
            <v>MDO C&amp;M</v>
          </cell>
          <cell r="AO315" t="str">
            <v>MDO INDIANA SOUTHWEST C&amp;M</v>
          </cell>
        </row>
        <row r="316">
          <cell r="F316">
            <v>75115</v>
          </cell>
          <cell r="Z316" t="str">
            <v>CAPAC</v>
          </cell>
          <cell r="AN316" t="str">
            <v>MDO C&amp;M</v>
          </cell>
          <cell r="AO316" t="str">
            <v>MDO INDIANA SOUTHWEST C&amp;M</v>
          </cell>
        </row>
        <row r="317">
          <cell r="F317">
            <v>75115</v>
          </cell>
          <cell r="Z317" t="str">
            <v>CAPAC</v>
          </cell>
          <cell r="AN317" t="str">
            <v>MDO C&amp;M</v>
          </cell>
          <cell r="AO317" t="str">
            <v>MDO INDIANA SOUTHWEST C&amp;M</v>
          </cell>
        </row>
        <row r="318">
          <cell r="F318">
            <v>75115</v>
          </cell>
          <cell r="Z318" t="str">
            <v>CAPAC</v>
          </cell>
          <cell r="AN318" t="str">
            <v>MDO C&amp;M</v>
          </cell>
          <cell r="AO318" t="str">
            <v>MDO INDIANA SOUTHWEST C&amp;M</v>
          </cell>
        </row>
        <row r="319">
          <cell r="F319">
            <v>75115</v>
          </cell>
          <cell r="Z319" t="str">
            <v>CAPAC</v>
          </cell>
          <cell r="AN319" t="str">
            <v>MDO C&amp;M</v>
          </cell>
          <cell r="AO319" t="str">
            <v>MDO INDIANA SOUTHWEST C&amp;M</v>
          </cell>
        </row>
        <row r="320">
          <cell r="F320">
            <v>75115</v>
          </cell>
          <cell r="Z320" t="str">
            <v>CAPAC</v>
          </cell>
          <cell r="AN320" t="str">
            <v>MDO C&amp;M</v>
          </cell>
          <cell r="AO320" t="str">
            <v>MDO INDIANA SOUTHWEST C&amp;M</v>
          </cell>
        </row>
        <row r="321">
          <cell r="F321">
            <v>75115</v>
          </cell>
          <cell r="Z321" t="str">
            <v>CAPAC</v>
          </cell>
          <cell r="AN321" t="str">
            <v>MDO C&amp;M</v>
          </cell>
          <cell r="AO321" t="str">
            <v>MDO INDIANA SOUTHWEST C&amp;M</v>
          </cell>
        </row>
        <row r="322">
          <cell r="F322">
            <v>75115</v>
          </cell>
          <cell r="Z322" t="str">
            <v>CAPAC</v>
          </cell>
          <cell r="AN322" t="str">
            <v>MDO C&amp;M</v>
          </cell>
          <cell r="AO322" t="str">
            <v>MDO INDIANA SOUTHWEST C&amp;M</v>
          </cell>
        </row>
        <row r="323">
          <cell r="F323">
            <v>75115</v>
          </cell>
          <cell r="Z323" t="str">
            <v>CAPAC</v>
          </cell>
          <cell r="AN323" t="str">
            <v>MDO C&amp;M</v>
          </cell>
          <cell r="AO323" t="str">
            <v>MDO INDIANA SOUTHWEST C&amp;M</v>
          </cell>
        </row>
        <row r="324">
          <cell r="F324">
            <v>75115</v>
          </cell>
          <cell r="Z324" t="str">
            <v>CAPAC</v>
          </cell>
          <cell r="AN324" t="str">
            <v>MDO C&amp;M</v>
          </cell>
          <cell r="AO324" t="str">
            <v>MDO INDIANA SOUTHWEST C&amp;M</v>
          </cell>
        </row>
        <row r="325">
          <cell r="F325">
            <v>75115</v>
          </cell>
          <cell r="Z325" t="str">
            <v>CAPAC</v>
          </cell>
          <cell r="AN325" t="str">
            <v>MDO C&amp;M</v>
          </cell>
          <cell r="AO325" t="str">
            <v>MDO INDIANA SOUTHWEST C&amp;M</v>
          </cell>
        </row>
        <row r="326">
          <cell r="F326">
            <v>75115</v>
          </cell>
          <cell r="Z326" t="str">
            <v>CAPAC</v>
          </cell>
          <cell r="AN326" t="str">
            <v>MDO C&amp;M</v>
          </cell>
          <cell r="AO326" t="str">
            <v>MDO INDIANA SOUTHEAST C&amp;M</v>
          </cell>
        </row>
        <row r="327">
          <cell r="F327">
            <v>75115</v>
          </cell>
          <cell r="Z327" t="str">
            <v>CAPAC</v>
          </cell>
          <cell r="AN327" t="str">
            <v>MDO C&amp;M</v>
          </cell>
          <cell r="AO327" t="str">
            <v>MDO INDIANA SOUTHEAST C&amp;M</v>
          </cell>
        </row>
        <row r="328">
          <cell r="F328">
            <v>75115</v>
          </cell>
          <cell r="Z328" t="str">
            <v>CAPAC</v>
          </cell>
          <cell r="AN328" t="str">
            <v>MDO C&amp;M</v>
          </cell>
          <cell r="AO328" t="str">
            <v>MDO INDIANA SOUTHEAST C&amp;M</v>
          </cell>
        </row>
        <row r="329">
          <cell r="F329">
            <v>75115</v>
          </cell>
          <cell r="Z329" t="str">
            <v>CAPAC</v>
          </cell>
          <cell r="AN329" t="str">
            <v>MDO C&amp;M</v>
          </cell>
          <cell r="AO329" t="str">
            <v>MDO INDIANA SOUTHEAST C&amp;M</v>
          </cell>
        </row>
        <row r="330">
          <cell r="F330">
            <v>75115</v>
          </cell>
          <cell r="Z330" t="str">
            <v>CAPAC</v>
          </cell>
          <cell r="AN330" t="str">
            <v>MDO C&amp;M</v>
          </cell>
          <cell r="AO330" t="str">
            <v>MDO INDIANA SOUTHEAST C&amp;M</v>
          </cell>
        </row>
        <row r="331">
          <cell r="F331">
            <v>75115</v>
          </cell>
          <cell r="Z331" t="str">
            <v>CAPAC</v>
          </cell>
          <cell r="AN331" t="str">
            <v>MDO C&amp;M</v>
          </cell>
          <cell r="AO331" t="str">
            <v>MDO INDIANA SOUTHEAST C&amp;M</v>
          </cell>
        </row>
        <row r="332">
          <cell r="F332">
            <v>75115</v>
          </cell>
          <cell r="Z332" t="str">
            <v>CAPAC</v>
          </cell>
          <cell r="AN332" t="str">
            <v>MDO C&amp;M</v>
          </cell>
          <cell r="AO332" t="str">
            <v>MDO INDIANA SOUTHEAST C&amp;M</v>
          </cell>
        </row>
        <row r="333">
          <cell r="F333">
            <v>75115</v>
          </cell>
          <cell r="Z333" t="str">
            <v>CAPAC</v>
          </cell>
          <cell r="AN333" t="str">
            <v>MDO C&amp;M</v>
          </cell>
          <cell r="AO333" t="str">
            <v>MDO INDIANA SOUTHEAST C&amp;M</v>
          </cell>
        </row>
        <row r="334">
          <cell r="F334">
            <v>75115</v>
          </cell>
          <cell r="Z334" t="str">
            <v>CAPAC</v>
          </cell>
          <cell r="AN334" t="str">
            <v>MDO C&amp;M</v>
          </cell>
          <cell r="AO334" t="str">
            <v>MDO INDIANA SOUTHEAST C&amp;M</v>
          </cell>
        </row>
        <row r="335">
          <cell r="F335">
            <v>75115</v>
          </cell>
          <cell r="Z335" t="str">
            <v>CAPAC</v>
          </cell>
          <cell r="AN335" t="str">
            <v>MDO C&amp;M</v>
          </cell>
          <cell r="AO335" t="str">
            <v>MDO INDIANA SOUTHEAST C&amp;M</v>
          </cell>
        </row>
        <row r="336">
          <cell r="F336">
            <v>75115</v>
          </cell>
          <cell r="Z336" t="str">
            <v>CAPAC</v>
          </cell>
          <cell r="AN336" t="str">
            <v>MDO C&amp;M</v>
          </cell>
          <cell r="AO336" t="str">
            <v>MDO INDIANA SOUTHEAST C&amp;M</v>
          </cell>
        </row>
        <row r="337">
          <cell r="F337">
            <v>75115</v>
          </cell>
          <cell r="Z337" t="str">
            <v>CAPAC</v>
          </cell>
          <cell r="AN337" t="str">
            <v>MDO C&amp;M</v>
          </cell>
          <cell r="AO337" t="str">
            <v>MDO INDIANA SOUTHEAST C&amp;M</v>
          </cell>
        </row>
        <row r="338">
          <cell r="F338">
            <v>75115</v>
          </cell>
          <cell r="Z338" t="str">
            <v>CAPAC</v>
          </cell>
          <cell r="AN338" t="str">
            <v>MDO C&amp;M</v>
          </cell>
          <cell r="AO338" t="str">
            <v>MDO INDIANA SOUTHEAST C&amp;M</v>
          </cell>
        </row>
        <row r="339">
          <cell r="F339">
            <v>75115</v>
          </cell>
          <cell r="Z339" t="str">
            <v>CAPAC</v>
          </cell>
          <cell r="AN339" t="str">
            <v>MDO C&amp;M</v>
          </cell>
          <cell r="AO339" t="str">
            <v>MDO INDIANA SOUTHEAST C&amp;M</v>
          </cell>
        </row>
        <row r="340">
          <cell r="F340">
            <v>75115</v>
          </cell>
          <cell r="Z340" t="str">
            <v>CAPAC</v>
          </cell>
          <cell r="AN340" t="str">
            <v>MDO C&amp;M</v>
          </cell>
          <cell r="AO340" t="str">
            <v>MDO INDIANA SOUTHEAST C&amp;M</v>
          </cell>
        </row>
        <row r="341">
          <cell r="F341">
            <v>75115</v>
          </cell>
          <cell r="Z341" t="str">
            <v>CAPAC</v>
          </cell>
          <cell r="AN341" t="str">
            <v>MDO C&amp;M</v>
          </cell>
          <cell r="AO341" t="str">
            <v>MDO INDIANA SOUTHEAST C&amp;M</v>
          </cell>
        </row>
        <row r="342">
          <cell r="F342">
            <v>75115</v>
          </cell>
          <cell r="Z342" t="str">
            <v>CAPAC</v>
          </cell>
          <cell r="AN342" t="str">
            <v>MDO C&amp;M</v>
          </cell>
          <cell r="AO342" t="str">
            <v>MDO INDIANA SOUTHEAST C&amp;M</v>
          </cell>
        </row>
        <row r="343">
          <cell r="F343">
            <v>75115</v>
          </cell>
          <cell r="Z343" t="str">
            <v>CAPAC</v>
          </cell>
          <cell r="AN343" t="str">
            <v>MDO C&amp;M</v>
          </cell>
          <cell r="AO343" t="str">
            <v>MDO INDIANA SOUTHEAST C&amp;M</v>
          </cell>
        </row>
        <row r="344">
          <cell r="F344">
            <v>75115</v>
          </cell>
          <cell r="Z344" t="str">
            <v>CAPAC</v>
          </cell>
          <cell r="AN344" t="str">
            <v>MDO C&amp;M</v>
          </cell>
          <cell r="AO344" t="str">
            <v>MDO INDIANA SOUTHEAST C&amp;M</v>
          </cell>
        </row>
        <row r="345">
          <cell r="F345">
            <v>75115</v>
          </cell>
          <cell r="Z345" t="str">
            <v>CAPAC</v>
          </cell>
          <cell r="AN345" t="str">
            <v>MDO C&amp;M</v>
          </cell>
          <cell r="AO345" t="str">
            <v>MDO INDIANA SOUTHEAST C&amp;M</v>
          </cell>
        </row>
        <row r="346">
          <cell r="F346">
            <v>75115</v>
          </cell>
          <cell r="Z346" t="str">
            <v>CAPAC</v>
          </cell>
          <cell r="AN346" t="str">
            <v>MDO C&amp;M</v>
          </cell>
          <cell r="AO346" t="str">
            <v>MDO INDIANA SOUTHEAST C&amp;M</v>
          </cell>
        </row>
        <row r="347">
          <cell r="F347">
            <v>75115</v>
          </cell>
          <cell r="Z347" t="str">
            <v>CAPAC</v>
          </cell>
          <cell r="AN347" t="str">
            <v>MDO C&amp;M</v>
          </cell>
          <cell r="AO347" t="str">
            <v>MDO INDIANA SOUTHEAST C&amp;M</v>
          </cell>
        </row>
        <row r="348">
          <cell r="F348">
            <v>75115</v>
          </cell>
          <cell r="Z348" t="str">
            <v>CAPAC</v>
          </cell>
          <cell r="AN348" t="str">
            <v>MDO C&amp;M</v>
          </cell>
          <cell r="AO348" t="str">
            <v>MDO INDIANA SOUTHEAST C&amp;M</v>
          </cell>
        </row>
        <row r="349">
          <cell r="F349">
            <v>75115</v>
          </cell>
          <cell r="Z349" t="str">
            <v>CAPAC</v>
          </cell>
          <cell r="AN349" t="str">
            <v>MDO C&amp;M</v>
          </cell>
          <cell r="AO349" t="str">
            <v>MDO INDIANA SOUTHEAST C&amp;M</v>
          </cell>
        </row>
        <row r="350">
          <cell r="F350">
            <v>75115</v>
          </cell>
          <cell r="Z350" t="str">
            <v>CAPAC</v>
          </cell>
          <cell r="AN350" t="str">
            <v>MDO C&amp;M</v>
          </cell>
          <cell r="AO350" t="str">
            <v>MDO INDIANA SOUTHEAST C&amp;M</v>
          </cell>
        </row>
        <row r="351">
          <cell r="F351">
            <v>75115</v>
          </cell>
          <cell r="Z351" t="str">
            <v>CAPAC</v>
          </cell>
          <cell r="AN351" t="str">
            <v>MDO C&amp;M</v>
          </cell>
          <cell r="AO351" t="str">
            <v>MDO INDIANA SOUTHEAST C&amp;M</v>
          </cell>
        </row>
        <row r="352">
          <cell r="F352">
            <v>75115</v>
          </cell>
          <cell r="Z352" t="str">
            <v>CAPAC</v>
          </cell>
          <cell r="AN352" t="str">
            <v>MDO C&amp;M</v>
          </cell>
          <cell r="AO352" t="str">
            <v>MDO INDIANA SOUTHEAST C&amp;M</v>
          </cell>
        </row>
        <row r="353">
          <cell r="F353">
            <v>75115</v>
          </cell>
          <cell r="Z353" t="str">
            <v>CAPAC</v>
          </cell>
          <cell r="AN353" t="str">
            <v>MDO C&amp;M</v>
          </cell>
          <cell r="AO353" t="str">
            <v>MDO INDIANA SOUTHEAST C&amp;M</v>
          </cell>
        </row>
        <row r="354">
          <cell r="F354">
            <v>75115</v>
          </cell>
          <cell r="Z354" t="str">
            <v>CAPAC</v>
          </cell>
          <cell r="AN354" t="str">
            <v>MDO C&amp;M</v>
          </cell>
          <cell r="AO354" t="str">
            <v>MDO INDIANA SOUTHEAST C&amp;M</v>
          </cell>
        </row>
        <row r="355">
          <cell r="F355">
            <v>75115</v>
          </cell>
          <cell r="Z355" t="str">
            <v>CAPAC</v>
          </cell>
          <cell r="AN355" t="str">
            <v>MDO C&amp;M</v>
          </cell>
          <cell r="AO355" t="str">
            <v>MDO INDIANA SOUTHEAST C&amp;M</v>
          </cell>
        </row>
        <row r="356">
          <cell r="F356">
            <v>75115</v>
          </cell>
          <cell r="Z356" t="str">
            <v>CAPAC</v>
          </cell>
          <cell r="AN356" t="str">
            <v>MDO C&amp;M</v>
          </cell>
          <cell r="AO356" t="str">
            <v>MDO INDIANA SOUTHEAST C&amp;M</v>
          </cell>
        </row>
        <row r="357">
          <cell r="F357">
            <v>75115</v>
          </cell>
          <cell r="Z357" t="str">
            <v>CAPAC</v>
          </cell>
          <cell r="AN357" t="str">
            <v>MDO C&amp;M</v>
          </cell>
          <cell r="AO357" t="str">
            <v>MDO INDIANA SOUTHEAST C&amp;M</v>
          </cell>
        </row>
        <row r="358">
          <cell r="F358">
            <v>75115</v>
          </cell>
          <cell r="Z358" t="str">
            <v>CAPAC</v>
          </cell>
          <cell r="AN358" t="str">
            <v>MDO C&amp;M</v>
          </cell>
          <cell r="AO358" t="str">
            <v>MDO INDIANA SOUTHEAST C&amp;M</v>
          </cell>
        </row>
        <row r="359">
          <cell r="F359">
            <v>75115</v>
          </cell>
          <cell r="Z359" t="str">
            <v>CAPAC</v>
          </cell>
          <cell r="AN359" t="str">
            <v>MDO C&amp;M</v>
          </cell>
          <cell r="AO359" t="str">
            <v>MDO INDIANA SOUTHEAST C&amp;M</v>
          </cell>
        </row>
        <row r="360">
          <cell r="F360">
            <v>75115</v>
          </cell>
          <cell r="Z360" t="str">
            <v>CAPAC</v>
          </cell>
          <cell r="AN360" t="str">
            <v>MDO C&amp;M</v>
          </cell>
          <cell r="AO360" t="str">
            <v>MDO INDIANA SOUTHEAST C&amp;M</v>
          </cell>
        </row>
        <row r="361">
          <cell r="F361">
            <v>75115</v>
          </cell>
          <cell r="Z361" t="str">
            <v>CAPAC</v>
          </cell>
          <cell r="AN361" t="str">
            <v>MDO C&amp;M</v>
          </cell>
          <cell r="AO361" t="str">
            <v>MDO INDIANA SOUTHEAST C&amp;M</v>
          </cell>
        </row>
        <row r="362">
          <cell r="F362">
            <v>75115</v>
          </cell>
          <cell r="Z362" t="str">
            <v>CAPAC</v>
          </cell>
          <cell r="AN362" t="str">
            <v>MDO C&amp;M</v>
          </cell>
          <cell r="AO362" t="str">
            <v>MDO INDIANA SOUTHEAST C&amp;M</v>
          </cell>
        </row>
        <row r="363">
          <cell r="F363">
            <v>75115</v>
          </cell>
          <cell r="Z363" t="str">
            <v>CAPAC</v>
          </cell>
          <cell r="AN363" t="str">
            <v>MDO C&amp;M</v>
          </cell>
          <cell r="AO363" t="str">
            <v>MDO INDIANA SOUTHEAST C&amp;M</v>
          </cell>
        </row>
        <row r="364">
          <cell r="F364">
            <v>75115</v>
          </cell>
          <cell r="Z364" t="str">
            <v>CAPAC</v>
          </cell>
          <cell r="AN364" t="str">
            <v>MDO C&amp;M</v>
          </cell>
          <cell r="AO364" t="str">
            <v>MDO INDIANA SOUTHEAST C&amp;M</v>
          </cell>
        </row>
        <row r="365">
          <cell r="F365">
            <v>75115</v>
          </cell>
          <cell r="Z365" t="str">
            <v>CAPAC</v>
          </cell>
          <cell r="AN365" t="str">
            <v>MDO C&amp;M</v>
          </cell>
          <cell r="AO365" t="str">
            <v>MDO INDIANA SOUTHEAST C&amp;M</v>
          </cell>
        </row>
        <row r="366">
          <cell r="F366">
            <v>75115</v>
          </cell>
          <cell r="Z366" t="str">
            <v>CAPAC</v>
          </cell>
          <cell r="AN366" t="str">
            <v>MDO C&amp;M</v>
          </cell>
          <cell r="AO366" t="str">
            <v>MDO INDIANA SOUTHEAST C&amp;M</v>
          </cell>
        </row>
        <row r="367">
          <cell r="F367">
            <v>75115</v>
          </cell>
          <cell r="Z367" t="str">
            <v>CAPAC</v>
          </cell>
          <cell r="AN367" t="str">
            <v>MDO C&amp;M</v>
          </cell>
          <cell r="AO367" t="str">
            <v>MDO INDIANA SOUTHEAST C&amp;M</v>
          </cell>
        </row>
        <row r="368">
          <cell r="F368">
            <v>75115</v>
          </cell>
          <cell r="Z368" t="str">
            <v>CAPAC</v>
          </cell>
          <cell r="AN368" t="str">
            <v>MDO C&amp;M</v>
          </cell>
          <cell r="AO368" t="str">
            <v>MDO INDIANA SOUTHEAST C&amp;M</v>
          </cell>
        </row>
        <row r="369">
          <cell r="F369">
            <v>75115</v>
          </cell>
          <cell r="Z369" t="str">
            <v>CAPAC</v>
          </cell>
          <cell r="AN369" t="str">
            <v>MDO C&amp;M</v>
          </cell>
          <cell r="AO369" t="str">
            <v>MDO INDIANA SOUTHEAST C&amp;M</v>
          </cell>
        </row>
        <row r="370">
          <cell r="F370">
            <v>75115</v>
          </cell>
          <cell r="Z370" t="str">
            <v>CAPAC</v>
          </cell>
          <cell r="AN370" t="str">
            <v>MDO C&amp;M</v>
          </cell>
          <cell r="AO370" t="str">
            <v>MDO INDIANA SOUTHEAST C&amp;M</v>
          </cell>
        </row>
        <row r="371">
          <cell r="F371">
            <v>75115</v>
          </cell>
          <cell r="Z371" t="str">
            <v>CAPAC</v>
          </cell>
          <cell r="AN371" t="str">
            <v>MDO C&amp;M</v>
          </cell>
          <cell r="AO371" t="str">
            <v>MDO INDIANA SOUTHEAST C&amp;M</v>
          </cell>
        </row>
        <row r="372">
          <cell r="F372">
            <v>75115</v>
          </cell>
          <cell r="Z372" t="str">
            <v>CAPAC</v>
          </cell>
          <cell r="AN372" t="str">
            <v>MDO C&amp;M</v>
          </cell>
          <cell r="AO372" t="str">
            <v>MDO INDIANA SOUTHEAST C&amp;M</v>
          </cell>
        </row>
        <row r="373">
          <cell r="F373">
            <v>75115</v>
          </cell>
          <cell r="Z373" t="str">
            <v>CAPAC</v>
          </cell>
          <cell r="AN373" t="str">
            <v>MDO C&amp;M</v>
          </cell>
          <cell r="AO373" t="str">
            <v>MDO INDIANA SOUTHEAST C&amp;M</v>
          </cell>
        </row>
        <row r="374">
          <cell r="F374">
            <v>75115</v>
          </cell>
          <cell r="Z374" t="str">
            <v>CAPAC</v>
          </cell>
          <cell r="AN374" t="str">
            <v>MDO C&amp;M</v>
          </cell>
          <cell r="AO374" t="str">
            <v>MDO INDIANA SOUTHEAST C&amp;M</v>
          </cell>
        </row>
        <row r="375">
          <cell r="F375">
            <v>75115</v>
          </cell>
          <cell r="Z375" t="str">
            <v>CAPAC</v>
          </cell>
          <cell r="AN375" t="str">
            <v>MDO C&amp;M</v>
          </cell>
          <cell r="AO375" t="str">
            <v>MDO INDIANA SOUTHEAST C&amp;M</v>
          </cell>
        </row>
        <row r="376">
          <cell r="F376">
            <v>75115</v>
          </cell>
          <cell r="Z376" t="str">
            <v>CAPAC</v>
          </cell>
          <cell r="AN376" t="str">
            <v>MDO C&amp;M</v>
          </cell>
          <cell r="AO376" t="str">
            <v>MDO INDIANA SOUTHEAST C&amp;M</v>
          </cell>
        </row>
        <row r="377">
          <cell r="F377">
            <v>75115</v>
          </cell>
          <cell r="Z377" t="str">
            <v>CAPAC</v>
          </cell>
          <cell r="AN377" t="str">
            <v>MDO C&amp;M</v>
          </cell>
          <cell r="AO377" t="str">
            <v>MDO INDIANA SOUTHEAST C&amp;M</v>
          </cell>
        </row>
        <row r="378">
          <cell r="F378">
            <v>75115</v>
          </cell>
          <cell r="Z378" t="str">
            <v>CAPAC</v>
          </cell>
          <cell r="AN378" t="str">
            <v>MDO C&amp;M</v>
          </cell>
          <cell r="AO378" t="str">
            <v>MDO INDIANA SOUTHEAST C&amp;M</v>
          </cell>
        </row>
        <row r="379">
          <cell r="F379">
            <v>75115</v>
          </cell>
          <cell r="Z379" t="str">
            <v>CAPAC</v>
          </cell>
          <cell r="AN379" t="str">
            <v>MDO C&amp;M</v>
          </cell>
          <cell r="AO379" t="str">
            <v>MDO INDIANA SOUTHEAST C&amp;M</v>
          </cell>
        </row>
        <row r="380">
          <cell r="F380">
            <v>75115</v>
          </cell>
          <cell r="Z380" t="str">
            <v>CAPAC</v>
          </cell>
          <cell r="AN380" t="str">
            <v>MDO C&amp;M</v>
          </cell>
          <cell r="AO380" t="str">
            <v>MDO INDIANA SOUTHEAST C&amp;M</v>
          </cell>
        </row>
        <row r="381">
          <cell r="F381">
            <v>75115</v>
          </cell>
          <cell r="Z381" t="str">
            <v>CAPAC</v>
          </cell>
          <cell r="AN381" t="str">
            <v>MDO C&amp;M</v>
          </cell>
          <cell r="AO381" t="str">
            <v>MDO INDIANA SOUTHEAST C&amp;M</v>
          </cell>
        </row>
        <row r="382">
          <cell r="F382">
            <v>75115</v>
          </cell>
          <cell r="Z382" t="str">
            <v>CAPAC</v>
          </cell>
          <cell r="AN382" t="str">
            <v>MDO C&amp;M</v>
          </cell>
          <cell r="AO382" t="str">
            <v>MDO INDIANA SOUTHEAST C&amp;M</v>
          </cell>
        </row>
        <row r="383">
          <cell r="F383">
            <v>75115</v>
          </cell>
          <cell r="Z383" t="str">
            <v>CAPAC</v>
          </cell>
          <cell r="AN383" t="str">
            <v>MDO C&amp;M</v>
          </cell>
          <cell r="AO383" t="str">
            <v>MDO INDIANA SOUTHEAST C&amp;M</v>
          </cell>
        </row>
        <row r="384">
          <cell r="F384">
            <v>75115</v>
          </cell>
          <cell r="Z384" t="str">
            <v>CAPAC</v>
          </cell>
          <cell r="AN384" t="str">
            <v>MDO C&amp;M</v>
          </cell>
          <cell r="AO384" t="str">
            <v>MDO INDIANA SOUTHEAST C&amp;M</v>
          </cell>
        </row>
        <row r="385">
          <cell r="F385">
            <v>75115</v>
          </cell>
          <cell r="Z385" t="str">
            <v>CAPAC</v>
          </cell>
          <cell r="AN385" t="str">
            <v>MDO C&amp;M</v>
          </cell>
          <cell r="AO385" t="str">
            <v>MDO INDIANA SOUTHEAST C&amp;M</v>
          </cell>
        </row>
        <row r="386">
          <cell r="F386">
            <v>75115</v>
          </cell>
          <cell r="Z386" t="str">
            <v>CAPAC</v>
          </cell>
          <cell r="AN386" t="str">
            <v>MDO C&amp;M</v>
          </cell>
          <cell r="AO386" t="str">
            <v>MDO INDIANA SOUTHEAST C&amp;M</v>
          </cell>
        </row>
        <row r="387">
          <cell r="F387">
            <v>75115</v>
          </cell>
          <cell r="Z387" t="str">
            <v>CAPAC</v>
          </cell>
          <cell r="AN387" t="str">
            <v>MDO C&amp;M</v>
          </cell>
          <cell r="AO387" t="str">
            <v>MDO INDIANA SOUTHEAST C&amp;M</v>
          </cell>
        </row>
        <row r="388">
          <cell r="F388">
            <v>75115</v>
          </cell>
          <cell r="Z388" t="str">
            <v>CAPAC</v>
          </cell>
          <cell r="AN388" t="str">
            <v>MDO C&amp;M</v>
          </cell>
          <cell r="AO388" t="str">
            <v>MDO INDIANA SOUTHEAST C&amp;M</v>
          </cell>
        </row>
        <row r="389">
          <cell r="F389">
            <v>75115</v>
          </cell>
          <cell r="Z389" t="str">
            <v>CAPAC</v>
          </cell>
          <cell r="AN389" t="str">
            <v>MDO C&amp;M</v>
          </cell>
          <cell r="AO389" t="str">
            <v>MDO INDIANA SOUTHEAST C&amp;M</v>
          </cell>
        </row>
        <row r="390">
          <cell r="F390">
            <v>75115</v>
          </cell>
          <cell r="Z390" t="str">
            <v>CAPAC</v>
          </cell>
          <cell r="AN390" t="str">
            <v>MDO C&amp;M</v>
          </cell>
          <cell r="AO390" t="str">
            <v>MDO INDIANA SOUTHEAST C&amp;M</v>
          </cell>
        </row>
        <row r="391">
          <cell r="F391">
            <v>75115</v>
          </cell>
          <cell r="Z391" t="str">
            <v>CAPAC</v>
          </cell>
          <cell r="AN391" t="str">
            <v>MDO C&amp;M</v>
          </cell>
          <cell r="AO391" t="str">
            <v>MDO INDIANA SOUTHEAST C&amp;M</v>
          </cell>
        </row>
        <row r="392">
          <cell r="F392">
            <v>75115</v>
          </cell>
          <cell r="Z392" t="str">
            <v>CAPAC</v>
          </cell>
          <cell r="AN392" t="str">
            <v>MDO C&amp;M</v>
          </cell>
          <cell r="AO392" t="str">
            <v>MDO INDIANA SOUTHEAST C&amp;M</v>
          </cell>
        </row>
        <row r="393">
          <cell r="F393">
            <v>75115</v>
          </cell>
          <cell r="Z393" t="str">
            <v>CAPAC</v>
          </cell>
          <cell r="AN393" t="str">
            <v>MDO C&amp;M</v>
          </cell>
          <cell r="AO393" t="str">
            <v>MDO INDIANA SOUTHEAST C&amp;M</v>
          </cell>
        </row>
        <row r="394">
          <cell r="F394">
            <v>75115</v>
          </cell>
          <cell r="Z394" t="str">
            <v>CAPAC</v>
          </cell>
          <cell r="AN394" t="str">
            <v>MDO C&amp;M</v>
          </cell>
          <cell r="AO394" t="str">
            <v>MDO INDIANA SOUTHEAST C&amp;M</v>
          </cell>
        </row>
        <row r="395">
          <cell r="F395">
            <v>75115</v>
          </cell>
          <cell r="Z395" t="str">
            <v>CAPAC</v>
          </cell>
          <cell r="AN395" t="str">
            <v>MDO C&amp;M</v>
          </cell>
          <cell r="AO395" t="str">
            <v>MDO INDIANA SOUTHEAST C&amp;M</v>
          </cell>
        </row>
        <row r="396">
          <cell r="F396">
            <v>75115</v>
          </cell>
          <cell r="Z396" t="str">
            <v>CAPAC</v>
          </cell>
          <cell r="AN396" t="str">
            <v>MDO C&amp;M</v>
          </cell>
          <cell r="AO396" t="str">
            <v>MDO INDIANA SOUTHEAST C&amp;M</v>
          </cell>
        </row>
        <row r="397">
          <cell r="F397">
            <v>75115</v>
          </cell>
          <cell r="Z397" t="str">
            <v>CAPAC</v>
          </cell>
          <cell r="AN397" t="str">
            <v>MDO C&amp;M</v>
          </cell>
          <cell r="AO397" t="str">
            <v>MDO INDIANA SOUTHEAST C&amp;M</v>
          </cell>
        </row>
        <row r="398">
          <cell r="F398">
            <v>75115</v>
          </cell>
          <cell r="Z398" t="str">
            <v>CAPAC</v>
          </cell>
          <cell r="AN398" t="str">
            <v>MDO C&amp;M</v>
          </cell>
          <cell r="AO398" t="str">
            <v>MDO INDIANA SOUTHEAST C&amp;M</v>
          </cell>
        </row>
        <row r="399">
          <cell r="F399">
            <v>75115</v>
          </cell>
          <cell r="Z399" t="str">
            <v>CAPAC</v>
          </cell>
          <cell r="AN399" t="str">
            <v>MDO C&amp;M</v>
          </cell>
          <cell r="AO399" t="str">
            <v>MDO INDIANA SOUTHEAST C&amp;M</v>
          </cell>
        </row>
        <row r="400">
          <cell r="F400">
            <v>75115</v>
          </cell>
          <cell r="Z400" t="str">
            <v>CAPAC</v>
          </cell>
          <cell r="AN400" t="str">
            <v>MDO C&amp;M</v>
          </cell>
          <cell r="AO400" t="str">
            <v>MDO INDIANA SOUTHEAST C&amp;M</v>
          </cell>
        </row>
        <row r="401">
          <cell r="F401">
            <v>75115</v>
          </cell>
          <cell r="Z401" t="str">
            <v>CAPAC</v>
          </cell>
          <cell r="AN401" t="str">
            <v>MDO C&amp;M</v>
          </cell>
          <cell r="AO401" t="str">
            <v>MDO INDIANA SOUTHEAST C&amp;M</v>
          </cell>
        </row>
        <row r="402">
          <cell r="F402">
            <v>75115</v>
          </cell>
          <cell r="Z402" t="str">
            <v>CAPAC</v>
          </cell>
          <cell r="AN402" t="str">
            <v>MDO C&amp;M</v>
          </cell>
          <cell r="AO402" t="str">
            <v>MDO INDIANA SOUTHEAST C&amp;M</v>
          </cell>
        </row>
        <row r="403">
          <cell r="F403">
            <v>75115</v>
          </cell>
          <cell r="Z403" t="str">
            <v>CAPAC</v>
          </cell>
          <cell r="AN403" t="str">
            <v>MDO C&amp;M</v>
          </cell>
          <cell r="AO403" t="str">
            <v>MDO INDIANA SOUTHEAST C&amp;M</v>
          </cell>
        </row>
        <row r="404">
          <cell r="F404">
            <v>75115</v>
          </cell>
          <cell r="Z404" t="str">
            <v>CAPAC</v>
          </cell>
          <cell r="AN404" t="str">
            <v>MDO C&amp;M</v>
          </cell>
          <cell r="AO404" t="str">
            <v>MDO INDIANA SOUTHEAST C&amp;M</v>
          </cell>
        </row>
        <row r="405">
          <cell r="F405">
            <v>75115</v>
          </cell>
          <cell r="Z405" t="str">
            <v>CAPAC</v>
          </cell>
          <cell r="AN405" t="str">
            <v>MDO C&amp;M</v>
          </cell>
          <cell r="AO405" t="str">
            <v>MDO INDIANA SOUTHEAST C&amp;M</v>
          </cell>
        </row>
        <row r="406">
          <cell r="F406">
            <v>75115</v>
          </cell>
          <cell r="Z406" t="str">
            <v>CAPAC</v>
          </cell>
          <cell r="AN406" t="str">
            <v>MDO C&amp;M</v>
          </cell>
          <cell r="AO406" t="str">
            <v>MDO INDIANA SOUTHEAST C&amp;M</v>
          </cell>
        </row>
        <row r="407">
          <cell r="F407">
            <v>75115</v>
          </cell>
          <cell r="Z407" t="str">
            <v>CAPAC</v>
          </cell>
          <cell r="AN407" t="str">
            <v>MDO C&amp;M</v>
          </cell>
          <cell r="AO407" t="str">
            <v>MDO INDIANA SOUTHEAST C&amp;M</v>
          </cell>
        </row>
        <row r="408">
          <cell r="F408">
            <v>75115</v>
          </cell>
          <cell r="Z408" t="str">
            <v>CAPAC</v>
          </cell>
          <cell r="AN408" t="str">
            <v>MDO C&amp;M</v>
          </cell>
          <cell r="AO408" t="str">
            <v>MDO INDIANA SOUTHEAST C&amp;M</v>
          </cell>
        </row>
        <row r="409">
          <cell r="F409">
            <v>75115</v>
          </cell>
          <cell r="Z409" t="str">
            <v>CAPAC</v>
          </cell>
          <cell r="AN409" t="str">
            <v>MDO C&amp;M</v>
          </cell>
          <cell r="AO409" t="str">
            <v>MDO INDIANA SOUTHEAST C&amp;M</v>
          </cell>
        </row>
        <row r="410">
          <cell r="F410">
            <v>75115</v>
          </cell>
          <cell r="Z410" t="str">
            <v>CAPAC</v>
          </cell>
          <cell r="AN410" t="str">
            <v>MDO C&amp;M</v>
          </cell>
          <cell r="AO410" t="str">
            <v>MDO INDIANA SOUTHEAST C&amp;M</v>
          </cell>
        </row>
        <row r="411">
          <cell r="F411">
            <v>75115</v>
          </cell>
          <cell r="Z411" t="str">
            <v>CAPAC</v>
          </cell>
          <cell r="AN411" t="str">
            <v>MDO C&amp;M</v>
          </cell>
          <cell r="AO411" t="str">
            <v>MDO INDIANA SOUTHEAST C&amp;M</v>
          </cell>
        </row>
        <row r="412">
          <cell r="F412">
            <v>75115</v>
          </cell>
          <cell r="Z412" t="str">
            <v>CAPAC</v>
          </cell>
          <cell r="AN412" t="str">
            <v>MDO C&amp;M</v>
          </cell>
          <cell r="AO412" t="str">
            <v>MDO INDIANA SOUTHEAST C&amp;M</v>
          </cell>
        </row>
        <row r="413">
          <cell r="F413">
            <v>75115</v>
          </cell>
          <cell r="Z413" t="str">
            <v>CAPAC</v>
          </cell>
          <cell r="AN413" t="str">
            <v>MDO C&amp;M</v>
          </cell>
          <cell r="AO413" t="str">
            <v>MDO INDIANA SOUTHEAST C&amp;M</v>
          </cell>
        </row>
        <row r="414">
          <cell r="F414">
            <v>75115</v>
          </cell>
          <cell r="Z414" t="str">
            <v>CAPAC</v>
          </cell>
          <cell r="AN414" t="str">
            <v>MDO C&amp;M</v>
          </cell>
          <cell r="AO414" t="str">
            <v>MDO INDIANA SOUTHEAST C&amp;M</v>
          </cell>
        </row>
        <row r="415">
          <cell r="F415">
            <v>75115</v>
          </cell>
          <cell r="Z415" t="str">
            <v>CAPAC</v>
          </cell>
          <cell r="AN415" t="str">
            <v>MDO C&amp;M</v>
          </cell>
          <cell r="AO415" t="str">
            <v>MDO INDIANA SOUTHEAST C&amp;M</v>
          </cell>
        </row>
        <row r="416">
          <cell r="F416">
            <v>75115</v>
          </cell>
          <cell r="Z416" t="str">
            <v>CAPAC</v>
          </cell>
          <cell r="AN416" t="str">
            <v>MDO C&amp;M</v>
          </cell>
          <cell r="AO416" t="str">
            <v>MDO INDIANA SOUTHEAST C&amp;M</v>
          </cell>
        </row>
        <row r="417">
          <cell r="F417">
            <v>75115</v>
          </cell>
          <cell r="Z417" t="str">
            <v>CAPAC</v>
          </cell>
          <cell r="AN417" t="str">
            <v>MDO C&amp;M</v>
          </cell>
          <cell r="AO417" t="str">
            <v>MDO INDIANA SOUTHEAST C&amp;M</v>
          </cell>
        </row>
        <row r="418">
          <cell r="F418">
            <v>75115</v>
          </cell>
          <cell r="Z418" t="str">
            <v>CAPAC</v>
          </cell>
          <cell r="AN418" t="str">
            <v>MDO C&amp;M</v>
          </cell>
          <cell r="AO418" t="str">
            <v>MDO INDIANA SOUTHEAST C&amp;M</v>
          </cell>
        </row>
        <row r="419">
          <cell r="F419">
            <v>75115</v>
          </cell>
          <cell r="Z419" t="str">
            <v>CAPAC</v>
          </cell>
          <cell r="AN419" t="str">
            <v>MDO C&amp;M</v>
          </cell>
          <cell r="AO419" t="str">
            <v>MDO INDIANA NORTH C&amp;M</v>
          </cell>
        </row>
        <row r="420">
          <cell r="F420">
            <v>75115</v>
          </cell>
          <cell r="Z420" t="str">
            <v>CAPAC</v>
          </cell>
          <cell r="AN420" t="str">
            <v>MDO C&amp;M</v>
          </cell>
          <cell r="AO420" t="str">
            <v>MDO INDIANA NORTH C&amp;M</v>
          </cell>
        </row>
        <row r="421">
          <cell r="F421">
            <v>75115</v>
          </cell>
          <cell r="Z421" t="str">
            <v>CAPAC</v>
          </cell>
          <cell r="AN421" t="str">
            <v>MDO C&amp;M</v>
          </cell>
          <cell r="AO421" t="str">
            <v>MDO INDIANA NORTH C&amp;M</v>
          </cell>
        </row>
        <row r="422">
          <cell r="F422">
            <v>75115</v>
          </cell>
          <cell r="Z422" t="str">
            <v>CAPAC</v>
          </cell>
          <cell r="AN422" t="str">
            <v>MDO C&amp;M</v>
          </cell>
          <cell r="AO422" t="str">
            <v>MDO INDIANA NORTH C&amp;M</v>
          </cell>
        </row>
        <row r="423">
          <cell r="F423">
            <v>75115</v>
          </cell>
          <cell r="Z423" t="str">
            <v>CAPAC</v>
          </cell>
          <cell r="AN423" t="str">
            <v>MDO C&amp;M</v>
          </cell>
          <cell r="AO423" t="str">
            <v>MDO INDIANA NORTH C&amp;M</v>
          </cell>
        </row>
        <row r="424">
          <cell r="F424">
            <v>75115</v>
          </cell>
          <cell r="Z424" t="str">
            <v>CAPAC</v>
          </cell>
          <cell r="AN424" t="str">
            <v>MDO C&amp;M</v>
          </cell>
          <cell r="AO424" t="str">
            <v>MDO INDIANA NORTH C&amp;M</v>
          </cell>
        </row>
        <row r="425">
          <cell r="F425">
            <v>75115</v>
          </cell>
          <cell r="Z425" t="str">
            <v>CAPAC</v>
          </cell>
          <cell r="AN425" t="str">
            <v>MDO C&amp;M</v>
          </cell>
          <cell r="AO425" t="str">
            <v>MDO INDIANA NORTH C&amp;M</v>
          </cell>
        </row>
        <row r="426">
          <cell r="F426">
            <v>75115</v>
          </cell>
          <cell r="Z426" t="str">
            <v>CAPAC</v>
          </cell>
          <cell r="AN426" t="str">
            <v>MDO C&amp;M</v>
          </cell>
          <cell r="AO426" t="str">
            <v>MDO INDIANA NORTH C&amp;M</v>
          </cell>
        </row>
        <row r="427">
          <cell r="F427">
            <v>75115</v>
          </cell>
          <cell r="Z427" t="str">
            <v>CAPAC</v>
          </cell>
          <cell r="AN427" t="str">
            <v>MDO C&amp;M</v>
          </cell>
          <cell r="AO427" t="str">
            <v>MDO INDIANA NORTH C&amp;M</v>
          </cell>
        </row>
        <row r="428">
          <cell r="F428">
            <v>75115</v>
          </cell>
          <cell r="Z428" t="str">
            <v>CAPAC</v>
          </cell>
          <cell r="AN428" t="str">
            <v>MDO C&amp;M</v>
          </cell>
          <cell r="AO428" t="str">
            <v>MDO INDIANA NORTH C&amp;M</v>
          </cell>
        </row>
        <row r="429">
          <cell r="F429">
            <v>75115</v>
          </cell>
          <cell r="Z429" t="str">
            <v>CAPAC</v>
          </cell>
          <cell r="AN429" t="str">
            <v>MDO C&amp;M</v>
          </cell>
          <cell r="AO429" t="str">
            <v>MDO INDIANA NORTH C&amp;M</v>
          </cell>
        </row>
        <row r="430">
          <cell r="F430">
            <v>75115</v>
          </cell>
          <cell r="Z430" t="str">
            <v>CAPAC</v>
          </cell>
          <cell r="AN430" t="str">
            <v>MDO C&amp;M</v>
          </cell>
          <cell r="AO430" t="str">
            <v>MDO INDIANA NORTH C&amp;M</v>
          </cell>
        </row>
        <row r="431">
          <cell r="F431">
            <v>75115</v>
          </cell>
          <cell r="Z431" t="str">
            <v>CAPAC</v>
          </cell>
          <cell r="AN431" t="str">
            <v>MDO C&amp;M</v>
          </cell>
          <cell r="AO431" t="str">
            <v>MDO INDIANA NORTH C&amp;M</v>
          </cell>
        </row>
        <row r="432">
          <cell r="F432">
            <v>75115</v>
          </cell>
          <cell r="Z432" t="str">
            <v>CAPAC</v>
          </cell>
          <cell r="AN432" t="str">
            <v>MDO C&amp;M</v>
          </cell>
          <cell r="AO432" t="str">
            <v>MDO INDIANA NORTH C&amp;M</v>
          </cell>
        </row>
        <row r="433">
          <cell r="F433">
            <v>75115</v>
          </cell>
          <cell r="Z433" t="str">
            <v>CAPAC</v>
          </cell>
          <cell r="AN433" t="str">
            <v>MDO C&amp;M</v>
          </cell>
          <cell r="AO433" t="str">
            <v>MDO INDIANA NORTH C&amp;M</v>
          </cell>
        </row>
        <row r="434">
          <cell r="F434">
            <v>75115</v>
          </cell>
          <cell r="Z434" t="str">
            <v>CAPAC</v>
          </cell>
          <cell r="AN434" t="str">
            <v>MDO C&amp;M</v>
          </cell>
          <cell r="AO434" t="str">
            <v>MDO INDIANA NORTH C&amp;M</v>
          </cell>
        </row>
        <row r="435">
          <cell r="F435">
            <v>75115</v>
          </cell>
          <cell r="Z435" t="str">
            <v>CAPAC</v>
          </cell>
          <cell r="AN435" t="str">
            <v>MDO C&amp;M</v>
          </cell>
          <cell r="AO435" t="str">
            <v>MDO INDIANA NORTH C&amp;M</v>
          </cell>
        </row>
        <row r="436">
          <cell r="F436">
            <v>75115</v>
          </cell>
          <cell r="Z436" t="str">
            <v>CAPAC</v>
          </cell>
          <cell r="AN436" t="str">
            <v>MDO C&amp;M</v>
          </cell>
          <cell r="AO436" t="str">
            <v>MDO INDIANA NORTH C&amp;M</v>
          </cell>
        </row>
        <row r="437">
          <cell r="F437">
            <v>75115</v>
          </cell>
          <cell r="Z437" t="str">
            <v>CAPAC</v>
          </cell>
          <cell r="AN437" t="str">
            <v>MDO C&amp;M</v>
          </cell>
          <cell r="AO437" t="str">
            <v>MDO INDIANA NORTH C&amp;M</v>
          </cell>
        </row>
        <row r="438">
          <cell r="F438">
            <v>75115</v>
          </cell>
          <cell r="Z438" t="str">
            <v>CAPAC</v>
          </cell>
          <cell r="AN438" t="str">
            <v>MDO C&amp;M</v>
          </cell>
          <cell r="AO438" t="str">
            <v>MDO INDIANA NORTH C&amp;M</v>
          </cell>
        </row>
        <row r="439">
          <cell r="F439">
            <v>75115</v>
          </cell>
          <cell r="Z439" t="str">
            <v>CAPAC</v>
          </cell>
          <cell r="AN439" t="str">
            <v>MDO C&amp;M</v>
          </cell>
          <cell r="AO439" t="str">
            <v>MDO INDIANA NORTH C&amp;M</v>
          </cell>
        </row>
        <row r="440">
          <cell r="F440">
            <v>75115</v>
          </cell>
          <cell r="Z440" t="str">
            <v>CAPAC</v>
          </cell>
          <cell r="AN440" t="str">
            <v>MDO C&amp;M</v>
          </cell>
          <cell r="AO440" t="str">
            <v>MDO INDIANA NORTH C&amp;M</v>
          </cell>
        </row>
        <row r="441">
          <cell r="F441">
            <v>75115</v>
          </cell>
          <cell r="Z441" t="str">
            <v>CAPAC</v>
          </cell>
          <cell r="AN441" t="str">
            <v>MDO C&amp;M</v>
          </cell>
          <cell r="AO441" t="str">
            <v>MDO INDIANA NORTH C&amp;M</v>
          </cell>
        </row>
        <row r="442">
          <cell r="F442">
            <v>75115</v>
          </cell>
          <cell r="Z442" t="str">
            <v>CAPAC</v>
          </cell>
          <cell r="AN442" t="str">
            <v>MDO C&amp;M</v>
          </cell>
          <cell r="AO442" t="str">
            <v>MDO INDIANA NORTH C&amp;M</v>
          </cell>
        </row>
        <row r="443">
          <cell r="F443">
            <v>75115</v>
          </cell>
          <cell r="Z443" t="str">
            <v>CAPAC</v>
          </cell>
          <cell r="AN443" t="str">
            <v>MDO C&amp;M</v>
          </cell>
          <cell r="AO443" t="str">
            <v>MDO INDIANA NORTH C&amp;M</v>
          </cell>
        </row>
        <row r="444">
          <cell r="F444">
            <v>75115</v>
          </cell>
          <cell r="Z444" t="str">
            <v>CAPAC</v>
          </cell>
          <cell r="AN444" t="str">
            <v>MDO C&amp;M</v>
          </cell>
          <cell r="AO444" t="str">
            <v>MDO INDIANA NORTH C&amp;M</v>
          </cell>
        </row>
        <row r="445">
          <cell r="F445">
            <v>75115</v>
          </cell>
          <cell r="Z445" t="str">
            <v>CAPAC</v>
          </cell>
          <cell r="AN445" t="str">
            <v>MDO C&amp;M</v>
          </cell>
          <cell r="AO445" t="str">
            <v>MDO INDIANA NORTH C&amp;M</v>
          </cell>
        </row>
        <row r="446">
          <cell r="F446">
            <v>75115</v>
          </cell>
          <cell r="Z446" t="str">
            <v>CAPAC</v>
          </cell>
          <cell r="AN446" t="str">
            <v>MDO C&amp;M</v>
          </cell>
          <cell r="AO446" t="str">
            <v>MDO INDIANA NORTH C&amp;M</v>
          </cell>
        </row>
        <row r="447">
          <cell r="F447">
            <v>75115</v>
          </cell>
          <cell r="Z447" t="str">
            <v>CAPAC</v>
          </cell>
          <cell r="AN447" t="str">
            <v>MDO C&amp;M</v>
          </cell>
          <cell r="AO447" t="str">
            <v>MDO INDIANA NORTH C&amp;M</v>
          </cell>
        </row>
        <row r="448">
          <cell r="F448">
            <v>75115</v>
          </cell>
          <cell r="Z448" t="str">
            <v>CAPAC</v>
          </cell>
          <cell r="AN448" t="str">
            <v>MDO C&amp;M</v>
          </cell>
          <cell r="AO448" t="str">
            <v>MDO INDIANA NORTH C&amp;M</v>
          </cell>
        </row>
        <row r="449">
          <cell r="F449">
            <v>75115</v>
          </cell>
          <cell r="Z449" t="str">
            <v>CAPAC</v>
          </cell>
          <cell r="AN449" t="str">
            <v>MDO C&amp;M</v>
          </cell>
          <cell r="AO449" t="str">
            <v>MDO INDIANA NORTH C&amp;M</v>
          </cell>
        </row>
        <row r="450">
          <cell r="F450">
            <v>75115</v>
          </cell>
          <cell r="Z450" t="str">
            <v>CAPAC</v>
          </cell>
          <cell r="AN450" t="str">
            <v>MDO C&amp;M</v>
          </cell>
          <cell r="AO450" t="str">
            <v>MDO INDIANA NORTH C&amp;M</v>
          </cell>
        </row>
        <row r="451">
          <cell r="F451">
            <v>75115</v>
          </cell>
          <cell r="Z451" t="str">
            <v>CAPAC</v>
          </cell>
          <cell r="AN451" t="str">
            <v>MDO C&amp;M</v>
          </cell>
          <cell r="AO451" t="str">
            <v>MDO INDIANA NORTH C&amp;M</v>
          </cell>
        </row>
        <row r="452">
          <cell r="F452">
            <v>75115</v>
          </cell>
          <cell r="Z452" t="str">
            <v>CAPAC</v>
          </cell>
          <cell r="AN452" t="str">
            <v>MDO C&amp;M</v>
          </cell>
          <cell r="AO452" t="str">
            <v>MDO INDIANA NORTH C&amp;M</v>
          </cell>
        </row>
        <row r="453">
          <cell r="F453">
            <v>75115</v>
          </cell>
          <cell r="Z453" t="str">
            <v>CAPAC</v>
          </cell>
          <cell r="AN453" t="str">
            <v>MDO C&amp;M</v>
          </cell>
          <cell r="AO453" t="str">
            <v>MDO INDIANA NORTH C&amp;M</v>
          </cell>
        </row>
        <row r="454">
          <cell r="F454">
            <v>75115</v>
          </cell>
          <cell r="Z454" t="str">
            <v>CAPAC</v>
          </cell>
          <cell r="AN454" t="str">
            <v>MDO C&amp;M</v>
          </cell>
          <cell r="AO454" t="str">
            <v>MDO INDIANA NORTH C&amp;M</v>
          </cell>
        </row>
        <row r="455">
          <cell r="F455">
            <v>75115</v>
          </cell>
          <cell r="Z455" t="str">
            <v>CAPAC</v>
          </cell>
          <cell r="AN455" t="str">
            <v>MDO C&amp;M</v>
          </cell>
          <cell r="AO455" t="str">
            <v>MDO INDIANA NORTH C&amp;M</v>
          </cell>
        </row>
        <row r="456">
          <cell r="F456">
            <v>75115</v>
          </cell>
          <cell r="Z456" t="str">
            <v>CAPAC</v>
          </cell>
          <cell r="AN456" t="str">
            <v>MDO C&amp;M</v>
          </cell>
          <cell r="AO456" t="str">
            <v>MDO INDIANA NORTH C&amp;M</v>
          </cell>
        </row>
        <row r="457">
          <cell r="F457">
            <v>75115</v>
          </cell>
          <cell r="Z457" t="str">
            <v>CAPAC</v>
          </cell>
          <cell r="AN457" t="str">
            <v>MDO C&amp;M</v>
          </cell>
          <cell r="AO457" t="str">
            <v>MDO INDIANA NORTH C&amp;M</v>
          </cell>
        </row>
        <row r="458">
          <cell r="F458">
            <v>75115</v>
          </cell>
          <cell r="Z458" t="str">
            <v>CAPAC</v>
          </cell>
          <cell r="AN458" t="str">
            <v>MDO C&amp;M</v>
          </cell>
          <cell r="AO458" t="str">
            <v>MDO INDIANA NORTH C&amp;M</v>
          </cell>
        </row>
        <row r="459">
          <cell r="F459">
            <v>75115</v>
          </cell>
          <cell r="Z459" t="str">
            <v>CAPAC</v>
          </cell>
          <cell r="AN459" t="str">
            <v>MDO C&amp;M</v>
          </cell>
          <cell r="AO459" t="str">
            <v>MDO INDIANA NORTH C&amp;M</v>
          </cell>
        </row>
        <row r="460">
          <cell r="F460">
            <v>75115</v>
          </cell>
          <cell r="Z460" t="str">
            <v>CAPAC</v>
          </cell>
          <cell r="AN460" t="str">
            <v>MDO C&amp;M</v>
          </cell>
          <cell r="AO460" t="str">
            <v>MDO INDIANA NORTH C&amp;M</v>
          </cell>
        </row>
        <row r="461">
          <cell r="F461">
            <v>75115</v>
          </cell>
          <cell r="Z461" t="str">
            <v>CAPAC</v>
          </cell>
          <cell r="AN461" t="str">
            <v>MDO C&amp;M</v>
          </cell>
          <cell r="AO461" t="str">
            <v>MDO INDIANA NORTH C&amp;M</v>
          </cell>
        </row>
        <row r="462">
          <cell r="F462">
            <v>75115</v>
          </cell>
          <cell r="Z462" t="str">
            <v>CAPAC</v>
          </cell>
          <cell r="AN462" t="str">
            <v>MDO C&amp;M</v>
          </cell>
          <cell r="AO462" t="str">
            <v>MDO INDIANA NORTH C&amp;M</v>
          </cell>
        </row>
        <row r="463">
          <cell r="F463">
            <v>75115</v>
          </cell>
          <cell r="Z463" t="str">
            <v>CAPAC</v>
          </cell>
          <cell r="AN463" t="str">
            <v>MDO C&amp;M</v>
          </cell>
          <cell r="AO463" t="str">
            <v>MDO INDIANA NORTH C&amp;M</v>
          </cell>
        </row>
        <row r="464">
          <cell r="F464">
            <v>75115</v>
          </cell>
          <cell r="Z464" t="str">
            <v>CAPAC</v>
          </cell>
          <cell r="AN464" t="str">
            <v>MDO C&amp;M</v>
          </cell>
          <cell r="AO464" t="str">
            <v>MDO INDIANA NORTH C&amp;M</v>
          </cell>
        </row>
        <row r="465">
          <cell r="F465">
            <v>75115</v>
          </cell>
          <cell r="Z465" t="str">
            <v>CAPAC</v>
          </cell>
          <cell r="AN465" t="str">
            <v>MDO C&amp;M</v>
          </cell>
          <cell r="AO465" t="str">
            <v>MDO INDIANA NORTH C&amp;M</v>
          </cell>
        </row>
        <row r="466">
          <cell r="F466">
            <v>75115</v>
          </cell>
          <cell r="Z466" t="str">
            <v>CAPAC</v>
          </cell>
          <cell r="AN466" t="str">
            <v>MDO C&amp;M</v>
          </cell>
          <cell r="AO466" t="str">
            <v>MDO INDIANA NORTH C&amp;M</v>
          </cell>
        </row>
        <row r="467">
          <cell r="F467">
            <v>75115</v>
          </cell>
          <cell r="Z467" t="str">
            <v>CAPAC</v>
          </cell>
          <cell r="AN467" t="str">
            <v>MDO C&amp;M</v>
          </cell>
          <cell r="AO467" t="str">
            <v>MDO INDIANA NORTH C&amp;M</v>
          </cell>
        </row>
        <row r="468">
          <cell r="F468">
            <v>75115</v>
          </cell>
          <cell r="Z468" t="str">
            <v>CAPAC</v>
          </cell>
          <cell r="AN468" t="str">
            <v>MDO C&amp;M</v>
          </cell>
          <cell r="AO468" t="str">
            <v>MDO INDIANA NORTH C&amp;M</v>
          </cell>
        </row>
        <row r="469">
          <cell r="F469">
            <v>75115</v>
          </cell>
          <cell r="Z469" t="str">
            <v>CAPAC</v>
          </cell>
          <cell r="AN469" t="str">
            <v>MDO C&amp;M</v>
          </cell>
          <cell r="AO469" t="str">
            <v>MDO INDIANA NORTH C&amp;M</v>
          </cell>
        </row>
        <row r="470">
          <cell r="F470">
            <v>75115</v>
          </cell>
          <cell r="Z470" t="str">
            <v>CAPAC</v>
          </cell>
          <cell r="AN470" t="str">
            <v>MDO C&amp;M</v>
          </cell>
          <cell r="AO470" t="str">
            <v>MDO INDIANA NORTH C&amp;M</v>
          </cell>
        </row>
        <row r="471">
          <cell r="F471">
            <v>75115</v>
          </cell>
          <cell r="Z471" t="str">
            <v>CAPAC</v>
          </cell>
          <cell r="AN471" t="str">
            <v>MDO C&amp;M</v>
          </cell>
          <cell r="AO471" t="str">
            <v>MDO INDIANA NORTH C&amp;M</v>
          </cell>
        </row>
        <row r="472">
          <cell r="F472">
            <v>75115</v>
          </cell>
          <cell r="Z472" t="str">
            <v>CAPAC</v>
          </cell>
          <cell r="AN472" t="str">
            <v>MDO C&amp;M</v>
          </cell>
          <cell r="AO472" t="str">
            <v>MDO INDIANA NORTH C&amp;M</v>
          </cell>
        </row>
        <row r="473">
          <cell r="F473">
            <v>75115</v>
          </cell>
          <cell r="Z473" t="str">
            <v>CAPAC</v>
          </cell>
          <cell r="AN473" t="str">
            <v>MDO C&amp;M</v>
          </cell>
          <cell r="AO473" t="str">
            <v>MDO INDIANA NORTH C&amp;M</v>
          </cell>
        </row>
        <row r="474">
          <cell r="F474">
            <v>75115</v>
          </cell>
          <cell r="Z474" t="str">
            <v>CAPAC</v>
          </cell>
          <cell r="AN474" t="str">
            <v>MDO C&amp;M</v>
          </cell>
          <cell r="AO474" t="str">
            <v>MDO INDIANA NORTH C&amp;M</v>
          </cell>
        </row>
        <row r="475">
          <cell r="F475">
            <v>75115</v>
          </cell>
          <cell r="Z475" t="str">
            <v>CAPAC</v>
          </cell>
          <cell r="AN475" t="str">
            <v>MDO C&amp;M</v>
          </cell>
          <cell r="AO475" t="str">
            <v>MDO INDIANA NORTH C&amp;M</v>
          </cell>
        </row>
        <row r="476">
          <cell r="F476">
            <v>75115</v>
          </cell>
          <cell r="Z476" t="str">
            <v>CAPAC</v>
          </cell>
          <cell r="AN476" t="str">
            <v>MDO C&amp;M</v>
          </cell>
          <cell r="AO476" t="str">
            <v>MDO INDIANA NORTH C&amp;M</v>
          </cell>
        </row>
        <row r="477">
          <cell r="F477">
            <v>75115</v>
          </cell>
          <cell r="Z477" t="str">
            <v>CAPAC</v>
          </cell>
          <cell r="AN477" t="str">
            <v>MDO C&amp;M</v>
          </cell>
          <cell r="AO477" t="str">
            <v>MDO INDIANA NORTH C&amp;M</v>
          </cell>
        </row>
        <row r="478">
          <cell r="F478">
            <v>75115</v>
          </cell>
          <cell r="Z478" t="str">
            <v>CAPAC</v>
          </cell>
          <cell r="AN478" t="str">
            <v>MDO C&amp;M</v>
          </cell>
          <cell r="AO478" t="str">
            <v>MDO INDIANA NORTH C&amp;M</v>
          </cell>
        </row>
        <row r="479">
          <cell r="F479">
            <v>75115</v>
          </cell>
          <cell r="Z479" t="str">
            <v>CAPAC</v>
          </cell>
          <cell r="AN479" t="str">
            <v>MDO C&amp;M</v>
          </cell>
          <cell r="AO479" t="str">
            <v>MDO INDIANA NORTH C&amp;M</v>
          </cell>
        </row>
        <row r="480">
          <cell r="F480">
            <v>75115</v>
          </cell>
          <cell r="Z480" t="str">
            <v>CAPAC</v>
          </cell>
          <cell r="AN480" t="str">
            <v>MDO C&amp;M</v>
          </cell>
          <cell r="AO480" t="str">
            <v>MDO INDIANA NORTH C&amp;M</v>
          </cell>
        </row>
        <row r="481">
          <cell r="F481">
            <v>75115</v>
          </cell>
          <cell r="Z481" t="str">
            <v>CAPAC</v>
          </cell>
          <cell r="AN481" t="str">
            <v>MDO C&amp;M</v>
          </cell>
          <cell r="AO481" t="str">
            <v>MDO INDIANA NORTH C&amp;M</v>
          </cell>
        </row>
        <row r="482">
          <cell r="F482">
            <v>75115</v>
          </cell>
          <cell r="Z482" t="str">
            <v>CAPAC</v>
          </cell>
          <cell r="AN482" t="str">
            <v>MDO C&amp;M</v>
          </cell>
          <cell r="AO482" t="str">
            <v>MDO INDIANA NORTH C&amp;M</v>
          </cell>
        </row>
        <row r="483">
          <cell r="F483">
            <v>75115</v>
          </cell>
          <cell r="Z483" t="str">
            <v>CAPAC</v>
          </cell>
          <cell r="AN483" t="str">
            <v>MDO C&amp;M</v>
          </cell>
          <cell r="AO483" t="str">
            <v>MDO INDIANA NORTH C&amp;M</v>
          </cell>
        </row>
        <row r="484">
          <cell r="F484">
            <v>75115</v>
          </cell>
          <cell r="Z484" t="str">
            <v>CAPAC</v>
          </cell>
          <cell r="AN484" t="str">
            <v>MDO C&amp;M</v>
          </cell>
          <cell r="AO484" t="str">
            <v>MDO INDIANA NORTH C&amp;M</v>
          </cell>
        </row>
        <row r="485">
          <cell r="F485">
            <v>75115</v>
          </cell>
          <cell r="Z485" t="str">
            <v>CAPAC</v>
          </cell>
          <cell r="AN485" t="str">
            <v>MDO C&amp;M</v>
          </cell>
          <cell r="AO485" t="str">
            <v>MDO INDIANA NORTH C&amp;M</v>
          </cell>
        </row>
        <row r="486">
          <cell r="F486">
            <v>75115</v>
          </cell>
          <cell r="Z486" t="str">
            <v>CAPAC</v>
          </cell>
          <cell r="AN486" t="str">
            <v>MDO C&amp;M</v>
          </cell>
          <cell r="AO486" t="str">
            <v>MDO INDIANA NORTH C&amp;M</v>
          </cell>
        </row>
        <row r="487">
          <cell r="F487">
            <v>75115</v>
          </cell>
          <cell r="Z487" t="str">
            <v>CAPAC</v>
          </cell>
          <cell r="AN487" t="str">
            <v>MDO C&amp;M</v>
          </cell>
          <cell r="AO487" t="str">
            <v>MDO INDIANA NORTH C&amp;M</v>
          </cell>
        </row>
        <row r="488">
          <cell r="F488">
            <v>75115</v>
          </cell>
          <cell r="Z488" t="str">
            <v>CAPAC</v>
          </cell>
          <cell r="AN488" t="str">
            <v>MDO C&amp;M</v>
          </cell>
          <cell r="AO488" t="str">
            <v>MDO INDIANA NORTH C&amp;M</v>
          </cell>
        </row>
        <row r="489">
          <cell r="F489">
            <v>75115</v>
          </cell>
          <cell r="Z489" t="str">
            <v>CAPAC</v>
          </cell>
          <cell r="AN489" t="str">
            <v>MDO C&amp;M</v>
          </cell>
          <cell r="AO489" t="str">
            <v>MDO INDIANA NORTH C&amp;M</v>
          </cell>
        </row>
        <row r="490">
          <cell r="F490">
            <v>75115</v>
          </cell>
          <cell r="Z490" t="str">
            <v>CAPAC</v>
          </cell>
          <cell r="AN490" t="str">
            <v>MDO C&amp;M</v>
          </cell>
          <cell r="AO490" t="str">
            <v>MDO INDIANA NORTH C&amp;M</v>
          </cell>
        </row>
        <row r="491">
          <cell r="F491">
            <v>75115</v>
          </cell>
          <cell r="Z491" t="str">
            <v>CAPAC</v>
          </cell>
          <cell r="AN491" t="str">
            <v>MDO C&amp;M</v>
          </cell>
          <cell r="AO491" t="str">
            <v>MDO INDIANA NORTH C&amp;M</v>
          </cell>
        </row>
        <row r="492">
          <cell r="F492">
            <v>75115</v>
          </cell>
          <cell r="Z492" t="str">
            <v>CAPAC</v>
          </cell>
          <cell r="AN492" t="str">
            <v>MDO C&amp;M</v>
          </cell>
          <cell r="AO492" t="str">
            <v>MDO INDIANA NORTH C&amp;M</v>
          </cell>
        </row>
        <row r="493">
          <cell r="F493">
            <v>75115</v>
          </cell>
          <cell r="Z493" t="str">
            <v>CAPAC</v>
          </cell>
          <cell r="AN493" t="str">
            <v>MDO C&amp;M</v>
          </cell>
          <cell r="AO493" t="str">
            <v>MDO INDIANA NORTH C&amp;M</v>
          </cell>
        </row>
        <row r="494">
          <cell r="F494">
            <v>75115</v>
          </cell>
          <cell r="Z494" t="str">
            <v>CAPAC</v>
          </cell>
          <cell r="AN494" t="str">
            <v>MDO C&amp;M</v>
          </cell>
          <cell r="AO494" t="str">
            <v>MDO INDIANA NORTH C&amp;M</v>
          </cell>
        </row>
        <row r="495">
          <cell r="F495">
            <v>75115</v>
          </cell>
          <cell r="Z495" t="str">
            <v>CAPAC</v>
          </cell>
          <cell r="AN495" t="str">
            <v>MDO C&amp;M</v>
          </cell>
          <cell r="AO495" t="str">
            <v>MDO INDIANA NORTH C&amp;M</v>
          </cell>
        </row>
        <row r="496">
          <cell r="F496">
            <v>75115</v>
          </cell>
          <cell r="Z496" t="str">
            <v>CAPAC</v>
          </cell>
          <cell r="AN496" t="str">
            <v>MDO C&amp;M</v>
          </cell>
          <cell r="AO496" t="str">
            <v>MDO INDIANA NORTH C&amp;M</v>
          </cell>
        </row>
        <row r="497">
          <cell r="F497">
            <v>75115</v>
          </cell>
          <cell r="Z497" t="str">
            <v>CAPAC</v>
          </cell>
          <cell r="AN497" t="str">
            <v>MDO C&amp;M</v>
          </cell>
          <cell r="AO497" t="str">
            <v>MDO INDIANA NORTH C&amp;M</v>
          </cell>
        </row>
        <row r="498">
          <cell r="F498">
            <v>75115</v>
          </cell>
          <cell r="Z498" t="str">
            <v>CAPAC</v>
          </cell>
          <cell r="AN498" t="str">
            <v>MDO C&amp;M</v>
          </cell>
          <cell r="AO498" t="str">
            <v>MDO INDIANA NORTH C&amp;M</v>
          </cell>
        </row>
        <row r="499">
          <cell r="F499">
            <v>75115</v>
          </cell>
          <cell r="Z499" t="str">
            <v>CAPAC</v>
          </cell>
          <cell r="AN499" t="str">
            <v>MDO C&amp;M</v>
          </cell>
          <cell r="AO499" t="str">
            <v>MDO INDIANA NORTH C&amp;M</v>
          </cell>
        </row>
        <row r="500">
          <cell r="F500">
            <v>75115</v>
          </cell>
          <cell r="Z500" t="str">
            <v>CAPAC</v>
          </cell>
          <cell r="AN500" t="str">
            <v>MDO C&amp;M</v>
          </cell>
          <cell r="AO500" t="str">
            <v>MDO INDIANA NORTH C&amp;M</v>
          </cell>
        </row>
        <row r="501">
          <cell r="F501">
            <v>75115</v>
          </cell>
          <cell r="Z501" t="str">
            <v>CAPAC</v>
          </cell>
          <cell r="AN501" t="str">
            <v>MDO C&amp;M</v>
          </cell>
          <cell r="AO501" t="str">
            <v>MDO INDIANA NORTH C&amp;M</v>
          </cell>
        </row>
        <row r="502">
          <cell r="F502">
            <v>75115</v>
          </cell>
          <cell r="Z502" t="str">
            <v>CAPAC</v>
          </cell>
          <cell r="AN502" t="str">
            <v>MDO C&amp;M</v>
          </cell>
          <cell r="AO502" t="str">
            <v>MDO INDIANA NORTH C&amp;M</v>
          </cell>
        </row>
        <row r="503">
          <cell r="F503">
            <v>75115</v>
          </cell>
          <cell r="Z503" t="str">
            <v>CAPAC</v>
          </cell>
          <cell r="AN503" t="str">
            <v>MDO C&amp;M</v>
          </cell>
          <cell r="AO503" t="str">
            <v>MDO INDIANA NORTH C&amp;M</v>
          </cell>
        </row>
        <row r="504">
          <cell r="F504">
            <v>75115</v>
          </cell>
          <cell r="Z504" t="str">
            <v>CAPAC</v>
          </cell>
          <cell r="AN504" t="str">
            <v>MDO C&amp;M</v>
          </cell>
          <cell r="AO504" t="str">
            <v>MDO INDIANA NORTH C&amp;M</v>
          </cell>
        </row>
        <row r="505">
          <cell r="F505">
            <v>75115</v>
          </cell>
          <cell r="Z505" t="str">
            <v>CAPAC</v>
          </cell>
          <cell r="AN505" t="str">
            <v>MDO C&amp;M</v>
          </cell>
          <cell r="AO505" t="str">
            <v>MDO INDIANA NORTH C&amp;M</v>
          </cell>
        </row>
        <row r="506">
          <cell r="F506">
            <v>75115</v>
          </cell>
          <cell r="Z506" t="str">
            <v>CAPAC</v>
          </cell>
          <cell r="AN506" t="str">
            <v>MDO C&amp;M</v>
          </cell>
          <cell r="AO506" t="str">
            <v>MDO INDIANA NORTH C&amp;M</v>
          </cell>
        </row>
        <row r="507">
          <cell r="F507">
            <v>75115</v>
          </cell>
          <cell r="Z507" t="str">
            <v>CAPAC</v>
          </cell>
          <cell r="AN507" t="str">
            <v>MDO C&amp;M</v>
          </cell>
          <cell r="AO507" t="str">
            <v>MDO INDIANA NORTH C&amp;M</v>
          </cell>
        </row>
        <row r="508">
          <cell r="F508">
            <v>75115</v>
          </cell>
          <cell r="Z508" t="str">
            <v>CAPAC</v>
          </cell>
          <cell r="AN508" t="str">
            <v>MDO C&amp;M</v>
          </cell>
          <cell r="AO508" t="str">
            <v>MDO INDIANA NORTH C&amp;M</v>
          </cell>
        </row>
        <row r="509">
          <cell r="F509">
            <v>75115</v>
          </cell>
          <cell r="Z509" t="str">
            <v>CAPAC</v>
          </cell>
          <cell r="AN509" t="str">
            <v>MDO C&amp;M</v>
          </cell>
          <cell r="AO509" t="str">
            <v>MDO INDIANA NORTH C&amp;M</v>
          </cell>
        </row>
        <row r="510">
          <cell r="F510">
            <v>75023</v>
          </cell>
          <cell r="Z510" t="str">
            <v>VOLTSURV</v>
          </cell>
          <cell r="AN510" t="str">
            <v>MDO C&amp;M</v>
          </cell>
          <cell r="AO510" t="str">
            <v>MDO OH/KEN C&amp;M</v>
          </cell>
        </row>
        <row r="511">
          <cell r="F511">
            <v>75023</v>
          </cell>
          <cell r="Z511" t="str">
            <v>SMEICUST</v>
          </cell>
          <cell r="AN511" t="str">
            <v>MDO C&amp;M</v>
          </cell>
          <cell r="AO511" t="str">
            <v>MDO OH/KEN C&amp;M</v>
          </cell>
        </row>
        <row r="512">
          <cell r="F512">
            <v>75023</v>
          </cell>
          <cell r="Z512" t="str">
            <v>SMEICUST</v>
          </cell>
          <cell r="AN512" t="str">
            <v>MDO C&amp;M</v>
          </cell>
          <cell r="AO512" t="str">
            <v>MDO OH/KEN C&amp;M</v>
          </cell>
        </row>
        <row r="513">
          <cell r="F513">
            <v>75023</v>
          </cell>
          <cell r="Z513" t="str">
            <v>SMEICUST</v>
          </cell>
          <cell r="AN513" t="str">
            <v>MDO C&amp;M</v>
          </cell>
          <cell r="AO513" t="str">
            <v>MDO OH/KEN C&amp;M</v>
          </cell>
        </row>
        <row r="514">
          <cell r="F514">
            <v>75023</v>
          </cell>
          <cell r="Z514" t="str">
            <v>SMEICUST</v>
          </cell>
          <cell r="AN514" t="str">
            <v>MDO C&amp;M</v>
          </cell>
          <cell r="AO514" t="str">
            <v>MDO OH/KEN C&amp;M</v>
          </cell>
        </row>
        <row r="515">
          <cell r="F515">
            <v>75023</v>
          </cell>
          <cell r="Z515" t="str">
            <v>SMEICUST</v>
          </cell>
          <cell r="AN515" t="str">
            <v>MDO C&amp;M</v>
          </cell>
          <cell r="AO515" t="str">
            <v>MDO OH/KEN C&amp;M</v>
          </cell>
        </row>
        <row r="516">
          <cell r="F516">
            <v>75023</v>
          </cell>
          <cell r="Z516" t="str">
            <v>SMEICUST</v>
          </cell>
          <cell r="AN516" t="str">
            <v>MDO C&amp;M</v>
          </cell>
          <cell r="AO516" t="str">
            <v>MDO OH/KEN C&amp;M</v>
          </cell>
        </row>
        <row r="517">
          <cell r="F517">
            <v>75023</v>
          </cell>
          <cell r="Z517" t="str">
            <v>SMEICUST</v>
          </cell>
          <cell r="AN517" t="str">
            <v>MDO C&amp;M</v>
          </cell>
          <cell r="AO517" t="str">
            <v>MDO OH/KEN C&amp;M</v>
          </cell>
        </row>
        <row r="518">
          <cell r="F518">
            <v>75084</v>
          </cell>
          <cell r="Z518" t="str">
            <v>SMEICUST</v>
          </cell>
          <cell r="AN518" t="str">
            <v>MDO C&amp;M</v>
          </cell>
          <cell r="AO518" t="str">
            <v>MDO OH/KEN C&amp;M</v>
          </cell>
        </row>
        <row r="519">
          <cell r="F519">
            <v>75084</v>
          </cell>
          <cell r="Z519" t="str">
            <v>SMEICUST</v>
          </cell>
          <cell r="AN519" t="str">
            <v>MDO C&amp;M</v>
          </cell>
          <cell r="AO519" t="str">
            <v>MDO OH/KEN C&amp;M</v>
          </cell>
        </row>
        <row r="520">
          <cell r="F520">
            <v>75084</v>
          </cell>
          <cell r="Z520" t="str">
            <v>SMEICUST</v>
          </cell>
          <cell r="AN520" t="str">
            <v>MDO C&amp;M</v>
          </cell>
          <cell r="AO520" t="str">
            <v>MDO OH/KEN C&amp;M</v>
          </cell>
        </row>
        <row r="521">
          <cell r="F521">
            <v>75084</v>
          </cell>
          <cell r="Z521" t="str">
            <v>SMEICUST</v>
          </cell>
          <cell r="AN521" t="str">
            <v>MDO C&amp;M</v>
          </cell>
          <cell r="AO521" t="str">
            <v>MDO OH/KEN C&amp;M</v>
          </cell>
        </row>
        <row r="522">
          <cell r="F522">
            <v>75084</v>
          </cell>
          <cell r="Z522" t="str">
            <v>SMEICUST</v>
          </cell>
          <cell r="AN522" t="str">
            <v>MDO C&amp;M</v>
          </cell>
          <cell r="AO522" t="str">
            <v>MDO OH/KEN C&amp;M</v>
          </cell>
        </row>
        <row r="523">
          <cell r="F523">
            <v>75084</v>
          </cell>
          <cell r="Z523" t="str">
            <v>SMEICUST</v>
          </cell>
          <cell r="AN523" t="str">
            <v>MDO C&amp;M</v>
          </cell>
          <cell r="AO523" t="str">
            <v>MDO OH/KEN C&amp;M</v>
          </cell>
        </row>
        <row r="524">
          <cell r="F524">
            <v>75084</v>
          </cell>
          <cell r="Z524" t="str">
            <v>SMEICUST</v>
          </cell>
          <cell r="AN524" t="str">
            <v>MDO C&amp;M</v>
          </cell>
          <cell r="AO524" t="str">
            <v>MDO OH/KEN C&amp;M</v>
          </cell>
        </row>
        <row r="525">
          <cell r="F525">
            <v>75023</v>
          </cell>
          <cell r="Z525" t="str">
            <v>POTHTERM</v>
          </cell>
          <cell r="AN525" t="str">
            <v>MDO C&amp;M</v>
          </cell>
          <cell r="AO525" t="str">
            <v>MDO OH/KEN C&amp;M</v>
          </cell>
        </row>
        <row r="526">
          <cell r="F526">
            <v>75023</v>
          </cell>
          <cell r="Z526" t="str">
            <v>POTHTERM</v>
          </cell>
          <cell r="AN526" t="str">
            <v>MDO C&amp;M</v>
          </cell>
          <cell r="AO526" t="str">
            <v>MDO OH/KEN C&amp;M</v>
          </cell>
        </row>
        <row r="527">
          <cell r="F527">
            <v>75023</v>
          </cell>
          <cell r="Z527" t="str">
            <v>POTHTERM</v>
          </cell>
          <cell r="AN527" t="str">
            <v>MDO C&amp;M</v>
          </cell>
          <cell r="AO527" t="str">
            <v>MDO OH/KEN C&amp;M</v>
          </cell>
        </row>
        <row r="528">
          <cell r="F528">
            <v>75023</v>
          </cell>
          <cell r="Z528" t="str">
            <v>POTHTERM</v>
          </cell>
          <cell r="AN528" t="str">
            <v>MDO C&amp;M</v>
          </cell>
          <cell r="AO528" t="str">
            <v>MDO OH/KEN C&amp;M</v>
          </cell>
        </row>
        <row r="529">
          <cell r="F529">
            <v>75023</v>
          </cell>
          <cell r="Z529" t="str">
            <v>POTHTERM</v>
          </cell>
          <cell r="AN529" t="str">
            <v>MDO C&amp;M</v>
          </cell>
          <cell r="AO529" t="str">
            <v>MDO OH/KEN C&amp;M</v>
          </cell>
        </row>
        <row r="530">
          <cell r="F530">
            <v>75084</v>
          </cell>
          <cell r="Z530" t="str">
            <v>POTHTERM</v>
          </cell>
          <cell r="AN530" t="str">
            <v>MDO C&amp;M</v>
          </cell>
          <cell r="AO530" t="str">
            <v>MDO OH/KEN C&amp;M</v>
          </cell>
        </row>
        <row r="531">
          <cell r="F531">
            <v>75084</v>
          </cell>
          <cell r="Z531" t="str">
            <v>POTHTERM</v>
          </cell>
          <cell r="AN531" t="str">
            <v>MDO C&amp;M</v>
          </cell>
          <cell r="AO531" t="str">
            <v>MDO OH/KEN C&amp;M</v>
          </cell>
        </row>
        <row r="532">
          <cell r="F532">
            <v>75084</v>
          </cell>
          <cell r="Z532" t="str">
            <v>POTHTERM</v>
          </cell>
          <cell r="AN532" t="str">
            <v>MDO C&amp;M</v>
          </cell>
          <cell r="AO532" t="str">
            <v>MDO OH/KEN C&amp;M</v>
          </cell>
        </row>
        <row r="533">
          <cell r="F533">
            <v>75084</v>
          </cell>
          <cell r="Z533" t="str">
            <v>POTHTERM</v>
          </cell>
          <cell r="AN533" t="str">
            <v>MDO C&amp;M</v>
          </cell>
          <cell r="AO533" t="str">
            <v>MDO OH/KEN C&amp;M</v>
          </cell>
        </row>
        <row r="534">
          <cell r="F534">
            <v>75084</v>
          </cell>
          <cell r="Z534" t="str">
            <v>POTHTERM</v>
          </cell>
          <cell r="AN534" t="str">
            <v>MDO C&amp;M</v>
          </cell>
          <cell r="AO534" t="str">
            <v>MDO OH/KEN C&amp;M</v>
          </cell>
        </row>
        <row r="535">
          <cell r="F535">
            <v>75023</v>
          </cell>
          <cell r="Z535" t="str">
            <v>RECBAT</v>
          </cell>
          <cell r="AN535" t="str">
            <v>MDO C&amp;M</v>
          </cell>
          <cell r="AO535" t="str">
            <v>MDO OH/KEN C&amp;M</v>
          </cell>
        </row>
        <row r="536">
          <cell r="F536">
            <v>75115</v>
          </cell>
          <cell r="Z536" t="str">
            <v>RECBAT</v>
          </cell>
          <cell r="AN536" t="str">
            <v>MDO C&amp;M</v>
          </cell>
          <cell r="AO536" t="str">
            <v>MDO INDIANA NORTH C&amp;M</v>
          </cell>
        </row>
        <row r="537">
          <cell r="F537">
            <v>75115</v>
          </cell>
          <cell r="Z537" t="str">
            <v>RECBAT</v>
          </cell>
          <cell r="AN537" t="str">
            <v>MDO C&amp;M</v>
          </cell>
          <cell r="AO537" t="str">
            <v>MDO INDIANA NORTH C&amp;M</v>
          </cell>
        </row>
        <row r="538">
          <cell r="F538">
            <v>75115</v>
          </cell>
          <cell r="Z538" t="str">
            <v>RECBAT</v>
          </cell>
          <cell r="AN538" t="str">
            <v>MDO C&amp;M</v>
          </cell>
          <cell r="AO538" t="str">
            <v>MDO INDIANA NORTH C&amp;M</v>
          </cell>
        </row>
        <row r="539">
          <cell r="F539">
            <v>75115</v>
          </cell>
          <cell r="Z539" t="str">
            <v>EQINS</v>
          </cell>
          <cell r="AN539" t="str">
            <v>MDO C&amp;M</v>
          </cell>
          <cell r="AO539" t="str">
            <v>MDO INDIANA SOUTHWEST C&amp;M</v>
          </cell>
        </row>
        <row r="540">
          <cell r="F540">
            <v>75115</v>
          </cell>
          <cell r="Z540" t="str">
            <v>EQINS</v>
          </cell>
          <cell r="AN540" t="str">
            <v>MDO C&amp;M</v>
          </cell>
          <cell r="AO540" t="str">
            <v>MDO INDIANA SOUTHWEST C&amp;M</v>
          </cell>
        </row>
        <row r="541">
          <cell r="F541">
            <v>75023</v>
          </cell>
          <cell r="Z541" t="str">
            <v>GLFUD</v>
          </cell>
          <cell r="AN541" t="str">
            <v>MDO C&amp;M</v>
          </cell>
          <cell r="AO541" t="str">
            <v>MDO OH/KEN C&amp;M</v>
          </cell>
        </row>
        <row r="542">
          <cell r="F542">
            <v>75023</v>
          </cell>
          <cell r="Z542" t="str">
            <v>GLFUD</v>
          </cell>
          <cell r="AN542" t="str">
            <v>MDO C&amp;M</v>
          </cell>
          <cell r="AO542" t="str">
            <v>MDO OH/KEN C&amp;M</v>
          </cell>
        </row>
        <row r="543">
          <cell r="F543">
            <v>75023</v>
          </cell>
          <cell r="Z543" t="str">
            <v>GLFUD</v>
          </cell>
          <cell r="AN543" t="str">
            <v>MDO C&amp;M</v>
          </cell>
          <cell r="AO543" t="str">
            <v>MDO OH/KEN C&amp;M</v>
          </cell>
        </row>
        <row r="544">
          <cell r="F544">
            <v>75023</v>
          </cell>
          <cell r="Z544" t="str">
            <v>GLFUD</v>
          </cell>
          <cell r="AN544" t="str">
            <v>MDO C&amp;M</v>
          </cell>
          <cell r="AO544" t="str">
            <v>MDO OH/KEN C&amp;M</v>
          </cell>
        </row>
        <row r="545">
          <cell r="F545">
            <v>75023</v>
          </cell>
          <cell r="Z545" t="str">
            <v>GLFUD</v>
          </cell>
          <cell r="AN545" t="str">
            <v>MDO C&amp;M</v>
          </cell>
          <cell r="AO545" t="str">
            <v>MDO OH/KEN C&amp;M</v>
          </cell>
        </row>
        <row r="546">
          <cell r="F546">
            <v>75023</v>
          </cell>
          <cell r="Z546" t="str">
            <v>GLFUD</v>
          </cell>
          <cell r="AN546" t="str">
            <v>MDO C&amp;M</v>
          </cell>
          <cell r="AO546" t="str">
            <v>MDO OH/KEN C&amp;M</v>
          </cell>
        </row>
        <row r="547">
          <cell r="F547">
            <v>75023</v>
          </cell>
          <cell r="Z547" t="str">
            <v>GLFUD</v>
          </cell>
          <cell r="AN547" t="str">
            <v>MDO C&amp;M</v>
          </cell>
          <cell r="AO547" t="str">
            <v>MDO OH/KEN C&amp;M</v>
          </cell>
        </row>
        <row r="548">
          <cell r="F548">
            <v>75023</v>
          </cell>
          <cell r="Z548" t="str">
            <v>GLFUD</v>
          </cell>
          <cell r="AN548" t="str">
            <v>MDO C&amp;M</v>
          </cell>
          <cell r="AO548" t="str">
            <v>MDO OH/KEN C&amp;M</v>
          </cell>
        </row>
        <row r="549">
          <cell r="F549">
            <v>75023</v>
          </cell>
          <cell r="Z549" t="str">
            <v>GLFUD</v>
          </cell>
          <cell r="AN549" t="str">
            <v>MDO C&amp;M</v>
          </cell>
          <cell r="AO549" t="str">
            <v>MDO OH/KEN C&amp;M</v>
          </cell>
        </row>
        <row r="550">
          <cell r="F550">
            <v>75023</v>
          </cell>
          <cell r="Z550" t="str">
            <v>GLFUD</v>
          </cell>
          <cell r="AN550" t="str">
            <v>MDO C&amp;M</v>
          </cell>
          <cell r="AO550" t="str">
            <v>MDO OH/KEN C&amp;M</v>
          </cell>
        </row>
        <row r="551">
          <cell r="F551">
            <v>75023</v>
          </cell>
          <cell r="Z551" t="str">
            <v>GLFUD</v>
          </cell>
          <cell r="AN551" t="str">
            <v>MDO C&amp;M</v>
          </cell>
          <cell r="AO551" t="str">
            <v>MDO OH/KEN C&amp;M</v>
          </cell>
        </row>
        <row r="552">
          <cell r="F552">
            <v>75023</v>
          </cell>
          <cell r="Z552" t="str">
            <v>GLFUD</v>
          </cell>
          <cell r="AN552" t="str">
            <v>MDO C&amp;M</v>
          </cell>
          <cell r="AO552" t="str">
            <v>MDO OH/KEN C&amp;M</v>
          </cell>
        </row>
        <row r="553">
          <cell r="F553">
            <v>75023</v>
          </cell>
          <cell r="Z553" t="str">
            <v>GLFUD</v>
          </cell>
          <cell r="AN553" t="str">
            <v>MDO C&amp;M</v>
          </cell>
          <cell r="AO553" t="str">
            <v>MDO OH/KEN C&amp;M</v>
          </cell>
        </row>
        <row r="554">
          <cell r="F554">
            <v>75023</v>
          </cell>
          <cell r="Z554" t="str">
            <v>GLFUD</v>
          </cell>
          <cell r="AN554" t="str">
            <v>MDO C&amp;M</v>
          </cell>
          <cell r="AO554" t="str">
            <v>MDO OH/KEN C&amp;M</v>
          </cell>
        </row>
        <row r="555">
          <cell r="F555">
            <v>75023</v>
          </cell>
          <cell r="Z555" t="str">
            <v>GLFUD</v>
          </cell>
          <cell r="AN555" t="str">
            <v>MDO C&amp;M</v>
          </cell>
          <cell r="AO555" t="str">
            <v>MDO OH/KEN C&amp;M</v>
          </cell>
        </row>
        <row r="556">
          <cell r="F556">
            <v>75023</v>
          </cell>
          <cell r="Z556" t="str">
            <v>GLFUD</v>
          </cell>
          <cell r="AN556" t="str">
            <v>MDO C&amp;M</v>
          </cell>
          <cell r="AO556" t="str">
            <v>MDO OH/KEN C&amp;M</v>
          </cell>
        </row>
        <row r="557">
          <cell r="F557">
            <v>75023</v>
          </cell>
          <cell r="Z557" t="str">
            <v>GLFUD</v>
          </cell>
          <cell r="AN557" t="str">
            <v>MDO C&amp;M</v>
          </cell>
          <cell r="AO557" t="str">
            <v>MDO OH/KEN C&amp;M</v>
          </cell>
        </row>
        <row r="558">
          <cell r="F558">
            <v>75023</v>
          </cell>
          <cell r="Z558" t="str">
            <v>GLFUD</v>
          </cell>
          <cell r="AN558" t="str">
            <v>MDO C&amp;M</v>
          </cell>
          <cell r="AO558" t="str">
            <v>MDO OH/KEN C&amp;M</v>
          </cell>
        </row>
        <row r="559">
          <cell r="F559">
            <v>75023</v>
          </cell>
          <cell r="Z559" t="str">
            <v>GLFUD</v>
          </cell>
          <cell r="AN559" t="str">
            <v>MDO C&amp;M</v>
          </cell>
          <cell r="AO559" t="str">
            <v>MDO OH/KEN C&amp;M</v>
          </cell>
        </row>
        <row r="560">
          <cell r="F560">
            <v>75023</v>
          </cell>
          <cell r="Z560" t="str">
            <v>GLFUD</v>
          </cell>
          <cell r="AN560" t="str">
            <v>MDO C&amp;M</v>
          </cell>
          <cell r="AO560" t="str">
            <v>MDO OH/KEN C&amp;M</v>
          </cell>
        </row>
        <row r="561">
          <cell r="F561">
            <v>75023</v>
          </cell>
          <cell r="Z561" t="str">
            <v>GLFUD</v>
          </cell>
          <cell r="AN561" t="str">
            <v>MDO C&amp;M</v>
          </cell>
          <cell r="AO561" t="str">
            <v>MDO OH/KEN C&amp;M</v>
          </cell>
        </row>
        <row r="562">
          <cell r="F562">
            <v>75023</v>
          </cell>
          <cell r="Z562" t="str">
            <v>GLFUD</v>
          </cell>
          <cell r="AN562" t="str">
            <v>MDO C&amp;M</v>
          </cell>
          <cell r="AO562" t="str">
            <v>MDO OH/KEN C&amp;M</v>
          </cell>
        </row>
        <row r="563">
          <cell r="F563">
            <v>75023</v>
          </cell>
          <cell r="Z563" t="str">
            <v>GLFUD</v>
          </cell>
          <cell r="AN563" t="str">
            <v>MDO C&amp;M</v>
          </cell>
          <cell r="AO563" t="str">
            <v>MDO OH/KEN C&amp;M</v>
          </cell>
        </row>
        <row r="564">
          <cell r="F564">
            <v>75023</v>
          </cell>
          <cell r="Z564" t="str">
            <v>GLFUD</v>
          </cell>
          <cell r="AN564" t="str">
            <v>MDO C&amp;M</v>
          </cell>
          <cell r="AO564" t="str">
            <v>MDO OH/KEN C&amp;M</v>
          </cell>
        </row>
        <row r="565">
          <cell r="F565">
            <v>75023</v>
          </cell>
          <cell r="Z565" t="str">
            <v>GLFUD</v>
          </cell>
          <cell r="AN565" t="str">
            <v>MDO C&amp;M</v>
          </cell>
          <cell r="AO565" t="str">
            <v>MDO OH/KEN C&amp;M</v>
          </cell>
        </row>
        <row r="566">
          <cell r="F566">
            <v>75023</v>
          </cell>
          <cell r="Z566" t="str">
            <v>GLFUD</v>
          </cell>
          <cell r="AN566" t="str">
            <v>MDO C&amp;M</v>
          </cell>
          <cell r="AO566" t="str">
            <v>MDO OH/KEN C&amp;M</v>
          </cell>
        </row>
        <row r="567">
          <cell r="F567">
            <v>75023</v>
          </cell>
          <cell r="Z567" t="str">
            <v>GLFUD</v>
          </cell>
          <cell r="AN567" t="str">
            <v>MDO C&amp;M</v>
          </cell>
          <cell r="AO567" t="str">
            <v>MDO OH/KEN C&amp;M</v>
          </cell>
        </row>
        <row r="568">
          <cell r="F568">
            <v>75023</v>
          </cell>
          <cell r="Z568" t="str">
            <v>GLFUD</v>
          </cell>
          <cell r="AN568" t="str">
            <v>MDO C&amp;M</v>
          </cell>
          <cell r="AO568" t="str">
            <v>MDO OH/KEN C&amp;M</v>
          </cell>
        </row>
        <row r="569">
          <cell r="F569">
            <v>75023</v>
          </cell>
          <cell r="Z569" t="str">
            <v>GLFUD</v>
          </cell>
          <cell r="AN569" t="str">
            <v>MDO C&amp;M</v>
          </cell>
          <cell r="AO569" t="str">
            <v>MDO OH/KEN C&amp;M</v>
          </cell>
        </row>
        <row r="570">
          <cell r="F570">
            <v>75023</v>
          </cell>
          <cell r="Z570" t="str">
            <v>GLFUD</v>
          </cell>
          <cell r="AN570" t="str">
            <v>MDO C&amp;M</v>
          </cell>
          <cell r="AO570" t="str">
            <v>MDO OH/KEN C&amp;M</v>
          </cell>
        </row>
        <row r="571">
          <cell r="F571">
            <v>75023</v>
          </cell>
          <cell r="Z571" t="str">
            <v>GLFUD</v>
          </cell>
          <cell r="AN571" t="str">
            <v>MDO C&amp;M</v>
          </cell>
          <cell r="AO571" t="str">
            <v>MDO OH/KEN C&amp;M</v>
          </cell>
        </row>
        <row r="572">
          <cell r="F572">
            <v>75023</v>
          </cell>
          <cell r="Z572" t="str">
            <v>GLFUD</v>
          </cell>
          <cell r="AN572" t="str">
            <v>MDO C&amp;M</v>
          </cell>
          <cell r="AO572" t="str">
            <v>MDO OH/KEN C&amp;M</v>
          </cell>
        </row>
        <row r="573">
          <cell r="F573">
            <v>75023</v>
          </cell>
          <cell r="Z573" t="str">
            <v>GLFUD</v>
          </cell>
          <cell r="AN573" t="str">
            <v>MDO C&amp;M</v>
          </cell>
          <cell r="AO573" t="str">
            <v>MDO OH/KEN C&amp;M</v>
          </cell>
        </row>
        <row r="574">
          <cell r="F574">
            <v>75023</v>
          </cell>
          <cell r="Z574" t="str">
            <v>GLFUD</v>
          </cell>
          <cell r="AN574" t="str">
            <v>MDO C&amp;M</v>
          </cell>
          <cell r="AO574" t="str">
            <v>MDO OH/KEN C&amp;M</v>
          </cell>
        </row>
        <row r="575">
          <cell r="F575">
            <v>75023</v>
          </cell>
          <cell r="Z575" t="str">
            <v>GLFUD</v>
          </cell>
          <cell r="AN575" t="str">
            <v>MDO C&amp;M</v>
          </cell>
          <cell r="AO575" t="str">
            <v>MDO OH/KEN C&amp;M</v>
          </cell>
        </row>
        <row r="576">
          <cell r="F576">
            <v>75023</v>
          </cell>
          <cell r="Z576" t="str">
            <v>GLFUD</v>
          </cell>
          <cell r="AN576" t="str">
            <v>MDO C&amp;M</v>
          </cell>
          <cell r="AO576" t="str">
            <v>MDO OH/KEN C&amp;M</v>
          </cell>
        </row>
        <row r="577">
          <cell r="F577">
            <v>75023</v>
          </cell>
          <cell r="Z577" t="str">
            <v>GLFUD</v>
          </cell>
          <cell r="AN577" t="str">
            <v>MDO C&amp;M</v>
          </cell>
          <cell r="AO577" t="str">
            <v>MDO OH/KEN C&amp;M</v>
          </cell>
        </row>
        <row r="578">
          <cell r="F578">
            <v>75023</v>
          </cell>
          <cell r="Z578" t="str">
            <v>GLFUD</v>
          </cell>
          <cell r="AN578" t="str">
            <v>MDO C&amp;M</v>
          </cell>
          <cell r="AO578" t="str">
            <v>MDO OH/KEN C&amp;M</v>
          </cell>
        </row>
        <row r="579">
          <cell r="F579">
            <v>75023</v>
          </cell>
          <cell r="Z579" t="str">
            <v>GLFUD</v>
          </cell>
          <cell r="AN579" t="str">
            <v>MDO C&amp;M</v>
          </cell>
          <cell r="AO579" t="str">
            <v>MDO OH/KEN C&amp;M</v>
          </cell>
        </row>
        <row r="580">
          <cell r="F580">
            <v>75023</v>
          </cell>
          <cell r="Z580" t="str">
            <v>GLFUD</v>
          </cell>
          <cell r="AN580" t="str">
            <v>MDO C&amp;M</v>
          </cell>
          <cell r="AO580" t="str">
            <v>MDO OH/KEN C&amp;M</v>
          </cell>
        </row>
        <row r="581">
          <cell r="F581">
            <v>75023</v>
          </cell>
          <cell r="Z581" t="str">
            <v>GLFUD</v>
          </cell>
          <cell r="AN581" t="str">
            <v>MDO C&amp;M</v>
          </cell>
          <cell r="AO581" t="str">
            <v>MDO OH/KEN C&amp;M</v>
          </cell>
        </row>
        <row r="582">
          <cell r="F582">
            <v>75023</v>
          </cell>
          <cell r="Z582" t="str">
            <v>GLFUD</v>
          </cell>
          <cell r="AN582" t="str">
            <v>MDO C&amp;M</v>
          </cell>
          <cell r="AO582" t="str">
            <v>MDO OH/KEN C&amp;M</v>
          </cell>
        </row>
        <row r="583">
          <cell r="F583">
            <v>75023</v>
          </cell>
          <cell r="Z583" t="str">
            <v>GLFUD</v>
          </cell>
          <cell r="AN583" t="str">
            <v>MDO C&amp;M</v>
          </cell>
          <cell r="AO583" t="str">
            <v>MDO OH/KEN C&amp;M</v>
          </cell>
        </row>
        <row r="584">
          <cell r="F584">
            <v>75023</v>
          </cell>
          <cell r="Z584" t="str">
            <v>GLFUD</v>
          </cell>
          <cell r="AN584" t="str">
            <v>MDO C&amp;M</v>
          </cell>
          <cell r="AO584" t="str">
            <v>MDO OH/KEN C&amp;M</v>
          </cell>
        </row>
        <row r="585">
          <cell r="F585">
            <v>75023</v>
          </cell>
          <cell r="Z585" t="str">
            <v>GLFUD</v>
          </cell>
          <cell r="AN585" t="str">
            <v>MDO C&amp;M</v>
          </cell>
          <cell r="AO585" t="str">
            <v>MDO OH/KEN C&amp;M</v>
          </cell>
        </row>
        <row r="586">
          <cell r="F586">
            <v>75023</v>
          </cell>
          <cell r="Z586" t="str">
            <v>GLFUD</v>
          </cell>
          <cell r="AN586" t="str">
            <v>MDO C&amp;M</v>
          </cell>
          <cell r="AO586" t="str">
            <v>MDO OH/KEN C&amp;M</v>
          </cell>
        </row>
        <row r="587">
          <cell r="F587">
            <v>75023</v>
          </cell>
          <cell r="Z587" t="str">
            <v>GLFUD</v>
          </cell>
          <cell r="AN587" t="str">
            <v>MDO C&amp;M</v>
          </cell>
          <cell r="AO587" t="str">
            <v>MDO OH/KEN C&amp;M</v>
          </cell>
        </row>
        <row r="588">
          <cell r="F588">
            <v>75023</v>
          </cell>
          <cell r="Z588" t="str">
            <v>GLFUD</v>
          </cell>
          <cell r="AN588" t="str">
            <v>MDO C&amp;M</v>
          </cell>
          <cell r="AO588" t="str">
            <v>MDO OH/KEN C&amp;M</v>
          </cell>
        </row>
        <row r="589">
          <cell r="F589">
            <v>75023</v>
          </cell>
          <cell r="Z589" t="str">
            <v>GLFUD</v>
          </cell>
          <cell r="AN589" t="str">
            <v>MDO C&amp;M</v>
          </cell>
          <cell r="AO589" t="str">
            <v>MDO OH/KEN C&amp;M</v>
          </cell>
        </row>
        <row r="590">
          <cell r="F590">
            <v>75023</v>
          </cell>
          <cell r="Z590" t="str">
            <v>GLFUD</v>
          </cell>
          <cell r="AN590" t="str">
            <v>MDO C&amp;M</v>
          </cell>
          <cell r="AO590" t="str">
            <v>MDO OH/KEN C&amp;M</v>
          </cell>
        </row>
        <row r="591">
          <cell r="F591">
            <v>75023</v>
          </cell>
          <cell r="Z591" t="str">
            <v>GLFUD</v>
          </cell>
          <cell r="AN591" t="str">
            <v>MDO C&amp;M</v>
          </cell>
          <cell r="AO591" t="str">
            <v>MDO OH/KEN C&amp;M</v>
          </cell>
        </row>
        <row r="592">
          <cell r="F592">
            <v>75023</v>
          </cell>
          <cell r="Z592" t="str">
            <v>GLFUD</v>
          </cell>
          <cell r="AN592" t="str">
            <v>MDO C&amp;M</v>
          </cell>
          <cell r="AO592" t="str">
            <v>MDO OH/KEN C&amp;M</v>
          </cell>
        </row>
        <row r="593">
          <cell r="F593">
            <v>75023</v>
          </cell>
          <cell r="Z593" t="str">
            <v>GLFUD</v>
          </cell>
          <cell r="AN593" t="str">
            <v>MDO C&amp;M</v>
          </cell>
          <cell r="AO593" t="str">
            <v>MDO OH/KEN C&amp;M</v>
          </cell>
        </row>
        <row r="594">
          <cell r="F594">
            <v>75023</v>
          </cell>
          <cell r="Z594" t="str">
            <v>GLFUD</v>
          </cell>
          <cell r="AN594" t="str">
            <v>MDO C&amp;M</v>
          </cell>
          <cell r="AO594" t="str">
            <v>MDO OH/KEN C&amp;M</v>
          </cell>
        </row>
        <row r="595">
          <cell r="F595">
            <v>75023</v>
          </cell>
          <cell r="Z595" t="str">
            <v>GLFUD</v>
          </cell>
          <cell r="AN595" t="str">
            <v>MDO C&amp;M</v>
          </cell>
          <cell r="AO595" t="str">
            <v>MDO OH/KEN C&amp;M</v>
          </cell>
        </row>
        <row r="596">
          <cell r="F596">
            <v>75023</v>
          </cell>
          <cell r="Z596" t="str">
            <v>GLFUD</v>
          </cell>
          <cell r="AN596" t="str">
            <v>MDO C&amp;M</v>
          </cell>
          <cell r="AO596" t="str">
            <v>MDO OH/KEN C&amp;M</v>
          </cell>
        </row>
        <row r="597">
          <cell r="F597">
            <v>75023</v>
          </cell>
          <cell r="Z597" t="str">
            <v>GLFUD</v>
          </cell>
          <cell r="AN597" t="str">
            <v>MDO C&amp;M</v>
          </cell>
          <cell r="AO597" t="str">
            <v>MDO OH/KEN C&amp;M</v>
          </cell>
        </row>
        <row r="598">
          <cell r="F598">
            <v>75023</v>
          </cell>
          <cell r="Z598" t="str">
            <v>GLFUD</v>
          </cell>
          <cell r="AN598" t="str">
            <v>MDO C&amp;M</v>
          </cell>
          <cell r="AO598" t="str">
            <v>MDO OH/KEN C&amp;M</v>
          </cell>
        </row>
        <row r="599">
          <cell r="F599">
            <v>75023</v>
          </cell>
          <cell r="Z599" t="str">
            <v>GLFUD</v>
          </cell>
          <cell r="AN599" t="str">
            <v>MDO C&amp;M</v>
          </cell>
          <cell r="AO599" t="str">
            <v>MDO OH/KEN C&amp;M</v>
          </cell>
        </row>
        <row r="600">
          <cell r="F600">
            <v>75023</v>
          </cell>
          <cell r="Z600" t="str">
            <v>GLFUD</v>
          </cell>
          <cell r="AN600" t="str">
            <v>MDO C&amp;M</v>
          </cell>
          <cell r="AO600" t="str">
            <v>MDO OH/KEN C&amp;M</v>
          </cell>
        </row>
        <row r="601">
          <cell r="F601">
            <v>75023</v>
          </cell>
          <cell r="Z601" t="str">
            <v>GLFUD</v>
          </cell>
          <cell r="AN601" t="str">
            <v>MDO C&amp;M</v>
          </cell>
          <cell r="AO601" t="str">
            <v>MDO OH/KEN C&amp;M</v>
          </cell>
        </row>
        <row r="602">
          <cell r="F602">
            <v>75023</v>
          </cell>
          <cell r="Z602" t="str">
            <v>GLFUD</v>
          </cell>
          <cell r="AN602" t="str">
            <v>MDO C&amp;M</v>
          </cell>
          <cell r="AO602" t="str">
            <v>MDO OH/KEN C&amp;M</v>
          </cell>
        </row>
        <row r="603">
          <cell r="F603">
            <v>75023</v>
          </cell>
          <cell r="Z603" t="str">
            <v>GLFUD</v>
          </cell>
          <cell r="AN603" t="str">
            <v>MDO C&amp;M</v>
          </cell>
          <cell r="AO603" t="str">
            <v>MDO OH/KEN C&amp;M</v>
          </cell>
        </row>
        <row r="604">
          <cell r="F604">
            <v>75023</v>
          </cell>
          <cell r="Z604" t="str">
            <v>GLFUD</v>
          </cell>
          <cell r="AN604" t="str">
            <v>MDO C&amp;M</v>
          </cell>
          <cell r="AO604" t="str">
            <v>MDO OH/KEN C&amp;M</v>
          </cell>
        </row>
        <row r="605">
          <cell r="F605">
            <v>75023</v>
          </cell>
          <cell r="Z605" t="str">
            <v>GLFUD</v>
          </cell>
          <cell r="AN605" t="str">
            <v>MDO C&amp;M</v>
          </cell>
          <cell r="AO605" t="str">
            <v>MDO OH/KEN C&amp;M</v>
          </cell>
        </row>
        <row r="606">
          <cell r="F606">
            <v>75023</v>
          </cell>
          <cell r="Z606" t="str">
            <v>GLFUD</v>
          </cell>
          <cell r="AN606" t="str">
            <v>MDO C&amp;M</v>
          </cell>
          <cell r="AO606" t="str">
            <v>MDO OH/KEN C&amp;M</v>
          </cell>
        </row>
        <row r="607">
          <cell r="F607">
            <v>75023</v>
          </cell>
          <cell r="Z607" t="str">
            <v>GLFUD</v>
          </cell>
          <cell r="AN607" t="str">
            <v>MDO C&amp;M</v>
          </cell>
          <cell r="AO607" t="str">
            <v>MDO OH/KEN C&amp;M</v>
          </cell>
        </row>
        <row r="608">
          <cell r="F608">
            <v>75023</v>
          </cell>
          <cell r="Z608" t="str">
            <v>GLFUD</v>
          </cell>
          <cell r="AN608" t="str">
            <v>MDO C&amp;M</v>
          </cell>
          <cell r="AO608" t="str">
            <v>MDO OH/KEN C&amp;M</v>
          </cell>
        </row>
        <row r="609">
          <cell r="F609">
            <v>75023</v>
          </cell>
          <cell r="Z609" t="str">
            <v>GLFUD</v>
          </cell>
          <cell r="AN609" t="str">
            <v>MDO C&amp;M</v>
          </cell>
          <cell r="AO609" t="str">
            <v>MDO OH/KEN C&amp;M</v>
          </cell>
        </row>
        <row r="610">
          <cell r="F610">
            <v>75023</v>
          </cell>
          <cell r="Z610" t="str">
            <v>GLFUD</v>
          </cell>
          <cell r="AN610" t="str">
            <v>MDO C&amp;M</v>
          </cell>
          <cell r="AO610" t="str">
            <v>MDO OH/KEN C&amp;M</v>
          </cell>
        </row>
        <row r="611">
          <cell r="F611">
            <v>75023</v>
          </cell>
          <cell r="Z611" t="str">
            <v>GLFUD</v>
          </cell>
          <cell r="AN611" t="str">
            <v>MDO C&amp;M</v>
          </cell>
          <cell r="AO611" t="str">
            <v>MDO OH/KEN C&amp;M</v>
          </cell>
        </row>
        <row r="612">
          <cell r="F612">
            <v>75023</v>
          </cell>
          <cell r="Z612" t="str">
            <v>GLFUD</v>
          </cell>
          <cell r="AN612" t="str">
            <v>MDO C&amp;M</v>
          </cell>
          <cell r="AO612" t="str">
            <v>MDO OH/KEN C&amp;M</v>
          </cell>
        </row>
        <row r="613">
          <cell r="F613">
            <v>75023</v>
          </cell>
          <cell r="Z613" t="str">
            <v>GLFUD</v>
          </cell>
          <cell r="AN613" t="str">
            <v>MDO C&amp;M</v>
          </cell>
          <cell r="AO613" t="str">
            <v>MDO OH/KEN C&amp;M</v>
          </cell>
        </row>
        <row r="614">
          <cell r="F614">
            <v>75023</v>
          </cell>
          <cell r="Z614" t="str">
            <v>GLFUD</v>
          </cell>
          <cell r="AN614" t="str">
            <v>MDO C&amp;M</v>
          </cell>
          <cell r="AO614" t="str">
            <v>MDO OH/KEN C&amp;M</v>
          </cell>
        </row>
        <row r="615">
          <cell r="F615">
            <v>75023</v>
          </cell>
          <cell r="Z615" t="str">
            <v>GLFUD</v>
          </cell>
          <cell r="AN615" t="str">
            <v>MDO C&amp;M</v>
          </cell>
          <cell r="AO615" t="str">
            <v>MDO OH/KEN C&amp;M</v>
          </cell>
        </row>
        <row r="616">
          <cell r="F616">
            <v>75023</v>
          </cell>
          <cell r="Z616" t="str">
            <v>GLFUD</v>
          </cell>
          <cell r="AN616" t="str">
            <v>MDO C&amp;M</v>
          </cell>
          <cell r="AO616" t="str">
            <v>MDO OH/KEN C&amp;M</v>
          </cell>
        </row>
        <row r="617">
          <cell r="F617">
            <v>75023</v>
          </cell>
          <cell r="Z617" t="str">
            <v>GLFUD</v>
          </cell>
          <cell r="AN617" t="str">
            <v>MDO C&amp;M</v>
          </cell>
          <cell r="AO617" t="str">
            <v>MDO OH/KEN C&amp;M</v>
          </cell>
        </row>
        <row r="618">
          <cell r="F618">
            <v>75023</v>
          </cell>
          <cell r="Z618" t="str">
            <v>GLFUD</v>
          </cell>
          <cell r="AN618" t="str">
            <v>MDO C&amp;M</v>
          </cell>
          <cell r="AO618" t="str">
            <v>MDO OH/KEN C&amp;M</v>
          </cell>
        </row>
        <row r="619">
          <cell r="F619">
            <v>75023</v>
          </cell>
          <cell r="Z619" t="str">
            <v>GLFUD</v>
          </cell>
          <cell r="AN619" t="str">
            <v>MDO C&amp;M</v>
          </cell>
          <cell r="AO619" t="str">
            <v>MDO OH/KEN C&amp;M</v>
          </cell>
        </row>
        <row r="620">
          <cell r="F620">
            <v>75023</v>
          </cell>
          <cell r="Z620" t="str">
            <v>GLFUD</v>
          </cell>
          <cell r="AN620" t="str">
            <v>MDO C&amp;M</v>
          </cell>
          <cell r="AO620" t="str">
            <v>MDO OH/KEN C&amp;M</v>
          </cell>
        </row>
        <row r="621">
          <cell r="F621">
            <v>75023</v>
          </cell>
          <cell r="Z621" t="str">
            <v>GLFUD</v>
          </cell>
          <cell r="AN621" t="str">
            <v>MDO C&amp;M</v>
          </cell>
          <cell r="AO621" t="str">
            <v>MDO OH/KEN C&amp;M</v>
          </cell>
        </row>
        <row r="622">
          <cell r="F622">
            <v>75023</v>
          </cell>
          <cell r="Z622" t="str">
            <v>GLFUD</v>
          </cell>
          <cell r="AN622" t="str">
            <v>MDO C&amp;M</v>
          </cell>
          <cell r="AO622" t="str">
            <v>MDO OH/KEN C&amp;M</v>
          </cell>
        </row>
        <row r="623">
          <cell r="F623">
            <v>75023</v>
          </cell>
          <cell r="Z623" t="str">
            <v>GLFUD</v>
          </cell>
          <cell r="AN623" t="str">
            <v>MDO C&amp;M</v>
          </cell>
          <cell r="AO623" t="str">
            <v>MDO OH/KEN C&amp;M</v>
          </cell>
        </row>
        <row r="624">
          <cell r="F624">
            <v>75084</v>
          </cell>
          <cell r="Z624" t="str">
            <v>GLFUD</v>
          </cell>
          <cell r="AN624" t="str">
            <v>MDO C&amp;M</v>
          </cell>
          <cell r="AO624" t="str">
            <v>MDO OH/KEN C&amp;M</v>
          </cell>
        </row>
        <row r="625">
          <cell r="F625">
            <v>75084</v>
          </cell>
          <cell r="Z625" t="str">
            <v>GLFUD</v>
          </cell>
          <cell r="AN625" t="str">
            <v>MDO C&amp;M</v>
          </cell>
          <cell r="AO625" t="str">
            <v>MDO OH/KEN C&amp;M</v>
          </cell>
        </row>
        <row r="626">
          <cell r="F626">
            <v>75084</v>
          </cell>
          <cell r="Z626" t="str">
            <v>GLFUD</v>
          </cell>
          <cell r="AN626" t="str">
            <v>MDO C&amp;M</v>
          </cell>
          <cell r="AO626" t="str">
            <v>MDO OH/KEN C&amp;M</v>
          </cell>
        </row>
        <row r="627">
          <cell r="F627">
            <v>75084</v>
          </cell>
          <cell r="Z627" t="str">
            <v>GLFUD</v>
          </cell>
          <cell r="AN627" t="str">
            <v>MDO C&amp;M</v>
          </cell>
          <cell r="AO627" t="str">
            <v>MDO OH/KEN C&amp;M</v>
          </cell>
        </row>
        <row r="628">
          <cell r="F628">
            <v>75084</v>
          </cell>
          <cell r="Z628" t="str">
            <v>GLFUD</v>
          </cell>
          <cell r="AN628" t="str">
            <v>MDO C&amp;M</v>
          </cell>
          <cell r="AO628" t="str">
            <v>MDO OH/KEN C&amp;M</v>
          </cell>
        </row>
        <row r="629">
          <cell r="F629">
            <v>75084</v>
          </cell>
          <cell r="Z629" t="str">
            <v>GLFUD</v>
          </cell>
          <cell r="AN629" t="str">
            <v>MDO C&amp;M</v>
          </cell>
          <cell r="AO629" t="str">
            <v>MDO OH/KEN C&amp;M</v>
          </cell>
        </row>
        <row r="630">
          <cell r="F630">
            <v>75084</v>
          </cell>
          <cell r="Z630" t="str">
            <v>GLFUD</v>
          </cell>
          <cell r="AN630" t="str">
            <v>MDO C&amp;M</v>
          </cell>
          <cell r="AO630" t="str">
            <v>MDO OH/KEN C&amp;M</v>
          </cell>
        </row>
        <row r="631">
          <cell r="F631">
            <v>75084</v>
          </cell>
          <cell r="Z631" t="str">
            <v>GLFUD</v>
          </cell>
          <cell r="AN631" t="str">
            <v>MDO C&amp;M</v>
          </cell>
          <cell r="AO631" t="str">
            <v>MDO OH/KEN C&amp;M</v>
          </cell>
        </row>
        <row r="632">
          <cell r="F632">
            <v>75084</v>
          </cell>
          <cell r="Z632" t="str">
            <v>GLFUD</v>
          </cell>
          <cell r="AN632" t="str">
            <v>MDO C&amp;M</v>
          </cell>
          <cell r="AO632" t="str">
            <v>MDO OH/KEN C&amp;M</v>
          </cell>
        </row>
        <row r="633">
          <cell r="F633">
            <v>75084</v>
          </cell>
          <cell r="Z633" t="str">
            <v>GLFUD</v>
          </cell>
          <cell r="AN633" t="str">
            <v>MDO C&amp;M</v>
          </cell>
          <cell r="AO633" t="str">
            <v>MDO OH/KEN C&amp;M</v>
          </cell>
        </row>
        <row r="634">
          <cell r="F634">
            <v>75084</v>
          </cell>
          <cell r="Z634" t="str">
            <v>GLFUD</v>
          </cell>
          <cell r="AN634" t="str">
            <v>MDO C&amp;M</v>
          </cell>
          <cell r="AO634" t="str">
            <v>MDO OH/KEN C&amp;M</v>
          </cell>
        </row>
        <row r="635">
          <cell r="F635">
            <v>75084</v>
          </cell>
          <cell r="Z635" t="str">
            <v>GLFUD</v>
          </cell>
          <cell r="AN635" t="str">
            <v>MDO C&amp;M</v>
          </cell>
          <cell r="AO635" t="str">
            <v>MDO OH/KEN C&amp;M</v>
          </cell>
        </row>
        <row r="636">
          <cell r="F636">
            <v>75084</v>
          </cell>
          <cell r="Z636" t="str">
            <v>GLFUD</v>
          </cell>
          <cell r="AN636" t="str">
            <v>MDO C&amp;M</v>
          </cell>
          <cell r="AO636" t="str">
            <v>MDO OH/KEN C&amp;M</v>
          </cell>
        </row>
        <row r="637">
          <cell r="F637">
            <v>75084</v>
          </cell>
          <cell r="Z637" t="str">
            <v>GLFUD</v>
          </cell>
          <cell r="AN637" t="str">
            <v>MDO C&amp;M</v>
          </cell>
          <cell r="AO637" t="str">
            <v>MDO OH/KEN C&amp;M</v>
          </cell>
        </row>
        <row r="638">
          <cell r="F638">
            <v>75084</v>
          </cell>
          <cell r="Z638" t="str">
            <v>GLFUD</v>
          </cell>
          <cell r="AN638" t="str">
            <v>MDO C&amp;M</v>
          </cell>
          <cell r="AO638" t="str">
            <v>MDO OH/KEN C&amp;M</v>
          </cell>
        </row>
        <row r="639">
          <cell r="F639">
            <v>75084</v>
          </cell>
          <cell r="Z639" t="str">
            <v>GLFUD</v>
          </cell>
          <cell r="AN639" t="str">
            <v>MDO C&amp;M</v>
          </cell>
          <cell r="AO639" t="str">
            <v>MDO OH/KEN C&amp;M</v>
          </cell>
        </row>
        <row r="640">
          <cell r="F640">
            <v>75084</v>
          </cell>
          <cell r="Z640" t="str">
            <v>GLFUD</v>
          </cell>
          <cell r="AN640" t="str">
            <v>MDO C&amp;M</v>
          </cell>
          <cell r="AO640" t="str">
            <v>MDO OH/KEN C&amp;M</v>
          </cell>
        </row>
        <row r="641">
          <cell r="F641">
            <v>75084</v>
          </cell>
          <cell r="Z641" t="str">
            <v>GLFUD</v>
          </cell>
          <cell r="AN641" t="str">
            <v>MDO C&amp;M</v>
          </cell>
          <cell r="AO641" t="str">
            <v>MDO OH/KEN C&amp;M</v>
          </cell>
        </row>
        <row r="642">
          <cell r="F642">
            <v>75084</v>
          </cell>
          <cell r="Z642" t="str">
            <v>GLFUD</v>
          </cell>
          <cell r="AN642" t="str">
            <v>MDO C&amp;M</v>
          </cell>
          <cell r="AO642" t="str">
            <v>MDO OH/KEN C&amp;M</v>
          </cell>
        </row>
        <row r="643">
          <cell r="F643">
            <v>75084</v>
          </cell>
          <cell r="Z643" t="str">
            <v>GLFUD</v>
          </cell>
          <cell r="AN643" t="str">
            <v>MDO C&amp;M</v>
          </cell>
          <cell r="AO643" t="str">
            <v>MDO OH/KEN C&amp;M</v>
          </cell>
        </row>
        <row r="644">
          <cell r="F644">
            <v>75084</v>
          </cell>
          <cell r="Z644" t="str">
            <v>GLFUD</v>
          </cell>
          <cell r="AN644" t="str">
            <v>MDO C&amp;M</v>
          </cell>
          <cell r="AO644" t="str">
            <v>MDO OH/KEN C&amp;M</v>
          </cell>
        </row>
        <row r="645">
          <cell r="F645">
            <v>75115</v>
          </cell>
          <cell r="Z645" t="str">
            <v>GLFUD</v>
          </cell>
          <cell r="AN645" t="str">
            <v>MDO C&amp;M</v>
          </cell>
          <cell r="AO645" t="str">
            <v>MDO INDIANA SOUTHWEST C&amp;M</v>
          </cell>
        </row>
        <row r="646">
          <cell r="F646">
            <v>75115</v>
          </cell>
          <cell r="Z646" t="str">
            <v>GLFUD</v>
          </cell>
          <cell r="AN646" t="str">
            <v>MDO C&amp;M</v>
          </cell>
          <cell r="AO646" t="str">
            <v>MDO INDIANA SOUTHWEST C&amp;M</v>
          </cell>
        </row>
        <row r="647">
          <cell r="F647">
            <v>75115</v>
          </cell>
          <cell r="Z647" t="str">
            <v>GLFUD</v>
          </cell>
          <cell r="AN647" t="str">
            <v>MDO C&amp;M</v>
          </cell>
          <cell r="AO647" t="str">
            <v>MDO INDIANA SOUTHWEST C&amp;M</v>
          </cell>
        </row>
        <row r="648">
          <cell r="F648">
            <v>75115</v>
          </cell>
          <cell r="Z648" t="str">
            <v>GLFUD</v>
          </cell>
          <cell r="AN648" t="str">
            <v>MDO C&amp;M</v>
          </cell>
          <cell r="AO648" t="str">
            <v>MDO INDIANA SOUTHWEST C&amp;M</v>
          </cell>
        </row>
        <row r="649">
          <cell r="F649">
            <v>75115</v>
          </cell>
          <cell r="Z649" t="str">
            <v>GLFUD</v>
          </cell>
          <cell r="AN649" t="str">
            <v>MDO C&amp;M</v>
          </cell>
          <cell r="AO649" t="str">
            <v>MDO INDIANA SOUTHWEST C&amp;M</v>
          </cell>
        </row>
        <row r="650">
          <cell r="F650">
            <v>75115</v>
          </cell>
          <cell r="Z650" t="str">
            <v>GLFUD</v>
          </cell>
          <cell r="AN650" t="str">
            <v>MDO C&amp;M</v>
          </cell>
          <cell r="AO650" t="str">
            <v>MDO INDIANA SOUTHWEST C&amp;M</v>
          </cell>
        </row>
        <row r="651">
          <cell r="F651">
            <v>75115</v>
          </cell>
          <cell r="Z651" t="str">
            <v>GLFUD</v>
          </cell>
          <cell r="AN651" t="str">
            <v>MDO C&amp;M</v>
          </cell>
          <cell r="AO651" t="str">
            <v>MDO INDIANA SOUTHWEST C&amp;M</v>
          </cell>
        </row>
        <row r="652">
          <cell r="F652">
            <v>75115</v>
          </cell>
          <cell r="Z652" t="str">
            <v>GLFUD</v>
          </cell>
          <cell r="AN652" t="str">
            <v>MDO C&amp;M</v>
          </cell>
          <cell r="AO652" t="str">
            <v>MDO INDIANA SOUTHWEST C&amp;M</v>
          </cell>
        </row>
        <row r="653">
          <cell r="F653">
            <v>75115</v>
          </cell>
          <cell r="Z653" t="str">
            <v>GLFUD</v>
          </cell>
          <cell r="AN653" t="str">
            <v>MDO C&amp;M</v>
          </cell>
          <cell r="AO653" t="str">
            <v>MDO INDIANA SOUTHWEST C&amp;M</v>
          </cell>
        </row>
        <row r="654">
          <cell r="F654">
            <v>75115</v>
          </cell>
          <cell r="Z654" t="str">
            <v>GLFUD</v>
          </cell>
          <cell r="AN654" t="str">
            <v>MDO C&amp;M</v>
          </cell>
          <cell r="AO654" t="str">
            <v>MDO INDIANA SOUTHWEST C&amp;M</v>
          </cell>
        </row>
        <row r="655">
          <cell r="F655">
            <v>75115</v>
          </cell>
          <cell r="Z655" t="str">
            <v>GLFUD</v>
          </cell>
          <cell r="AN655" t="str">
            <v>MDO C&amp;M</v>
          </cell>
          <cell r="AO655" t="str">
            <v>MDO INDIANA SOUTHWEST C&amp;M</v>
          </cell>
        </row>
        <row r="656">
          <cell r="F656">
            <v>75115</v>
          </cell>
          <cell r="Z656" t="str">
            <v>GLFUD</v>
          </cell>
          <cell r="AN656" t="str">
            <v>MDO C&amp;M</v>
          </cell>
          <cell r="AO656" t="str">
            <v>MDO INDIANA SOUTHWEST C&amp;M</v>
          </cell>
        </row>
        <row r="657">
          <cell r="F657">
            <v>75115</v>
          </cell>
          <cell r="Z657" t="str">
            <v>GLFUD</v>
          </cell>
          <cell r="AN657" t="str">
            <v>MDO C&amp;M</v>
          </cell>
          <cell r="AO657" t="str">
            <v>MDO INDIANA SOUTHWEST C&amp;M</v>
          </cell>
        </row>
        <row r="658">
          <cell r="F658">
            <v>75115</v>
          </cell>
          <cell r="Z658" t="str">
            <v>GLFUD</v>
          </cell>
          <cell r="AN658" t="str">
            <v>MDO C&amp;M</v>
          </cell>
          <cell r="AO658" t="str">
            <v>MDO INDIANA SOUTHWEST C&amp;M</v>
          </cell>
        </row>
        <row r="659">
          <cell r="F659">
            <v>75115</v>
          </cell>
          <cell r="Z659" t="str">
            <v>GLFUD</v>
          </cell>
          <cell r="AN659" t="str">
            <v>MDO C&amp;M</v>
          </cell>
          <cell r="AO659" t="str">
            <v>MDO INDIANA SOUTHWEST C&amp;M</v>
          </cell>
        </row>
        <row r="660">
          <cell r="F660">
            <v>75115</v>
          </cell>
          <cell r="Z660" t="str">
            <v>GLFUD</v>
          </cell>
          <cell r="AN660" t="str">
            <v>MDO C&amp;M</v>
          </cell>
          <cell r="AO660" t="str">
            <v>MDO INDIANA SOUTHWEST C&amp;M</v>
          </cell>
        </row>
        <row r="661">
          <cell r="F661">
            <v>75115</v>
          </cell>
          <cell r="Z661" t="str">
            <v>GLFUD</v>
          </cell>
          <cell r="AN661" t="str">
            <v>MDO C&amp;M</v>
          </cell>
          <cell r="AO661" t="str">
            <v>MDO INDIANA SOUTHWEST C&amp;M</v>
          </cell>
        </row>
        <row r="662">
          <cell r="F662">
            <v>75115</v>
          </cell>
          <cell r="Z662" t="str">
            <v>GLFUD</v>
          </cell>
          <cell r="AN662" t="str">
            <v>MDO C&amp;M</v>
          </cell>
          <cell r="AO662" t="str">
            <v>MDO INDIANA SOUTHWEST C&amp;M</v>
          </cell>
        </row>
        <row r="663">
          <cell r="F663">
            <v>75115</v>
          </cell>
          <cell r="Z663" t="str">
            <v>GLFUD</v>
          </cell>
          <cell r="AN663" t="str">
            <v>MDO C&amp;M</v>
          </cell>
          <cell r="AO663" t="str">
            <v>MDO INDIANA SOUTHWEST C&amp;M</v>
          </cell>
        </row>
        <row r="664">
          <cell r="F664">
            <v>75115</v>
          </cell>
          <cell r="Z664" t="str">
            <v>GLFUD</v>
          </cell>
          <cell r="AN664" t="str">
            <v>MDO C&amp;M</v>
          </cell>
          <cell r="AO664" t="str">
            <v>MDO INDIANA SOUTHWEST C&amp;M</v>
          </cell>
        </row>
        <row r="665">
          <cell r="F665">
            <v>75115</v>
          </cell>
          <cell r="Z665" t="str">
            <v>GLFUD</v>
          </cell>
          <cell r="AN665" t="str">
            <v>MDO C&amp;M</v>
          </cell>
          <cell r="AO665" t="str">
            <v>MDO INDIANA SOUTHWEST C&amp;M</v>
          </cell>
        </row>
        <row r="666">
          <cell r="F666">
            <v>75115</v>
          </cell>
          <cell r="Z666" t="str">
            <v>GLFUD</v>
          </cell>
          <cell r="AN666" t="str">
            <v>MDO C&amp;M</v>
          </cell>
          <cell r="AO666" t="str">
            <v>MDO INDIANA SOUTHWEST C&amp;M</v>
          </cell>
        </row>
        <row r="667">
          <cell r="F667">
            <v>75115</v>
          </cell>
          <cell r="Z667" t="str">
            <v>GLFUD</v>
          </cell>
          <cell r="AN667" t="str">
            <v>MDO C&amp;M</v>
          </cell>
          <cell r="AO667" t="str">
            <v>MDO INDIANA SOUTHWEST C&amp;M</v>
          </cell>
        </row>
        <row r="668">
          <cell r="F668">
            <v>75115</v>
          </cell>
          <cell r="Z668" t="str">
            <v>GLFUD</v>
          </cell>
          <cell r="AN668" t="str">
            <v>MDO C&amp;M</v>
          </cell>
          <cell r="AO668" t="str">
            <v>MDO INDIANA SOUTHWEST C&amp;M</v>
          </cell>
        </row>
        <row r="669">
          <cell r="F669">
            <v>75115</v>
          </cell>
          <cell r="Z669" t="str">
            <v>GLFUD</v>
          </cell>
          <cell r="AN669" t="str">
            <v>MDO C&amp;M</v>
          </cell>
          <cell r="AO669" t="str">
            <v>MDO INDIANA SOUTHWEST C&amp;M</v>
          </cell>
        </row>
        <row r="670">
          <cell r="F670">
            <v>75115</v>
          </cell>
          <cell r="Z670" t="str">
            <v>GLFUD</v>
          </cell>
          <cell r="AN670" t="str">
            <v>MDO C&amp;M</v>
          </cell>
          <cell r="AO670" t="str">
            <v>MDO INDIANA SOUTHWEST C&amp;M</v>
          </cell>
        </row>
        <row r="671">
          <cell r="F671">
            <v>75115</v>
          </cell>
          <cell r="Z671" t="str">
            <v>GLFUD</v>
          </cell>
          <cell r="AN671" t="str">
            <v>MDO C&amp;M</v>
          </cell>
          <cell r="AO671" t="str">
            <v>MDO INDIANA SOUTHWEST C&amp;M</v>
          </cell>
        </row>
        <row r="672">
          <cell r="F672">
            <v>75115</v>
          </cell>
          <cell r="Z672" t="str">
            <v>GLFUD</v>
          </cell>
          <cell r="AN672" t="str">
            <v>MDO C&amp;M</v>
          </cell>
          <cell r="AO672" t="str">
            <v>MDO INDIANA SOUTHWEST C&amp;M</v>
          </cell>
        </row>
        <row r="673">
          <cell r="F673">
            <v>75115</v>
          </cell>
          <cell r="Z673" t="str">
            <v>GLFUD</v>
          </cell>
          <cell r="AN673" t="str">
            <v>MDO C&amp;M</v>
          </cell>
          <cell r="AO673" t="str">
            <v>MDO INDIANA SOUTHWEST C&amp;M</v>
          </cell>
        </row>
        <row r="674">
          <cell r="F674">
            <v>75115</v>
          </cell>
          <cell r="Z674" t="str">
            <v>GLFUD</v>
          </cell>
          <cell r="AN674" t="str">
            <v>MDO C&amp;M</v>
          </cell>
          <cell r="AO674" t="str">
            <v>MDO INDIANA SOUTHWEST C&amp;M</v>
          </cell>
        </row>
        <row r="675">
          <cell r="F675">
            <v>75115</v>
          </cell>
          <cell r="Z675" t="str">
            <v>GLFUD</v>
          </cell>
          <cell r="AN675" t="str">
            <v>MDO C&amp;M</v>
          </cell>
          <cell r="AO675" t="str">
            <v>MDO INDIANA SOUTHWEST C&amp;M</v>
          </cell>
        </row>
        <row r="676">
          <cell r="F676">
            <v>75115</v>
          </cell>
          <cell r="Z676" t="str">
            <v>GLFUD</v>
          </cell>
          <cell r="AN676" t="str">
            <v>MDO C&amp;M</v>
          </cell>
          <cell r="AO676" t="str">
            <v>MDO INDIANA SOUTHWEST C&amp;M</v>
          </cell>
        </row>
        <row r="677">
          <cell r="F677">
            <v>75115</v>
          </cell>
          <cell r="Z677" t="str">
            <v>GLFUD</v>
          </cell>
          <cell r="AN677" t="str">
            <v>MDO C&amp;M</v>
          </cell>
          <cell r="AO677" t="str">
            <v>MDO INDIANA SOUTHWEST C&amp;M</v>
          </cell>
        </row>
        <row r="678">
          <cell r="F678">
            <v>75115</v>
          </cell>
          <cell r="Z678" t="str">
            <v>GLFUD</v>
          </cell>
          <cell r="AN678" t="str">
            <v>MDO C&amp;M</v>
          </cell>
          <cell r="AO678" t="str">
            <v>MDO INDIANA SOUTHWEST C&amp;M</v>
          </cell>
        </row>
        <row r="679">
          <cell r="F679">
            <v>75115</v>
          </cell>
          <cell r="Z679" t="str">
            <v>GLFUD</v>
          </cell>
          <cell r="AN679" t="str">
            <v>MDO C&amp;M</v>
          </cell>
          <cell r="AO679" t="str">
            <v>MDO INDIANA SOUTHWEST C&amp;M</v>
          </cell>
        </row>
        <row r="680">
          <cell r="F680">
            <v>75115</v>
          </cell>
          <cell r="Z680" t="str">
            <v>GLFUD</v>
          </cell>
          <cell r="AN680" t="str">
            <v>MDO C&amp;M</v>
          </cell>
          <cell r="AO680" t="str">
            <v>MDO INDIANA SOUTHWEST C&amp;M</v>
          </cell>
        </row>
        <row r="681">
          <cell r="F681">
            <v>75115</v>
          </cell>
          <cell r="Z681" t="str">
            <v>GLFUD</v>
          </cell>
          <cell r="AN681" t="str">
            <v>MDO C&amp;M</v>
          </cell>
          <cell r="AO681" t="str">
            <v>MDO INDIANA SOUTHWEST C&amp;M</v>
          </cell>
        </row>
        <row r="682">
          <cell r="F682">
            <v>75115</v>
          </cell>
          <cell r="Z682" t="str">
            <v>GLFUD</v>
          </cell>
          <cell r="AN682" t="str">
            <v>MDO C&amp;M</v>
          </cell>
          <cell r="AO682" t="str">
            <v>MDO INDIANA SOUTHWEST C&amp;M</v>
          </cell>
        </row>
        <row r="683">
          <cell r="F683">
            <v>75115</v>
          </cell>
          <cell r="Z683" t="str">
            <v>GLFUD</v>
          </cell>
          <cell r="AN683" t="str">
            <v>MDO C&amp;M</v>
          </cell>
          <cell r="AO683" t="str">
            <v>MDO INDIANA SOUTHWEST C&amp;M</v>
          </cell>
        </row>
        <row r="684">
          <cell r="F684">
            <v>75115</v>
          </cell>
          <cell r="Z684" t="str">
            <v>GLFUD</v>
          </cell>
          <cell r="AN684" t="str">
            <v>MDO C&amp;M</v>
          </cell>
          <cell r="AO684" t="str">
            <v>MDO INDIANA SOUTHWEST C&amp;M</v>
          </cell>
        </row>
        <row r="685">
          <cell r="F685">
            <v>75115</v>
          </cell>
          <cell r="Z685" t="str">
            <v>GLFUD</v>
          </cell>
          <cell r="AN685" t="str">
            <v>MDO C&amp;M</v>
          </cell>
          <cell r="AO685" t="str">
            <v>MDO INDIANA SOUTHWEST C&amp;M</v>
          </cell>
        </row>
        <row r="686">
          <cell r="F686">
            <v>75115</v>
          </cell>
          <cell r="Z686" t="str">
            <v>GLFUD</v>
          </cell>
          <cell r="AN686" t="str">
            <v>MDO C&amp;M</v>
          </cell>
          <cell r="AO686" t="str">
            <v>MDO INDIANA SOUTHWEST C&amp;M</v>
          </cell>
        </row>
        <row r="687">
          <cell r="F687">
            <v>75115</v>
          </cell>
          <cell r="Z687" t="str">
            <v>GLFUD</v>
          </cell>
          <cell r="AN687" t="str">
            <v>MDO C&amp;M</v>
          </cell>
          <cell r="AO687" t="str">
            <v>MDO INDIANA SOUTHWEST C&amp;M</v>
          </cell>
        </row>
        <row r="688">
          <cell r="F688">
            <v>75115</v>
          </cell>
          <cell r="Z688" t="str">
            <v>GLFUD</v>
          </cell>
          <cell r="AN688" t="str">
            <v>MDO C&amp;M</v>
          </cell>
          <cell r="AO688" t="str">
            <v>MDO INDIANA SOUTHWEST C&amp;M</v>
          </cell>
        </row>
        <row r="689">
          <cell r="F689">
            <v>75115</v>
          </cell>
          <cell r="Z689" t="str">
            <v>GLFUD</v>
          </cell>
          <cell r="AN689" t="str">
            <v>MDO C&amp;M</v>
          </cell>
          <cell r="AO689" t="str">
            <v>MDO INDIANA SOUTHWEST C&amp;M</v>
          </cell>
        </row>
        <row r="690">
          <cell r="F690">
            <v>75115</v>
          </cell>
          <cell r="Z690" t="str">
            <v>GLFUD</v>
          </cell>
          <cell r="AN690" t="str">
            <v>MDO C&amp;M</v>
          </cell>
          <cell r="AO690" t="str">
            <v>MDO INDIANA SOUTHWEST C&amp;M</v>
          </cell>
        </row>
        <row r="691">
          <cell r="F691">
            <v>75115</v>
          </cell>
          <cell r="Z691" t="str">
            <v>GLFUD</v>
          </cell>
          <cell r="AN691" t="str">
            <v>MDO C&amp;M</v>
          </cell>
          <cell r="AO691" t="str">
            <v>MDO INDIANA SOUTHWEST C&amp;M</v>
          </cell>
        </row>
        <row r="692">
          <cell r="F692">
            <v>75115</v>
          </cell>
          <cell r="Z692" t="str">
            <v>GLFUD</v>
          </cell>
          <cell r="AN692" t="str">
            <v>MDO C&amp;M</v>
          </cell>
          <cell r="AO692" t="str">
            <v>MDO INDIANA SOUTHWEST C&amp;M</v>
          </cell>
        </row>
        <row r="693">
          <cell r="F693">
            <v>75115</v>
          </cell>
          <cell r="Z693" t="str">
            <v>GLFUD</v>
          </cell>
          <cell r="AN693" t="str">
            <v>MDO C&amp;M</v>
          </cell>
          <cell r="AO693" t="str">
            <v>MDO INDIANA SOUTHWEST C&amp;M</v>
          </cell>
        </row>
        <row r="694">
          <cell r="F694">
            <v>75115</v>
          </cell>
          <cell r="Z694" t="str">
            <v>GLFUD</v>
          </cell>
          <cell r="AN694" t="str">
            <v>MDO C&amp;M</v>
          </cell>
          <cell r="AO694" t="str">
            <v>MDO INDIANA SOUTHWEST C&amp;M</v>
          </cell>
        </row>
        <row r="695">
          <cell r="F695">
            <v>75115</v>
          </cell>
          <cell r="Z695" t="str">
            <v>GLFUD</v>
          </cell>
          <cell r="AN695" t="str">
            <v>MDO C&amp;M</v>
          </cell>
          <cell r="AO695" t="str">
            <v>MDO INDIANA SOUTHWEST C&amp;M</v>
          </cell>
        </row>
        <row r="696">
          <cell r="F696">
            <v>75115</v>
          </cell>
          <cell r="Z696" t="str">
            <v>GLFUD</v>
          </cell>
          <cell r="AN696" t="str">
            <v>MDO C&amp;M</v>
          </cell>
          <cell r="AO696" t="str">
            <v>MDO INDIANA SOUTHWEST C&amp;M</v>
          </cell>
        </row>
        <row r="697">
          <cell r="F697">
            <v>75115</v>
          </cell>
          <cell r="Z697" t="str">
            <v>GLFUD</v>
          </cell>
          <cell r="AN697" t="str">
            <v>MDO C&amp;M</v>
          </cell>
          <cell r="AO697" t="str">
            <v>MDO INDIANA SOUTHWEST C&amp;M</v>
          </cell>
        </row>
        <row r="698">
          <cell r="F698">
            <v>75115</v>
          </cell>
          <cell r="Z698" t="str">
            <v>GLFUD</v>
          </cell>
          <cell r="AN698" t="str">
            <v>MDO C&amp;M</v>
          </cell>
          <cell r="AO698" t="str">
            <v>MDO INDIANA SOUTHWEST C&amp;M</v>
          </cell>
        </row>
        <row r="699">
          <cell r="F699">
            <v>75115</v>
          </cell>
          <cell r="Z699" t="str">
            <v>GLFUD</v>
          </cell>
          <cell r="AN699" t="str">
            <v>MDO C&amp;M</v>
          </cell>
          <cell r="AO699" t="str">
            <v>MDO INDIANA SOUTHWEST C&amp;M</v>
          </cell>
        </row>
        <row r="700">
          <cell r="F700">
            <v>75115</v>
          </cell>
          <cell r="Z700" t="str">
            <v>GLFUD</v>
          </cell>
          <cell r="AN700" t="str">
            <v>MDO C&amp;M</v>
          </cell>
          <cell r="AO700" t="str">
            <v>MDO INDIANA SOUTHWEST C&amp;M</v>
          </cell>
        </row>
        <row r="701">
          <cell r="F701">
            <v>75115</v>
          </cell>
          <cell r="Z701" t="str">
            <v>GLFUD</v>
          </cell>
          <cell r="AN701" t="str">
            <v>MDO C&amp;M</v>
          </cell>
          <cell r="AO701" t="str">
            <v>MDO INDIANA SOUTHWEST C&amp;M</v>
          </cell>
        </row>
        <row r="702">
          <cell r="F702">
            <v>75115</v>
          </cell>
          <cell r="Z702" t="str">
            <v>GLFUD</v>
          </cell>
          <cell r="AN702" t="str">
            <v>MDO C&amp;M</v>
          </cell>
          <cell r="AO702" t="str">
            <v>MDO INDIANA SOUTHWEST C&amp;M</v>
          </cell>
        </row>
        <row r="703">
          <cell r="F703">
            <v>75115</v>
          </cell>
          <cell r="Z703" t="str">
            <v>GLFUD</v>
          </cell>
          <cell r="AN703" t="str">
            <v>MDO C&amp;M</v>
          </cell>
          <cell r="AO703" t="str">
            <v>MDO INDIANA SOUTHWEST C&amp;M</v>
          </cell>
        </row>
        <row r="704">
          <cell r="F704">
            <v>75115</v>
          </cell>
          <cell r="Z704" t="str">
            <v>GLFUD</v>
          </cell>
          <cell r="AN704" t="str">
            <v>MDO C&amp;M</v>
          </cell>
          <cell r="AO704" t="str">
            <v>MDO INDIANA SOUTHWEST C&amp;M</v>
          </cell>
        </row>
        <row r="705">
          <cell r="F705">
            <v>75115</v>
          </cell>
          <cell r="Z705" t="str">
            <v>GLFUD</v>
          </cell>
          <cell r="AN705" t="str">
            <v>MDO C&amp;M</v>
          </cell>
          <cell r="AO705" t="str">
            <v>MDO INDIANA SOUTHWEST C&amp;M</v>
          </cell>
        </row>
        <row r="706">
          <cell r="F706">
            <v>75115</v>
          </cell>
          <cell r="Z706" t="str">
            <v>GLFUD</v>
          </cell>
          <cell r="AN706" t="str">
            <v>MDO C&amp;M</v>
          </cell>
          <cell r="AO706" t="str">
            <v>MDO INDIANA SOUTHWEST C&amp;M</v>
          </cell>
        </row>
        <row r="707">
          <cell r="F707">
            <v>75115</v>
          </cell>
          <cell r="Z707" t="str">
            <v>GLFUD</v>
          </cell>
          <cell r="AN707" t="str">
            <v>MDO C&amp;M</v>
          </cell>
          <cell r="AO707" t="str">
            <v>MDO INDIANA SOUTHWEST C&amp;M</v>
          </cell>
        </row>
        <row r="708">
          <cell r="F708">
            <v>75115</v>
          </cell>
          <cell r="Z708" t="str">
            <v>GLFUD</v>
          </cell>
          <cell r="AN708" t="str">
            <v>MDO C&amp;M</v>
          </cell>
          <cell r="AO708" t="str">
            <v>MDO INDIANA SOUTHWEST C&amp;M</v>
          </cell>
        </row>
        <row r="709">
          <cell r="F709">
            <v>75115</v>
          </cell>
          <cell r="Z709" t="str">
            <v>GLFUD</v>
          </cell>
          <cell r="AN709" t="str">
            <v>MDO C&amp;M</v>
          </cell>
          <cell r="AO709" t="str">
            <v>MDO INDIANA SOUTHWEST C&amp;M</v>
          </cell>
        </row>
        <row r="710">
          <cell r="F710">
            <v>75115</v>
          </cell>
          <cell r="Z710" t="str">
            <v>GLFUD</v>
          </cell>
          <cell r="AN710" t="str">
            <v>MDO C&amp;M</v>
          </cell>
          <cell r="AO710" t="str">
            <v>MDO INDIANA SOUTHWEST C&amp;M</v>
          </cell>
        </row>
        <row r="711">
          <cell r="F711">
            <v>75115</v>
          </cell>
          <cell r="Z711" t="str">
            <v>GLFUD</v>
          </cell>
          <cell r="AN711" t="str">
            <v>MDO C&amp;M</v>
          </cell>
          <cell r="AO711" t="str">
            <v>MDO INDIANA SOUTHWEST C&amp;M</v>
          </cell>
        </row>
        <row r="712">
          <cell r="F712">
            <v>75115</v>
          </cell>
          <cell r="Z712" t="str">
            <v>GLFUD</v>
          </cell>
          <cell r="AN712" t="str">
            <v>MDO C&amp;M</v>
          </cell>
          <cell r="AO712" t="str">
            <v>MDO INDIANA SOUTHWEST C&amp;M</v>
          </cell>
        </row>
        <row r="713">
          <cell r="F713">
            <v>75115</v>
          </cell>
          <cell r="Z713" t="str">
            <v>GLFUD</v>
          </cell>
          <cell r="AN713" t="str">
            <v>MDO C&amp;M</v>
          </cell>
          <cell r="AO713" t="str">
            <v>MDO INDIANA SOUTHWEST C&amp;M</v>
          </cell>
        </row>
        <row r="714">
          <cell r="F714">
            <v>75115</v>
          </cell>
          <cell r="Z714" t="str">
            <v>GLFUD</v>
          </cell>
          <cell r="AN714" t="str">
            <v>MDO C&amp;M</v>
          </cell>
          <cell r="AO714" t="str">
            <v>MDO INDIANA SOUTHWEST C&amp;M</v>
          </cell>
        </row>
        <row r="715">
          <cell r="F715">
            <v>75115</v>
          </cell>
          <cell r="Z715" t="str">
            <v>GLFUD</v>
          </cell>
          <cell r="AN715" t="str">
            <v>MDO C&amp;M</v>
          </cell>
          <cell r="AO715" t="str">
            <v>MDO INDIANA SOUTHWEST C&amp;M</v>
          </cell>
        </row>
        <row r="716">
          <cell r="F716">
            <v>75115</v>
          </cell>
          <cell r="Z716" t="str">
            <v>GLFUD</v>
          </cell>
          <cell r="AN716" t="str">
            <v>MDO C&amp;M</v>
          </cell>
          <cell r="AO716" t="str">
            <v>MDO INDIANA SOUTHWEST C&amp;M</v>
          </cell>
        </row>
        <row r="717">
          <cell r="F717">
            <v>75115</v>
          </cell>
          <cell r="Z717" t="str">
            <v>GLFUD</v>
          </cell>
          <cell r="AN717" t="str">
            <v>MDO C&amp;M</v>
          </cell>
          <cell r="AO717" t="str">
            <v>MDO INDIANA SOUTHWEST C&amp;M</v>
          </cell>
        </row>
        <row r="718">
          <cell r="F718">
            <v>75115</v>
          </cell>
          <cell r="Z718" t="str">
            <v>GLFUD</v>
          </cell>
          <cell r="AN718" t="str">
            <v>MDO C&amp;M</v>
          </cell>
          <cell r="AO718" t="str">
            <v>MDO INDIANA SOUTHWEST C&amp;M</v>
          </cell>
        </row>
        <row r="719">
          <cell r="F719">
            <v>75115</v>
          </cell>
          <cell r="Z719" t="str">
            <v>GLFUD</v>
          </cell>
          <cell r="AN719" t="str">
            <v>MDO C&amp;M</v>
          </cell>
          <cell r="AO719" t="str">
            <v>MDO INDIANA SOUTHWEST C&amp;M</v>
          </cell>
        </row>
        <row r="720">
          <cell r="F720">
            <v>75115</v>
          </cell>
          <cell r="Z720" t="str">
            <v>GLFUD</v>
          </cell>
          <cell r="AN720" t="str">
            <v>MDO C&amp;M</v>
          </cell>
          <cell r="AO720" t="str">
            <v>MDO INDIANA SOUTHWEST C&amp;M</v>
          </cell>
        </row>
        <row r="721">
          <cell r="F721">
            <v>75115</v>
          </cell>
          <cell r="Z721" t="str">
            <v>GLFUD</v>
          </cell>
          <cell r="AN721" t="str">
            <v>MDO C&amp;M</v>
          </cell>
          <cell r="AO721" t="str">
            <v>MDO INDIANA SOUTHWEST C&amp;M</v>
          </cell>
        </row>
        <row r="722">
          <cell r="F722">
            <v>75115</v>
          </cell>
          <cell r="Z722" t="str">
            <v>GLFUD</v>
          </cell>
          <cell r="AN722" t="str">
            <v>MDO C&amp;M</v>
          </cell>
          <cell r="AO722" t="str">
            <v>MDO INDIANA SOUTHWEST C&amp;M</v>
          </cell>
        </row>
        <row r="723">
          <cell r="F723">
            <v>75115</v>
          </cell>
          <cell r="Z723" t="str">
            <v>GLFUD</v>
          </cell>
          <cell r="AN723" t="str">
            <v>MDO C&amp;M</v>
          </cell>
          <cell r="AO723" t="str">
            <v>MDO INDIANA SOUTHWEST C&amp;M</v>
          </cell>
        </row>
        <row r="724">
          <cell r="F724">
            <v>75115</v>
          </cell>
          <cell r="Z724" t="str">
            <v>GLFUD</v>
          </cell>
          <cell r="AN724" t="str">
            <v>MDO C&amp;M</v>
          </cell>
          <cell r="AO724" t="str">
            <v>MDO INDIANA SOUTHWEST C&amp;M</v>
          </cell>
        </row>
        <row r="725">
          <cell r="F725">
            <v>75115</v>
          </cell>
          <cell r="Z725" t="str">
            <v>GLFUD</v>
          </cell>
          <cell r="AN725" t="str">
            <v>MDO C&amp;M</v>
          </cell>
          <cell r="AO725" t="str">
            <v>MDO INDIANA SOUTHWEST C&amp;M</v>
          </cell>
        </row>
        <row r="726">
          <cell r="F726">
            <v>75115</v>
          </cell>
          <cell r="Z726" t="str">
            <v>GLFUD</v>
          </cell>
          <cell r="AN726" t="str">
            <v>MDO C&amp;M</v>
          </cell>
          <cell r="AO726" t="str">
            <v>MDO INDIANA SOUTHWEST C&amp;M</v>
          </cell>
        </row>
        <row r="727">
          <cell r="F727">
            <v>75115</v>
          </cell>
          <cell r="Z727" t="str">
            <v>GLFUD</v>
          </cell>
          <cell r="AN727" t="str">
            <v>MDO C&amp;M</v>
          </cell>
          <cell r="AO727" t="str">
            <v>MDO INDIANA SOUTHWEST C&amp;M</v>
          </cell>
        </row>
        <row r="728">
          <cell r="F728">
            <v>75115</v>
          </cell>
          <cell r="Z728" t="str">
            <v>GLFUD</v>
          </cell>
          <cell r="AN728" t="str">
            <v>MDO C&amp;M</v>
          </cell>
          <cell r="AO728" t="str">
            <v>MDO INDIANA SOUTHWEST C&amp;M</v>
          </cell>
        </row>
        <row r="729">
          <cell r="F729">
            <v>75115</v>
          </cell>
          <cell r="Z729" t="str">
            <v>GLFUD</v>
          </cell>
          <cell r="AN729" t="str">
            <v>MDO C&amp;M</v>
          </cell>
          <cell r="AO729" t="str">
            <v>MDO INDIANA SOUTHWEST C&amp;M</v>
          </cell>
        </row>
        <row r="730">
          <cell r="F730">
            <v>75115</v>
          </cell>
          <cell r="Z730" t="str">
            <v>GLFUD</v>
          </cell>
          <cell r="AN730" t="str">
            <v>MDO C&amp;M</v>
          </cell>
          <cell r="AO730" t="str">
            <v>MDO INDIANA SOUTHWEST C&amp;M</v>
          </cell>
        </row>
        <row r="731">
          <cell r="F731">
            <v>75115</v>
          </cell>
          <cell r="Z731" t="str">
            <v>GLFUD</v>
          </cell>
          <cell r="AN731" t="str">
            <v>MDO C&amp;M</v>
          </cell>
          <cell r="AO731" t="str">
            <v>MDO INDIANA SOUTHWEST C&amp;M</v>
          </cell>
        </row>
        <row r="732">
          <cell r="F732">
            <v>75115</v>
          </cell>
          <cell r="Z732" t="str">
            <v>GLFUD</v>
          </cell>
          <cell r="AN732" t="str">
            <v>MDO C&amp;M</v>
          </cell>
          <cell r="AO732" t="str">
            <v>MDO INDIANA SOUTHWEST C&amp;M</v>
          </cell>
        </row>
        <row r="733">
          <cell r="F733">
            <v>75115</v>
          </cell>
          <cell r="Z733" t="str">
            <v>GLFUD</v>
          </cell>
          <cell r="AN733" t="str">
            <v>MDO C&amp;M</v>
          </cell>
          <cell r="AO733" t="str">
            <v>MDO INDIANA SOUTHWEST C&amp;M</v>
          </cell>
        </row>
        <row r="734">
          <cell r="F734">
            <v>75115</v>
          </cell>
          <cell r="Z734" t="str">
            <v>GLFUD</v>
          </cell>
          <cell r="AN734" t="str">
            <v>MDO C&amp;M</v>
          </cell>
          <cell r="AO734" t="str">
            <v>MDO INDIANA SOUTHWEST C&amp;M</v>
          </cell>
        </row>
        <row r="735">
          <cell r="F735">
            <v>75115</v>
          </cell>
          <cell r="Z735" t="str">
            <v>GLFUD</v>
          </cell>
          <cell r="AN735" t="str">
            <v>MDO C&amp;M</v>
          </cell>
          <cell r="AO735" t="str">
            <v>MDO INDIANA SOUTHWEST C&amp;M</v>
          </cell>
        </row>
        <row r="736">
          <cell r="F736">
            <v>75115</v>
          </cell>
          <cell r="Z736" t="str">
            <v>GLFUD</v>
          </cell>
          <cell r="AN736" t="str">
            <v>MDO C&amp;M</v>
          </cell>
          <cell r="AO736" t="str">
            <v>MDO INDIANA SOUTHWEST C&amp;M</v>
          </cell>
        </row>
        <row r="737">
          <cell r="F737">
            <v>75115</v>
          </cell>
          <cell r="Z737" t="str">
            <v>GLFUD</v>
          </cell>
          <cell r="AN737" t="str">
            <v>MDO C&amp;M</v>
          </cell>
          <cell r="AO737" t="str">
            <v>MDO INDIANA SOUTHWEST C&amp;M</v>
          </cell>
        </row>
        <row r="738">
          <cell r="F738">
            <v>75115</v>
          </cell>
          <cell r="Z738" t="str">
            <v>GLFUD</v>
          </cell>
          <cell r="AN738" t="str">
            <v>MDO C&amp;M</v>
          </cell>
          <cell r="AO738" t="str">
            <v>MDO INDIANA SOUTHWEST C&amp;M</v>
          </cell>
        </row>
        <row r="739">
          <cell r="F739">
            <v>75115</v>
          </cell>
          <cell r="Z739" t="str">
            <v>GLFUD</v>
          </cell>
          <cell r="AN739" t="str">
            <v>MDO C&amp;M</v>
          </cell>
          <cell r="AO739" t="str">
            <v>MDO INDIANA SOUTHWEST C&amp;M</v>
          </cell>
        </row>
        <row r="740">
          <cell r="F740">
            <v>75115</v>
          </cell>
          <cell r="Z740" t="str">
            <v>GLFUD</v>
          </cell>
          <cell r="AN740" t="str">
            <v>MDO C&amp;M</v>
          </cell>
          <cell r="AO740" t="str">
            <v>MDO INDIANA SOUTHWEST C&amp;M</v>
          </cell>
        </row>
        <row r="741">
          <cell r="F741">
            <v>75115</v>
          </cell>
          <cell r="Z741" t="str">
            <v>GLFUD</v>
          </cell>
          <cell r="AN741" t="str">
            <v>MDO C&amp;M</v>
          </cell>
          <cell r="AO741" t="str">
            <v>MDO INDIANA SOUTHWEST C&amp;M</v>
          </cell>
        </row>
        <row r="742">
          <cell r="F742">
            <v>75115</v>
          </cell>
          <cell r="Z742" t="str">
            <v>GLFUD</v>
          </cell>
          <cell r="AN742" t="str">
            <v>MDO C&amp;M</v>
          </cell>
          <cell r="AO742" t="str">
            <v>MDO INDIANA SOUTHWEST C&amp;M</v>
          </cell>
        </row>
        <row r="743">
          <cell r="F743">
            <v>75115</v>
          </cell>
          <cell r="Z743" t="str">
            <v>GLFUD</v>
          </cell>
          <cell r="AN743" t="str">
            <v>MDO C&amp;M</v>
          </cell>
          <cell r="AO743" t="str">
            <v>MDO INDIANA SOUTHWEST C&amp;M</v>
          </cell>
        </row>
        <row r="744">
          <cell r="F744">
            <v>75115</v>
          </cell>
          <cell r="Z744" t="str">
            <v>GLFUD</v>
          </cell>
          <cell r="AN744" t="str">
            <v>MDO C&amp;M</v>
          </cell>
          <cell r="AO744" t="str">
            <v>MDO INDIANA SOUTHWEST C&amp;M</v>
          </cell>
        </row>
        <row r="745">
          <cell r="F745">
            <v>75115</v>
          </cell>
          <cell r="Z745" t="str">
            <v>GLFUD</v>
          </cell>
          <cell r="AN745" t="str">
            <v>MDO C&amp;M</v>
          </cell>
          <cell r="AO745" t="str">
            <v>MDO INDIANA SOUTHWEST C&amp;M</v>
          </cell>
        </row>
        <row r="746">
          <cell r="F746">
            <v>75115</v>
          </cell>
          <cell r="Z746" t="str">
            <v>GLFUD</v>
          </cell>
          <cell r="AN746" t="str">
            <v>MDO C&amp;M</v>
          </cell>
          <cell r="AO746" t="str">
            <v>MDO INDIANA SOUTHWEST C&amp;M</v>
          </cell>
        </row>
        <row r="747">
          <cell r="F747">
            <v>75115</v>
          </cell>
          <cell r="Z747" t="str">
            <v>GLFUD</v>
          </cell>
          <cell r="AN747" t="str">
            <v>MDO C&amp;M</v>
          </cell>
          <cell r="AO747" t="str">
            <v>MDO INDIANA SOUTHWEST C&amp;M</v>
          </cell>
        </row>
        <row r="748">
          <cell r="F748">
            <v>75115</v>
          </cell>
          <cell r="Z748" t="str">
            <v>GLFUD</v>
          </cell>
          <cell r="AN748" t="str">
            <v>MDO C&amp;M</v>
          </cell>
          <cell r="AO748" t="str">
            <v>MDO INDIANA SOUTHWEST C&amp;M</v>
          </cell>
        </row>
        <row r="749">
          <cell r="F749">
            <v>75115</v>
          </cell>
          <cell r="Z749" t="str">
            <v>GLFUD</v>
          </cell>
          <cell r="AN749" t="str">
            <v>MDO C&amp;M</v>
          </cell>
          <cell r="AO749" t="str">
            <v>MDO INDIANA SOUTHWEST C&amp;M</v>
          </cell>
        </row>
        <row r="750">
          <cell r="F750">
            <v>75115</v>
          </cell>
          <cell r="Z750" t="str">
            <v>GLFUD</v>
          </cell>
          <cell r="AN750" t="str">
            <v>MDO C&amp;M</v>
          </cell>
          <cell r="AO750" t="str">
            <v>MDO INDIANA SOUTHWEST C&amp;M</v>
          </cell>
        </row>
        <row r="751">
          <cell r="F751">
            <v>75115</v>
          </cell>
          <cell r="Z751" t="str">
            <v>GLFUD</v>
          </cell>
          <cell r="AN751" t="str">
            <v>MDO C&amp;M</v>
          </cell>
          <cell r="AO751" t="str">
            <v>MDO INDIANA SOUTHWEST C&amp;M</v>
          </cell>
        </row>
        <row r="752">
          <cell r="F752">
            <v>75115</v>
          </cell>
          <cell r="Z752" t="str">
            <v>GLFUD</v>
          </cell>
          <cell r="AN752" t="str">
            <v>MDO C&amp;M</v>
          </cell>
          <cell r="AO752" t="str">
            <v>MDO INDIANA SOUTHWEST C&amp;M</v>
          </cell>
        </row>
        <row r="753">
          <cell r="F753">
            <v>75115</v>
          </cell>
          <cell r="Z753" t="str">
            <v>GLFUD</v>
          </cell>
          <cell r="AN753" t="str">
            <v>MDO C&amp;M</v>
          </cell>
          <cell r="AO753" t="str">
            <v>MDO INDIANA SOUTHWEST C&amp;M</v>
          </cell>
        </row>
        <row r="754">
          <cell r="F754">
            <v>75115</v>
          </cell>
          <cell r="Z754" t="str">
            <v>GLFUD</v>
          </cell>
          <cell r="AN754" t="str">
            <v>MDO C&amp;M</v>
          </cell>
          <cell r="AO754" t="str">
            <v>MDO INDIANA SOUTHWEST C&amp;M</v>
          </cell>
        </row>
        <row r="755">
          <cell r="F755">
            <v>75115</v>
          </cell>
          <cell r="Z755" t="str">
            <v>GLFUD</v>
          </cell>
          <cell r="AN755" t="str">
            <v>MDO C&amp;M</v>
          </cell>
          <cell r="AO755" t="str">
            <v>MDO INDIANA SOUTHWEST C&amp;M</v>
          </cell>
        </row>
        <row r="756">
          <cell r="F756">
            <v>75115</v>
          </cell>
          <cell r="Z756" t="str">
            <v>GLFUD</v>
          </cell>
          <cell r="AN756" t="str">
            <v>MDO C&amp;M</v>
          </cell>
          <cell r="AO756" t="str">
            <v>MDO INDIANA SOUTHWEST C&amp;M</v>
          </cell>
        </row>
        <row r="757">
          <cell r="F757">
            <v>75115</v>
          </cell>
          <cell r="Z757" t="str">
            <v>GLFUD</v>
          </cell>
          <cell r="AN757" t="str">
            <v>MDO C&amp;M</v>
          </cell>
          <cell r="AO757" t="str">
            <v>MDO INDIANA SOUTHWEST C&amp;M</v>
          </cell>
        </row>
        <row r="758">
          <cell r="F758">
            <v>75115</v>
          </cell>
          <cell r="Z758" t="str">
            <v>GLFUD</v>
          </cell>
          <cell r="AN758" t="str">
            <v>MDO C&amp;M</v>
          </cell>
          <cell r="AO758" t="str">
            <v>MDO INDIANA SOUTHWEST C&amp;M</v>
          </cell>
        </row>
        <row r="759">
          <cell r="F759">
            <v>75115</v>
          </cell>
          <cell r="Z759" t="str">
            <v>GLFUD</v>
          </cell>
          <cell r="AN759" t="str">
            <v>MDO C&amp;M</v>
          </cell>
          <cell r="AO759" t="str">
            <v>MDO INDIANA SOUTHWEST C&amp;M</v>
          </cell>
        </row>
        <row r="760">
          <cell r="F760">
            <v>75115</v>
          </cell>
          <cell r="Z760" t="str">
            <v>GLFUD</v>
          </cell>
          <cell r="AN760" t="str">
            <v>MDO C&amp;M</v>
          </cell>
          <cell r="AO760" t="str">
            <v>MDO INDIANA SOUTHWEST C&amp;M</v>
          </cell>
        </row>
        <row r="761">
          <cell r="F761">
            <v>75115</v>
          </cell>
          <cell r="Z761" t="str">
            <v>GLFUD</v>
          </cell>
          <cell r="AN761" t="str">
            <v>MDO C&amp;M</v>
          </cell>
          <cell r="AO761" t="str">
            <v>MDO INDIANA SOUTHWEST C&amp;M</v>
          </cell>
        </row>
        <row r="762">
          <cell r="F762">
            <v>75115</v>
          </cell>
          <cell r="Z762" t="str">
            <v>GLFUD</v>
          </cell>
          <cell r="AN762" t="str">
            <v>MDO C&amp;M</v>
          </cell>
          <cell r="AO762" t="str">
            <v>MDO INDIANA SOUTHWEST C&amp;M</v>
          </cell>
        </row>
        <row r="763">
          <cell r="F763">
            <v>75115</v>
          </cell>
          <cell r="Z763" t="str">
            <v>GLFUD</v>
          </cell>
          <cell r="AN763" t="str">
            <v>MDO C&amp;M</v>
          </cell>
          <cell r="AO763" t="str">
            <v>MDO INDIANA SOUTHWEST C&amp;M</v>
          </cell>
        </row>
        <row r="764">
          <cell r="F764">
            <v>75115</v>
          </cell>
          <cell r="Z764" t="str">
            <v>GLFUD</v>
          </cell>
          <cell r="AN764" t="str">
            <v>MDO C&amp;M</v>
          </cell>
          <cell r="AO764" t="str">
            <v>MDO INDIANA SOUTHWEST C&amp;M</v>
          </cell>
        </row>
        <row r="765">
          <cell r="F765">
            <v>75115</v>
          </cell>
          <cell r="Z765" t="str">
            <v>GLFUD</v>
          </cell>
          <cell r="AN765" t="str">
            <v>MDO C&amp;M</v>
          </cell>
          <cell r="AO765" t="str">
            <v>MDO INDIANA SOUTHWEST C&amp;M</v>
          </cell>
        </row>
        <row r="766">
          <cell r="F766">
            <v>75115</v>
          </cell>
          <cell r="Z766" t="str">
            <v>GLFUD</v>
          </cell>
          <cell r="AN766" t="str">
            <v>MDO C&amp;M</v>
          </cell>
          <cell r="AO766" t="str">
            <v>MDO INDIANA SOUTHWEST C&amp;M</v>
          </cell>
        </row>
        <row r="767">
          <cell r="F767">
            <v>75115</v>
          </cell>
          <cell r="Z767" t="str">
            <v>GLFUD</v>
          </cell>
          <cell r="AN767" t="str">
            <v>MDO C&amp;M</v>
          </cell>
          <cell r="AO767" t="str">
            <v>MDO INDIANA SOUTHWEST C&amp;M</v>
          </cell>
        </row>
        <row r="768">
          <cell r="F768">
            <v>75115</v>
          </cell>
          <cell r="Z768" t="str">
            <v>GLFUD</v>
          </cell>
          <cell r="AN768" t="str">
            <v>MDO C&amp;M</v>
          </cell>
          <cell r="AO768" t="str">
            <v>MDO INDIANA SOUTHWEST C&amp;M</v>
          </cell>
        </row>
        <row r="769">
          <cell r="F769">
            <v>75115</v>
          </cell>
          <cell r="Z769" t="str">
            <v>GLFUD</v>
          </cell>
          <cell r="AN769" t="str">
            <v>MDO C&amp;M</v>
          </cell>
          <cell r="AO769" t="str">
            <v>MDO INDIANA SOUTHWEST C&amp;M</v>
          </cell>
        </row>
        <row r="770">
          <cell r="F770">
            <v>75115</v>
          </cell>
          <cell r="Z770" t="str">
            <v>GLFUD</v>
          </cell>
          <cell r="AN770" t="str">
            <v>MDO C&amp;M</v>
          </cell>
          <cell r="AO770" t="str">
            <v>MDO INDIANA SOUTHWEST C&amp;M</v>
          </cell>
        </row>
        <row r="771">
          <cell r="F771">
            <v>75115</v>
          </cell>
          <cell r="Z771" t="str">
            <v>GLFUD</v>
          </cell>
          <cell r="AN771" t="str">
            <v>MDO C&amp;M</v>
          </cell>
          <cell r="AO771" t="str">
            <v>MDO INDIANA SOUTHWEST C&amp;M</v>
          </cell>
        </row>
        <row r="772">
          <cell r="F772">
            <v>75115</v>
          </cell>
          <cell r="Z772" t="str">
            <v>GLFUD</v>
          </cell>
          <cell r="AN772" t="str">
            <v>MDO C&amp;M</v>
          </cell>
          <cell r="AO772" t="str">
            <v>MDO INDIANA SOUTHWEST C&amp;M</v>
          </cell>
        </row>
        <row r="773">
          <cell r="F773">
            <v>75115</v>
          </cell>
          <cell r="Z773" t="str">
            <v>GLFUD</v>
          </cell>
          <cell r="AN773" t="str">
            <v>MDO C&amp;M</v>
          </cell>
          <cell r="AO773" t="str">
            <v>MDO INDIANA SOUTHWEST C&amp;M</v>
          </cell>
        </row>
        <row r="774">
          <cell r="F774">
            <v>75115</v>
          </cell>
          <cell r="Z774" t="str">
            <v>GLFUD</v>
          </cell>
          <cell r="AN774" t="str">
            <v>MDO C&amp;M</v>
          </cell>
          <cell r="AO774" t="str">
            <v>MDO INDIANA SOUTHEAST C&amp;M</v>
          </cell>
        </row>
        <row r="775">
          <cell r="F775">
            <v>75115</v>
          </cell>
          <cell r="Z775" t="str">
            <v>GLFUD</v>
          </cell>
          <cell r="AN775" t="str">
            <v>MDO C&amp;M</v>
          </cell>
          <cell r="AO775" t="str">
            <v>MDO INDIANA SOUTHEAST C&amp;M</v>
          </cell>
        </row>
        <row r="776">
          <cell r="F776">
            <v>75115</v>
          </cell>
          <cell r="Z776" t="str">
            <v>GLFUD</v>
          </cell>
          <cell r="AN776" t="str">
            <v>MDO C&amp;M</v>
          </cell>
          <cell r="AO776" t="str">
            <v>MDO INDIANA SOUTHEAST C&amp;M</v>
          </cell>
        </row>
        <row r="777">
          <cell r="F777">
            <v>75115</v>
          </cell>
          <cell r="Z777" t="str">
            <v>GLFUD</v>
          </cell>
          <cell r="AN777" t="str">
            <v>MDO C&amp;M</v>
          </cell>
          <cell r="AO777" t="str">
            <v>MDO INDIANA SOUTHEAST C&amp;M</v>
          </cell>
        </row>
        <row r="778">
          <cell r="F778">
            <v>75115</v>
          </cell>
          <cell r="Z778" t="str">
            <v>GLFUD</v>
          </cell>
          <cell r="AN778" t="str">
            <v>MDO C&amp;M</v>
          </cell>
          <cell r="AO778" t="str">
            <v>MDO INDIANA SOUTHEAST C&amp;M</v>
          </cell>
        </row>
        <row r="779">
          <cell r="F779">
            <v>75115</v>
          </cell>
          <cell r="Z779" t="str">
            <v>GLFUD</v>
          </cell>
          <cell r="AN779" t="str">
            <v>MDO C&amp;M</v>
          </cell>
          <cell r="AO779" t="str">
            <v>MDO INDIANA SOUTHEAST C&amp;M</v>
          </cell>
        </row>
        <row r="780">
          <cell r="F780">
            <v>75115</v>
          </cell>
          <cell r="Z780" t="str">
            <v>GLFUD</v>
          </cell>
          <cell r="AN780" t="str">
            <v>MDO C&amp;M</v>
          </cell>
          <cell r="AO780" t="str">
            <v>MDO INDIANA SOUTHEAST C&amp;M</v>
          </cell>
        </row>
        <row r="781">
          <cell r="F781">
            <v>75115</v>
          </cell>
          <cell r="Z781" t="str">
            <v>GLFUD</v>
          </cell>
          <cell r="AN781" t="str">
            <v>MDO C&amp;M</v>
          </cell>
          <cell r="AO781" t="str">
            <v>MDO INDIANA SOUTHEAST C&amp;M</v>
          </cell>
        </row>
        <row r="782">
          <cell r="F782">
            <v>75115</v>
          </cell>
          <cell r="Z782" t="str">
            <v>GLFUD</v>
          </cell>
          <cell r="AN782" t="str">
            <v>MDO C&amp;M</v>
          </cell>
          <cell r="AO782" t="str">
            <v>MDO INDIANA SOUTHEAST C&amp;M</v>
          </cell>
        </row>
        <row r="783">
          <cell r="F783">
            <v>75115</v>
          </cell>
          <cell r="Z783" t="str">
            <v>GLFUD</v>
          </cell>
          <cell r="AN783" t="str">
            <v>MDO C&amp;M</v>
          </cell>
          <cell r="AO783" t="str">
            <v>MDO INDIANA SOUTHEAST C&amp;M</v>
          </cell>
        </row>
        <row r="784">
          <cell r="F784">
            <v>75115</v>
          </cell>
          <cell r="Z784" t="str">
            <v>GLFUD</v>
          </cell>
          <cell r="AN784" t="str">
            <v>MDO C&amp;M</v>
          </cell>
          <cell r="AO784" t="str">
            <v>MDO INDIANA SOUTHEAST C&amp;M</v>
          </cell>
        </row>
        <row r="785">
          <cell r="F785">
            <v>75115</v>
          </cell>
          <cell r="Z785" t="str">
            <v>GLFUD</v>
          </cell>
          <cell r="AN785" t="str">
            <v>MDO C&amp;M</v>
          </cell>
          <cell r="AO785" t="str">
            <v>MDO INDIANA SOUTHEAST C&amp;M</v>
          </cell>
        </row>
        <row r="786">
          <cell r="F786">
            <v>75115</v>
          </cell>
          <cell r="Z786" t="str">
            <v>GLFUD</v>
          </cell>
          <cell r="AN786" t="str">
            <v>MDO C&amp;M</v>
          </cell>
          <cell r="AO786" t="str">
            <v>MDO INDIANA SOUTHEAST C&amp;M</v>
          </cell>
        </row>
        <row r="787">
          <cell r="F787">
            <v>75115</v>
          </cell>
          <cell r="Z787" t="str">
            <v>GLFUD</v>
          </cell>
          <cell r="AN787" t="str">
            <v>MDO C&amp;M</v>
          </cell>
          <cell r="AO787" t="str">
            <v>MDO INDIANA SOUTHEAST C&amp;M</v>
          </cell>
        </row>
        <row r="788">
          <cell r="F788">
            <v>75115</v>
          </cell>
          <cell r="Z788" t="str">
            <v>GLFUD</v>
          </cell>
          <cell r="AN788" t="str">
            <v>MDO C&amp;M</v>
          </cell>
          <cell r="AO788" t="str">
            <v>MDO INDIANA SOUTHEAST C&amp;M</v>
          </cell>
        </row>
        <row r="789">
          <cell r="F789">
            <v>75115</v>
          </cell>
          <cell r="Z789" t="str">
            <v>GLFUD</v>
          </cell>
          <cell r="AN789" t="str">
            <v>MDO C&amp;M</v>
          </cell>
          <cell r="AO789" t="str">
            <v>MDO INDIANA SOUTHEAST C&amp;M</v>
          </cell>
        </row>
        <row r="790">
          <cell r="F790">
            <v>75115</v>
          </cell>
          <cell r="Z790" t="str">
            <v>GLFUD</v>
          </cell>
          <cell r="AN790" t="str">
            <v>MDO C&amp;M</v>
          </cell>
          <cell r="AO790" t="str">
            <v>MDO INDIANA SOUTHEAST C&amp;M</v>
          </cell>
        </row>
        <row r="791">
          <cell r="F791">
            <v>75115</v>
          </cell>
          <cell r="Z791" t="str">
            <v>GLFUD</v>
          </cell>
          <cell r="AN791" t="str">
            <v>MDO C&amp;M</v>
          </cell>
          <cell r="AO791" t="str">
            <v>MDO INDIANA SOUTHEAST C&amp;M</v>
          </cell>
        </row>
        <row r="792">
          <cell r="F792">
            <v>75115</v>
          </cell>
          <cell r="Z792" t="str">
            <v>GLFUD</v>
          </cell>
          <cell r="AN792" t="str">
            <v>MDO C&amp;M</v>
          </cell>
          <cell r="AO792" t="str">
            <v>MDO INDIANA SOUTHEAST C&amp;M</v>
          </cell>
        </row>
        <row r="793">
          <cell r="F793">
            <v>75115</v>
          </cell>
          <cell r="Z793" t="str">
            <v>GLFUD</v>
          </cell>
          <cell r="AN793" t="str">
            <v>MDO C&amp;M</v>
          </cell>
          <cell r="AO793" t="str">
            <v>MDO INDIANA SOUTHEAST C&amp;M</v>
          </cell>
        </row>
        <row r="794">
          <cell r="F794">
            <v>75115</v>
          </cell>
          <cell r="Z794" t="str">
            <v>GLFUD</v>
          </cell>
          <cell r="AN794" t="str">
            <v>MDO C&amp;M</v>
          </cell>
          <cell r="AO794" t="str">
            <v>MDO INDIANA SOUTHEAST C&amp;M</v>
          </cell>
        </row>
        <row r="795">
          <cell r="F795">
            <v>75115</v>
          </cell>
          <cell r="Z795" t="str">
            <v>GLFUD</v>
          </cell>
          <cell r="AN795" t="str">
            <v>MDO C&amp;M</v>
          </cell>
          <cell r="AO795" t="str">
            <v>MDO INDIANA SOUTHEAST C&amp;M</v>
          </cell>
        </row>
        <row r="796">
          <cell r="F796">
            <v>75115</v>
          </cell>
          <cell r="Z796" t="str">
            <v>GLFUD</v>
          </cell>
          <cell r="AN796" t="str">
            <v>MDO C&amp;M</v>
          </cell>
          <cell r="AO796" t="str">
            <v>MDO INDIANA SOUTHEAST C&amp;M</v>
          </cell>
        </row>
        <row r="797">
          <cell r="F797">
            <v>75115</v>
          </cell>
          <cell r="Z797" t="str">
            <v>GLFUD</v>
          </cell>
          <cell r="AN797" t="str">
            <v>MDO C&amp;M</v>
          </cell>
          <cell r="AO797" t="str">
            <v>MDO INDIANA SOUTHEAST C&amp;M</v>
          </cell>
        </row>
        <row r="798">
          <cell r="F798">
            <v>75115</v>
          </cell>
          <cell r="Z798" t="str">
            <v>GLFUD</v>
          </cell>
          <cell r="AN798" t="str">
            <v>MDO C&amp;M</v>
          </cell>
          <cell r="AO798" t="str">
            <v>MDO INDIANA SOUTHEAST C&amp;M</v>
          </cell>
        </row>
        <row r="799">
          <cell r="F799">
            <v>75115</v>
          </cell>
          <cell r="Z799" t="str">
            <v>GLFUD</v>
          </cell>
          <cell r="AN799" t="str">
            <v>MDO C&amp;M</v>
          </cell>
          <cell r="AO799" t="str">
            <v>MDO INDIANA SOUTHEAST C&amp;M</v>
          </cell>
        </row>
        <row r="800">
          <cell r="F800">
            <v>75115</v>
          </cell>
          <cell r="Z800" t="str">
            <v>GLFUD</v>
          </cell>
          <cell r="AN800" t="str">
            <v>MDO C&amp;M</v>
          </cell>
          <cell r="AO800" t="str">
            <v>MDO INDIANA SOUTHEAST C&amp;M</v>
          </cell>
        </row>
        <row r="801">
          <cell r="F801">
            <v>75115</v>
          </cell>
          <cell r="Z801" t="str">
            <v>GLFUD</v>
          </cell>
          <cell r="AN801" t="str">
            <v>MDO C&amp;M</v>
          </cell>
          <cell r="AO801" t="str">
            <v>MDO INDIANA SOUTHEAST C&amp;M</v>
          </cell>
        </row>
        <row r="802">
          <cell r="F802">
            <v>75115</v>
          </cell>
          <cell r="Z802" t="str">
            <v>GLFUD</v>
          </cell>
          <cell r="AN802" t="str">
            <v>MDO C&amp;M</v>
          </cell>
          <cell r="AO802" t="str">
            <v>MDO INDIANA SOUTHEAST C&amp;M</v>
          </cell>
        </row>
        <row r="803">
          <cell r="F803">
            <v>75115</v>
          </cell>
          <cell r="Z803" t="str">
            <v>GLFUD</v>
          </cell>
          <cell r="AN803" t="str">
            <v>MDO C&amp;M</v>
          </cell>
          <cell r="AO803" t="str">
            <v>MDO INDIANA SOUTHEAST C&amp;M</v>
          </cell>
        </row>
        <row r="804">
          <cell r="F804">
            <v>75115</v>
          </cell>
          <cell r="Z804" t="str">
            <v>GLFUD</v>
          </cell>
          <cell r="AN804" t="str">
            <v>MDO C&amp;M</v>
          </cell>
          <cell r="AO804" t="str">
            <v>MDO INDIANA SOUTHEAST C&amp;M</v>
          </cell>
        </row>
        <row r="805">
          <cell r="F805">
            <v>75115</v>
          </cell>
          <cell r="Z805" t="str">
            <v>GLFUD</v>
          </cell>
          <cell r="AN805" t="str">
            <v>MDO C&amp;M</v>
          </cell>
          <cell r="AO805" t="str">
            <v>MDO INDIANA SOUTHEAST C&amp;M</v>
          </cell>
        </row>
        <row r="806">
          <cell r="F806">
            <v>75115</v>
          </cell>
          <cell r="Z806" t="str">
            <v>GLFUD</v>
          </cell>
          <cell r="AN806" t="str">
            <v>MDO C&amp;M</v>
          </cell>
          <cell r="AO806" t="str">
            <v>MDO INDIANA SOUTHEAST C&amp;M</v>
          </cell>
        </row>
        <row r="807">
          <cell r="F807">
            <v>75115</v>
          </cell>
          <cell r="Z807" t="str">
            <v>GLFUD</v>
          </cell>
          <cell r="AN807" t="str">
            <v>MDO C&amp;M</v>
          </cell>
          <cell r="AO807" t="str">
            <v>MDO INDIANA SOUTHEAST C&amp;M</v>
          </cell>
        </row>
        <row r="808">
          <cell r="F808">
            <v>75115</v>
          </cell>
          <cell r="Z808" t="str">
            <v>GLFUD</v>
          </cell>
          <cell r="AN808" t="str">
            <v>MDO C&amp;M</v>
          </cell>
          <cell r="AO808" t="str">
            <v>MDO INDIANA SOUTHEAST C&amp;M</v>
          </cell>
        </row>
        <row r="809">
          <cell r="F809">
            <v>75115</v>
          </cell>
          <cell r="Z809" t="str">
            <v>GLFUD</v>
          </cell>
          <cell r="AN809" t="str">
            <v>MDO C&amp;M</v>
          </cell>
          <cell r="AO809" t="str">
            <v>MDO INDIANA SOUTHEAST C&amp;M</v>
          </cell>
        </row>
        <row r="810">
          <cell r="F810">
            <v>75115</v>
          </cell>
          <cell r="Z810" t="str">
            <v>GLFUD</v>
          </cell>
          <cell r="AN810" t="str">
            <v>MDO C&amp;M</v>
          </cell>
          <cell r="AO810" t="str">
            <v>MDO INDIANA SOUTHEAST C&amp;M</v>
          </cell>
        </row>
        <row r="811">
          <cell r="F811">
            <v>75115</v>
          </cell>
          <cell r="Z811" t="str">
            <v>GLFUD</v>
          </cell>
          <cell r="AN811" t="str">
            <v>MDO C&amp;M</v>
          </cell>
          <cell r="AO811" t="str">
            <v>MDO INDIANA SOUTHEAST C&amp;M</v>
          </cell>
        </row>
        <row r="812">
          <cell r="F812">
            <v>75115</v>
          </cell>
          <cell r="Z812" t="str">
            <v>GLFUD</v>
          </cell>
          <cell r="AN812" t="str">
            <v>MDO C&amp;M</v>
          </cell>
          <cell r="AO812" t="str">
            <v>MDO INDIANA SOUTHEAST C&amp;M</v>
          </cell>
        </row>
        <row r="813">
          <cell r="F813">
            <v>75115</v>
          </cell>
          <cell r="Z813" t="str">
            <v>GLFUD</v>
          </cell>
          <cell r="AN813" t="str">
            <v>MDO C&amp;M</v>
          </cell>
          <cell r="AO813" t="str">
            <v>MDO INDIANA SOUTHEAST C&amp;M</v>
          </cell>
        </row>
        <row r="814">
          <cell r="F814">
            <v>75115</v>
          </cell>
          <cell r="Z814" t="str">
            <v>GLFUD</v>
          </cell>
          <cell r="AN814" t="str">
            <v>MDO C&amp;M</v>
          </cell>
          <cell r="AO814" t="str">
            <v>MDO INDIANA SOUTHEAST C&amp;M</v>
          </cell>
        </row>
        <row r="815">
          <cell r="F815">
            <v>75115</v>
          </cell>
          <cell r="Z815" t="str">
            <v>GLFUD</v>
          </cell>
          <cell r="AN815" t="str">
            <v>MDO C&amp;M</v>
          </cell>
          <cell r="AO815" t="str">
            <v>MDO INDIANA SOUTHEAST C&amp;M</v>
          </cell>
        </row>
        <row r="816">
          <cell r="F816">
            <v>75115</v>
          </cell>
          <cell r="Z816" t="str">
            <v>GLFUD</v>
          </cell>
          <cell r="AN816" t="str">
            <v>MDO C&amp;M</v>
          </cell>
          <cell r="AO816" t="str">
            <v>MDO INDIANA SOUTHEAST C&amp;M</v>
          </cell>
        </row>
        <row r="817">
          <cell r="F817">
            <v>75115</v>
          </cell>
          <cell r="Z817" t="str">
            <v>GLFUD</v>
          </cell>
          <cell r="AN817" t="str">
            <v>MDO C&amp;M</v>
          </cell>
          <cell r="AO817" t="str">
            <v>MDO INDIANA SOUTHEAST C&amp;M</v>
          </cell>
        </row>
        <row r="818">
          <cell r="F818">
            <v>75115</v>
          </cell>
          <cell r="Z818" t="str">
            <v>GLFUD</v>
          </cell>
          <cell r="AN818" t="str">
            <v>MDO C&amp;M</v>
          </cell>
          <cell r="AO818" t="str">
            <v>MDO INDIANA SOUTHEAST C&amp;M</v>
          </cell>
        </row>
        <row r="819">
          <cell r="F819">
            <v>75115</v>
          </cell>
          <cell r="Z819" t="str">
            <v>GLFUD</v>
          </cell>
          <cell r="AN819" t="str">
            <v>MDO C&amp;M</v>
          </cell>
          <cell r="AO819" t="str">
            <v>MDO INDIANA SOUTHEAST C&amp;M</v>
          </cell>
        </row>
        <row r="820">
          <cell r="F820">
            <v>75115</v>
          </cell>
          <cell r="Z820" t="str">
            <v>GLFUD</v>
          </cell>
          <cell r="AN820" t="str">
            <v>MDO C&amp;M</v>
          </cell>
          <cell r="AO820" t="str">
            <v>MDO INDIANA SOUTHEAST C&amp;M</v>
          </cell>
        </row>
        <row r="821">
          <cell r="F821">
            <v>75115</v>
          </cell>
          <cell r="Z821" t="str">
            <v>GLFUD</v>
          </cell>
          <cell r="AN821" t="str">
            <v>MDO C&amp;M</v>
          </cell>
          <cell r="AO821" t="str">
            <v>MDO INDIANA SOUTHEAST C&amp;M</v>
          </cell>
        </row>
        <row r="822">
          <cell r="F822">
            <v>75115</v>
          </cell>
          <cell r="Z822" t="str">
            <v>GLFUD</v>
          </cell>
          <cell r="AN822" t="str">
            <v>MDO C&amp;M</v>
          </cell>
          <cell r="AO822" t="str">
            <v>MDO INDIANA SOUTHEAST C&amp;M</v>
          </cell>
        </row>
        <row r="823">
          <cell r="F823">
            <v>75115</v>
          </cell>
          <cell r="Z823" t="str">
            <v>GLFUD</v>
          </cell>
          <cell r="AN823" t="str">
            <v>MDO C&amp;M</v>
          </cell>
          <cell r="AO823" t="str">
            <v>MDO INDIANA SOUTHEAST C&amp;M</v>
          </cell>
        </row>
        <row r="824">
          <cell r="F824">
            <v>75115</v>
          </cell>
          <cell r="Z824" t="str">
            <v>GLFUD</v>
          </cell>
          <cell r="AN824" t="str">
            <v>MDO C&amp;M</v>
          </cell>
          <cell r="AO824" t="str">
            <v>MDO INDIANA SOUTHEAST C&amp;M</v>
          </cell>
        </row>
        <row r="825">
          <cell r="F825">
            <v>75115</v>
          </cell>
          <cell r="Z825" t="str">
            <v>GLFUD</v>
          </cell>
          <cell r="AN825" t="str">
            <v>MDO C&amp;M</v>
          </cell>
          <cell r="AO825" t="str">
            <v>MDO INDIANA SOUTHEAST C&amp;M</v>
          </cell>
        </row>
        <row r="826">
          <cell r="F826">
            <v>75115</v>
          </cell>
          <cell r="Z826" t="str">
            <v>GLFUD</v>
          </cell>
          <cell r="AN826" t="str">
            <v>MDO C&amp;M</v>
          </cell>
          <cell r="AO826" t="str">
            <v>MDO INDIANA SOUTHEAST C&amp;M</v>
          </cell>
        </row>
        <row r="827">
          <cell r="F827">
            <v>75115</v>
          </cell>
          <cell r="Z827" t="str">
            <v>GLFUD</v>
          </cell>
          <cell r="AN827" t="str">
            <v>MDO C&amp;M</v>
          </cell>
          <cell r="AO827" t="str">
            <v>MDO INDIANA SOUTHEAST C&amp;M</v>
          </cell>
        </row>
        <row r="828">
          <cell r="F828">
            <v>75115</v>
          </cell>
          <cell r="Z828" t="str">
            <v>GLFUD</v>
          </cell>
          <cell r="AN828" t="str">
            <v>MDO C&amp;M</v>
          </cell>
          <cell r="AO828" t="str">
            <v>MDO INDIANA SOUTHEAST C&amp;M</v>
          </cell>
        </row>
        <row r="829">
          <cell r="F829">
            <v>75115</v>
          </cell>
          <cell r="Z829" t="str">
            <v>GLFUD</v>
          </cell>
          <cell r="AN829" t="str">
            <v>MDO C&amp;M</v>
          </cell>
          <cell r="AO829" t="str">
            <v>MDO INDIANA SOUTHEAST C&amp;M</v>
          </cell>
        </row>
        <row r="830">
          <cell r="F830">
            <v>75115</v>
          </cell>
          <cell r="Z830" t="str">
            <v>GLFUD</v>
          </cell>
          <cell r="AN830" t="str">
            <v>MDO C&amp;M</v>
          </cell>
          <cell r="AO830" t="str">
            <v>MDO INDIANA SOUTHEAST C&amp;M</v>
          </cell>
        </row>
        <row r="831">
          <cell r="F831">
            <v>75115</v>
          </cell>
          <cell r="Z831" t="str">
            <v>GLFUD</v>
          </cell>
          <cell r="AN831" t="str">
            <v>MDO C&amp;M</v>
          </cell>
          <cell r="AO831" t="str">
            <v>MDO INDIANA SOUTHEAST C&amp;M</v>
          </cell>
        </row>
        <row r="832">
          <cell r="F832">
            <v>75115</v>
          </cell>
          <cell r="Z832" t="str">
            <v>GLFUD</v>
          </cell>
          <cell r="AN832" t="str">
            <v>MDO C&amp;M</v>
          </cell>
          <cell r="AO832" t="str">
            <v>MDO INDIANA SOUTHEAST C&amp;M</v>
          </cell>
        </row>
        <row r="833">
          <cell r="F833">
            <v>75115</v>
          </cell>
          <cell r="Z833" t="str">
            <v>GLFUD</v>
          </cell>
          <cell r="AN833" t="str">
            <v>MDO C&amp;M</v>
          </cell>
          <cell r="AO833" t="str">
            <v>MDO INDIANA SOUTHEAST C&amp;M</v>
          </cell>
        </row>
        <row r="834">
          <cell r="F834">
            <v>75115</v>
          </cell>
          <cell r="Z834" t="str">
            <v>GLFUD</v>
          </cell>
          <cell r="AN834" t="str">
            <v>MDO C&amp;M</v>
          </cell>
          <cell r="AO834" t="str">
            <v>MDO INDIANA SOUTHEAST C&amp;M</v>
          </cell>
        </row>
        <row r="835">
          <cell r="F835">
            <v>75115</v>
          </cell>
          <cell r="Z835" t="str">
            <v>GLFUD</v>
          </cell>
          <cell r="AN835" t="str">
            <v>MDO C&amp;M</v>
          </cell>
          <cell r="AO835" t="str">
            <v>MDO INDIANA SOUTHEAST C&amp;M</v>
          </cell>
        </row>
        <row r="836">
          <cell r="F836">
            <v>75115</v>
          </cell>
          <cell r="Z836" t="str">
            <v>GLFUD</v>
          </cell>
          <cell r="AN836" t="str">
            <v>MDO C&amp;M</v>
          </cell>
          <cell r="AO836" t="str">
            <v>MDO INDIANA SOUTHEAST C&amp;M</v>
          </cell>
        </row>
        <row r="837">
          <cell r="F837">
            <v>75115</v>
          </cell>
          <cell r="Z837" t="str">
            <v>GLFUD</v>
          </cell>
          <cell r="AN837" t="str">
            <v>MDO C&amp;M</v>
          </cell>
          <cell r="AO837" t="str">
            <v>MDO INDIANA SOUTHEAST C&amp;M</v>
          </cell>
        </row>
        <row r="838">
          <cell r="F838">
            <v>75115</v>
          </cell>
          <cell r="Z838" t="str">
            <v>GLFUD</v>
          </cell>
          <cell r="AN838" t="str">
            <v>MDO C&amp;M</v>
          </cell>
          <cell r="AO838" t="str">
            <v>MDO INDIANA SOUTHEAST C&amp;M</v>
          </cell>
        </row>
        <row r="839">
          <cell r="F839">
            <v>75115</v>
          </cell>
          <cell r="Z839" t="str">
            <v>GLFUD</v>
          </cell>
          <cell r="AN839" t="str">
            <v>MDO C&amp;M</v>
          </cell>
          <cell r="AO839" t="str">
            <v>MDO INDIANA NORTH C&amp;M</v>
          </cell>
        </row>
        <row r="840">
          <cell r="F840">
            <v>75115</v>
          </cell>
          <cell r="Z840" t="str">
            <v>GLFUD</v>
          </cell>
          <cell r="AN840" t="str">
            <v>MDO C&amp;M</v>
          </cell>
          <cell r="AO840" t="str">
            <v>MDO INDIANA NORTH C&amp;M</v>
          </cell>
        </row>
        <row r="841">
          <cell r="F841">
            <v>75115</v>
          </cell>
          <cell r="Z841" t="str">
            <v>GLFUD</v>
          </cell>
          <cell r="AN841" t="str">
            <v>MDO C&amp;M</v>
          </cell>
          <cell r="AO841" t="str">
            <v>MDO INDIANA NORTH C&amp;M</v>
          </cell>
        </row>
        <row r="842">
          <cell r="F842">
            <v>75115</v>
          </cell>
          <cell r="Z842" t="str">
            <v>GLFUD</v>
          </cell>
          <cell r="AN842" t="str">
            <v>MDO C&amp;M</v>
          </cell>
          <cell r="AO842" t="str">
            <v>MDO INDIANA NORTH C&amp;M</v>
          </cell>
        </row>
        <row r="843">
          <cell r="F843">
            <v>75115</v>
          </cell>
          <cell r="Z843" t="str">
            <v>GLFUD</v>
          </cell>
          <cell r="AN843" t="str">
            <v>MDO C&amp;M</v>
          </cell>
          <cell r="AO843" t="str">
            <v>MDO INDIANA NORTH C&amp;M</v>
          </cell>
        </row>
        <row r="844">
          <cell r="F844">
            <v>75115</v>
          </cell>
          <cell r="Z844" t="str">
            <v>GLFUD</v>
          </cell>
          <cell r="AN844" t="str">
            <v>MDO C&amp;M</v>
          </cell>
          <cell r="AO844" t="str">
            <v>MDO INDIANA NORTH C&amp;M</v>
          </cell>
        </row>
        <row r="845">
          <cell r="F845">
            <v>75115</v>
          </cell>
          <cell r="Z845" t="str">
            <v>GLFUD</v>
          </cell>
          <cell r="AN845" t="str">
            <v>MDO C&amp;M</v>
          </cell>
          <cell r="AO845" t="str">
            <v>MDO INDIANA NORTH C&amp;M</v>
          </cell>
        </row>
        <row r="846">
          <cell r="F846">
            <v>75115</v>
          </cell>
          <cell r="Z846" t="str">
            <v>GLFUD</v>
          </cell>
          <cell r="AN846" t="str">
            <v>MDO C&amp;M</v>
          </cell>
          <cell r="AO846" t="str">
            <v>MDO INDIANA NORTH C&amp;M</v>
          </cell>
        </row>
        <row r="847">
          <cell r="F847">
            <v>75115</v>
          </cell>
          <cell r="Z847" t="str">
            <v>GLFUD</v>
          </cell>
          <cell r="AN847" t="str">
            <v>MDO C&amp;M</v>
          </cell>
          <cell r="AO847" t="str">
            <v>MDO INDIANA NORTH C&amp;M</v>
          </cell>
        </row>
        <row r="848">
          <cell r="F848">
            <v>75115</v>
          </cell>
          <cell r="Z848" t="str">
            <v>GLFUD</v>
          </cell>
          <cell r="AN848" t="str">
            <v>MDO C&amp;M</v>
          </cell>
          <cell r="AO848" t="str">
            <v>MDO INDIANA NORTH C&amp;M</v>
          </cell>
        </row>
        <row r="849">
          <cell r="F849">
            <v>75115</v>
          </cell>
          <cell r="Z849" t="str">
            <v>GLFUD</v>
          </cell>
          <cell r="AN849" t="str">
            <v>MDO C&amp;M</v>
          </cell>
          <cell r="AO849" t="str">
            <v>MDO INDIANA NORTH C&amp;M</v>
          </cell>
        </row>
        <row r="850">
          <cell r="F850">
            <v>75115</v>
          </cell>
          <cell r="Z850" t="str">
            <v>GLFUD</v>
          </cell>
          <cell r="AN850" t="str">
            <v>MDO C&amp;M</v>
          </cell>
          <cell r="AO850" t="str">
            <v>MDO INDIANA NORTH C&amp;M</v>
          </cell>
        </row>
        <row r="851">
          <cell r="F851">
            <v>75115</v>
          </cell>
          <cell r="Z851" t="str">
            <v>GLFUD</v>
          </cell>
          <cell r="AN851" t="str">
            <v>MDO C&amp;M</v>
          </cell>
          <cell r="AO851" t="str">
            <v>MDO INDIANA NORTH C&amp;M</v>
          </cell>
        </row>
        <row r="852">
          <cell r="F852">
            <v>75115</v>
          </cell>
          <cell r="Z852" t="str">
            <v>GLFUD</v>
          </cell>
          <cell r="AN852" t="str">
            <v>MDO C&amp;M</v>
          </cell>
          <cell r="AO852" t="str">
            <v>MDO INDIANA NORTH C&amp;M</v>
          </cell>
        </row>
        <row r="853">
          <cell r="F853">
            <v>75115</v>
          </cell>
          <cell r="Z853" t="str">
            <v>GLFUD</v>
          </cell>
          <cell r="AN853" t="str">
            <v>MDO C&amp;M</v>
          </cell>
          <cell r="AO853" t="str">
            <v>MDO INDIANA NORTH C&amp;M</v>
          </cell>
        </row>
        <row r="854">
          <cell r="F854">
            <v>75115</v>
          </cell>
          <cell r="Z854" t="str">
            <v>GLFUD</v>
          </cell>
          <cell r="AN854" t="str">
            <v>MDO C&amp;M</v>
          </cell>
          <cell r="AO854" t="str">
            <v>MDO INDIANA NORTH C&amp;M</v>
          </cell>
        </row>
        <row r="855">
          <cell r="F855">
            <v>75115</v>
          </cell>
          <cell r="Z855" t="str">
            <v>GLFUD</v>
          </cell>
          <cell r="AN855" t="str">
            <v>MDO C&amp;M</v>
          </cell>
          <cell r="AO855" t="str">
            <v>MDO INDIANA NORTH C&amp;M</v>
          </cell>
        </row>
        <row r="856">
          <cell r="F856">
            <v>75115</v>
          </cell>
          <cell r="Z856" t="str">
            <v>GLFUD</v>
          </cell>
          <cell r="AN856" t="str">
            <v>MDO C&amp;M</v>
          </cell>
          <cell r="AO856" t="str">
            <v>MDO INDIANA NORTH C&amp;M</v>
          </cell>
        </row>
        <row r="857">
          <cell r="F857">
            <v>75115</v>
          </cell>
          <cell r="Z857" t="str">
            <v>GLFUD</v>
          </cell>
          <cell r="AN857" t="str">
            <v>MDO C&amp;M</v>
          </cell>
          <cell r="AO857" t="str">
            <v>MDO INDIANA NORTH C&amp;M</v>
          </cell>
        </row>
        <row r="858">
          <cell r="F858">
            <v>75115</v>
          </cell>
          <cell r="Z858" t="str">
            <v>GLFUD</v>
          </cell>
          <cell r="AN858" t="str">
            <v>MDO C&amp;M</v>
          </cell>
          <cell r="AO858" t="str">
            <v>MDO INDIANA NORTH C&amp;M</v>
          </cell>
        </row>
        <row r="859">
          <cell r="F859">
            <v>75115</v>
          </cell>
          <cell r="Z859" t="str">
            <v>GLFUD</v>
          </cell>
          <cell r="AN859" t="str">
            <v>MDO C&amp;M</v>
          </cell>
          <cell r="AO859" t="str">
            <v>MDO INDIANA NORTH C&amp;M</v>
          </cell>
        </row>
        <row r="860">
          <cell r="F860">
            <v>75115</v>
          </cell>
          <cell r="Z860" t="str">
            <v>GLFUD</v>
          </cell>
          <cell r="AN860" t="str">
            <v>MDO C&amp;M</v>
          </cell>
          <cell r="AO860" t="str">
            <v>MDO INDIANA NORTH C&amp;M</v>
          </cell>
        </row>
        <row r="861">
          <cell r="F861">
            <v>75115</v>
          </cell>
          <cell r="Z861" t="str">
            <v>GLFUD</v>
          </cell>
          <cell r="AN861" t="str">
            <v>MDO C&amp;M</v>
          </cell>
          <cell r="AO861" t="str">
            <v>MDO INDIANA NORTH C&amp;M</v>
          </cell>
        </row>
        <row r="862">
          <cell r="F862">
            <v>75115</v>
          </cell>
          <cell r="Z862" t="str">
            <v>GLFUD</v>
          </cell>
          <cell r="AN862" t="str">
            <v>MDO C&amp;M</v>
          </cell>
          <cell r="AO862" t="str">
            <v>MDO INDIANA NORTH C&amp;M</v>
          </cell>
        </row>
        <row r="863">
          <cell r="F863">
            <v>75115</v>
          </cell>
          <cell r="Z863" t="str">
            <v>GLFUD</v>
          </cell>
          <cell r="AN863" t="str">
            <v>MDO C&amp;M</v>
          </cell>
          <cell r="AO863" t="str">
            <v>MDO INDIANA NORTH C&amp;M</v>
          </cell>
        </row>
        <row r="864">
          <cell r="F864">
            <v>75115</v>
          </cell>
          <cell r="Z864" t="str">
            <v>GLFUD</v>
          </cell>
          <cell r="AN864" t="str">
            <v>MDO C&amp;M</v>
          </cell>
          <cell r="AO864" t="str">
            <v>MDO INDIANA NORTH C&amp;M</v>
          </cell>
        </row>
        <row r="865">
          <cell r="F865">
            <v>75115</v>
          </cell>
          <cell r="Z865" t="str">
            <v>GLFUD</v>
          </cell>
          <cell r="AN865" t="str">
            <v>MDO C&amp;M</v>
          </cell>
          <cell r="AO865" t="str">
            <v>MDO INDIANA NORTH C&amp;M</v>
          </cell>
        </row>
        <row r="866">
          <cell r="F866">
            <v>75115</v>
          </cell>
          <cell r="Z866" t="str">
            <v>GLFUD</v>
          </cell>
          <cell r="AN866" t="str">
            <v>MDO C&amp;M</v>
          </cell>
          <cell r="AO866" t="str">
            <v>MDO INDIANA NORTH C&amp;M</v>
          </cell>
        </row>
        <row r="867">
          <cell r="F867">
            <v>75115</v>
          </cell>
          <cell r="Z867" t="str">
            <v>GLFUD</v>
          </cell>
          <cell r="AN867" t="str">
            <v>MDO C&amp;M</v>
          </cell>
          <cell r="AO867" t="str">
            <v>MDO INDIANA NORTH C&amp;M</v>
          </cell>
        </row>
        <row r="868">
          <cell r="F868">
            <v>75115</v>
          </cell>
          <cell r="Z868" t="str">
            <v>GLFUD</v>
          </cell>
          <cell r="AN868" t="str">
            <v>MDO C&amp;M</v>
          </cell>
          <cell r="AO868" t="str">
            <v>MDO INDIANA NORTH C&amp;M</v>
          </cell>
        </row>
        <row r="869">
          <cell r="F869">
            <v>75115</v>
          </cell>
          <cell r="Z869" t="str">
            <v>GLFUD</v>
          </cell>
          <cell r="AN869" t="str">
            <v>MDO C&amp;M</v>
          </cell>
          <cell r="AO869" t="str">
            <v>MDO INDIANA NORTH C&amp;M</v>
          </cell>
        </row>
        <row r="870">
          <cell r="F870">
            <v>75115</v>
          </cell>
          <cell r="Z870" t="str">
            <v>GLFUD</v>
          </cell>
          <cell r="AN870" t="str">
            <v>MDO C&amp;M</v>
          </cell>
          <cell r="AO870" t="str">
            <v>MDO INDIANA NORTH C&amp;M</v>
          </cell>
        </row>
        <row r="871">
          <cell r="F871">
            <v>75115</v>
          </cell>
          <cell r="Z871" t="str">
            <v>GLFUD</v>
          </cell>
          <cell r="AN871" t="str">
            <v>MDO C&amp;M</v>
          </cell>
          <cell r="AO871" t="str">
            <v>MDO INDIANA NORTH C&amp;M</v>
          </cell>
        </row>
        <row r="872">
          <cell r="F872">
            <v>75115</v>
          </cell>
          <cell r="Z872" t="str">
            <v>GLFUD</v>
          </cell>
          <cell r="AN872" t="str">
            <v>MDO C&amp;M</v>
          </cell>
          <cell r="AO872" t="str">
            <v>MDO INDIANA NORTH C&amp;M</v>
          </cell>
        </row>
        <row r="873">
          <cell r="F873">
            <v>75115</v>
          </cell>
          <cell r="Z873" t="str">
            <v>GLFUD</v>
          </cell>
          <cell r="AN873" t="str">
            <v>MDO C&amp;M</v>
          </cell>
          <cell r="AO873" t="str">
            <v>MDO INDIANA NORTH C&amp;M</v>
          </cell>
        </row>
        <row r="874">
          <cell r="F874">
            <v>75115</v>
          </cell>
          <cell r="Z874" t="str">
            <v>GLFUD</v>
          </cell>
          <cell r="AN874" t="str">
            <v>MDO C&amp;M</v>
          </cell>
          <cell r="AO874" t="str">
            <v>MDO INDIANA NORTH C&amp;M</v>
          </cell>
        </row>
        <row r="875">
          <cell r="F875">
            <v>75115</v>
          </cell>
          <cell r="Z875" t="str">
            <v>GLFUD</v>
          </cell>
          <cell r="AN875" t="str">
            <v>MDO C&amp;M</v>
          </cell>
          <cell r="AO875" t="str">
            <v>MDO INDIANA NORTH C&amp;M</v>
          </cell>
        </row>
        <row r="876">
          <cell r="F876">
            <v>75115</v>
          </cell>
          <cell r="Z876" t="str">
            <v>GLFUD</v>
          </cell>
          <cell r="AN876" t="str">
            <v>MDO C&amp;M</v>
          </cell>
          <cell r="AO876" t="str">
            <v>MDO INDIANA NORTH C&amp;M</v>
          </cell>
        </row>
        <row r="877">
          <cell r="F877">
            <v>75115</v>
          </cell>
          <cell r="Z877" t="str">
            <v>GLFUD</v>
          </cell>
          <cell r="AN877" t="str">
            <v>MDO C&amp;M</v>
          </cell>
          <cell r="AO877" t="str">
            <v>MDO INDIANA NORTH C&amp;M</v>
          </cell>
        </row>
        <row r="878">
          <cell r="F878">
            <v>75115</v>
          </cell>
          <cell r="Z878" t="str">
            <v>GLFUD</v>
          </cell>
          <cell r="AN878" t="str">
            <v>MDO C&amp;M</v>
          </cell>
          <cell r="AO878" t="str">
            <v>MDO INDIANA NORTH C&amp;M</v>
          </cell>
        </row>
        <row r="879">
          <cell r="F879">
            <v>75115</v>
          </cell>
          <cell r="Z879" t="str">
            <v>GLFUD</v>
          </cell>
          <cell r="AN879" t="str">
            <v>MDO C&amp;M</v>
          </cell>
          <cell r="AO879" t="str">
            <v>MDO INDIANA NORTH C&amp;M</v>
          </cell>
        </row>
        <row r="880">
          <cell r="F880">
            <v>75115</v>
          </cell>
          <cell r="Z880" t="str">
            <v>GLFUD</v>
          </cell>
          <cell r="AN880" t="str">
            <v>MDO C&amp;M</v>
          </cell>
          <cell r="AO880" t="str">
            <v>MDO INDIANA NORTH C&amp;M</v>
          </cell>
        </row>
        <row r="881">
          <cell r="F881">
            <v>75115</v>
          </cell>
          <cell r="Z881" t="str">
            <v>GLFUD</v>
          </cell>
          <cell r="AN881" t="str">
            <v>MDO C&amp;M</v>
          </cell>
          <cell r="AO881" t="str">
            <v>MDO INDIANA NORTH C&amp;M</v>
          </cell>
        </row>
        <row r="882">
          <cell r="F882">
            <v>75115</v>
          </cell>
          <cell r="Z882" t="str">
            <v>GLFUD</v>
          </cell>
          <cell r="AN882" t="str">
            <v>MDO C&amp;M</v>
          </cell>
          <cell r="AO882" t="str">
            <v>MDO INDIANA NORTH C&amp;M</v>
          </cell>
        </row>
        <row r="883">
          <cell r="F883">
            <v>75115</v>
          </cell>
          <cell r="Z883" t="str">
            <v>GLFUD</v>
          </cell>
          <cell r="AN883" t="str">
            <v>MDO C&amp;M</v>
          </cell>
          <cell r="AO883" t="str">
            <v>MDO INDIANA NORTH C&amp;M</v>
          </cell>
        </row>
        <row r="884">
          <cell r="F884">
            <v>75115</v>
          </cell>
          <cell r="Z884" t="str">
            <v>GLFUD</v>
          </cell>
          <cell r="AN884" t="str">
            <v>MDO C&amp;M</v>
          </cell>
          <cell r="AO884" t="str">
            <v>MDO INDIANA NORTH C&amp;M</v>
          </cell>
        </row>
        <row r="885">
          <cell r="F885">
            <v>75115</v>
          </cell>
          <cell r="Z885" t="str">
            <v>GLFUD</v>
          </cell>
          <cell r="AN885" t="str">
            <v>MDO C&amp;M</v>
          </cell>
          <cell r="AO885" t="str">
            <v>MDO INDIANA NORTH C&amp;M</v>
          </cell>
        </row>
        <row r="886">
          <cell r="F886">
            <v>75115</v>
          </cell>
          <cell r="Z886" t="str">
            <v>GLFUD</v>
          </cell>
          <cell r="AN886" t="str">
            <v>MDO C&amp;M</v>
          </cell>
          <cell r="AO886" t="str">
            <v>MDO INDIANA NORTH C&amp;M</v>
          </cell>
        </row>
        <row r="887">
          <cell r="F887">
            <v>75115</v>
          </cell>
          <cell r="Z887" t="str">
            <v>GLFUD</v>
          </cell>
          <cell r="AN887" t="str">
            <v>MDO C&amp;M</v>
          </cell>
          <cell r="AO887" t="str">
            <v>MDO INDIANA NORTH C&amp;M</v>
          </cell>
        </row>
        <row r="888">
          <cell r="F888">
            <v>75115</v>
          </cell>
          <cell r="Z888" t="str">
            <v>GLFUD</v>
          </cell>
          <cell r="AN888" t="str">
            <v>MDO C&amp;M</v>
          </cell>
          <cell r="AO888" t="str">
            <v>MDO INDIANA NORTH C&amp;M</v>
          </cell>
        </row>
        <row r="889">
          <cell r="F889">
            <v>75115</v>
          </cell>
          <cell r="Z889" t="str">
            <v>GLFUD</v>
          </cell>
          <cell r="AN889" t="str">
            <v>MDO C&amp;M</v>
          </cell>
          <cell r="AO889" t="str">
            <v>MDO INDIANA NORTH C&amp;M</v>
          </cell>
        </row>
        <row r="890">
          <cell r="F890">
            <v>75115</v>
          </cell>
          <cell r="Z890" t="str">
            <v>GLFUD</v>
          </cell>
          <cell r="AN890" t="str">
            <v>MDO C&amp;M</v>
          </cell>
          <cell r="AO890" t="str">
            <v>MDO INDIANA NORTH C&amp;M</v>
          </cell>
        </row>
        <row r="891">
          <cell r="F891">
            <v>75115</v>
          </cell>
          <cell r="Z891" t="str">
            <v>GLFUD</v>
          </cell>
          <cell r="AN891" t="str">
            <v>MDO C&amp;M</v>
          </cell>
          <cell r="AO891" t="str">
            <v>MDO INDIANA NORTH C&amp;M</v>
          </cell>
        </row>
        <row r="892">
          <cell r="F892">
            <v>75115</v>
          </cell>
          <cell r="Z892" t="str">
            <v>GLFUD</v>
          </cell>
          <cell r="AN892" t="str">
            <v>MDO C&amp;M</v>
          </cell>
          <cell r="AO892" t="str">
            <v>MDO INDIANA NORTH C&amp;M</v>
          </cell>
        </row>
        <row r="893">
          <cell r="F893">
            <v>75115</v>
          </cell>
          <cell r="Z893" t="str">
            <v>GLFUD</v>
          </cell>
          <cell r="AN893" t="str">
            <v>MDO C&amp;M</v>
          </cell>
          <cell r="AO893" t="str">
            <v>MDO INDIANA NORTH C&amp;M</v>
          </cell>
        </row>
        <row r="894">
          <cell r="F894">
            <v>75115</v>
          </cell>
          <cell r="Z894" t="str">
            <v>GLFUD</v>
          </cell>
          <cell r="AN894" t="str">
            <v>MDO C&amp;M</v>
          </cell>
          <cell r="AO894" t="str">
            <v>MDO INDIANA NORTH C&amp;M</v>
          </cell>
        </row>
        <row r="895">
          <cell r="F895">
            <v>75115</v>
          </cell>
          <cell r="Z895" t="str">
            <v>GLFUD</v>
          </cell>
          <cell r="AN895" t="str">
            <v>MDO C&amp;M</v>
          </cell>
          <cell r="AO895" t="str">
            <v>MDO INDIANA NORTH C&amp;M</v>
          </cell>
        </row>
        <row r="896">
          <cell r="F896">
            <v>75115</v>
          </cell>
          <cell r="Z896" t="str">
            <v>GLFUD</v>
          </cell>
          <cell r="AN896" t="str">
            <v>MDO C&amp;M</v>
          </cell>
          <cell r="AO896" t="str">
            <v>MDO INDIANA NORTH C&amp;M</v>
          </cell>
        </row>
        <row r="897">
          <cell r="F897">
            <v>75115</v>
          </cell>
          <cell r="Z897" t="str">
            <v>GLFUD</v>
          </cell>
          <cell r="AN897" t="str">
            <v>MDO C&amp;M</v>
          </cell>
          <cell r="AO897" t="str">
            <v>MDO INDIANA NORTH C&amp;M</v>
          </cell>
        </row>
        <row r="898">
          <cell r="F898">
            <v>75115</v>
          </cell>
          <cell r="Z898" t="str">
            <v>GLFUD</v>
          </cell>
          <cell r="AN898" t="str">
            <v>MDO C&amp;M</v>
          </cell>
          <cell r="AO898" t="str">
            <v>MDO INDIANA NORTH C&amp;M</v>
          </cell>
        </row>
        <row r="899">
          <cell r="F899">
            <v>75115</v>
          </cell>
          <cell r="Z899" t="str">
            <v>GLFUD</v>
          </cell>
          <cell r="AN899" t="str">
            <v>MDO C&amp;M</v>
          </cell>
          <cell r="AO899" t="str">
            <v>MDO INDIANA NORTH C&amp;M</v>
          </cell>
        </row>
        <row r="900">
          <cell r="F900">
            <v>75115</v>
          </cell>
          <cell r="Z900" t="str">
            <v>GLFUD</v>
          </cell>
          <cell r="AN900" t="str">
            <v>MDO C&amp;M</v>
          </cell>
          <cell r="AO900" t="str">
            <v>MDO INDIANA NORTH C&amp;M</v>
          </cell>
        </row>
        <row r="901">
          <cell r="F901">
            <v>75115</v>
          </cell>
          <cell r="Z901" t="str">
            <v>GLFUD</v>
          </cell>
          <cell r="AN901" t="str">
            <v>MDO C&amp;M</v>
          </cell>
          <cell r="AO901" t="str">
            <v>MDO INDIANA NORTH C&amp;M</v>
          </cell>
        </row>
        <row r="902">
          <cell r="F902">
            <v>75115</v>
          </cell>
          <cell r="Z902" t="str">
            <v>GLFUD</v>
          </cell>
          <cell r="AN902" t="str">
            <v>MDO C&amp;M</v>
          </cell>
          <cell r="AO902" t="str">
            <v>MDO INDIANA NORTH C&amp;M</v>
          </cell>
        </row>
        <row r="903">
          <cell r="F903">
            <v>75115</v>
          </cell>
          <cell r="Z903" t="str">
            <v>GLFUD</v>
          </cell>
          <cell r="AN903" t="str">
            <v>MDO C&amp;M</v>
          </cell>
          <cell r="AO903" t="str">
            <v>MDO INDIANA NORTH C&amp;M</v>
          </cell>
        </row>
        <row r="904">
          <cell r="F904">
            <v>75115</v>
          </cell>
          <cell r="Z904" t="str">
            <v>GLFUD</v>
          </cell>
          <cell r="AN904" t="str">
            <v>MDO C&amp;M</v>
          </cell>
          <cell r="AO904" t="str">
            <v>MDO INDIANA NORTH C&amp;M</v>
          </cell>
        </row>
        <row r="905">
          <cell r="F905">
            <v>75115</v>
          </cell>
          <cell r="Z905" t="str">
            <v>GLFUD</v>
          </cell>
          <cell r="AN905" t="str">
            <v>MDO C&amp;M</v>
          </cell>
          <cell r="AO905" t="str">
            <v>MDO INDIANA NORTH C&amp;M</v>
          </cell>
        </row>
        <row r="906">
          <cell r="F906">
            <v>75115</v>
          </cell>
          <cell r="Z906" t="str">
            <v>GLFUD</v>
          </cell>
          <cell r="AN906" t="str">
            <v>MDO C&amp;M</v>
          </cell>
          <cell r="AO906" t="str">
            <v>MDO INDIANA NORTH C&amp;M</v>
          </cell>
        </row>
        <row r="907">
          <cell r="F907">
            <v>75115</v>
          </cell>
          <cell r="Z907" t="str">
            <v>GLFUD</v>
          </cell>
          <cell r="AN907" t="str">
            <v>MDO C&amp;M</v>
          </cell>
          <cell r="AO907" t="str">
            <v>MDO INDIANA NORTH C&amp;M</v>
          </cell>
        </row>
        <row r="908">
          <cell r="F908">
            <v>75115</v>
          </cell>
          <cell r="Z908" t="str">
            <v>GLFUD</v>
          </cell>
          <cell r="AN908" t="str">
            <v>MDO C&amp;M</v>
          </cell>
          <cell r="AO908" t="str">
            <v>MDO INDIANA NORTH C&amp;M</v>
          </cell>
        </row>
        <row r="909">
          <cell r="F909">
            <v>75115</v>
          </cell>
          <cell r="Z909" t="str">
            <v>GLFUD</v>
          </cell>
          <cell r="AN909" t="str">
            <v>MDO C&amp;M</v>
          </cell>
          <cell r="AO909" t="str">
            <v>MDO INDIANA NORTH C&amp;M</v>
          </cell>
        </row>
        <row r="910">
          <cell r="F910">
            <v>75115</v>
          </cell>
          <cell r="Z910" t="str">
            <v>GLFUD</v>
          </cell>
          <cell r="AN910" t="str">
            <v>MDO C&amp;M</v>
          </cell>
          <cell r="AO910" t="str">
            <v>MDO INDIANA NORTH C&amp;M</v>
          </cell>
        </row>
        <row r="911">
          <cell r="F911">
            <v>75115</v>
          </cell>
          <cell r="Z911" t="str">
            <v>GLFUD</v>
          </cell>
          <cell r="AN911" t="str">
            <v>MDO C&amp;M</v>
          </cell>
          <cell r="AO911" t="str">
            <v>MDO INDIANA NORTH C&amp;M</v>
          </cell>
        </row>
        <row r="912">
          <cell r="F912">
            <v>75023</v>
          </cell>
          <cell r="Z912" t="str">
            <v>GLIPD</v>
          </cell>
          <cell r="AN912" t="str">
            <v>MDO Resource/ProjMgt</v>
          </cell>
          <cell r="AO912" t="str">
            <v xml:space="preserve"> </v>
          </cell>
        </row>
        <row r="913">
          <cell r="F913">
            <v>75023</v>
          </cell>
          <cell r="Z913" t="str">
            <v>GLIPD</v>
          </cell>
          <cell r="AN913" t="str">
            <v>MDO Resource/ProjMgt</v>
          </cell>
          <cell r="AO913" t="str">
            <v xml:space="preserve"> </v>
          </cell>
        </row>
        <row r="914">
          <cell r="F914">
            <v>75023</v>
          </cell>
          <cell r="Z914" t="str">
            <v>GLIPD</v>
          </cell>
          <cell r="AN914" t="str">
            <v>MDO Resource/ProjMgt</v>
          </cell>
          <cell r="AO914" t="str">
            <v xml:space="preserve"> </v>
          </cell>
        </row>
        <row r="915">
          <cell r="F915">
            <v>75023</v>
          </cell>
          <cell r="Z915" t="str">
            <v>GLIPD</v>
          </cell>
          <cell r="AN915" t="str">
            <v>MDO Resource/ProjMgt</v>
          </cell>
          <cell r="AO915" t="str">
            <v xml:space="preserve"> </v>
          </cell>
        </row>
        <row r="916">
          <cell r="F916">
            <v>75023</v>
          </cell>
          <cell r="Z916" t="str">
            <v>GLIPD</v>
          </cell>
          <cell r="AN916" t="str">
            <v>MDO Resource/ProjMgt</v>
          </cell>
          <cell r="AO916" t="str">
            <v xml:space="preserve"> </v>
          </cell>
        </row>
        <row r="917">
          <cell r="F917">
            <v>75023</v>
          </cell>
          <cell r="Z917" t="str">
            <v>GLIPD</v>
          </cell>
          <cell r="AN917" t="str">
            <v>MDO C&amp;M</v>
          </cell>
          <cell r="AO917" t="str">
            <v>MDO OH/KEN C&amp;M</v>
          </cell>
        </row>
        <row r="918">
          <cell r="F918">
            <v>75023</v>
          </cell>
          <cell r="Z918" t="str">
            <v>GLIPD</v>
          </cell>
          <cell r="AN918" t="str">
            <v>MDO C&amp;M</v>
          </cell>
          <cell r="AO918" t="str">
            <v>MDO OH/KEN C&amp;M</v>
          </cell>
        </row>
        <row r="919">
          <cell r="F919">
            <v>75023</v>
          </cell>
          <cell r="Z919" t="str">
            <v>GLIPD</v>
          </cell>
          <cell r="AN919" t="str">
            <v>MDO C&amp;M</v>
          </cell>
          <cell r="AO919" t="str">
            <v>MDO OH/KEN C&amp;M</v>
          </cell>
        </row>
        <row r="920">
          <cell r="F920">
            <v>75023</v>
          </cell>
          <cell r="Z920" t="str">
            <v>GLIPD</v>
          </cell>
          <cell r="AN920" t="str">
            <v>MDO C&amp;M</v>
          </cell>
          <cell r="AO920" t="str">
            <v>MDO OH/KEN C&amp;M</v>
          </cell>
        </row>
        <row r="921">
          <cell r="F921">
            <v>75023</v>
          </cell>
          <cell r="Z921" t="str">
            <v>GLIPD</v>
          </cell>
          <cell r="AN921" t="str">
            <v>MDO C&amp;M</v>
          </cell>
          <cell r="AO921" t="str">
            <v>MDO OH/KEN C&amp;M</v>
          </cell>
        </row>
        <row r="922">
          <cell r="F922">
            <v>75023</v>
          </cell>
          <cell r="Z922" t="str">
            <v>GLIPD</v>
          </cell>
          <cell r="AN922" t="str">
            <v>MDO C&amp;M</v>
          </cell>
          <cell r="AO922" t="str">
            <v>MDO OH/KEN C&amp;M</v>
          </cell>
        </row>
        <row r="923">
          <cell r="F923">
            <v>75023</v>
          </cell>
          <cell r="Z923" t="str">
            <v>GLIPD</v>
          </cell>
          <cell r="AN923" t="str">
            <v>MDO C&amp;M</v>
          </cell>
          <cell r="AO923" t="str">
            <v>MDO OH/KEN C&amp;M</v>
          </cell>
        </row>
        <row r="924">
          <cell r="F924">
            <v>75023</v>
          </cell>
          <cell r="Z924" t="str">
            <v>GLIPD</v>
          </cell>
          <cell r="AN924" t="str">
            <v>MDO C&amp;M</v>
          </cell>
          <cell r="AO924" t="str">
            <v>MDO OH/KEN C&amp;M</v>
          </cell>
        </row>
        <row r="925">
          <cell r="F925">
            <v>75023</v>
          </cell>
          <cell r="Z925" t="str">
            <v>GLIPD</v>
          </cell>
          <cell r="AN925" t="str">
            <v>MDO C&amp;M</v>
          </cell>
          <cell r="AO925" t="str">
            <v>MDO OH/KEN C&amp;M</v>
          </cell>
        </row>
        <row r="926">
          <cell r="F926">
            <v>75023</v>
          </cell>
          <cell r="Z926" t="str">
            <v>GLIPD</v>
          </cell>
          <cell r="AN926" t="str">
            <v>MDO C&amp;M</v>
          </cell>
          <cell r="AO926" t="str">
            <v>MDO OH/KEN C&amp;M</v>
          </cell>
        </row>
        <row r="927">
          <cell r="F927">
            <v>75023</v>
          </cell>
          <cell r="Z927" t="str">
            <v>GLIPD</v>
          </cell>
          <cell r="AN927" t="str">
            <v>MDO C&amp;M</v>
          </cell>
          <cell r="AO927" t="str">
            <v>MDO OH/KEN C&amp;M</v>
          </cell>
        </row>
        <row r="928">
          <cell r="F928">
            <v>75023</v>
          </cell>
          <cell r="Z928" t="str">
            <v>GLIPD</v>
          </cell>
          <cell r="AN928" t="str">
            <v>MDO C&amp;M</v>
          </cell>
          <cell r="AO928" t="str">
            <v>MDO OH/KEN C&amp;M</v>
          </cell>
        </row>
        <row r="929">
          <cell r="F929">
            <v>75023</v>
          </cell>
          <cell r="Z929" t="str">
            <v>GLIPD</v>
          </cell>
          <cell r="AN929" t="str">
            <v>MDO C&amp;M</v>
          </cell>
          <cell r="AO929" t="str">
            <v>MDO OH/KEN C&amp;M</v>
          </cell>
        </row>
        <row r="930">
          <cell r="F930">
            <v>75023</v>
          </cell>
          <cell r="Z930" t="str">
            <v>GLIPD</v>
          </cell>
          <cell r="AN930" t="str">
            <v>MDO C&amp;M</v>
          </cell>
          <cell r="AO930" t="str">
            <v>MDO OH/KEN C&amp;M</v>
          </cell>
        </row>
        <row r="931">
          <cell r="F931">
            <v>75023</v>
          </cell>
          <cell r="Z931" t="str">
            <v>GLIPD</v>
          </cell>
          <cell r="AN931" t="str">
            <v>MDO C&amp;M</v>
          </cell>
          <cell r="AO931" t="str">
            <v>MDO OH/KEN C&amp;M</v>
          </cell>
        </row>
        <row r="932">
          <cell r="F932">
            <v>75084</v>
          </cell>
          <cell r="Z932" t="str">
            <v>GLIPD</v>
          </cell>
          <cell r="AN932" t="str">
            <v>MDO Resource/ProjMgt</v>
          </cell>
          <cell r="AO932" t="str">
            <v xml:space="preserve"> </v>
          </cell>
        </row>
        <row r="933">
          <cell r="F933">
            <v>75084</v>
          </cell>
          <cell r="Z933" t="str">
            <v>GLIPD</v>
          </cell>
          <cell r="AN933" t="str">
            <v>MDO Resource/ProjMgt</v>
          </cell>
          <cell r="AO933" t="str">
            <v xml:space="preserve"> </v>
          </cell>
        </row>
        <row r="934">
          <cell r="F934">
            <v>75084</v>
          </cell>
          <cell r="Z934" t="str">
            <v>GLIPD</v>
          </cell>
          <cell r="AN934" t="str">
            <v>MDO Resource/ProjMgt</v>
          </cell>
          <cell r="AO934" t="str">
            <v xml:space="preserve"> </v>
          </cell>
        </row>
        <row r="935">
          <cell r="F935">
            <v>75084</v>
          </cell>
          <cell r="Z935" t="str">
            <v>GLIPD</v>
          </cell>
          <cell r="AN935" t="str">
            <v>MDO Resource/ProjMgt</v>
          </cell>
          <cell r="AO935" t="str">
            <v xml:space="preserve"> </v>
          </cell>
        </row>
        <row r="936">
          <cell r="F936">
            <v>75084</v>
          </cell>
          <cell r="Z936" t="str">
            <v>GLIPD</v>
          </cell>
          <cell r="AN936" t="str">
            <v>MDO Resource/ProjMgt</v>
          </cell>
          <cell r="AO936" t="str">
            <v xml:space="preserve"> </v>
          </cell>
        </row>
        <row r="937">
          <cell r="F937">
            <v>75084</v>
          </cell>
          <cell r="Z937" t="str">
            <v>GLIPD</v>
          </cell>
          <cell r="AN937" t="str">
            <v>MDO C&amp;M</v>
          </cell>
          <cell r="AO937" t="str">
            <v>MDO OH/KEN C&amp;M</v>
          </cell>
        </row>
        <row r="938">
          <cell r="F938">
            <v>75084</v>
          </cell>
          <cell r="Z938" t="str">
            <v>GLIPD</v>
          </cell>
          <cell r="AN938" t="str">
            <v>MDO C&amp;M</v>
          </cell>
          <cell r="AO938" t="str">
            <v>MDO OH/KEN C&amp;M</v>
          </cell>
        </row>
        <row r="939">
          <cell r="F939">
            <v>75084</v>
          </cell>
          <cell r="Z939" t="str">
            <v>GLIPD</v>
          </cell>
          <cell r="AN939" t="str">
            <v>MDO C&amp;M</v>
          </cell>
          <cell r="AO939" t="str">
            <v>MDO OH/KEN C&amp;M</v>
          </cell>
        </row>
        <row r="940">
          <cell r="F940">
            <v>75084</v>
          </cell>
          <cell r="Z940" t="str">
            <v>GLIPD</v>
          </cell>
          <cell r="AN940" t="str">
            <v>MDO C&amp;M</v>
          </cell>
          <cell r="AO940" t="str">
            <v>MDO OH/KEN C&amp;M</v>
          </cell>
        </row>
        <row r="941">
          <cell r="F941">
            <v>75084</v>
          </cell>
          <cell r="Z941" t="str">
            <v>GLIPD</v>
          </cell>
          <cell r="AN941" t="str">
            <v>MDO C&amp;M</v>
          </cell>
          <cell r="AO941" t="str">
            <v>MDO OH/KEN C&amp;M</v>
          </cell>
        </row>
        <row r="942">
          <cell r="F942">
            <v>75084</v>
          </cell>
          <cell r="Z942" t="str">
            <v>GLIPD</v>
          </cell>
          <cell r="AN942" t="str">
            <v>MDO C&amp;M</v>
          </cell>
          <cell r="AO942" t="str">
            <v>MDO OH/KEN C&amp;M</v>
          </cell>
        </row>
        <row r="943">
          <cell r="F943">
            <v>75084</v>
          </cell>
          <cell r="Z943" t="str">
            <v>GLIPD</v>
          </cell>
          <cell r="AN943" t="str">
            <v>MDO C&amp;M</v>
          </cell>
          <cell r="AO943" t="str">
            <v>MDO OH/KEN C&amp;M</v>
          </cell>
        </row>
        <row r="944">
          <cell r="F944">
            <v>75084</v>
          </cell>
          <cell r="Z944" t="str">
            <v>GLIPD</v>
          </cell>
          <cell r="AN944" t="str">
            <v>MDO C&amp;M</v>
          </cell>
          <cell r="AO944" t="str">
            <v>MDO OH/KEN C&amp;M</v>
          </cell>
        </row>
        <row r="945">
          <cell r="F945">
            <v>75115</v>
          </cell>
          <cell r="Z945" t="str">
            <v>GLIPD</v>
          </cell>
          <cell r="AN945" t="str">
            <v>MDO Resource/ProjMgt</v>
          </cell>
          <cell r="AO945" t="str">
            <v xml:space="preserve"> </v>
          </cell>
        </row>
        <row r="946">
          <cell r="F946">
            <v>75115</v>
          </cell>
          <cell r="Z946" t="str">
            <v>GLIPD</v>
          </cell>
          <cell r="AN946" t="str">
            <v>MDO Resource/ProjMgt</v>
          </cell>
          <cell r="AO946" t="str">
            <v xml:space="preserve"> </v>
          </cell>
        </row>
        <row r="947">
          <cell r="F947">
            <v>75115</v>
          </cell>
          <cell r="Z947" t="str">
            <v>GLIPD</v>
          </cell>
          <cell r="AN947" t="str">
            <v>MDO Resource/ProjMgt</v>
          </cell>
          <cell r="AO947" t="str">
            <v xml:space="preserve"> </v>
          </cell>
        </row>
        <row r="948">
          <cell r="F948">
            <v>75115</v>
          </cell>
          <cell r="Z948" t="str">
            <v>GLIPD</v>
          </cell>
          <cell r="AN948" t="str">
            <v>MDO Resource/ProjMgt</v>
          </cell>
          <cell r="AO948" t="str">
            <v xml:space="preserve"> </v>
          </cell>
        </row>
        <row r="949">
          <cell r="F949">
            <v>75115</v>
          </cell>
          <cell r="Z949" t="str">
            <v>GLIPD</v>
          </cell>
          <cell r="AN949" t="str">
            <v>MDO Resource/ProjMgt</v>
          </cell>
          <cell r="AO949" t="str">
            <v xml:space="preserve"> </v>
          </cell>
        </row>
        <row r="950">
          <cell r="F950">
            <v>75115</v>
          </cell>
          <cell r="Z950" t="str">
            <v>GLIPD</v>
          </cell>
          <cell r="AN950" t="str">
            <v>MDO C&amp;M</v>
          </cell>
          <cell r="AO950" t="str">
            <v>MDO INDIANA SOUTHWEST C&amp;M</v>
          </cell>
        </row>
        <row r="951">
          <cell r="F951">
            <v>75115</v>
          </cell>
          <cell r="Z951" t="str">
            <v>GLIPD</v>
          </cell>
          <cell r="AN951" t="str">
            <v>MDO C&amp;M</v>
          </cell>
          <cell r="AO951" t="str">
            <v>MDO INDIANA SOUTHWEST C&amp;M</v>
          </cell>
        </row>
        <row r="952">
          <cell r="F952">
            <v>75115</v>
          </cell>
          <cell r="Z952" t="str">
            <v>GLIPD</v>
          </cell>
          <cell r="AN952" t="str">
            <v>MDO C&amp;M</v>
          </cell>
          <cell r="AO952" t="str">
            <v>MDO INDIANA SOUTHWEST C&amp;M</v>
          </cell>
        </row>
        <row r="953">
          <cell r="F953">
            <v>75115</v>
          </cell>
          <cell r="Z953" t="str">
            <v>GLIPD</v>
          </cell>
          <cell r="AN953" t="str">
            <v>MDO C&amp;M</v>
          </cell>
          <cell r="AO953" t="str">
            <v>MDO INDIANA SOUTHWEST C&amp;M</v>
          </cell>
        </row>
        <row r="954">
          <cell r="F954">
            <v>75115</v>
          </cell>
          <cell r="Z954" t="str">
            <v>GLIPD</v>
          </cell>
          <cell r="AN954" t="str">
            <v>MDO C&amp;M</v>
          </cell>
          <cell r="AO954" t="str">
            <v>MDO INDIANA SOUTHWEST C&amp;M</v>
          </cell>
        </row>
        <row r="955">
          <cell r="F955">
            <v>75115</v>
          </cell>
          <cell r="Z955" t="str">
            <v>GLIPD</v>
          </cell>
          <cell r="AN955" t="str">
            <v>MDO C&amp;M</v>
          </cell>
          <cell r="AO955" t="str">
            <v>MDO INDIANA SOUTHWEST C&amp;M</v>
          </cell>
        </row>
        <row r="956">
          <cell r="F956">
            <v>75115</v>
          </cell>
          <cell r="Z956" t="str">
            <v>GLIPD</v>
          </cell>
          <cell r="AN956" t="str">
            <v>MDO C&amp;M</v>
          </cell>
          <cell r="AO956" t="str">
            <v>MDO INDIANA SOUTHWEST C&amp;M</v>
          </cell>
        </row>
        <row r="957">
          <cell r="F957">
            <v>75115</v>
          </cell>
          <cell r="Z957" t="str">
            <v>GLIPD</v>
          </cell>
          <cell r="AN957" t="str">
            <v>MDO C&amp;M</v>
          </cell>
          <cell r="AO957" t="str">
            <v>MDO INDIANA SOUTHWEST C&amp;M</v>
          </cell>
        </row>
        <row r="958">
          <cell r="F958">
            <v>75115</v>
          </cell>
          <cell r="Z958" t="str">
            <v>GLIPD</v>
          </cell>
          <cell r="AN958" t="str">
            <v>MDO C&amp;M</v>
          </cell>
          <cell r="AO958" t="str">
            <v>MDO INDIANA SOUTHEAST C&amp;M</v>
          </cell>
        </row>
        <row r="959">
          <cell r="F959">
            <v>75115</v>
          </cell>
          <cell r="Z959" t="str">
            <v>GLIPD</v>
          </cell>
          <cell r="AN959" t="str">
            <v>MDO C&amp;M</v>
          </cell>
          <cell r="AO959" t="str">
            <v>MDO INDIANA SOUTHEAST C&amp;M</v>
          </cell>
        </row>
        <row r="960">
          <cell r="F960">
            <v>75115</v>
          </cell>
          <cell r="Z960" t="str">
            <v>GLIPD</v>
          </cell>
          <cell r="AN960" t="str">
            <v>MDO C&amp;M</v>
          </cell>
          <cell r="AO960" t="str">
            <v>MDO INDIANA SOUTHEAST C&amp;M</v>
          </cell>
        </row>
        <row r="961">
          <cell r="F961">
            <v>75115</v>
          </cell>
          <cell r="Z961" t="str">
            <v>GLIPD</v>
          </cell>
          <cell r="AN961" t="str">
            <v>MDO C&amp;M</v>
          </cell>
          <cell r="AO961" t="str">
            <v>MDO INDIANA SOUTHEAST C&amp;M</v>
          </cell>
        </row>
        <row r="962">
          <cell r="F962">
            <v>75115</v>
          </cell>
          <cell r="Z962" t="str">
            <v>GLIPD</v>
          </cell>
          <cell r="AN962" t="str">
            <v>MDO C&amp;M</v>
          </cell>
          <cell r="AO962" t="str">
            <v>MDO INDIANA SOUTHEAST C&amp;M</v>
          </cell>
        </row>
        <row r="963">
          <cell r="F963">
            <v>75115</v>
          </cell>
          <cell r="Z963" t="str">
            <v>GLIPD</v>
          </cell>
          <cell r="AN963" t="str">
            <v>MDO C&amp;M</v>
          </cell>
          <cell r="AO963" t="str">
            <v>MDO INDIANA SOUTHEAST C&amp;M</v>
          </cell>
        </row>
        <row r="964">
          <cell r="F964">
            <v>75115</v>
          </cell>
          <cell r="Z964" t="str">
            <v>GLIPD</v>
          </cell>
          <cell r="AN964" t="str">
            <v>MDO C&amp;M</v>
          </cell>
          <cell r="AO964" t="str">
            <v>MDO INDIANA NORTH C&amp;M</v>
          </cell>
        </row>
        <row r="965">
          <cell r="F965">
            <v>75115</v>
          </cell>
          <cell r="Z965" t="str">
            <v>GLIPD</v>
          </cell>
          <cell r="AN965" t="str">
            <v>MDO C&amp;M</v>
          </cell>
          <cell r="AO965" t="str">
            <v>MDO INDIANA NORTH C&amp;M</v>
          </cell>
        </row>
        <row r="966">
          <cell r="F966">
            <v>75115</v>
          </cell>
          <cell r="Z966" t="str">
            <v>GLIPD</v>
          </cell>
          <cell r="AN966" t="str">
            <v>MDO C&amp;M</v>
          </cell>
          <cell r="AO966" t="str">
            <v>MDO INDIANA NORTH C&amp;M</v>
          </cell>
        </row>
        <row r="967">
          <cell r="F967">
            <v>75115</v>
          </cell>
          <cell r="Z967" t="str">
            <v>GLIPD</v>
          </cell>
          <cell r="AN967" t="str">
            <v>MDO C&amp;M</v>
          </cell>
          <cell r="AO967" t="str">
            <v>MDO INDIANA NORTH C&amp;M</v>
          </cell>
        </row>
        <row r="968">
          <cell r="F968">
            <v>75115</v>
          </cell>
          <cell r="Z968" t="str">
            <v>GLIPD</v>
          </cell>
          <cell r="AN968" t="str">
            <v>MDO C&amp;M</v>
          </cell>
          <cell r="AO968" t="str">
            <v>MDO INDIANA NORTH C&amp;M</v>
          </cell>
        </row>
        <row r="969">
          <cell r="F969">
            <v>75115</v>
          </cell>
          <cell r="Z969" t="str">
            <v>GLIPD</v>
          </cell>
          <cell r="AN969" t="str">
            <v>MDO C&amp;M</v>
          </cell>
          <cell r="AO969" t="str">
            <v>MDO INDIANA NORTH C&amp;M</v>
          </cell>
        </row>
        <row r="970">
          <cell r="F970">
            <v>75115</v>
          </cell>
          <cell r="Z970" t="str">
            <v>GLIPD</v>
          </cell>
          <cell r="AN970" t="str">
            <v>MDO C&amp;M</v>
          </cell>
          <cell r="AO970" t="str">
            <v>MDO INDIANA NORTH C&amp;M</v>
          </cell>
        </row>
        <row r="971">
          <cell r="F971">
            <v>75023</v>
          </cell>
          <cell r="Z971" t="str">
            <v>RECOH</v>
          </cell>
          <cell r="AN971" t="str">
            <v>MDO C&amp;M</v>
          </cell>
          <cell r="AO971" t="str">
            <v>MDO OH/KEN C&amp;M</v>
          </cell>
        </row>
        <row r="972">
          <cell r="F972">
            <v>75023</v>
          </cell>
          <cell r="Z972" t="str">
            <v>RECOH</v>
          </cell>
          <cell r="AN972" t="str">
            <v>MDO C&amp;M</v>
          </cell>
          <cell r="AO972" t="str">
            <v>MDO OH/KEN C&amp;M</v>
          </cell>
        </row>
        <row r="973">
          <cell r="F973">
            <v>75023</v>
          </cell>
          <cell r="Z973" t="str">
            <v>RECOH</v>
          </cell>
          <cell r="AN973" t="str">
            <v>MDO C&amp;M</v>
          </cell>
          <cell r="AO973" t="str">
            <v>MDO OH/KEN C&amp;M</v>
          </cell>
        </row>
        <row r="974">
          <cell r="F974">
            <v>75023</v>
          </cell>
          <cell r="Z974" t="str">
            <v>RECOH</v>
          </cell>
          <cell r="AN974" t="str">
            <v>MDO C&amp;M</v>
          </cell>
          <cell r="AO974" t="str">
            <v>MDO OH/KEN C&amp;M</v>
          </cell>
        </row>
        <row r="975">
          <cell r="F975">
            <v>75023</v>
          </cell>
          <cell r="Z975" t="str">
            <v>RECOH</v>
          </cell>
          <cell r="AN975" t="str">
            <v>MDO C&amp;M</v>
          </cell>
          <cell r="AO975" t="str">
            <v>MDO OH/KEN C&amp;M</v>
          </cell>
        </row>
        <row r="976">
          <cell r="F976">
            <v>75023</v>
          </cell>
          <cell r="Z976" t="str">
            <v>RECOH</v>
          </cell>
          <cell r="AN976" t="str">
            <v>MDO C&amp;M</v>
          </cell>
          <cell r="AO976" t="str">
            <v>MDO OH/KEN C&amp;M</v>
          </cell>
        </row>
        <row r="977">
          <cell r="F977">
            <v>75023</v>
          </cell>
          <cell r="Z977" t="str">
            <v>RECOH</v>
          </cell>
          <cell r="AN977" t="str">
            <v>MDO C&amp;M</v>
          </cell>
          <cell r="AO977" t="str">
            <v>MDO OH/KEN C&amp;M</v>
          </cell>
        </row>
        <row r="978">
          <cell r="F978">
            <v>75023</v>
          </cell>
          <cell r="Z978" t="str">
            <v>RECOH</v>
          </cell>
          <cell r="AN978" t="str">
            <v>MDO C&amp;M</v>
          </cell>
          <cell r="AO978" t="str">
            <v>MDO OH/KEN C&amp;M</v>
          </cell>
        </row>
        <row r="979">
          <cell r="F979">
            <v>75023</v>
          </cell>
          <cell r="Z979" t="str">
            <v>RECOH</v>
          </cell>
          <cell r="AN979" t="str">
            <v>MDO C&amp;M</v>
          </cell>
          <cell r="AO979" t="str">
            <v>MDO OH/KEN C&amp;M</v>
          </cell>
        </row>
        <row r="980">
          <cell r="F980">
            <v>75023</v>
          </cell>
          <cell r="Z980" t="str">
            <v>RECOH</v>
          </cell>
          <cell r="AN980" t="str">
            <v>MDO C&amp;M</v>
          </cell>
          <cell r="AO980" t="str">
            <v>MDO OH/KEN C&amp;M</v>
          </cell>
        </row>
        <row r="981">
          <cell r="F981">
            <v>75023</v>
          </cell>
          <cell r="Z981" t="str">
            <v>RECOH</v>
          </cell>
          <cell r="AN981" t="str">
            <v>MDO C&amp;M</v>
          </cell>
          <cell r="AO981" t="str">
            <v>MDO OH/KEN C&amp;M</v>
          </cell>
        </row>
        <row r="982">
          <cell r="F982">
            <v>75023</v>
          </cell>
          <cell r="Z982" t="str">
            <v>RECOH</v>
          </cell>
          <cell r="AN982" t="str">
            <v>MDO C&amp;M</v>
          </cell>
          <cell r="AO982" t="str">
            <v>MDO OH/KEN C&amp;M</v>
          </cell>
        </row>
        <row r="983">
          <cell r="F983">
            <v>75023</v>
          </cell>
          <cell r="Z983" t="str">
            <v>RECOH</v>
          </cell>
          <cell r="AN983" t="str">
            <v>MDO C&amp;M</v>
          </cell>
          <cell r="AO983" t="str">
            <v>MDO OH/KEN C&amp;M</v>
          </cell>
        </row>
        <row r="984">
          <cell r="F984">
            <v>75023</v>
          </cell>
          <cell r="Z984" t="str">
            <v>RECOH</v>
          </cell>
          <cell r="AN984" t="str">
            <v>MDO C&amp;M</v>
          </cell>
          <cell r="AO984" t="str">
            <v>MDO OH/KEN C&amp;M</v>
          </cell>
        </row>
        <row r="985">
          <cell r="F985">
            <v>75023</v>
          </cell>
          <cell r="Z985" t="str">
            <v>RECOH</v>
          </cell>
          <cell r="AN985" t="str">
            <v>MDO C&amp;M</v>
          </cell>
          <cell r="AO985" t="str">
            <v>MDO OH/KEN C&amp;M</v>
          </cell>
        </row>
        <row r="986">
          <cell r="F986">
            <v>75023</v>
          </cell>
          <cell r="Z986" t="str">
            <v>RECOH</v>
          </cell>
          <cell r="AN986" t="str">
            <v>MDO C&amp;M</v>
          </cell>
          <cell r="AO986" t="str">
            <v>MDO OH/KEN C&amp;M</v>
          </cell>
        </row>
        <row r="987">
          <cell r="F987">
            <v>75023</v>
          </cell>
          <cell r="Z987" t="str">
            <v>RECOH</v>
          </cell>
          <cell r="AN987" t="str">
            <v>MDO C&amp;M</v>
          </cell>
          <cell r="AO987" t="str">
            <v>MDO OH/KEN C&amp;M</v>
          </cell>
        </row>
        <row r="988">
          <cell r="F988">
            <v>75023</v>
          </cell>
          <cell r="Z988" t="str">
            <v>RECOH</v>
          </cell>
          <cell r="AN988" t="str">
            <v>MDO C&amp;M</v>
          </cell>
          <cell r="AO988" t="str">
            <v>MDO OH/KEN C&amp;M</v>
          </cell>
        </row>
        <row r="989">
          <cell r="F989">
            <v>75023</v>
          </cell>
          <cell r="Z989" t="str">
            <v>RECOH</v>
          </cell>
          <cell r="AN989" t="str">
            <v>MDO C&amp;M</v>
          </cell>
          <cell r="AO989" t="str">
            <v>MDO OH/KEN C&amp;M</v>
          </cell>
        </row>
        <row r="990">
          <cell r="F990">
            <v>75023</v>
          </cell>
          <cell r="Z990" t="str">
            <v>RECOH</v>
          </cell>
          <cell r="AN990" t="str">
            <v>MDO C&amp;M</v>
          </cell>
          <cell r="AO990" t="str">
            <v>MDO OH/KEN C&amp;M</v>
          </cell>
        </row>
        <row r="991">
          <cell r="F991">
            <v>75023</v>
          </cell>
          <cell r="Z991" t="str">
            <v>RECOH</v>
          </cell>
          <cell r="AN991" t="str">
            <v>MDO C&amp;M</v>
          </cell>
          <cell r="AO991" t="str">
            <v>MDO OH/KEN C&amp;M</v>
          </cell>
        </row>
        <row r="992">
          <cell r="F992">
            <v>75023</v>
          </cell>
          <cell r="Z992" t="str">
            <v>RECOH</v>
          </cell>
          <cell r="AN992" t="str">
            <v>MDO C&amp;M</v>
          </cell>
          <cell r="AO992" t="str">
            <v>MDO OH/KEN C&amp;M</v>
          </cell>
        </row>
        <row r="993">
          <cell r="F993">
            <v>75023</v>
          </cell>
          <cell r="Z993" t="str">
            <v>RECOH</v>
          </cell>
          <cell r="AN993" t="str">
            <v>MDO C&amp;M</v>
          </cell>
          <cell r="AO993" t="str">
            <v>MDO OH/KEN C&amp;M</v>
          </cell>
        </row>
        <row r="994">
          <cell r="F994">
            <v>75023</v>
          </cell>
          <cell r="Z994" t="str">
            <v>RECOH</v>
          </cell>
          <cell r="AN994" t="str">
            <v>MDO C&amp;M</v>
          </cell>
          <cell r="AO994" t="str">
            <v>MDO OH/KEN C&amp;M</v>
          </cell>
        </row>
        <row r="995">
          <cell r="F995">
            <v>75023</v>
          </cell>
          <cell r="Z995" t="str">
            <v>RECOH</v>
          </cell>
          <cell r="AN995" t="str">
            <v>MDO C&amp;M</v>
          </cell>
          <cell r="AO995" t="str">
            <v>MDO OH/KEN C&amp;M</v>
          </cell>
        </row>
        <row r="996">
          <cell r="F996">
            <v>75023</v>
          </cell>
          <cell r="Z996" t="str">
            <v>RECOH</v>
          </cell>
          <cell r="AN996" t="str">
            <v>MDO C&amp;M</v>
          </cell>
          <cell r="AO996" t="str">
            <v>MDO OH/KEN C&amp;M</v>
          </cell>
        </row>
        <row r="997">
          <cell r="F997">
            <v>75023</v>
          </cell>
          <cell r="Z997" t="str">
            <v>RECOH</v>
          </cell>
          <cell r="AN997" t="str">
            <v>MDO C&amp;M</v>
          </cell>
          <cell r="AO997" t="str">
            <v>MDO OH/KEN C&amp;M</v>
          </cell>
        </row>
        <row r="998">
          <cell r="F998">
            <v>75023</v>
          </cell>
          <cell r="Z998" t="str">
            <v>RECOH</v>
          </cell>
          <cell r="AN998" t="str">
            <v>MDO C&amp;M</v>
          </cell>
          <cell r="AO998" t="str">
            <v>MDO OH/KEN C&amp;M</v>
          </cell>
        </row>
        <row r="999">
          <cell r="F999">
            <v>75023</v>
          </cell>
          <cell r="Z999" t="str">
            <v>RECOH</v>
          </cell>
          <cell r="AN999" t="str">
            <v>MDO C&amp;M</v>
          </cell>
          <cell r="AO999" t="str">
            <v>MDO OH/KEN C&amp;M</v>
          </cell>
        </row>
        <row r="1000">
          <cell r="F1000">
            <v>75023</v>
          </cell>
          <cell r="Z1000" t="str">
            <v>RECOH</v>
          </cell>
          <cell r="AN1000" t="str">
            <v>MDO C&amp;M</v>
          </cell>
          <cell r="AO1000" t="str">
            <v>MDO OH/KEN C&amp;M</v>
          </cell>
        </row>
        <row r="1001">
          <cell r="F1001">
            <v>75023</v>
          </cell>
          <cell r="Z1001" t="str">
            <v>RECOH</v>
          </cell>
          <cell r="AN1001" t="str">
            <v>MDO C&amp;M</v>
          </cell>
          <cell r="AO1001" t="str">
            <v>MDO OH/KEN C&amp;M</v>
          </cell>
        </row>
        <row r="1002">
          <cell r="F1002">
            <v>75023</v>
          </cell>
          <cell r="Z1002" t="str">
            <v>RECOH</v>
          </cell>
          <cell r="AN1002" t="str">
            <v>MDO C&amp;M</v>
          </cell>
          <cell r="AO1002" t="str">
            <v>MDO OH/KEN C&amp;M</v>
          </cell>
        </row>
        <row r="1003">
          <cell r="F1003">
            <v>75023</v>
          </cell>
          <cell r="Z1003" t="str">
            <v>RECOH</v>
          </cell>
          <cell r="AN1003" t="str">
            <v>MDO C&amp;M</v>
          </cell>
          <cell r="AO1003" t="str">
            <v>MDO OH/KEN C&amp;M</v>
          </cell>
        </row>
        <row r="1004">
          <cell r="F1004">
            <v>75023</v>
          </cell>
          <cell r="Z1004" t="str">
            <v>RECOH</v>
          </cell>
          <cell r="AN1004" t="str">
            <v>MDO C&amp;M</v>
          </cell>
          <cell r="AO1004" t="str">
            <v>MDO OH/KEN C&amp;M</v>
          </cell>
        </row>
        <row r="1005">
          <cell r="F1005">
            <v>75023</v>
          </cell>
          <cell r="Z1005" t="str">
            <v>RECOH</v>
          </cell>
          <cell r="AN1005" t="str">
            <v>MDO C&amp;M</v>
          </cell>
          <cell r="AO1005" t="str">
            <v>MDO OH/KEN C&amp;M</v>
          </cell>
        </row>
        <row r="1006">
          <cell r="F1006">
            <v>75023</v>
          </cell>
          <cell r="Z1006" t="str">
            <v>RECOH</v>
          </cell>
          <cell r="AN1006" t="str">
            <v>MDO C&amp;M</v>
          </cell>
          <cell r="AO1006" t="str">
            <v>MDO OH/KEN C&amp;M</v>
          </cell>
        </row>
        <row r="1007">
          <cell r="F1007">
            <v>75023</v>
          </cell>
          <cell r="Z1007" t="str">
            <v>RECOH</v>
          </cell>
          <cell r="AN1007" t="str">
            <v>MDO C&amp;M</v>
          </cell>
          <cell r="AO1007" t="str">
            <v>MDO OH/KEN C&amp;M</v>
          </cell>
        </row>
        <row r="1008">
          <cell r="F1008">
            <v>75023</v>
          </cell>
          <cell r="Z1008" t="str">
            <v>RECOH</v>
          </cell>
          <cell r="AN1008" t="str">
            <v>MDO C&amp;M</v>
          </cell>
          <cell r="AO1008" t="str">
            <v>MDO OH/KEN C&amp;M</v>
          </cell>
        </row>
        <row r="1009">
          <cell r="F1009">
            <v>75023</v>
          </cell>
          <cell r="Z1009" t="str">
            <v>RECOH</v>
          </cell>
          <cell r="AN1009" t="str">
            <v>MDO C&amp;M</v>
          </cell>
          <cell r="AO1009" t="str">
            <v>MDO OH/KEN C&amp;M</v>
          </cell>
        </row>
        <row r="1010">
          <cell r="F1010">
            <v>75023</v>
          </cell>
          <cell r="Z1010" t="str">
            <v>RECOH</v>
          </cell>
          <cell r="AN1010" t="str">
            <v>MDO C&amp;M</v>
          </cell>
          <cell r="AO1010" t="str">
            <v>MDO OH/KEN C&amp;M</v>
          </cell>
        </row>
        <row r="1011">
          <cell r="F1011">
            <v>75023</v>
          </cell>
          <cell r="Z1011" t="str">
            <v>RECOH</v>
          </cell>
          <cell r="AN1011" t="str">
            <v>MDO C&amp;M</v>
          </cell>
          <cell r="AO1011" t="str">
            <v>MDO OH/KEN C&amp;M</v>
          </cell>
        </row>
        <row r="1012">
          <cell r="F1012">
            <v>75023</v>
          </cell>
          <cell r="Z1012" t="str">
            <v>RECOH</v>
          </cell>
          <cell r="AN1012" t="str">
            <v>MDO C&amp;M</v>
          </cell>
          <cell r="AO1012" t="str">
            <v>MDO OH/KEN C&amp;M</v>
          </cell>
        </row>
        <row r="1013">
          <cell r="F1013">
            <v>75023</v>
          </cell>
          <cell r="Z1013" t="str">
            <v>RECOH</v>
          </cell>
          <cell r="AN1013" t="str">
            <v>MDO C&amp;M</v>
          </cell>
          <cell r="AO1013" t="str">
            <v>MDO OH/KEN C&amp;M</v>
          </cell>
        </row>
        <row r="1014">
          <cell r="F1014">
            <v>75023</v>
          </cell>
          <cell r="Z1014" t="str">
            <v>RECOH</v>
          </cell>
          <cell r="AN1014" t="str">
            <v>MDO C&amp;M</v>
          </cell>
          <cell r="AO1014" t="str">
            <v>MDO OH/KEN C&amp;M</v>
          </cell>
        </row>
        <row r="1015">
          <cell r="F1015">
            <v>75023</v>
          </cell>
          <cell r="Z1015" t="str">
            <v>RECOH</v>
          </cell>
          <cell r="AN1015" t="str">
            <v>MDO C&amp;M</v>
          </cell>
          <cell r="AO1015" t="str">
            <v>MDO OH/KEN C&amp;M</v>
          </cell>
        </row>
        <row r="1016">
          <cell r="F1016">
            <v>75023</v>
          </cell>
          <cell r="Z1016" t="str">
            <v>RECOH</v>
          </cell>
          <cell r="AN1016" t="str">
            <v>MDO C&amp;M</v>
          </cell>
          <cell r="AO1016" t="str">
            <v>MDO OH/KEN C&amp;M</v>
          </cell>
        </row>
        <row r="1017">
          <cell r="F1017">
            <v>75023</v>
          </cell>
          <cell r="Z1017" t="str">
            <v>RECOH</v>
          </cell>
          <cell r="AN1017" t="str">
            <v>MDO C&amp;M</v>
          </cell>
          <cell r="AO1017" t="str">
            <v>MDO OH/KEN C&amp;M</v>
          </cell>
        </row>
        <row r="1018">
          <cell r="F1018">
            <v>75023</v>
          </cell>
          <cell r="Z1018" t="str">
            <v>RECOH</v>
          </cell>
          <cell r="AN1018" t="str">
            <v>MDO C&amp;M</v>
          </cell>
          <cell r="AO1018" t="str">
            <v>MDO OH/KEN C&amp;M</v>
          </cell>
        </row>
        <row r="1019">
          <cell r="F1019">
            <v>75023</v>
          </cell>
          <cell r="Z1019" t="str">
            <v>RECOH</v>
          </cell>
          <cell r="AN1019" t="str">
            <v>MDO C&amp;M</v>
          </cell>
          <cell r="AO1019" t="str">
            <v>MDO OH/KEN C&amp;M</v>
          </cell>
        </row>
        <row r="1020">
          <cell r="F1020">
            <v>75023</v>
          </cell>
          <cell r="Z1020" t="str">
            <v>RECOH</v>
          </cell>
          <cell r="AN1020" t="str">
            <v>MDO C&amp;M</v>
          </cell>
          <cell r="AO1020" t="str">
            <v>MDO OH/KEN C&amp;M</v>
          </cell>
        </row>
        <row r="1021">
          <cell r="F1021">
            <v>75023</v>
          </cell>
          <cell r="Z1021" t="str">
            <v>RECOH</v>
          </cell>
          <cell r="AN1021" t="str">
            <v>MDO C&amp;M</v>
          </cell>
          <cell r="AO1021" t="str">
            <v>MDO OH/KEN C&amp;M</v>
          </cell>
        </row>
        <row r="1022">
          <cell r="F1022">
            <v>75023</v>
          </cell>
          <cell r="Z1022" t="str">
            <v>RECOH</v>
          </cell>
          <cell r="AN1022" t="str">
            <v>MDO C&amp;M</v>
          </cell>
          <cell r="AO1022" t="str">
            <v>MDO OH/KEN C&amp;M</v>
          </cell>
        </row>
        <row r="1023">
          <cell r="F1023">
            <v>75023</v>
          </cell>
          <cell r="Z1023" t="str">
            <v>RECOH</v>
          </cell>
          <cell r="AN1023" t="str">
            <v>MDO C&amp;M</v>
          </cell>
          <cell r="AO1023" t="str">
            <v>MDO OH/KEN C&amp;M</v>
          </cell>
        </row>
        <row r="1024">
          <cell r="F1024">
            <v>75023</v>
          </cell>
          <cell r="Z1024" t="str">
            <v>RECOH</v>
          </cell>
          <cell r="AN1024" t="str">
            <v>MDO C&amp;M</v>
          </cell>
          <cell r="AO1024" t="str">
            <v>MDO OH/KEN C&amp;M</v>
          </cell>
        </row>
        <row r="1025">
          <cell r="F1025">
            <v>75023</v>
          </cell>
          <cell r="Z1025" t="str">
            <v>RECOH</v>
          </cell>
          <cell r="AN1025" t="str">
            <v>MDO C&amp;M</v>
          </cell>
          <cell r="AO1025" t="str">
            <v>MDO OH/KEN C&amp;M</v>
          </cell>
        </row>
        <row r="1026">
          <cell r="F1026">
            <v>75023</v>
          </cell>
          <cell r="Z1026" t="str">
            <v>RECOH</v>
          </cell>
          <cell r="AN1026" t="str">
            <v>MDO C&amp;M</v>
          </cell>
          <cell r="AO1026" t="str">
            <v>MDO OH/KEN C&amp;M</v>
          </cell>
        </row>
        <row r="1027">
          <cell r="F1027">
            <v>75023</v>
          </cell>
          <cell r="Z1027" t="str">
            <v>RECOH</v>
          </cell>
          <cell r="AN1027" t="str">
            <v>MDO C&amp;M</v>
          </cell>
          <cell r="AO1027" t="str">
            <v>MDO OH/KEN C&amp;M</v>
          </cell>
        </row>
        <row r="1028">
          <cell r="F1028">
            <v>75023</v>
          </cell>
          <cell r="Z1028" t="str">
            <v>RECOH</v>
          </cell>
          <cell r="AN1028" t="str">
            <v>MDO C&amp;M</v>
          </cell>
          <cell r="AO1028" t="str">
            <v>MDO OH/KEN C&amp;M</v>
          </cell>
        </row>
        <row r="1029">
          <cell r="F1029">
            <v>75023</v>
          </cell>
          <cell r="Z1029" t="str">
            <v>RECOH</v>
          </cell>
          <cell r="AN1029" t="str">
            <v>MDO C&amp;M</v>
          </cell>
          <cell r="AO1029" t="str">
            <v>MDO OH/KEN C&amp;M</v>
          </cell>
        </row>
        <row r="1030">
          <cell r="F1030">
            <v>75023</v>
          </cell>
          <cell r="Z1030" t="str">
            <v>RECOH</v>
          </cell>
          <cell r="AN1030" t="str">
            <v>MDO C&amp;M</v>
          </cell>
          <cell r="AO1030" t="str">
            <v>MDO OH/KEN C&amp;M</v>
          </cell>
        </row>
        <row r="1031">
          <cell r="F1031">
            <v>75023</v>
          </cell>
          <cell r="Z1031" t="str">
            <v>RECOH</v>
          </cell>
          <cell r="AN1031" t="str">
            <v>MDO C&amp;M</v>
          </cell>
          <cell r="AO1031" t="str">
            <v>MDO OH/KEN C&amp;M</v>
          </cell>
        </row>
        <row r="1032">
          <cell r="F1032">
            <v>75023</v>
          </cell>
          <cell r="Z1032" t="str">
            <v>RECOH</v>
          </cell>
          <cell r="AN1032" t="str">
            <v>MDO C&amp;M</v>
          </cell>
          <cell r="AO1032" t="str">
            <v>MDO OH/KEN C&amp;M</v>
          </cell>
        </row>
        <row r="1033">
          <cell r="F1033">
            <v>75023</v>
          </cell>
          <cell r="Z1033" t="str">
            <v>RECOH</v>
          </cell>
          <cell r="AN1033" t="str">
            <v>MDO C&amp;M</v>
          </cell>
          <cell r="AO1033" t="str">
            <v>MDO OH/KEN C&amp;M</v>
          </cell>
        </row>
        <row r="1034">
          <cell r="F1034">
            <v>75023</v>
          </cell>
          <cell r="Z1034" t="str">
            <v>RECOH</v>
          </cell>
          <cell r="AN1034" t="str">
            <v>MDO C&amp;M</v>
          </cell>
          <cell r="AO1034" t="str">
            <v>MDO OH/KEN C&amp;M</v>
          </cell>
        </row>
        <row r="1035">
          <cell r="F1035">
            <v>75023</v>
          </cell>
          <cell r="Z1035" t="str">
            <v>RECOH</v>
          </cell>
          <cell r="AN1035" t="str">
            <v>MDO C&amp;M</v>
          </cell>
          <cell r="AO1035" t="str">
            <v>MDO OH/KEN C&amp;M</v>
          </cell>
        </row>
        <row r="1036">
          <cell r="F1036">
            <v>75023</v>
          </cell>
          <cell r="Z1036" t="str">
            <v>RECOH</v>
          </cell>
          <cell r="AN1036" t="str">
            <v>MDO C&amp;M</v>
          </cell>
          <cell r="AO1036" t="str">
            <v>MDO OH/KEN C&amp;M</v>
          </cell>
        </row>
        <row r="1037">
          <cell r="F1037">
            <v>75023</v>
          </cell>
          <cell r="Z1037" t="str">
            <v>RECOH</v>
          </cell>
          <cell r="AN1037" t="str">
            <v>MDO C&amp;M</v>
          </cell>
          <cell r="AO1037" t="str">
            <v>MDO OH/KEN C&amp;M</v>
          </cell>
        </row>
        <row r="1038">
          <cell r="F1038">
            <v>75023</v>
          </cell>
          <cell r="Z1038" t="str">
            <v>RECOH</v>
          </cell>
          <cell r="AN1038" t="str">
            <v>MDO C&amp;M</v>
          </cell>
          <cell r="AO1038" t="str">
            <v>MDO OH/KEN C&amp;M</v>
          </cell>
        </row>
        <row r="1039">
          <cell r="F1039">
            <v>75023</v>
          </cell>
          <cell r="Z1039" t="str">
            <v>RECOH</v>
          </cell>
          <cell r="AN1039" t="str">
            <v>MDO C&amp;M</v>
          </cell>
          <cell r="AO1039" t="str">
            <v>MDO OH/KEN C&amp;M</v>
          </cell>
        </row>
        <row r="1040">
          <cell r="F1040">
            <v>75023</v>
          </cell>
          <cell r="Z1040" t="str">
            <v>RECOH</v>
          </cell>
          <cell r="AN1040" t="str">
            <v>MDO C&amp;M</v>
          </cell>
          <cell r="AO1040" t="str">
            <v>MDO OH/KEN C&amp;M</v>
          </cell>
        </row>
        <row r="1041">
          <cell r="F1041">
            <v>75023</v>
          </cell>
          <cell r="Z1041" t="str">
            <v>RECOH</v>
          </cell>
          <cell r="AN1041" t="str">
            <v>MDO C&amp;M</v>
          </cell>
          <cell r="AO1041" t="str">
            <v>MDO OH/KEN C&amp;M</v>
          </cell>
        </row>
        <row r="1042">
          <cell r="F1042">
            <v>75023</v>
          </cell>
          <cell r="Z1042" t="str">
            <v>RECOH</v>
          </cell>
          <cell r="AN1042" t="str">
            <v>MDO C&amp;M</v>
          </cell>
          <cell r="AO1042" t="str">
            <v>MDO OH/KEN C&amp;M</v>
          </cell>
        </row>
        <row r="1043">
          <cell r="F1043">
            <v>75023</v>
          </cell>
          <cell r="Z1043" t="str">
            <v>RECOH</v>
          </cell>
          <cell r="AN1043" t="str">
            <v>MDO C&amp;M</v>
          </cell>
          <cell r="AO1043" t="str">
            <v>MDO OH/KEN C&amp;M</v>
          </cell>
        </row>
        <row r="1044">
          <cell r="F1044">
            <v>75023</v>
          </cell>
          <cell r="Z1044" t="str">
            <v>RECOH</v>
          </cell>
          <cell r="AN1044" t="str">
            <v>MDO C&amp;M</v>
          </cell>
          <cell r="AO1044" t="str">
            <v>MDO OH/KEN C&amp;M</v>
          </cell>
        </row>
        <row r="1045">
          <cell r="F1045">
            <v>75023</v>
          </cell>
          <cell r="Z1045" t="str">
            <v>RECOH</v>
          </cell>
          <cell r="AN1045" t="str">
            <v>MDO C&amp;M</v>
          </cell>
          <cell r="AO1045" t="str">
            <v>MDO OH/KEN C&amp;M</v>
          </cell>
        </row>
        <row r="1046">
          <cell r="F1046">
            <v>75023</v>
          </cell>
          <cell r="Z1046" t="str">
            <v>RECOH</v>
          </cell>
          <cell r="AN1046" t="str">
            <v>MDO C&amp;M</v>
          </cell>
          <cell r="AO1046" t="str">
            <v>MDO OH/KEN C&amp;M</v>
          </cell>
        </row>
        <row r="1047">
          <cell r="F1047">
            <v>75023</v>
          </cell>
          <cell r="Z1047" t="str">
            <v>RECOH</v>
          </cell>
          <cell r="AN1047" t="str">
            <v>MDO C&amp;M</v>
          </cell>
          <cell r="AO1047" t="str">
            <v>MDO OH/KEN C&amp;M</v>
          </cell>
        </row>
        <row r="1048">
          <cell r="F1048">
            <v>75023</v>
          </cell>
          <cell r="Z1048" t="str">
            <v>RECOH</v>
          </cell>
          <cell r="AN1048" t="str">
            <v>MDO C&amp;M</v>
          </cell>
          <cell r="AO1048" t="str">
            <v>MDO OH/KEN C&amp;M</v>
          </cell>
        </row>
        <row r="1049">
          <cell r="F1049">
            <v>75023</v>
          </cell>
          <cell r="Z1049" t="str">
            <v>RECOH</v>
          </cell>
          <cell r="AN1049" t="str">
            <v>MDO C&amp;M</v>
          </cell>
          <cell r="AO1049" t="str">
            <v>MDO OH/KEN C&amp;M</v>
          </cell>
        </row>
        <row r="1050">
          <cell r="F1050">
            <v>75023</v>
          </cell>
          <cell r="Z1050" t="str">
            <v>RECOH</v>
          </cell>
          <cell r="AN1050" t="str">
            <v>MDO C&amp;M</v>
          </cell>
          <cell r="AO1050" t="str">
            <v>MDO OH/KEN C&amp;M</v>
          </cell>
        </row>
        <row r="1051">
          <cell r="F1051">
            <v>75023</v>
          </cell>
          <cell r="Z1051" t="str">
            <v>RECOH</v>
          </cell>
          <cell r="AN1051" t="str">
            <v>MDO C&amp;M</v>
          </cell>
          <cell r="AO1051" t="str">
            <v>MDO OH/KEN C&amp;M</v>
          </cell>
        </row>
        <row r="1052">
          <cell r="F1052">
            <v>75023</v>
          </cell>
          <cell r="Z1052" t="str">
            <v>RECOH</v>
          </cell>
          <cell r="AN1052" t="str">
            <v>MDO C&amp;M</v>
          </cell>
          <cell r="AO1052" t="str">
            <v>MDO OH/KEN C&amp;M</v>
          </cell>
        </row>
        <row r="1053">
          <cell r="F1053">
            <v>75023</v>
          </cell>
          <cell r="Z1053" t="str">
            <v>RECOH</v>
          </cell>
          <cell r="AN1053" t="str">
            <v>MDO C&amp;M</v>
          </cell>
          <cell r="AO1053" t="str">
            <v>MDO OH/KEN C&amp;M</v>
          </cell>
        </row>
        <row r="1054">
          <cell r="F1054">
            <v>75023</v>
          </cell>
          <cell r="Z1054" t="str">
            <v>RECOH</v>
          </cell>
          <cell r="AN1054" t="str">
            <v>MDO C&amp;M</v>
          </cell>
          <cell r="AO1054" t="str">
            <v>MDO OH/KEN C&amp;M</v>
          </cell>
        </row>
        <row r="1055">
          <cell r="F1055">
            <v>75023</v>
          </cell>
          <cell r="Z1055" t="str">
            <v>RECOH</v>
          </cell>
          <cell r="AN1055" t="str">
            <v>MDO C&amp;M</v>
          </cell>
          <cell r="AO1055" t="str">
            <v>MDO OH/KEN C&amp;M</v>
          </cell>
        </row>
        <row r="1056">
          <cell r="F1056">
            <v>75115</v>
          </cell>
          <cell r="Z1056" t="str">
            <v>RECOH</v>
          </cell>
          <cell r="AN1056" t="str">
            <v>MDO C&amp;M</v>
          </cell>
          <cell r="AO1056" t="str">
            <v>MDO INDIANA NORTH C&amp;M</v>
          </cell>
        </row>
        <row r="1057">
          <cell r="F1057">
            <v>75084</v>
          </cell>
          <cell r="Z1057" t="str">
            <v>RECOH</v>
          </cell>
          <cell r="AN1057" t="str">
            <v>MDO C&amp;M</v>
          </cell>
          <cell r="AO1057" t="str">
            <v>MDO OH/KEN C&amp;M</v>
          </cell>
        </row>
        <row r="1058">
          <cell r="F1058">
            <v>75084</v>
          </cell>
          <cell r="Z1058" t="str">
            <v>RECOH</v>
          </cell>
          <cell r="AN1058" t="str">
            <v>MDO C&amp;M</v>
          </cell>
          <cell r="AO1058" t="str">
            <v>MDO OH/KEN C&amp;M</v>
          </cell>
        </row>
        <row r="1059">
          <cell r="F1059">
            <v>75084</v>
          </cell>
          <cell r="Z1059" t="str">
            <v>RECOH</v>
          </cell>
          <cell r="AN1059" t="str">
            <v>MDO C&amp;M</v>
          </cell>
          <cell r="AO1059" t="str">
            <v>MDO OH/KEN C&amp;M</v>
          </cell>
        </row>
        <row r="1060">
          <cell r="F1060">
            <v>75084</v>
          </cell>
          <cell r="Z1060" t="str">
            <v>RECOH</v>
          </cell>
          <cell r="AN1060" t="str">
            <v>MDO C&amp;M</v>
          </cell>
          <cell r="AO1060" t="str">
            <v>MDO OH/KEN C&amp;M</v>
          </cell>
        </row>
        <row r="1061">
          <cell r="F1061">
            <v>75084</v>
          </cell>
          <cell r="Z1061" t="str">
            <v>RECOH</v>
          </cell>
          <cell r="AN1061" t="str">
            <v>MDO C&amp;M</v>
          </cell>
          <cell r="AO1061" t="str">
            <v>MDO OH/KEN C&amp;M</v>
          </cell>
        </row>
        <row r="1062">
          <cell r="F1062">
            <v>75084</v>
          </cell>
          <cell r="Z1062" t="str">
            <v>RECOH</v>
          </cell>
          <cell r="AN1062" t="str">
            <v>MDO C&amp;M</v>
          </cell>
          <cell r="AO1062" t="str">
            <v>MDO OH/KEN C&amp;M</v>
          </cell>
        </row>
        <row r="1063">
          <cell r="F1063">
            <v>75084</v>
          </cell>
          <cell r="Z1063" t="str">
            <v>RECOH</v>
          </cell>
          <cell r="AN1063" t="str">
            <v>MDO C&amp;M</v>
          </cell>
          <cell r="AO1063" t="str">
            <v>MDO OH/KEN C&amp;M</v>
          </cell>
        </row>
        <row r="1064">
          <cell r="F1064">
            <v>75084</v>
          </cell>
          <cell r="Z1064" t="str">
            <v>RECOH</v>
          </cell>
          <cell r="AN1064" t="str">
            <v>MDO C&amp;M</v>
          </cell>
          <cell r="AO1064" t="str">
            <v>MDO OH/KEN C&amp;M</v>
          </cell>
        </row>
        <row r="1065">
          <cell r="F1065">
            <v>75084</v>
          </cell>
          <cell r="Z1065" t="str">
            <v>RECOH</v>
          </cell>
          <cell r="AN1065" t="str">
            <v>MDO C&amp;M</v>
          </cell>
          <cell r="AO1065" t="str">
            <v>MDO OH/KEN C&amp;M</v>
          </cell>
        </row>
        <row r="1066">
          <cell r="F1066">
            <v>75084</v>
          </cell>
          <cell r="Z1066" t="str">
            <v>RECOH</v>
          </cell>
          <cell r="AN1066" t="str">
            <v>MDO C&amp;M</v>
          </cell>
          <cell r="AO1066" t="str">
            <v>MDO OH/KEN C&amp;M</v>
          </cell>
        </row>
        <row r="1067">
          <cell r="F1067">
            <v>75084</v>
          </cell>
          <cell r="Z1067" t="str">
            <v>RECOH</v>
          </cell>
          <cell r="AN1067" t="str">
            <v>MDO C&amp;M</v>
          </cell>
          <cell r="AO1067" t="str">
            <v>MDO OH/KEN C&amp;M</v>
          </cell>
        </row>
        <row r="1068">
          <cell r="F1068">
            <v>75023</v>
          </cell>
          <cell r="Z1068" t="str">
            <v>LIPMD</v>
          </cell>
          <cell r="AN1068" t="str">
            <v>MDO Engr Const Planning</v>
          </cell>
          <cell r="AO1068" t="str">
            <v xml:space="preserve"> </v>
          </cell>
        </row>
        <row r="1069">
          <cell r="F1069">
            <v>75023</v>
          </cell>
          <cell r="Z1069" t="str">
            <v>LIPMD</v>
          </cell>
          <cell r="AN1069" t="str">
            <v>MDO Engr Const Planning</v>
          </cell>
          <cell r="AO1069" t="str">
            <v xml:space="preserve"> </v>
          </cell>
        </row>
        <row r="1070">
          <cell r="F1070">
            <v>75023</v>
          </cell>
          <cell r="Z1070" t="str">
            <v>LIPMD</v>
          </cell>
          <cell r="AN1070" t="str">
            <v>MDO C&amp;M</v>
          </cell>
          <cell r="AO1070" t="str">
            <v>MDO OH/KEN C&amp;M</v>
          </cell>
        </row>
        <row r="1071">
          <cell r="F1071">
            <v>75023</v>
          </cell>
          <cell r="Z1071" t="str">
            <v>LIPMD</v>
          </cell>
          <cell r="AN1071" t="str">
            <v>MDO C&amp;M</v>
          </cell>
          <cell r="AO1071" t="str">
            <v>MDO OH/KEN C&amp;M</v>
          </cell>
        </row>
        <row r="1072">
          <cell r="F1072">
            <v>75023</v>
          </cell>
          <cell r="Z1072" t="str">
            <v>LIPMD</v>
          </cell>
          <cell r="AN1072" t="str">
            <v>MDO C&amp;M</v>
          </cell>
          <cell r="AO1072" t="str">
            <v>MDO OH/KEN C&amp;M</v>
          </cell>
        </row>
        <row r="1073">
          <cell r="F1073">
            <v>75023</v>
          </cell>
          <cell r="Z1073" t="str">
            <v>LIPMD</v>
          </cell>
          <cell r="AN1073" t="str">
            <v>MDO C&amp;M</v>
          </cell>
          <cell r="AO1073" t="str">
            <v>MDO OH/KEN C&amp;M</v>
          </cell>
        </row>
        <row r="1074">
          <cell r="F1074">
            <v>75023</v>
          </cell>
          <cell r="Z1074" t="str">
            <v>LIPMD</v>
          </cell>
          <cell r="AN1074" t="str">
            <v>MDO C&amp;M</v>
          </cell>
          <cell r="AO1074" t="str">
            <v>MDO OH/KEN C&amp;M</v>
          </cell>
        </row>
        <row r="1075">
          <cell r="F1075">
            <v>75023</v>
          </cell>
          <cell r="Z1075" t="str">
            <v>LIPMD</v>
          </cell>
          <cell r="AN1075" t="str">
            <v>MDO C&amp;M</v>
          </cell>
          <cell r="AO1075" t="str">
            <v>MDO OH/KEN C&amp;M</v>
          </cell>
        </row>
        <row r="1076">
          <cell r="F1076">
            <v>75023</v>
          </cell>
          <cell r="Z1076" t="str">
            <v>LIPMD</v>
          </cell>
          <cell r="AN1076" t="str">
            <v>MDO C&amp;M</v>
          </cell>
          <cell r="AO1076" t="str">
            <v>MDO OH/KEN C&amp;M</v>
          </cell>
        </row>
        <row r="1077">
          <cell r="F1077">
            <v>75023</v>
          </cell>
          <cell r="Z1077" t="str">
            <v>LIPMD</v>
          </cell>
          <cell r="AN1077" t="str">
            <v>MDO C&amp;M</v>
          </cell>
          <cell r="AO1077" t="str">
            <v>MDO OH/KEN C&amp;M</v>
          </cell>
        </row>
        <row r="1078">
          <cell r="F1078">
            <v>75023</v>
          </cell>
          <cell r="Z1078" t="str">
            <v>LIPMD</v>
          </cell>
          <cell r="AN1078" t="str">
            <v>MDO C&amp;M</v>
          </cell>
          <cell r="AO1078" t="str">
            <v>MDO OH/KEN C&amp;M</v>
          </cell>
        </row>
        <row r="1079">
          <cell r="F1079">
            <v>75023</v>
          </cell>
          <cell r="Z1079" t="str">
            <v>LIPMD</v>
          </cell>
          <cell r="AN1079" t="str">
            <v>MDO C&amp;M</v>
          </cell>
          <cell r="AO1079" t="str">
            <v>MDO OH/KEN C&amp;M</v>
          </cell>
        </row>
        <row r="1080">
          <cell r="F1080">
            <v>75023</v>
          </cell>
          <cell r="Z1080" t="str">
            <v>LIPMD</v>
          </cell>
          <cell r="AN1080" t="str">
            <v>MDO C&amp;M</v>
          </cell>
          <cell r="AO1080" t="str">
            <v>MDO OH/KEN C&amp;M</v>
          </cell>
        </row>
        <row r="1081">
          <cell r="F1081">
            <v>75023</v>
          </cell>
          <cell r="Z1081" t="str">
            <v>LIPMD</v>
          </cell>
          <cell r="AN1081" t="str">
            <v>MDO C&amp;M</v>
          </cell>
          <cell r="AO1081" t="str">
            <v>MDO OH/KEN C&amp;M</v>
          </cell>
        </row>
        <row r="1082">
          <cell r="F1082">
            <v>75023</v>
          </cell>
          <cell r="Z1082" t="str">
            <v>LIPMD</v>
          </cell>
          <cell r="AN1082" t="str">
            <v>MDO C&amp;M</v>
          </cell>
          <cell r="AO1082" t="str">
            <v>MDO OH/KEN C&amp;M</v>
          </cell>
        </row>
        <row r="1083">
          <cell r="F1083">
            <v>75023</v>
          </cell>
          <cell r="Z1083" t="str">
            <v>LIPMD</v>
          </cell>
          <cell r="AN1083" t="str">
            <v>MDO C&amp;M</v>
          </cell>
          <cell r="AO1083" t="str">
            <v>MDO OH/KEN C&amp;M</v>
          </cell>
        </row>
        <row r="1084">
          <cell r="F1084">
            <v>75023</v>
          </cell>
          <cell r="Z1084" t="str">
            <v>LIPMD</v>
          </cell>
          <cell r="AN1084" t="str">
            <v>MDO C&amp;M</v>
          </cell>
          <cell r="AO1084" t="str">
            <v>MDO OH/KEN C&amp;M</v>
          </cell>
        </row>
        <row r="1085">
          <cell r="F1085">
            <v>75023</v>
          </cell>
          <cell r="Z1085" t="str">
            <v>LIPMD</v>
          </cell>
          <cell r="AN1085" t="str">
            <v>MDO C&amp;M</v>
          </cell>
          <cell r="AO1085" t="str">
            <v>MDO OH/KEN C&amp;M</v>
          </cell>
        </row>
        <row r="1086">
          <cell r="F1086">
            <v>75023</v>
          </cell>
          <cell r="Z1086" t="str">
            <v>LIPMD</v>
          </cell>
          <cell r="AN1086" t="str">
            <v>MDO C&amp;M</v>
          </cell>
          <cell r="AO1086" t="str">
            <v>MDO OH/KEN C&amp;M</v>
          </cell>
        </row>
        <row r="1087">
          <cell r="F1087">
            <v>75023</v>
          </cell>
          <cell r="Z1087" t="str">
            <v>LIPMD</v>
          </cell>
          <cell r="AN1087" t="str">
            <v>MDO C&amp;M</v>
          </cell>
          <cell r="AO1087" t="str">
            <v>MDO OH/KEN C&amp;M</v>
          </cell>
        </row>
        <row r="1088">
          <cell r="F1088">
            <v>75023</v>
          </cell>
          <cell r="Z1088" t="str">
            <v>LIPMD</v>
          </cell>
          <cell r="AN1088" t="str">
            <v>MDO C&amp;M</v>
          </cell>
          <cell r="AO1088" t="str">
            <v>MDO OH/KEN C&amp;M</v>
          </cell>
        </row>
        <row r="1089">
          <cell r="F1089">
            <v>75023</v>
          </cell>
          <cell r="Z1089" t="str">
            <v>LIPMD</v>
          </cell>
          <cell r="AN1089" t="str">
            <v>MDO C&amp;M</v>
          </cell>
          <cell r="AO1089" t="str">
            <v>MDO OH/KEN C&amp;M</v>
          </cell>
        </row>
        <row r="1090">
          <cell r="F1090">
            <v>75023</v>
          </cell>
          <cell r="Z1090" t="str">
            <v>LIPMD</v>
          </cell>
          <cell r="AN1090" t="str">
            <v>MDO C&amp;M</v>
          </cell>
          <cell r="AO1090" t="str">
            <v>MDO OH/KEN C&amp;M</v>
          </cell>
        </row>
        <row r="1091">
          <cell r="F1091">
            <v>75023</v>
          </cell>
          <cell r="Z1091" t="str">
            <v>LIPMD</v>
          </cell>
          <cell r="AN1091" t="str">
            <v>MDO C&amp;M</v>
          </cell>
          <cell r="AO1091" t="str">
            <v>MDO OH/KEN C&amp;M</v>
          </cell>
        </row>
        <row r="1092">
          <cell r="F1092">
            <v>75023</v>
          </cell>
          <cell r="Z1092" t="str">
            <v>LIPMD</v>
          </cell>
          <cell r="AN1092" t="str">
            <v>MDO C&amp;M</v>
          </cell>
          <cell r="AO1092" t="str">
            <v>MDO OH/KEN C&amp;M</v>
          </cell>
        </row>
        <row r="1093">
          <cell r="F1093">
            <v>75023</v>
          </cell>
          <cell r="Z1093" t="str">
            <v>LIPMD</v>
          </cell>
          <cell r="AN1093" t="str">
            <v>MDO C&amp;M</v>
          </cell>
          <cell r="AO1093" t="str">
            <v>MDO OH/KEN C&amp;M</v>
          </cell>
        </row>
        <row r="1094">
          <cell r="F1094">
            <v>75023</v>
          </cell>
          <cell r="Z1094" t="str">
            <v>LIPMD</v>
          </cell>
          <cell r="AN1094" t="str">
            <v>MDO C&amp;M</v>
          </cell>
          <cell r="AO1094" t="str">
            <v>MDO OH/KEN C&amp;M</v>
          </cell>
        </row>
        <row r="1095">
          <cell r="F1095">
            <v>75023</v>
          </cell>
          <cell r="Z1095" t="str">
            <v>LIPMD</v>
          </cell>
          <cell r="AN1095" t="str">
            <v>MDO C&amp;M</v>
          </cell>
          <cell r="AO1095" t="str">
            <v>MDO OH/KEN C&amp;M</v>
          </cell>
        </row>
        <row r="1096">
          <cell r="F1096">
            <v>75023</v>
          </cell>
          <cell r="Z1096" t="str">
            <v>LIPMD</v>
          </cell>
          <cell r="AN1096" t="str">
            <v>MDO C&amp;M</v>
          </cell>
          <cell r="AO1096" t="str">
            <v>MDO OH/KEN C&amp;M</v>
          </cell>
        </row>
        <row r="1097">
          <cell r="F1097">
            <v>75023</v>
          </cell>
          <cell r="Z1097" t="str">
            <v>LIPMD</v>
          </cell>
          <cell r="AN1097" t="str">
            <v>MDO C&amp;M</v>
          </cell>
          <cell r="AO1097" t="str">
            <v>MDO OH/KEN C&amp;M</v>
          </cell>
        </row>
        <row r="1098">
          <cell r="F1098">
            <v>75023</v>
          </cell>
          <cell r="Z1098" t="str">
            <v>LIPMD</v>
          </cell>
          <cell r="AN1098" t="str">
            <v>MDO C&amp;M</v>
          </cell>
          <cell r="AO1098" t="str">
            <v>MDO OH/KEN C&amp;M</v>
          </cell>
        </row>
        <row r="1099">
          <cell r="F1099">
            <v>75023</v>
          </cell>
          <cell r="Z1099" t="str">
            <v>LIPMD</v>
          </cell>
          <cell r="AN1099" t="str">
            <v>MDO C&amp;M</v>
          </cell>
          <cell r="AO1099" t="str">
            <v>MDO OH/KEN C&amp;M</v>
          </cell>
        </row>
        <row r="1100">
          <cell r="F1100">
            <v>75023</v>
          </cell>
          <cell r="Z1100" t="str">
            <v>LIPMD</v>
          </cell>
          <cell r="AN1100" t="str">
            <v>MDO C&amp;M</v>
          </cell>
          <cell r="AO1100" t="str">
            <v>MDO OH/KEN C&amp;M</v>
          </cell>
        </row>
        <row r="1101">
          <cell r="F1101">
            <v>75023</v>
          </cell>
          <cell r="Z1101" t="str">
            <v>LIPMD</v>
          </cell>
          <cell r="AN1101" t="str">
            <v>MDO C&amp;M</v>
          </cell>
          <cell r="AO1101" t="str">
            <v>MDO OH/KEN C&amp;M</v>
          </cell>
        </row>
        <row r="1102">
          <cell r="F1102">
            <v>75023</v>
          </cell>
          <cell r="Z1102" t="str">
            <v>LIPMD</v>
          </cell>
          <cell r="AN1102" t="str">
            <v>MDO C&amp;M</v>
          </cell>
          <cell r="AO1102" t="str">
            <v>MDO OH/KEN C&amp;M</v>
          </cell>
        </row>
        <row r="1103">
          <cell r="F1103">
            <v>75023</v>
          </cell>
          <cell r="Z1103" t="str">
            <v>LIPMD</v>
          </cell>
          <cell r="AN1103" t="str">
            <v>MDO C&amp;M</v>
          </cell>
          <cell r="AO1103" t="str">
            <v>MDO OH/KEN C&amp;M</v>
          </cell>
        </row>
        <row r="1104">
          <cell r="F1104">
            <v>75023</v>
          </cell>
          <cell r="Z1104" t="str">
            <v>LIPMD</v>
          </cell>
          <cell r="AN1104" t="str">
            <v>MDO C&amp;M</v>
          </cell>
          <cell r="AO1104" t="str">
            <v>MDO OH/KEN C&amp;M</v>
          </cell>
        </row>
        <row r="1105">
          <cell r="F1105">
            <v>75023</v>
          </cell>
          <cell r="Z1105" t="str">
            <v>LIPMD</v>
          </cell>
          <cell r="AN1105" t="str">
            <v>MDO C&amp;M</v>
          </cell>
          <cell r="AO1105" t="str">
            <v>MDO OH/KEN C&amp;M</v>
          </cell>
        </row>
        <row r="1106">
          <cell r="F1106">
            <v>75023</v>
          </cell>
          <cell r="Z1106" t="str">
            <v>LIPMD</v>
          </cell>
          <cell r="AN1106" t="str">
            <v>MDO C&amp;M</v>
          </cell>
          <cell r="AO1106" t="str">
            <v>MDO OH/KEN C&amp;M</v>
          </cell>
        </row>
        <row r="1107">
          <cell r="F1107">
            <v>75023</v>
          </cell>
          <cell r="Z1107" t="str">
            <v>LIPMD</v>
          </cell>
          <cell r="AN1107" t="str">
            <v>MDO C&amp;M</v>
          </cell>
          <cell r="AO1107" t="str">
            <v>MDO OH/KEN C&amp;M</v>
          </cell>
        </row>
        <row r="1108">
          <cell r="F1108">
            <v>75023</v>
          </cell>
          <cell r="Z1108" t="str">
            <v>LIPMD</v>
          </cell>
          <cell r="AN1108" t="str">
            <v>MDO C&amp;M</v>
          </cell>
          <cell r="AO1108" t="str">
            <v>MDO OH/KEN C&amp;M</v>
          </cell>
        </row>
        <row r="1109">
          <cell r="F1109">
            <v>75023</v>
          </cell>
          <cell r="Z1109" t="str">
            <v>LIPMD</v>
          </cell>
          <cell r="AN1109" t="str">
            <v>MDO C&amp;M</v>
          </cell>
          <cell r="AO1109" t="str">
            <v>MDO OH/KEN C&amp;M</v>
          </cell>
        </row>
        <row r="1110">
          <cell r="F1110">
            <v>75023</v>
          </cell>
          <cell r="Z1110" t="str">
            <v>LIPMD</v>
          </cell>
          <cell r="AN1110" t="str">
            <v>MDO C&amp;M</v>
          </cell>
          <cell r="AO1110" t="str">
            <v>MDO OH/KEN C&amp;M</v>
          </cell>
        </row>
        <row r="1111">
          <cell r="F1111">
            <v>75023</v>
          </cell>
          <cell r="Z1111" t="str">
            <v>LIPMD</v>
          </cell>
          <cell r="AN1111" t="str">
            <v>MDO C&amp;M</v>
          </cell>
          <cell r="AO1111" t="str">
            <v>MDO OH/KEN C&amp;M</v>
          </cell>
        </row>
        <row r="1112">
          <cell r="F1112">
            <v>75023</v>
          </cell>
          <cell r="Z1112" t="str">
            <v>LIPMD</v>
          </cell>
          <cell r="AN1112" t="str">
            <v>MDO C&amp;M</v>
          </cell>
          <cell r="AO1112" t="str">
            <v>MDO OH/KEN C&amp;M</v>
          </cell>
        </row>
        <row r="1113">
          <cell r="F1113">
            <v>75023</v>
          </cell>
          <cell r="Z1113" t="str">
            <v>LIPMD</v>
          </cell>
          <cell r="AN1113" t="str">
            <v>MDO C&amp;M</v>
          </cell>
          <cell r="AO1113" t="str">
            <v>MDO OH/KEN C&amp;M</v>
          </cell>
        </row>
        <row r="1114">
          <cell r="F1114">
            <v>75023</v>
          </cell>
          <cell r="Z1114" t="str">
            <v>LIPMD</v>
          </cell>
          <cell r="AN1114" t="str">
            <v>MDO C&amp;M</v>
          </cell>
          <cell r="AO1114" t="str">
            <v>MDO OH/KEN C&amp;M</v>
          </cell>
        </row>
        <row r="1115">
          <cell r="F1115">
            <v>75023</v>
          </cell>
          <cell r="Z1115" t="str">
            <v>LIPMD</v>
          </cell>
          <cell r="AN1115" t="str">
            <v>MDO C&amp;M</v>
          </cell>
          <cell r="AO1115" t="str">
            <v>MDO OH/KEN C&amp;M</v>
          </cell>
        </row>
        <row r="1116">
          <cell r="F1116">
            <v>75023</v>
          </cell>
          <cell r="Z1116" t="str">
            <v>LIPMD</v>
          </cell>
          <cell r="AN1116" t="str">
            <v>MDO C&amp;M</v>
          </cell>
          <cell r="AO1116" t="str">
            <v>MDO OH/KEN C&amp;M</v>
          </cell>
        </row>
        <row r="1117">
          <cell r="F1117">
            <v>75023</v>
          </cell>
          <cell r="Z1117" t="str">
            <v>LIPMD</v>
          </cell>
          <cell r="AN1117" t="str">
            <v>MDO C&amp;M</v>
          </cell>
          <cell r="AO1117" t="str">
            <v>MDO OH/KEN C&amp;M</v>
          </cell>
        </row>
        <row r="1118">
          <cell r="F1118">
            <v>75023</v>
          </cell>
          <cell r="Z1118" t="str">
            <v>LIPMD</v>
          </cell>
          <cell r="AN1118" t="str">
            <v>MDO C&amp;M</v>
          </cell>
          <cell r="AO1118" t="str">
            <v>MDO OH/KEN C&amp;M</v>
          </cell>
        </row>
        <row r="1119">
          <cell r="F1119">
            <v>75023</v>
          </cell>
          <cell r="Z1119" t="str">
            <v>LIPMD</v>
          </cell>
          <cell r="AN1119" t="str">
            <v>MDO C&amp;M</v>
          </cell>
          <cell r="AO1119" t="str">
            <v>MDO OH/KEN C&amp;M</v>
          </cell>
        </row>
        <row r="1120">
          <cell r="F1120">
            <v>75023</v>
          </cell>
          <cell r="Z1120" t="str">
            <v>LIPMD</v>
          </cell>
          <cell r="AN1120" t="str">
            <v>MDO C&amp;M</v>
          </cell>
          <cell r="AO1120" t="str">
            <v>MDO OH/KEN C&amp;M</v>
          </cell>
        </row>
        <row r="1121">
          <cell r="F1121">
            <v>75023</v>
          </cell>
          <cell r="Z1121" t="str">
            <v>LIPMD</v>
          </cell>
          <cell r="AN1121" t="str">
            <v>MDO C&amp;M</v>
          </cell>
          <cell r="AO1121" t="str">
            <v>MDO OH/KEN C&amp;M</v>
          </cell>
        </row>
        <row r="1122">
          <cell r="F1122">
            <v>75023</v>
          </cell>
          <cell r="Z1122" t="str">
            <v>LIPMD</v>
          </cell>
          <cell r="AN1122" t="str">
            <v>MDO C&amp;M</v>
          </cell>
          <cell r="AO1122" t="str">
            <v>MDO OH/KEN C&amp;M</v>
          </cell>
        </row>
        <row r="1123">
          <cell r="F1123">
            <v>75023</v>
          </cell>
          <cell r="Z1123" t="str">
            <v>LIPMD</v>
          </cell>
          <cell r="AN1123" t="str">
            <v>MDO C&amp;M</v>
          </cell>
          <cell r="AO1123" t="str">
            <v>MDO OH/KEN C&amp;M</v>
          </cell>
        </row>
        <row r="1124">
          <cell r="F1124">
            <v>75023</v>
          </cell>
          <cell r="Z1124" t="str">
            <v>LIPMD</v>
          </cell>
          <cell r="AN1124" t="str">
            <v>MDO C&amp;M</v>
          </cell>
          <cell r="AO1124" t="str">
            <v>MDO OH/KEN C&amp;M</v>
          </cell>
        </row>
        <row r="1125">
          <cell r="F1125">
            <v>75023</v>
          </cell>
          <cell r="Z1125" t="str">
            <v>LIPMD</v>
          </cell>
          <cell r="AN1125" t="str">
            <v>MDO C&amp;M</v>
          </cell>
          <cell r="AO1125" t="str">
            <v>MDO OH/KEN C&amp;M</v>
          </cell>
        </row>
        <row r="1126">
          <cell r="F1126">
            <v>75023</v>
          </cell>
          <cell r="Z1126" t="str">
            <v>LIPMD</v>
          </cell>
          <cell r="AN1126" t="str">
            <v>MDO C&amp;M</v>
          </cell>
          <cell r="AO1126" t="str">
            <v>MDO OH/KEN C&amp;M</v>
          </cell>
        </row>
        <row r="1127">
          <cell r="F1127">
            <v>75023</v>
          </cell>
          <cell r="Z1127" t="str">
            <v>LIPMD</v>
          </cell>
          <cell r="AN1127" t="str">
            <v>MDO C&amp;M</v>
          </cell>
          <cell r="AO1127" t="str">
            <v>MDO OH/KEN C&amp;M</v>
          </cell>
        </row>
        <row r="1128">
          <cell r="F1128">
            <v>75023</v>
          </cell>
          <cell r="Z1128" t="str">
            <v>LIPMD</v>
          </cell>
          <cell r="AN1128" t="str">
            <v>MDO C&amp;M</v>
          </cell>
          <cell r="AO1128" t="str">
            <v>MDO OH/KEN C&amp;M</v>
          </cell>
        </row>
        <row r="1129">
          <cell r="F1129">
            <v>75023</v>
          </cell>
          <cell r="Z1129" t="str">
            <v>LIPMD</v>
          </cell>
          <cell r="AN1129" t="str">
            <v>MDO C&amp;M</v>
          </cell>
          <cell r="AO1129" t="str">
            <v>MDO OH/KEN C&amp;M</v>
          </cell>
        </row>
        <row r="1130">
          <cell r="F1130">
            <v>75023</v>
          </cell>
          <cell r="Z1130" t="str">
            <v>LIPMD</v>
          </cell>
          <cell r="AN1130" t="str">
            <v>MDO C&amp;M</v>
          </cell>
          <cell r="AO1130" t="str">
            <v>MDO OH/KEN C&amp;M</v>
          </cell>
        </row>
        <row r="1131">
          <cell r="F1131">
            <v>75023</v>
          </cell>
          <cell r="Z1131" t="str">
            <v>LIPMD</v>
          </cell>
          <cell r="AN1131" t="str">
            <v>MDO C&amp;M</v>
          </cell>
          <cell r="AO1131" t="str">
            <v>MDO OH/KEN C&amp;M</v>
          </cell>
        </row>
        <row r="1132">
          <cell r="F1132">
            <v>75023</v>
          </cell>
          <cell r="Z1132" t="str">
            <v>LIPMD</v>
          </cell>
          <cell r="AN1132" t="str">
            <v>MDO C&amp;M</v>
          </cell>
          <cell r="AO1132" t="str">
            <v>MDO OH/KEN C&amp;M</v>
          </cell>
        </row>
        <row r="1133">
          <cell r="F1133">
            <v>75023</v>
          </cell>
          <cell r="Z1133" t="str">
            <v>LIPMD</v>
          </cell>
          <cell r="AN1133" t="str">
            <v>MDO C&amp;M</v>
          </cell>
          <cell r="AO1133" t="str">
            <v>MDO OH/KEN C&amp;M</v>
          </cell>
        </row>
        <row r="1134">
          <cell r="F1134">
            <v>75023</v>
          </cell>
          <cell r="Z1134" t="str">
            <v>LIPMD</v>
          </cell>
          <cell r="AN1134" t="str">
            <v>MDO C&amp;M</v>
          </cell>
          <cell r="AO1134" t="str">
            <v>MDO OH/KEN C&amp;M</v>
          </cell>
        </row>
        <row r="1135">
          <cell r="F1135">
            <v>75023</v>
          </cell>
          <cell r="Z1135" t="str">
            <v>LIPMD</v>
          </cell>
          <cell r="AN1135" t="str">
            <v>MDO C&amp;M</v>
          </cell>
          <cell r="AO1135" t="str">
            <v>MDO OH/KEN C&amp;M</v>
          </cell>
        </row>
        <row r="1136">
          <cell r="F1136">
            <v>75023</v>
          </cell>
          <cell r="Z1136" t="str">
            <v>LIPMD</v>
          </cell>
          <cell r="AN1136" t="str">
            <v>MDO C&amp;M</v>
          </cell>
          <cell r="AO1136" t="str">
            <v>MDO OH/KEN C&amp;M</v>
          </cell>
        </row>
        <row r="1137">
          <cell r="F1137">
            <v>75023</v>
          </cell>
          <cell r="Z1137" t="str">
            <v>LIPMD</v>
          </cell>
          <cell r="AN1137" t="str">
            <v>MDO C&amp;M</v>
          </cell>
          <cell r="AO1137" t="str">
            <v>MDO OH/KEN C&amp;M</v>
          </cell>
        </row>
        <row r="1138">
          <cell r="F1138">
            <v>75023</v>
          </cell>
          <cell r="Z1138" t="str">
            <v>LIPMD</v>
          </cell>
          <cell r="AN1138" t="str">
            <v>MDO C&amp;M</v>
          </cell>
          <cell r="AO1138" t="str">
            <v>MDO OH/KEN C&amp;M</v>
          </cell>
        </row>
        <row r="1139">
          <cell r="F1139">
            <v>75023</v>
          </cell>
          <cell r="Z1139" t="str">
            <v>LIPMD</v>
          </cell>
          <cell r="AN1139" t="str">
            <v>MDO C&amp;M</v>
          </cell>
          <cell r="AO1139" t="str">
            <v>MDO OH/KEN C&amp;M</v>
          </cell>
        </row>
        <row r="1140">
          <cell r="F1140">
            <v>75023</v>
          </cell>
          <cell r="Z1140" t="str">
            <v>LIPMD</v>
          </cell>
          <cell r="AN1140" t="str">
            <v>MDO C&amp;M</v>
          </cell>
          <cell r="AO1140" t="str">
            <v>MDO OH/KEN C&amp;M</v>
          </cell>
        </row>
        <row r="1141">
          <cell r="F1141">
            <v>75023</v>
          </cell>
          <cell r="Z1141" t="str">
            <v>LIPMD</v>
          </cell>
          <cell r="AN1141" t="str">
            <v>MDO C&amp;M</v>
          </cell>
          <cell r="AO1141" t="str">
            <v>MDO OH/KEN C&amp;M</v>
          </cell>
        </row>
        <row r="1142">
          <cell r="F1142">
            <v>75023</v>
          </cell>
          <cell r="Z1142" t="str">
            <v>LIPMD</v>
          </cell>
          <cell r="AN1142" t="str">
            <v>MDO C&amp;M</v>
          </cell>
          <cell r="AO1142" t="str">
            <v>MDO OH/KEN C&amp;M</v>
          </cell>
        </row>
        <row r="1143">
          <cell r="F1143">
            <v>75023</v>
          </cell>
          <cell r="Z1143" t="str">
            <v>LIPMD</v>
          </cell>
          <cell r="AN1143" t="str">
            <v>MDO C&amp;M</v>
          </cell>
          <cell r="AO1143" t="str">
            <v>MDO OH/KEN C&amp;M</v>
          </cell>
        </row>
        <row r="1144">
          <cell r="F1144">
            <v>75023</v>
          </cell>
          <cell r="Z1144" t="str">
            <v>LIPMD</v>
          </cell>
          <cell r="AN1144" t="str">
            <v>MDO C&amp;M</v>
          </cell>
          <cell r="AO1144" t="str">
            <v>MDO OH/KEN C&amp;M</v>
          </cell>
        </row>
        <row r="1145">
          <cell r="F1145">
            <v>75023</v>
          </cell>
          <cell r="Z1145" t="str">
            <v>LIPMD</v>
          </cell>
          <cell r="AN1145" t="str">
            <v>MDO C&amp;M</v>
          </cell>
          <cell r="AO1145" t="str">
            <v>MDO OH/KEN C&amp;M</v>
          </cell>
        </row>
        <row r="1146">
          <cell r="F1146">
            <v>75023</v>
          </cell>
          <cell r="Z1146" t="str">
            <v>LIPMD</v>
          </cell>
          <cell r="AN1146" t="str">
            <v>MDO C&amp;M</v>
          </cell>
          <cell r="AO1146" t="str">
            <v>MDO OH/KEN C&amp;M</v>
          </cell>
        </row>
        <row r="1147">
          <cell r="F1147">
            <v>75023</v>
          </cell>
          <cell r="Z1147" t="str">
            <v>LIPMD</v>
          </cell>
          <cell r="AN1147" t="str">
            <v>MDO C&amp;M</v>
          </cell>
          <cell r="AO1147" t="str">
            <v>MDO OH/KEN C&amp;M</v>
          </cell>
        </row>
        <row r="1148">
          <cell r="F1148">
            <v>75023</v>
          </cell>
          <cell r="Z1148" t="str">
            <v>LIPMD</v>
          </cell>
          <cell r="AN1148" t="str">
            <v>MDO C&amp;M</v>
          </cell>
          <cell r="AO1148" t="str">
            <v>MDO OH/KEN C&amp;M</v>
          </cell>
        </row>
        <row r="1149">
          <cell r="F1149">
            <v>75023</v>
          </cell>
          <cell r="Z1149" t="str">
            <v>LIPMD</v>
          </cell>
          <cell r="AN1149" t="str">
            <v>MDO C&amp;M</v>
          </cell>
          <cell r="AO1149" t="str">
            <v>MDO OH/KEN C&amp;M</v>
          </cell>
        </row>
        <row r="1150">
          <cell r="F1150">
            <v>75023</v>
          </cell>
          <cell r="Z1150" t="str">
            <v>LIPMD</v>
          </cell>
          <cell r="AN1150" t="str">
            <v>MDO C&amp;M</v>
          </cell>
          <cell r="AO1150" t="str">
            <v>MDO OH/KEN C&amp;M</v>
          </cell>
        </row>
        <row r="1151">
          <cell r="F1151">
            <v>75023</v>
          </cell>
          <cell r="Z1151" t="str">
            <v>LIPMD</v>
          </cell>
          <cell r="AN1151" t="str">
            <v>MDO C&amp;M</v>
          </cell>
          <cell r="AO1151" t="str">
            <v>MDO OH/KEN C&amp;M</v>
          </cell>
        </row>
        <row r="1152">
          <cell r="F1152">
            <v>75023</v>
          </cell>
          <cell r="Z1152" t="str">
            <v>LIPMD</v>
          </cell>
          <cell r="AN1152" t="str">
            <v>MDO C&amp;M</v>
          </cell>
          <cell r="AO1152" t="str">
            <v>MDO OH/KEN C&amp;M</v>
          </cell>
        </row>
        <row r="1153">
          <cell r="F1153">
            <v>75023</v>
          </cell>
          <cell r="Z1153" t="str">
            <v>LIPMD</v>
          </cell>
          <cell r="AN1153" t="str">
            <v>MDO C&amp;M</v>
          </cell>
          <cell r="AO1153" t="str">
            <v>MDO OH/KEN C&amp;M</v>
          </cell>
        </row>
        <row r="1154">
          <cell r="F1154">
            <v>75023</v>
          </cell>
          <cell r="Z1154" t="str">
            <v>LIPMD</v>
          </cell>
          <cell r="AN1154" t="str">
            <v>MDO C&amp;M</v>
          </cell>
          <cell r="AO1154" t="str">
            <v>MDO OH/KEN C&amp;M</v>
          </cell>
        </row>
        <row r="1155">
          <cell r="F1155">
            <v>75023</v>
          </cell>
          <cell r="Z1155" t="str">
            <v>LIPMD</v>
          </cell>
          <cell r="AN1155" t="str">
            <v>MDO C&amp;M</v>
          </cell>
          <cell r="AO1155" t="str">
            <v>MDO OH/KEN C&amp;M</v>
          </cell>
        </row>
        <row r="1156">
          <cell r="F1156">
            <v>75023</v>
          </cell>
          <cell r="Z1156" t="str">
            <v>LIPMD</v>
          </cell>
          <cell r="AN1156" t="str">
            <v>MDO C&amp;M</v>
          </cell>
          <cell r="AO1156" t="str">
            <v>MDO OH/KEN C&amp;M</v>
          </cell>
        </row>
        <row r="1157">
          <cell r="F1157">
            <v>75023</v>
          </cell>
          <cell r="Z1157" t="str">
            <v>LIPMD</v>
          </cell>
          <cell r="AN1157" t="str">
            <v>MDO C&amp;M</v>
          </cell>
          <cell r="AO1157" t="str">
            <v>MDO OH/KEN C&amp;M</v>
          </cell>
        </row>
        <row r="1158">
          <cell r="F1158">
            <v>75023</v>
          </cell>
          <cell r="Z1158" t="str">
            <v>LIPMD</v>
          </cell>
          <cell r="AN1158" t="str">
            <v>MDO C&amp;M</v>
          </cell>
          <cell r="AO1158" t="str">
            <v>MDO OH/KEN C&amp;M</v>
          </cell>
        </row>
        <row r="1159">
          <cell r="F1159">
            <v>75023</v>
          </cell>
          <cell r="Z1159" t="str">
            <v>LIPMD</v>
          </cell>
          <cell r="AN1159" t="str">
            <v>MDO C&amp;M</v>
          </cell>
          <cell r="AO1159" t="str">
            <v>MDO OH/KEN C&amp;M</v>
          </cell>
        </row>
        <row r="1160">
          <cell r="F1160">
            <v>75023</v>
          </cell>
          <cell r="Z1160" t="str">
            <v>LIPMD</v>
          </cell>
          <cell r="AN1160" t="str">
            <v>MDO C&amp;M</v>
          </cell>
          <cell r="AO1160" t="str">
            <v>MDO OH/KEN C&amp;M</v>
          </cell>
        </row>
        <row r="1161">
          <cell r="F1161">
            <v>75023</v>
          </cell>
          <cell r="Z1161" t="str">
            <v>LIPMD</v>
          </cell>
          <cell r="AN1161" t="str">
            <v>MDO C&amp;M</v>
          </cell>
          <cell r="AO1161" t="str">
            <v>MDO OH/KEN C&amp;M</v>
          </cell>
        </row>
        <row r="1162">
          <cell r="F1162">
            <v>75023</v>
          </cell>
          <cell r="Z1162" t="str">
            <v>LIPMD</v>
          </cell>
          <cell r="AN1162" t="str">
            <v>MDO C&amp;M</v>
          </cell>
          <cell r="AO1162" t="str">
            <v>MDO OH/KEN C&amp;M</v>
          </cell>
        </row>
        <row r="1163">
          <cell r="F1163">
            <v>75023</v>
          </cell>
          <cell r="Z1163" t="str">
            <v>LIPMD</v>
          </cell>
          <cell r="AN1163" t="str">
            <v>MDO C&amp;M</v>
          </cell>
          <cell r="AO1163" t="str">
            <v>MDO OH/KEN C&amp;M</v>
          </cell>
        </row>
        <row r="1164">
          <cell r="F1164">
            <v>75023</v>
          </cell>
          <cell r="Z1164" t="str">
            <v>LIPMD</v>
          </cell>
          <cell r="AN1164" t="str">
            <v>MDO C&amp;M</v>
          </cell>
          <cell r="AO1164" t="str">
            <v>MDO OH/KEN C&amp;M</v>
          </cell>
        </row>
        <row r="1165">
          <cell r="F1165">
            <v>75023</v>
          </cell>
          <cell r="Z1165" t="str">
            <v>LIPMD</v>
          </cell>
          <cell r="AN1165" t="str">
            <v>MDO C&amp;M</v>
          </cell>
          <cell r="AO1165" t="str">
            <v>MDO OH/KEN C&amp;M</v>
          </cell>
        </row>
        <row r="1166">
          <cell r="F1166">
            <v>75023</v>
          </cell>
          <cell r="Z1166" t="str">
            <v>LIPMD</v>
          </cell>
          <cell r="AN1166" t="str">
            <v>MDO C&amp;M</v>
          </cell>
          <cell r="AO1166" t="str">
            <v>MDO OH/KEN C&amp;M</v>
          </cell>
        </row>
        <row r="1167">
          <cell r="F1167">
            <v>75023</v>
          </cell>
          <cell r="Z1167" t="str">
            <v>LIPMD</v>
          </cell>
          <cell r="AN1167" t="str">
            <v>MDO C&amp;M</v>
          </cell>
          <cell r="AO1167" t="str">
            <v>MDO OH/KEN C&amp;M</v>
          </cell>
        </row>
        <row r="1168">
          <cell r="F1168">
            <v>75023</v>
          </cell>
          <cell r="Z1168" t="str">
            <v>LIPMD</v>
          </cell>
          <cell r="AN1168" t="str">
            <v>MDO C&amp;M</v>
          </cell>
          <cell r="AO1168" t="str">
            <v>MDO OH/KEN C&amp;M</v>
          </cell>
        </row>
        <row r="1169">
          <cell r="F1169">
            <v>75023</v>
          </cell>
          <cell r="Z1169" t="str">
            <v>LIPMD</v>
          </cell>
          <cell r="AN1169" t="str">
            <v>MDO C&amp;M</v>
          </cell>
          <cell r="AO1169" t="str">
            <v>MDO OH/KEN C&amp;M</v>
          </cell>
        </row>
        <row r="1170">
          <cell r="F1170">
            <v>75023</v>
          </cell>
          <cell r="Z1170" t="str">
            <v>LIPMD</v>
          </cell>
          <cell r="AN1170" t="str">
            <v>MDO C&amp;M</v>
          </cell>
          <cell r="AO1170" t="str">
            <v>MDO OH/KEN C&amp;M</v>
          </cell>
        </row>
        <row r="1171">
          <cell r="F1171">
            <v>75023</v>
          </cell>
          <cell r="Z1171" t="str">
            <v>LIPMD</v>
          </cell>
          <cell r="AN1171" t="str">
            <v>MDO C&amp;M</v>
          </cell>
          <cell r="AO1171" t="str">
            <v>MDO OH/KEN C&amp;M</v>
          </cell>
        </row>
        <row r="1172">
          <cell r="F1172">
            <v>75023</v>
          </cell>
          <cell r="Z1172" t="str">
            <v>LIPMD</v>
          </cell>
          <cell r="AN1172" t="str">
            <v>MDO C&amp;M</v>
          </cell>
          <cell r="AO1172" t="str">
            <v>MDO OH/KEN C&amp;M</v>
          </cell>
        </row>
        <row r="1173">
          <cell r="F1173">
            <v>75023</v>
          </cell>
          <cell r="Z1173" t="str">
            <v>LIPMD</v>
          </cell>
          <cell r="AN1173" t="str">
            <v>MDO C&amp;M</v>
          </cell>
          <cell r="AO1173" t="str">
            <v>MDO OH/KEN C&amp;M</v>
          </cell>
        </row>
        <row r="1174">
          <cell r="F1174">
            <v>75023</v>
          </cell>
          <cell r="Z1174" t="str">
            <v>LIPMD</v>
          </cell>
          <cell r="AN1174" t="str">
            <v>MDO C&amp;M</v>
          </cell>
          <cell r="AO1174" t="str">
            <v>MDO OH/KEN C&amp;M</v>
          </cell>
        </row>
        <row r="1175">
          <cell r="F1175">
            <v>75023</v>
          </cell>
          <cell r="Z1175" t="str">
            <v>LIPMD</v>
          </cell>
          <cell r="AN1175" t="str">
            <v>MDO C&amp;M</v>
          </cell>
          <cell r="AO1175" t="str">
            <v>MDO OH/KEN C&amp;M</v>
          </cell>
        </row>
        <row r="1176">
          <cell r="F1176">
            <v>75023</v>
          </cell>
          <cell r="Z1176" t="str">
            <v>LIPMD</v>
          </cell>
          <cell r="AN1176" t="str">
            <v>MDO C&amp;M</v>
          </cell>
          <cell r="AO1176" t="str">
            <v>MDO OH/KEN C&amp;M</v>
          </cell>
        </row>
        <row r="1177">
          <cell r="F1177">
            <v>75023</v>
          </cell>
          <cell r="Z1177" t="str">
            <v>LIPMD</v>
          </cell>
          <cell r="AN1177" t="str">
            <v>MDO C&amp;M</v>
          </cell>
          <cell r="AO1177" t="str">
            <v>MDO OH/KEN C&amp;M</v>
          </cell>
        </row>
        <row r="1178">
          <cell r="F1178">
            <v>75023</v>
          </cell>
          <cell r="Z1178" t="str">
            <v>LIPMD</v>
          </cell>
          <cell r="AN1178" t="str">
            <v>MDO C&amp;M</v>
          </cell>
          <cell r="AO1178" t="str">
            <v>MDO OH/KEN C&amp;M</v>
          </cell>
        </row>
        <row r="1179">
          <cell r="F1179">
            <v>75023</v>
          </cell>
          <cell r="Z1179" t="str">
            <v>LIPMD</v>
          </cell>
          <cell r="AN1179" t="str">
            <v>MDO C&amp;M</v>
          </cell>
          <cell r="AO1179" t="str">
            <v>MDO OH/KEN C&amp;M</v>
          </cell>
        </row>
        <row r="1180">
          <cell r="F1180">
            <v>75023</v>
          </cell>
          <cell r="Z1180" t="str">
            <v>LIPMD</v>
          </cell>
          <cell r="AN1180" t="str">
            <v>MDO C&amp;M</v>
          </cell>
          <cell r="AO1180" t="str">
            <v>MDO OH/KEN C&amp;M</v>
          </cell>
        </row>
        <row r="1181">
          <cell r="F1181">
            <v>75023</v>
          </cell>
          <cell r="Z1181" t="str">
            <v>LIPMD</v>
          </cell>
          <cell r="AN1181" t="str">
            <v>MDO C&amp;M</v>
          </cell>
          <cell r="AO1181" t="str">
            <v>MDO OH/KEN C&amp;M</v>
          </cell>
        </row>
        <row r="1182">
          <cell r="F1182">
            <v>75023</v>
          </cell>
          <cell r="Z1182" t="str">
            <v>LIPMD</v>
          </cell>
          <cell r="AN1182" t="str">
            <v>MDO C&amp;M</v>
          </cell>
          <cell r="AO1182" t="str">
            <v>MDO OH/KEN C&amp;M</v>
          </cell>
        </row>
        <row r="1183">
          <cell r="F1183">
            <v>75023</v>
          </cell>
          <cell r="Z1183" t="str">
            <v>LIPMD</v>
          </cell>
          <cell r="AN1183" t="str">
            <v>MDO C&amp;M</v>
          </cell>
          <cell r="AO1183" t="str">
            <v>MDO OH/KEN C&amp;M</v>
          </cell>
        </row>
        <row r="1184">
          <cell r="F1184">
            <v>75023</v>
          </cell>
          <cell r="Z1184" t="str">
            <v>LIPMD</v>
          </cell>
          <cell r="AN1184" t="str">
            <v>MDO C&amp;M</v>
          </cell>
          <cell r="AO1184" t="str">
            <v>MDO OH/KEN C&amp;M</v>
          </cell>
        </row>
        <row r="1185">
          <cell r="F1185">
            <v>75023</v>
          </cell>
          <cell r="Z1185" t="str">
            <v>LIPMD</v>
          </cell>
          <cell r="AN1185" t="str">
            <v>MDO C&amp;M</v>
          </cell>
          <cell r="AO1185" t="str">
            <v>MDO OH/KEN C&amp;M</v>
          </cell>
        </row>
        <row r="1186">
          <cell r="F1186">
            <v>75023</v>
          </cell>
          <cell r="Z1186" t="str">
            <v>LIPMD</v>
          </cell>
          <cell r="AN1186" t="str">
            <v>MDO C&amp;M</v>
          </cell>
          <cell r="AO1186" t="str">
            <v>MDO OH/KEN C&amp;M</v>
          </cell>
        </row>
        <row r="1187">
          <cell r="F1187">
            <v>75023</v>
          </cell>
          <cell r="Z1187" t="str">
            <v>LIPMD</v>
          </cell>
          <cell r="AN1187" t="str">
            <v>MDO C&amp;M</v>
          </cell>
          <cell r="AO1187" t="str">
            <v>MDO OH/KEN C&amp;M</v>
          </cell>
        </row>
        <row r="1188">
          <cell r="F1188">
            <v>75023</v>
          </cell>
          <cell r="Z1188" t="str">
            <v>LIPMD</v>
          </cell>
          <cell r="AN1188" t="str">
            <v>MDO C&amp;M</v>
          </cell>
          <cell r="AO1188" t="str">
            <v>MDO OH/KEN C&amp;M</v>
          </cell>
        </row>
        <row r="1189">
          <cell r="F1189">
            <v>75023</v>
          </cell>
          <cell r="Z1189" t="str">
            <v>LIPMD</v>
          </cell>
          <cell r="AN1189" t="str">
            <v>MDO C&amp;M</v>
          </cell>
          <cell r="AO1189" t="str">
            <v>MDO OH/KEN C&amp;M</v>
          </cell>
        </row>
        <row r="1190">
          <cell r="F1190">
            <v>75023</v>
          </cell>
          <cell r="Z1190" t="str">
            <v>LIPMD</v>
          </cell>
          <cell r="AN1190" t="str">
            <v>MDO C&amp;M</v>
          </cell>
          <cell r="AO1190" t="str">
            <v>MDO OH/KEN C&amp;M</v>
          </cell>
        </row>
        <row r="1191">
          <cell r="F1191">
            <v>75023</v>
          </cell>
          <cell r="Z1191" t="str">
            <v>LIPMD</v>
          </cell>
          <cell r="AN1191" t="str">
            <v>MDO C&amp;M</v>
          </cell>
          <cell r="AO1191" t="str">
            <v>MDO OH/KEN C&amp;M</v>
          </cell>
        </row>
        <row r="1192">
          <cell r="F1192">
            <v>75023</v>
          </cell>
          <cell r="Z1192" t="str">
            <v>LIPMD</v>
          </cell>
          <cell r="AN1192" t="str">
            <v>MDO C&amp;M</v>
          </cell>
          <cell r="AO1192" t="str">
            <v>MDO OH/KEN C&amp;M</v>
          </cell>
        </row>
        <row r="1193">
          <cell r="F1193">
            <v>75023</v>
          </cell>
          <cell r="Z1193" t="str">
            <v>LIPMD</v>
          </cell>
          <cell r="AN1193" t="str">
            <v>MDO C&amp;M</v>
          </cell>
          <cell r="AO1193" t="str">
            <v>MDO OH/KEN C&amp;M</v>
          </cell>
        </row>
        <row r="1194">
          <cell r="F1194">
            <v>75023</v>
          </cell>
          <cell r="Z1194" t="str">
            <v>LIPMD</v>
          </cell>
          <cell r="AN1194" t="str">
            <v>MDO C&amp;M</v>
          </cell>
          <cell r="AO1194" t="str">
            <v>MDO OH/KEN C&amp;M</v>
          </cell>
        </row>
        <row r="1195">
          <cell r="F1195">
            <v>75023</v>
          </cell>
          <cell r="Z1195" t="str">
            <v>LIPMD</v>
          </cell>
          <cell r="AN1195" t="str">
            <v>MDO C&amp;M</v>
          </cell>
          <cell r="AO1195" t="str">
            <v>MDO OH/KEN C&amp;M</v>
          </cell>
        </row>
        <row r="1196">
          <cell r="F1196">
            <v>75023</v>
          </cell>
          <cell r="Z1196" t="str">
            <v>LIPMD</v>
          </cell>
          <cell r="AN1196" t="str">
            <v>MDO C&amp;M</v>
          </cell>
          <cell r="AO1196" t="str">
            <v>MDO OH/KEN C&amp;M</v>
          </cell>
        </row>
        <row r="1197">
          <cell r="F1197">
            <v>75023</v>
          </cell>
          <cell r="Z1197" t="str">
            <v>LIPMD</v>
          </cell>
          <cell r="AN1197" t="str">
            <v>MDO C&amp;M</v>
          </cell>
          <cell r="AO1197" t="str">
            <v>MDO OH/KEN C&amp;M</v>
          </cell>
        </row>
        <row r="1198">
          <cell r="F1198">
            <v>75023</v>
          </cell>
          <cell r="Z1198" t="str">
            <v>LIPMD</v>
          </cell>
          <cell r="AN1198" t="str">
            <v>MDO C&amp;M</v>
          </cell>
          <cell r="AO1198" t="str">
            <v>MDO OH/KEN C&amp;M</v>
          </cell>
        </row>
        <row r="1199">
          <cell r="F1199">
            <v>75023</v>
          </cell>
          <cell r="Z1199" t="str">
            <v>LIPMD</v>
          </cell>
          <cell r="AN1199" t="str">
            <v>MDO C&amp;M</v>
          </cell>
          <cell r="AO1199" t="str">
            <v>MDO OH/KEN C&amp;M</v>
          </cell>
        </row>
        <row r="1200">
          <cell r="F1200">
            <v>75023</v>
          </cell>
          <cell r="Z1200" t="str">
            <v>LIPMD</v>
          </cell>
          <cell r="AN1200" t="str">
            <v>MDO C&amp;M</v>
          </cell>
          <cell r="AO1200" t="str">
            <v>MDO OH/KEN C&amp;M</v>
          </cell>
        </row>
        <row r="1201">
          <cell r="F1201">
            <v>75023</v>
          </cell>
          <cell r="Z1201" t="str">
            <v>LIPMD</v>
          </cell>
          <cell r="AN1201" t="str">
            <v>MDO C&amp;M</v>
          </cell>
          <cell r="AO1201" t="str">
            <v>MDO OH/KEN C&amp;M</v>
          </cell>
        </row>
        <row r="1202">
          <cell r="F1202">
            <v>75023</v>
          </cell>
          <cell r="Z1202" t="str">
            <v>LIPMD</v>
          </cell>
          <cell r="AN1202" t="str">
            <v>MDO C&amp;M</v>
          </cell>
          <cell r="AO1202" t="str">
            <v>MDO OH/KEN C&amp;M</v>
          </cell>
        </row>
        <row r="1203">
          <cell r="F1203">
            <v>75023</v>
          </cell>
          <cell r="Z1203" t="str">
            <v>LIPMD</v>
          </cell>
          <cell r="AN1203" t="str">
            <v>MDO C&amp;M</v>
          </cell>
          <cell r="AO1203" t="str">
            <v>MDO OH/KEN C&amp;M</v>
          </cell>
        </row>
        <row r="1204">
          <cell r="F1204">
            <v>75023</v>
          </cell>
          <cell r="Z1204" t="str">
            <v>LIPMD</v>
          </cell>
          <cell r="AN1204" t="str">
            <v>MDO C&amp;M</v>
          </cell>
          <cell r="AO1204" t="str">
            <v>MDO OH/KEN C&amp;M</v>
          </cell>
        </row>
        <row r="1205">
          <cell r="F1205">
            <v>75023</v>
          </cell>
          <cell r="Z1205" t="str">
            <v>LIPMD</v>
          </cell>
          <cell r="AN1205" t="str">
            <v>MDO C&amp;M</v>
          </cell>
          <cell r="AO1205" t="str">
            <v>MDO OH/KEN C&amp;M</v>
          </cell>
        </row>
        <row r="1206">
          <cell r="F1206">
            <v>75023</v>
          </cell>
          <cell r="Z1206" t="str">
            <v>LIPMD</v>
          </cell>
          <cell r="AN1206" t="str">
            <v>MDO C&amp;M</v>
          </cell>
          <cell r="AO1206" t="str">
            <v>MDO OH/KEN C&amp;M</v>
          </cell>
        </row>
        <row r="1207">
          <cell r="F1207">
            <v>75023</v>
          </cell>
          <cell r="Z1207" t="str">
            <v>LIPMD</v>
          </cell>
          <cell r="AN1207" t="str">
            <v>MDO C&amp;M</v>
          </cell>
          <cell r="AO1207" t="str">
            <v>MDO OH/KEN C&amp;M</v>
          </cell>
        </row>
        <row r="1208">
          <cell r="F1208">
            <v>75023</v>
          </cell>
          <cell r="Z1208" t="str">
            <v>LIPMD</v>
          </cell>
          <cell r="AN1208" t="str">
            <v>MDO C&amp;M</v>
          </cell>
          <cell r="AO1208" t="str">
            <v>MDO OH/KEN C&amp;M</v>
          </cell>
        </row>
        <row r="1209">
          <cell r="F1209">
            <v>75023</v>
          </cell>
          <cell r="Z1209" t="str">
            <v>LIPMD</v>
          </cell>
          <cell r="AN1209" t="str">
            <v>MDO C&amp;M</v>
          </cell>
          <cell r="AO1209" t="str">
            <v>MDO OH/KEN C&amp;M</v>
          </cell>
        </row>
        <row r="1210">
          <cell r="F1210">
            <v>75023</v>
          </cell>
          <cell r="Z1210" t="str">
            <v>LIPMD</v>
          </cell>
          <cell r="AN1210" t="str">
            <v>MDO C&amp;M</v>
          </cell>
          <cell r="AO1210" t="str">
            <v>MDO OH/KEN C&amp;M</v>
          </cell>
        </row>
        <row r="1211">
          <cell r="F1211">
            <v>75023</v>
          </cell>
          <cell r="Z1211" t="str">
            <v>LIPMD</v>
          </cell>
          <cell r="AN1211" t="str">
            <v>MDO C&amp;M</v>
          </cell>
          <cell r="AO1211" t="str">
            <v>MDO OH/KEN C&amp;M</v>
          </cell>
        </row>
        <row r="1212">
          <cell r="F1212">
            <v>75023</v>
          </cell>
          <cell r="Z1212" t="str">
            <v>LIPMD</v>
          </cell>
          <cell r="AN1212" t="str">
            <v>MDO C&amp;M</v>
          </cell>
          <cell r="AO1212" t="str">
            <v>MDO OH/KEN C&amp;M</v>
          </cell>
        </row>
        <row r="1213">
          <cell r="F1213">
            <v>75023</v>
          </cell>
          <cell r="Z1213" t="str">
            <v>LIPMD</v>
          </cell>
          <cell r="AN1213" t="str">
            <v>MDO C&amp;M</v>
          </cell>
          <cell r="AO1213" t="str">
            <v>MDO OH/KEN C&amp;M</v>
          </cell>
        </row>
        <row r="1214">
          <cell r="F1214">
            <v>75023</v>
          </cell>
          <cell r="Z1214" t="str">
            <v>LIPMD</v>
          </cell>
          <cell r="AN1214" t="str">
            <v>MDO C&amp;M</v>
          </cell>
          <cell r="AO1214" t="str">
            <v>MDO OH/KEN C&amp;M</v>
          </cell>
        </row>
        <row r="1215">
          <cell r="F1215">
            <v>75023</v>
          </cell>
          <cell r="Z1215" t="str">
            <v>LIPMD</v>
          </cell>
          <cell r="AN1215" t="str">
            <v>MDO C&amp;M</v>
          </cell>
          <cell r="AO1215" t="str">
            <v>MDO OH/KEN C&amp;M</v>
          </cell>
        </row>
        <row r="1216">
          <cell r="F1216">
            <v>75023</v>
          </cell>
          <cell r="Z1216" t="str">
            <v>LIPMD</v>
          </cell>
          <cell r="AN1216" t="str">
            <v>MDO C&amp;M</v>
          </cell>
          <cell r="AO1216" t="str">
            <v>MDO OH/KEN C&amp;M</v>
          </cell>
        </row>
        <row r="1217">
          <cell r="F1217">
            <v>75023</v>
          </cell>
          <cell r="Z1217" t="str">
            <v>LIPMD</v>
          </cell>
          <cell r="AN1217" t="str">
            <v>MDO C&amp;M</v>
          </cell>
          <cell r="AO1217" t="str">
            <v>MDO OH/KEN C&amp;M</v>
          </cell>
        </row>
        <row r="1218">
          <cell r="F1218">
            <v>75023</v>
          </cell>
          <cell r="Z1218" t="str">
            <v>LIPMD</v>
          </cell>
          <cell r="AN1218" t="str">
            <v>MDO C&amp;M</v>
          </cell>
          <cell r="AO1218" t="str">
            <v>MDO OH/KEN C&amp;M</v>
          </cell>
        </row>
        <row r="1219">
          <cell r="F1219">
            <v>75023</v>
          </cell>
          <cell r="Z1219" t="str">
            <v>LIPMD</v>
          </cell>
          <cell r="AN1219" t="str">
            <v>MDO C&amp;M</v>
          </cell>
          <cell r="AO1219" t="str">
            <v>MDO OH/KEN C&amp;M</v>
          </cell>
        </row>
        <row r="1220">
          <cell r="F1220">
            <v>75023</v>
          </cell>
          <cell r="Z1220" t="str">
            <v>LIPMD</v>
          </cell>
          <cell r="AN1220" t="str">
            <v>MDO C&amp;M</v>
          </cell>
          <cell r="AO1220" t="str">
            <v>MDO OH/KEN C&amp;M</v>
          </cell>
        </row>
        <row r="1221">
          <cell r="F1221">
            <v>75023</v>
          </cell>
          <cell r="Z1221" t="str">
            <v>LIPMD</v>
          </cell>
          <cell r="AN1221" t="str">
            <v>MDO C&amp;M</v>
          </cell>
          <cell r="AO1221" t="str">
            <v>MDO OH/KEN C&amp;M</v>
          </cell>
        </row>
        <row r="1222">
          <cell r="F1222">
            <v>75023</v>
          </cell>
          <cell r="Z1222" t="str">
            <v>LIPMD</v>
          </cell>
          <cell r="AN1222" t="str">
            <v>MDO C&amp;M</v>
          </cell>
          <cell r="AO1222" t="str">
            <v>MDO OH/KEN C&amp;M</v>
          </cell>
        </row>
        <row r="1223">
          <cell r="F1223">
            <v>75023</v>
          </cell>
          <cell r="Z1223" t="str">
            <v>LIPMD</v>
          </cell>
          <cell r="AN1223" t="str">
            <v>MDO C&amp;M</v>
          </cell>
          <cell r="AO1223" t="str">
            <v>MDO OH/KEN C&amp;M</v>
          </cell>
        </row>
        <row r="1224">
          <cell r="F1224">
            <v>75023</v>
          </cell>
          <cell r="Z1224" t="str">
            <v>LIPMD</v>
          </cell>
          <cell r="AN1224" t="str">
            <v>MDO C&amp;M</v>
          </cell>
          <cell r="AO1224" t="str">
            <v>MDO OH/KEN C&amp;M</v>
          </cell>
        </row>
        <row r="1225">
          <cell r="F1225">
            <v>75023</v>
          </cell>
          <cell r="Z1225" t="str">
            <v>LIPMD</v>
          </cell>
          <cell r="AN1225" t="str">
            <v>MDO C&amp;M</v>
          </cell>
          <cell r="AO1225" t="str">
            <v>MDO OH/KEN C&amp;M</v>
          </cell>
        </row>
        <row r="1226">
          <cell r="F1226">
            <v>75023</v>
          </cell>
          <cell r="Z1226" t="str">
            <v>LIPMD</v>
          </cell>
          <cell r="AN1226" t="str">
            <v>MDO C&amp;M</v>
          </cell>
          <cell r="AO1226" t="str">
            <v>MDO OH/KEN C&amp;M</v>
          </cell>
        </row>
        <row r="1227">
          <cell r="F1227">
            <v>75023</v>
          </cell>
          <cell r="Z1227" t="str">
            <v>LIPMD</v>
          </cell>
          <cell r="AN1227" t="str">
            <v>MDO C&amp;M</v>
          </cell>
          <cell r="AO1227" t="str">
            <v>MDO OH/KEN C&amp;M</v>
          </cell>
        </row>
        <row r="1228">
          <cell r="F1228">
            <v>75023</v>
          </cell>
          <cell r="Z1228" t="str">
            <v>LIPMD</v>
          </cell>
          <cell r="AN1228" t="str">
            <v>MDO C&amp;M</v>
          </cell>
          <cell r="AO1228" t="str">
            <v>MDO OH/KEN C&amp;M</v>
          </cell>
        </row>
        <row r="1229">
          <cell r="F1229">
            <v>75023</v>
          </cell>
          <cell r="Z1229" t="str">
            <v>LIPMD</v>
          </cell>
          <cell r="AN1229" t="str">
            <v>MDO C&amp;M</v>
          </cell>
          <cell r="AO1229" t="str">
            <v>MDO OH/KEN C&amp;M</v>
          </cell>
        </row>
        <row r="1230">
          <cell r="F1230">
            <v>75023</v>
          </cell>
          <cell r="Z1230" t="str">
            <v>LIPMD</v>
          </cell>
          <cell r="AN1230" t="str">
            <v>MDO C&amp;M</v>
          </cell>
          <cell r="AO1230" t="str">
            <v>MDO OH/KEN C&amp;M</v>
          </cell>
        </row>
        <row r="1231">
          <cell r="F1231">
            <v>75023</v>
          </cell>
          <cell r="Z1231" t="str">
            <v>LIPMD</v>
          </cell>
          <cell r="AN1231" t="str">
            <v>MDO C&amp;M</v>
          </cell>
          <cell r="AO1231" t="str">
            <v>MDO OH/KEN C&amp;M</v>
          </cell>
        </row>
        <row r="1232">
          <cell r="F1232">
            <v>75023</v>
          </cell>
          <cell r="Z1232" t="str">
            <v>LIPMD</v>
          </cell>
          <cell r="AN1232" t="str">
            <v>MDO C&amp;M</v>
          </cell>
          <cell r="AO1232" t="str">
            <v>MDO OH/KEN C&amp;M</v>
          </cell>
        </row>
        <row r="1233">
          <cell r="F1233">
            <v>75023</v>
          </cell>
          <cell r="Z1233" t="str">
            <v>LIPMD</v>
          </cell>
          <cell r="AN1233" t="str">
            <v>MDO C&amp;M</v>
          </cell>
          <cell r="AO1233" t="str">
            <v>MDO OH/KEN C&amp;M</v>
          </cell>
        </row>
        <row r="1234">
          <cell r="F1234">
            <v>75023</v>
          </cell>
          <cell r="Z1234" t="str">
            <v>LIPMD</v>
          </cell>
          <cell r="AN1234" t="str">
            <v>MDO C&amp;M</v>
          </cell>
          <cell r="AO1234" t="str">
            <v>MDO OH/KEN C&amp;M</v>
          </cell>
        </row>
        <row r="1235">
          <cell r="F1235">
            <v>75023</v>
          </cell>
          <cell r="Z1235" t="str">
            <v>LIPMD</v>
          </cell>
          <cell r="AN1235" t="str">
            <v>MDO C&amp;M</v>
          </cell>
          <cell r="AO1235" t="str">
            <v>MDO OH/KEN C&amp;M</v>
          </cell>
        </row>
        <row r="1236">
          <cell r="F1236">
            <v>75023</v>
          </cell>
          <cell r="Z1236" t="str">
            <v>LIPMD</v>
          </cell>
          <cell r="AN1236" t="str">
            <v>MDO C&amp;M</v>
          </cell>
          <cell r="AO1236" t="str">
            <v>MDO OH/KEN C&amp;M</v>
          </cell>
        </row>
        <row r="1237">
          <cell r="F1237">
            <v>75023</v>
          </cell>
          <cell r="Z1237" t="str">
            <v>LIPMD</v>
          </cell>
          <cell r="AN1237" t="str">
            <v>MDO C&amp;M</v>
          </cell>
          <cell r="AO1237" t="str">
            <v>MDO OH/KEN C&amp;M</v>
          </cell>
        </row>
        <row r="1238">
          <cell r="F1238">
            <v>75023</v>
          </cell>
          <cell r="Z1238" t="str">
            <v>LIPMD</v>
          </cell>
          <cell r="AN1238" t="str">
            <v>MDO C&amp;M</v>
          </cell>
          <cell r="AO1238" t="str">
            <v>MDO OH/KEN C&amp;M</v>
          </cell>
        </row>
        <row r="1239">
          <cell r="F1239">
            <v>75023</v>
          </cell>
          <cell r="Z1239" t="str">
            <v>LIPMD</v>
          </cell>
          <cell r="AN1239" t="str">
            <v>MDO C&amp;M</v>
          </cell>
          <cell r="AO1239" t="str">
            <v>MDO OH/KEN C&amp;M</v>
          </cell>
        </row>
        <row r="1240">
          <cell r="F1240">
            <v>75023</v>
          </cell>
          <cell r="Z1240" t="str">
            <v>LIPMD</v>
          </cell>
          <cell r="AN1240" t="str">
            <v>MDO C&amp;M</v>
          </cell>
          <cell r="AO1240" t="str">
            <v>MDO OH/KEN C&amp;M</v>
          </cell>
        </row>
        <row r="1241">
          <cell r="F1241">
            <v>75023</v>
          </cell>
          <cell r="Z1241" t="str">
            <v>LIPMD</v>
          </cell>
          <cell r="AN1241" t="str">
            <v>MDO C&amp;M</v>
          </cell>
          <cell r="AO1241" t="str">
            <v>MDO OH/KEN C&amp;M</v>
          </cell>
        </row>
        <row r="1242">
          <cell r="F1242">
            <v>75023</v>
          </cell>
          <cell r="Z1242" t="str">
            <v>LIPMD</v>
          </cell>
          <cell r="AN1242" t="str">
            <v>MDO C&amp;M</v>
          </cell>
          <cell r="AO1242" t="str">
            <v>MDO OH/KEN C&amp;M</v>
          </cell>
        </row>
        <row r="1243">
          <cell r="F1243">
            <v>75023</v>
          </cell>
          <cell r="Z1243" t="str">
            <v>LIPMD</v>
          </cell>
          <cell r="AN1243" t="str">
            <v>MDO C&amp;M</v>
          </cell>
          <cell r="AO1243" t="str">
            <v>MDO OH/KEN C&amp;M</v>
          </cell>
        </row>
        <row r="1244">
          <cell r="F1244">
            <v>75023</v>
          </cell>
          <cell r="Z1244" t="str">
            <v>LIPMD</v>
          </cell>
          <cell r="AN1244" t="str">
            <v>MDO C&amp;M</v>
          </cell>
          <cell r="AO1244" t="str">
            <v>MDO OH/KEN C&amp;M</v>
          </cell>
        </row>
        <row r="1245">
          <cell r="F1245">
            <v>75023</v>
          </cell>
          <cell r="Z1245" t="str">
            <v>LIPMD</v>
          </cell>
          <cell r="AN1245" t="str">
            <v>MDO C&amp;M</v>
          </cell>
          <cell r="AO1245" t="str">
            <v>MDO OH/KEN C&amp;M</v>
          </cell>
        </row>
        <row r="1246">
          <cell r="F1246">
            <v>75023</v>
          </cell>
          <cell r="Z1246" t="str">
            <v>LIPMD</v>
          </cell>
          <cell r="AN1246" t="str">
            <v>MDO C&amp;M</v>
          </cell>
          <cell r="AO1246" t="str">
            <v>MDO OH/KEN C&amp;M</v>
          </cell>
        </row>
        <row r="1247">
          <cell r="F1247">
            <v>75023</v>
          </cell>
          <cell r="Z1247" t="str">
            <v>LIPMD</v>
          </cell>
          <cell r="AN1247" t="str">
            <v>MDO C&amp;M</v>
          </cell>
          <cell r="AO1247" t="str">
            <v>MDO OH/KEN C&amp;M</v>
          </cell>
        </row>
        <row r="1248">
          <cell r="F1248">
            <v>75023</v>
          </cell>
          <cell r="Z1248" t="str">
            <v>LIPMD</v>
          </cell>
          <cell r="AN1248" t="str">
            <v>MDO C&amp;M</v>
          </cell>
          <cell r="AO1248" t="str">
            <v>MDO OH/KEN C&amp;M</v>
          </cell>
        </row>
        <row r="1249">
          <cell r="F1249">
            <v>75023</v>
          </cell>
          <cell r="Z1249" t="str">
            <v>LIPMD</v>
          </cell>
          <cell r="AN1249" t="str">
            <v>MDO C&amp;M</v>
          </cell>
          <cell r="AO1249" t="str">
            <v>MDO OH/KEN C&amp;M</v>
          </cell>
        </row>
        <row r="1250">
          <cell r="F1250">
            <v>75023</v>
          </cell>
          <cell r="Z1250" t="str">
            <v>LIPMD</v>
          </cell>
          <cell r="AN1250" t="str">
            <v>MDO C&amp;M</v>
          </cell>
          <cell r="AO1250" t="str">
            <v>MDO OH/KEN C&amp;M</v>
          </cell>
        </row>
        <row r="1251">
          <cell r="F1251">
            <v>75023</v>
          </cell>
          <cell r="Z1251" t="str">
            <v>LIPMD</v>
          </cell>
          <cell r="AN1251" t="str">
            <v>MDO C&amp;M</v>
          </cell>
          <cell r="AO1251" t="str">
            <v>MDO OH/KEN C&amp;M</v>
          </cell>
        </row>
        <row r="1252">
          <cell r="F1252">
            <v>75023</v>
          </cell>
          <cell r="Z1252" t="str">
            <v>LIPMD</v>
          </cell>
          <cell r="AN1252" t="str">
            <v>MDO C&amp;M</v>
          </cell>
          <cell r="AO1252" t="str">
            <v>MDO OH/KEN C&amp;M</v>
          </cell>
        </row>
        <row r="1253">
          <cell r="F1253">
            <v>75023</v>
          </cell>
          <cell r="Z1253" t="str">
            <v>LIPMD</v>
          </cell>
          <cell r="AN1253" t="str">
            <v>MDO C&amp;M</v>
          </cell>
          <cell r="AO1253" t="str">
            <v>MDO OH/KEN C&amp;M</v>
          </cell>
        </row>
        <row r="1254">
          <cell r="F1254">
            <v>75023</v>
          </cell>
          <cell r="Z1254" t="str">
            <v>LIPMD</v>
          </cell>
          <cell r="AN1254" t="str">
            <v>MDO C&amp;M</v>
          </cell>
          <cell r="AO1254" t="str">
            <v>MDO OH/KEN C&amp;M</v>
          </cell>
        </row>
        <row r="1255">
          <cell r="F1255">
            <v>75023</v>
          </cell>
          <cell r="Z1255" t="str">
            <v>LIPMD</v>
          </cell>
          <cell r="AN1255" t="str">
            <v>MDO C&amp;M</v>
          </cell>
          <cell r="AO1255" t="str">
            <v>MDO OH/KEN C&amp;M</v>
          </cell>
        </row>
        <row r="1256">
          <cell r="F1256">
            <v>75023</v>
          </cell>
          <cell r="Z1256" t="str">
            <v>LIPMD</v>
          </cell>
          <cell r="AN1256" t="str">
            <v>MDO C&amp;M</v>
          </cell>
          <cell r="AO1256" t="str">
            <v>MDO OH/KEN C&amp;M</v>
          </cell>
        </row>
        <row r="1257">
          <cell r="F1257">
            <v>75023</v>
          </cell>
          <cell r="Z1257" t="str">
            <v>LIPMD</v>
          </cell>
          <cell r="AN1257" t="str">
            <v>MDO C&amp;M</v>
          </cell>
          <cell r="AO1257" t="str">
            <v>MDO OH/KEN C&amp;M</v>
          </cell>
        </row>
        <row r="1258">
          <cell r="F1258">
            <v>75023</v>
          </cell>
          <cell r="Z1258" t="str">
            <v>LIPMD</v>
          </cell>
          <cell r="AN1258" t="str">
            <v>MDO C&amp;M</v>
          </cell>
          <cell r="AO1258" t="str">
            <v>MDO OH/KEN C&amp;M</v>
          </cell>
        </row>
        <row r="1259">
          <cell r="F1259">
            <v>75023</v>
          </cell>
          <cell r="Z1259" t="str">
            <v>LIPMD</v>
          </cell>
          <cell r="AN1259" t="str">
            <v>MDO C&amp;M</v>
          </cell>
          <cell r="AO1259" t="str">
            <v>MDO OH/KEN C&amp;M</v>
          </cell>
        </row>
        <row r="1260">
          <cell r="F1260">
            <v>75023</v>
          </cell>
          <cell r="Z1260" t="str">
            <v>LIPMD</v>
          </cell>
          <cell r="AN1260" t="str">
            <v>MDO C&amp;M</v>
          </cell>
          <cell r="AO1260" t="str">
            <v>MDO OH/KEN C&amp;M</v>
          </cell>
        </row>
        <row r="1261">
          <cell r="F1261">
            <v>75023</v>
          </cell>
          <cell r="Z1261" t="str">
            <v>LIPMD</v>
          </cell>
          <cell r="AN1261" t="str">
            <v>MDO C&amp;M</v>
          </cell>
          <cell r="AO1261" t="str">
            <v>MDO OH/KEN C&amp;M</v>
          </cell>
        </row>
        <row r="1262">
          <cell r="F1262">
            <v>75023</v>
          </cell>
          <cell r="Z1262" t="str">
            <v>LIPMD</v>
          </cell>
          <cell r="AN1262" t="str">
            <v>MDO C&amp;M</v>
          </cell>
          <cell r="AO1262" t="str">
            <v>MDO OH/KEN C&amp;M</v>
          </cell>
        </row>
        <row r="1263">
          <cell r="F1263">
            <v>75023</v>
          </cell>
          <cell r="Z1263" t="str">
            <v>LIPMD</v>
          </cell>
          <cell r="AN1263" t="str">
            <v>MDO C&amp;M</v>
          </cell>
          <cell r="AO1263" t="str">
            <v>MDO OH/KEN C&amp;M</v>
          </cell>
        </row>
        <row r="1264">
          <cell r="F1264">
            <v>75023</v>
          </cell>
          <cell r="Z1264" t="str">
            <v>LIPMD</v>
          </cell>
          <cell r="AN1264" t="str">
            <v>MDO C&amp;M</v>
          </cell>
          <cell r="AO1264" t="str">
            <v>MDO OH/KEN C&amp;M</v>
          </cell>
        </row>
        <row r="1265">
          <cell r="F1265">
            <v>75023</v>
          </cell>
          <cell r="Z1265" t="str">
            <v>LIPMD</v>
          </cell>
          <cell r="AN1265" t="str">
            <v>MDO C&amp;M</v>
          </cell>
          <cell r="AO1265" t="str">
            <v>MDO OH/KEN C&amp;M</v>
          </cell>
        </row>
        <row r="1266">
          <cell r="F1266">
            <v>75023</v>
          </cell>
          <cell r="Z1266" t="str">
            <v>LIPMD</v>
          </cell>
          <cell r="AN1266" t="str">
            <v>MDO C&amp;M</v>
          </cell>
          <cell r="AO1266" t="str">
            <v>MDO OH/KEN C&amp;M</v>
          </cell>
        </row>
        <row r="1267">
          <cell r="F1267">
            <v>75023</v>
          </cell>
          <cell r="Z1267" t="str">
            <v>LIPMD</v>
          </cell>
          <cell r="AN1267" t="str">
            <v>MDO C&amp;M</v>
          </cell>
          <cell r="AO1267" t="str">
            <v>MDO OH/KEN C&amp;M</v>
          </cell>
        </row>
        <row r="1268">
          <cell r="F1268">
            <v>75023</v>
          </cell>
          <cell r="Z1268" t="str">
            <v>LIPMD</v>
          </cell>
          <cell r="AN1268" t="str">
            <v>MDO C&amp;M</v>
          </cell>
          <cell r="AO1268" t="str">
            <v>MDO OH/KEN C&amp;M</v>
          </cell>
        </row>
        <row r="1269">
          <cell r="F1269">
            <v>75023</v>
          </cell>
          <cell r="Z1269" t="str">
            <v>LIPMD</v>
          </cell>
          <cell r="AN1269" t="str">
            <v>MDO C&amp;M</v>
          </cell>
          <cell r="AO1269" t="str">
            <v>MDO OH/KEN C&amp;M</v>
          </cell>
        </row>
        <row r="1270">
          <cell r="F1270">
            <v>75023</v>
          </cell>
          <cell r="Z1270" t="str">
            <v>LIPMD</v>
          </cell>
          <cell r="AN1270" t="str">
            <v>MDO C&amp;M</v>
          </cell>
          <cell r="AO1270" t="str">
            <v>MDO OH/KEN C&amp;M</v>
          </cell>
        </row>
        <row r="1271">
          <cell r="F1271">
            <v>75023</v>
          </cell>
          <cell r="Z1271" t="str">
            <v>LIPMD</v>
          </cell>
          <cell r="AN1271" t="str">
            <v>MDO C&amp;M</v>
          </cell>
          <cell r="AO1271" t="str">
            <v>MDO OH/KEN C&amp;M</v>
          </cell>
        </row>
        <row r="1272">
          <cell r="F1272">
            <v>75023</v>
          </cell>
          <cell r="Z1272" t="str">
            <v>LIPMD</v>
          </cell>
          <cell r="AN1272" t="str">
            <v>MDO C&amp;M</v>
          </cell>
          <cell r="AO1272" t="str">
            <v>MDO OH/KEN C&amp;M</v>
          </cell>
        </row>
        <row r="1273">
          <cell r="F1273">
            <v>75023</v>
          </cell>
          <cell r="Z1273" t="str">
            <v>LIPMD</v>
          </cell>
          <cell r="AN1273" t="str">
            <v>MDO C&amp;M</v>
          </cell>
          <cell r="AO1273" t="str">
            <v>MDO OH/KEN C&amp;M</v>
          </cell>
        </row>
        <row r="1274">
          <cell r="F1274">
            <v>75023</v>
          </cell>
          <cell r="Z1274" t="str">
            <v>LIPMD</v>
          </cell>
          <cell r="AN1274" t="str">
            <v>MDO C&amp;M</v>
          </cell>
          <cell r="AO1274" t="str">
            <v>MDO OH/KEN C&amp;M</v>
          </cell>
        </row>
        <row r="1275">
          <cell r="F1275">
            <v>75023</v>
          </cell>
          <cell r="Z1275" t="str">
            <v>LIPMD</v>
          </cell>
          <cell r="AN1275" t="str">
            <v>MDO C&amp;M</v>
          </cell>
          <cell r="AO1275" t="str">
            <v>MDO OH/KEN C&amp;M</v>
          </cell>
        </row>
        <row r="1276">
          <cell r="F1276">
            <v>75023</v>
          </cell>
          <cell r="Z1276" t="str">
            <v>LIPMD</v>
          </cell>
          <cell r="AN1276" t="str">
            <v>MDO C&amp;M</v>
          </cell>
          <cell r="AO1276" t="str">
            <v>MDO OH/KEN C&amp;M</v>
          </cell>
        </row>
        <row r="1277">
          <cell r="F1277">
            <v>75023</v>
          </cell>
          <cell r="Z1277" t="str">
            <v>LIPMD</v>
          </cell>
          <cell r="AN1277" t="str">
            <v>MDO C&amp;M</v>
          </cell>
          <cell r="AO1277" t="str">
            <v>MDO OH/KEN C&amp;M</v>
          </cell>
        </row>
        <row r="1278">
          <cell r="F1278">
            <v>75023</v>
          </cell>
          <cell r="Z1278" t="str">
            <v>LIPMD</v>
          </cell>
          <cell r="AN1278" t="str">
            <v>MDO C&amp;M</v>
          </cell>
          <cell r="AO1278" t="str">
            <v>MDO OH/KEN C&amp;M</v>
          </cell>
        </row>
        <row r="1279">
          <cell r="F1279">
            <v>75023</v>
          </cell>
          <cell r="Z1279" t="str">
            <v>LIPMD</v>
          </cell>
          <cell r="AN1279" t="str">
            <v>MDO C&amp;M</v>
          </cell>
          <cell r="AO1279" t="str">
            <v>MDO OH/KEN C&amp;M</v>
          </cell>
        </row>
        <row r="1280">
          <cell r="F1280">
            <v>75023</v>
          </cell>
          <cell r="Z1280" t="str">
            <v>LIPMD</v>
          </cell>
          <cell r="AN1280" t="str">
            <v>MDO C&amp;M</v>
          </cell>
          <cell r="AO1280" t="str">
            <v>MDO OH/KEN C&amp;M</v>
          </cell>
        </row>
        <row r="1281">
          <cell r="F1281">
            <v>75023</v>
          </cell>
          <cell r="Z1281" t="str">
            <v>LIPMD</v>
          </cell>
          <cell r="AN1281" t="str">
            <v>MDO C&amp;M</v>
          </cell>
          <cell r="AO1281" t="str">
            <v>MDO OH/KEN C&amp;M</v>
          </cell>
        </row>
        <row r="1282">
          <cell r="F1282">
            <v>75023</v>
          </cell>
          <cell r="Z1282" t="str">
            <v>LIPMD</v>
          </cell>
          <cell r="AN1282" t="str">
            <v>MDO C&amp;M</v>
          </cell>
          <cell r="AO1282" t="str">
            <v>MDO OH/KEN C&amp;M</v>
          </cell>
        </row>
        <row r="1283">
          <cell r="F1283">
            <v>75023</v>
          </cell>
          <cell r="Z1283" t="str">
            <v>LIPMD</v>
          </cell>
          <cell r="AN1283" t="str">
            <v>MDO C&amp;M</v>
          </cell>
          <cell r="AO1283" t="str">
            <v>MDO OH/KEN C&amp;M</v>
          </cell>
        </row>
        <row r="1284">
          <cell r="F1284">
            <v>75023</v>
          </cell>
          <cell r="Z1284" t="str">
            <v>LIPMD</v>
          </cell>
          <cell r="AN1284" t="str">
            <v>MDO C&amp;M</v>
          </cell>
          <cell r="AO1284" t="str">
            <v>MDO OH/KEN C&amp;M</v>
          </cell>
        </row>
        <row r="1285">
          <cell r="F1285">
            <v>75023</v>
          </cell>
          <cell r="Z1285" t="str">
            <v>LIPMD</v>
          </cell>
          <cell r="AN1285" t="str">
            <v>MDO C&amp;M</v>
          </cell>
          <cell r="AO1285" t="str">
            <v>MDO OH/KEN C&amp;M</v>
          </cell>
        </row>
        <row r="1286">
          <cell r="F1286">
            <v>75023</v>
          </cell>
          <cell r="Z1286" t="str">
            <v>LIPMD</v>
          </cell>
          <cell r="AN1286" t="str">
            <v>MDO C&amp;M</v>
          </cell>
          <cell r="AO1286" t="str">
            <v>MDO OH/KEN C&amp;M</v>
          </cell>
        </row>
        <row r="1287">
          <cell r="F1287">
            <v>75023</v>
          </cell>
          <cell r="Z1287" t="str">
            <v>LIPMD</v>
          </cell>
          <cell r="AN1287" t="str">
            <v>MDO C&amp;M</v>
          </cell>
          <cell r="AO1287" t="str">
            <v>MDO OH/KEN C&amp;M</v>
          </cell>
        </row>
        <row r="1288">
          <cell r="F1288">
            <v>75023</v>
          </cell>
          <cell r="Z1288" t="str">
            <v>LIPMD</v>
          </cell>
          <cell r="AN1288" t="str">
            <v>MDO C&amp;M</v>
          </cell>
          <cell r="AO1288" t="str">
            <v>MDO OH/KEN C&amp;M</v>
          </cell>
        </row>
        <row r="1289">
          <cell r="F1289">
            <v>75023</v>
          </cell>
          <cell r="Z1289" t="str">
            <v>LIPMD</v>
          </cell>
          <cell r="AN1289" t="str">
            <v>MDO C&amp;M</v>
          </cell>
          <cell r="AO1289" t="str">
            <v>MDO OH/KEN C&amp;M</v>
          </cell>
        </row>
        <row r="1290">
          <cell r="F1290">
            <v>75023</v>
          </cell>
          <cell r="Z1290" t="str">
            <v>LIPMD</v>
          </cell>
          <cell r="AN1290" t="str">
            <v>MDO C&amp;M</v>
          </cell>
          <cell r="AO1290" t="str">
            <v>MDO OH/KEN C&amp;M</v>
          </cell>
        </row>
        <row r="1291">
          <cell r="F1291">
            <v>75023</v>
          </cell>
          <cell r="Z1291" t="str">
            <v>LIPMD</v>
          </cell>
          <cell r="AN1291" t="str">
            <v>MDO C&amp;M</v>
          </cell>
          <cell r="AO1291" t="str">
            <v>MDO OH/KEN C&amp;M</v>
          </cell>
        </row>
        <row r="1292">
          <cell r="F1292">
            <v>75023</v>
          </cell>
          <cell r="Z1292" t="str">
            <v>LIPMD</v>
          </cell>
          <cell r="AN1292" t="str">
            <v>MDO C&amp;M</v>
          </cell>
          <cell r="AO1292" t="str">
            <v>MDO OH/KEN C&amp;M</v>
          </cell>
        </row>
        <row r="1293">
          <cell r="F1293">
            <v>75023</v>
          </cell>
          <cell r="Z1293" t="str">
            <v>LIPMD</v>
          </cell>
          <cell r="AN1293" t="str">
            <v>MDO C&amp;M</v>
          </cell>
          <cell r="AO1293" t="str">
            <v>MDO OH/KEN C&amp;M</v>
          </cell>
        </row>
        <row r="1294">
          <cell r="F1294">
            <v>75023</v>
          </cell>
          <cell r="Z1294" t="str">
            <v>LIPMD</v>
          </cell>
          <cell r="AN1294" t="str">
            <v>MDO C&amp;M</v>
          </cell>
          <cell r="AO1294" t="str">
            <v>MDO OH/KEN C&amp;M</v>
          </cell>
        </row>
        <row r="1295">
          <cell r="F1295">
            <v>75023</v>
          </cell>
          <cell r="Z1295" t="str">
            <v>LIPMD</v>
          </cell>
          <cell r="AN1295" t="str">
            <v>MDO C&amp;M</v>
          </cell>
          <cell r="AO1295" t="str">
            <v>MDO OH/KEN C&amp;M</v>
          </cell>
        </row>
        <row r="1296">
          <cell r="F1296">
            <v>75023</v>
          </cell>
          <cell r="Z1296" t="str">
            <v>LIPMD</v>
          </cell>
          <cell r="AN1296" t="str">
            <v>MDO C&amp;M</v>
          </cell>
          <cell r="AO1296" t="str">
            <v>MDO OH/KEN C&amp;M</v>
          </cell>
        </row>
        <row r="1297">
          <cell r="F1297">
            <v>75023</v>
          </cell>
          <cell r="Z1297" t="str">
            <v>LIPMD</v>
          </cell>
          <cell r="AN1297" t="str">
            <v>MDO C&amp;M</v>
          </cell>
          <cell r="AO1297" t="str">
            <v>MDO OH/KEN C&amp;M</v>
          </cell>
        </row>
        <row r="1298">
          <cell r="F1298">
            <v>75023</v>
          </cell>
          <cell r="Z1298" t="str">
            <v>LIPMD</v>
          </cell>
          <cell r="AN1298" t="str">
            <v>MDO C&amp;M</v>
          </cell>
          <cell r="AO1298" t="str">
            <v>MDO OH/KEN C&amp;M</v>
          </cell>
        </row>
        <row r="1299">
          <cell r="F1299">
            <v>75023</v>
          </cell>
          <cell r="Z1299" t="str">
            <v>LIPMD</v>
          </cell>
          <cell r="AN1299" t="str">
            <v>MDO C&amp;M</v>
          </cell>
          <cell r="AO1299" t="str">
            <v>MDO OH/KEN C&amp;M</v>
          </cell>
        </row>
        <row r="1300">
          <cell r="F1300">
            <v>75084</v>
          </cell>
          <cell r="Z1300" t="str">
            <v>LIPMD</v>
          </cell>
          <cell r="AN1300" t="str">
            <v>MDO C&amp;M</v>
          </cell>
          <cell r="AO1300" t="str">
            <v>MDO OH/KEN C&amp;M</v>
          </cell>
        </row>
        <row r="1301">
          <cell r="F1301">
            <v>75084</v>
          </cell>
          <cell r="Z1301" t="str">
            <v>LIPMD</v>
          </cell>
          <cell r="AN1301" t="str">
            <v>MDO C&amp;M</v>
          </cell>
          <cell r="AO1301" t="str">
            <v>MDO OH/KEN C&amp;M</v>
          </cell>
        </row>
        <row r="1302">
          <cell r="F1302">
            <v>75084</v>
          </cell>
          <cell r="Z1302" t="str">
            <v>LIPMD</v>
          </cell>
          <cell r="AN1302" t="str">
            <v>MDO C&amp;M</v>
          </cell>
          <cell r="AO1302" t="str">
            <v>MDO OH/KEN C&amp;M</v>
          </cell>
        </row>
        <row r="1303">
          <cell r="F1303">
            <v>75084</v>
          </cell>
          <cell r="Z1303" t="str">
            <v>LIPMD</v>
          </cell>
          <cell r="AN1303" t="str">
            <v>MDO C&amp;M</v>
          </cell>
          <cell r="AO1303" t="str">
            <v>MDO OH/KEN C&amp;M</v>
          </cell>
        </row>
        <row r="1304">
          <cell r="F1304">
            <v>75084</v>
          </cell>
          <cell r="Z1304" t="str">
            <v>LIPMD</v>
          </cell>
          <cell r="AN1304" t="str">
            <v>MDO C&amp;M</v>
          </cell>
          <cell r="AO1304" t="str">
            <v>MDO OH/KEN C&amp;M</v>
          </cell>
        </row>
        <row r="1305">
          <cell r="F1305">
            <v>75084</v>
          </cell>
          <cell r="Z1305" t="str">
            <v>LIPMD</v>
          </cell>
          <cell r="AN1305" t="str">
            <v>MDO C&amp;M</v>
          </cell>
          <cell r="AO1305" t="str">
            <v>MDO OH/KEN C&amp;M</v>
          </cell>
        </row>
        <row r="1306">
          <cell r="F1306">
            <v>75084</v>
          </cell>
          <cell r="Z1306" t="str">
            <v>LIPMD</v>
          </cell>
          <cell r="AN1306" t="str">
            <v>MDO C&amp;M</v>
          </cell>
          <cell r="AO1306" t="str">
            <v>MDO OH/KEN C&amp;M</v>
          </cell>
        </row>
        <row r="1307">
          <cell r="F1307">
            <v>75084</v>
          </cell>
          <cell r="Z1307" t="str">
            <v>LIPMD</v>
          </cell>
          <cell r="AN1307" t="str">
            <v>MDO C&amp;M</v>
          </cell>
          <cell r="AO1307" t="str">
            <v>MDO OH/KEN C&amp;M</v>
          </cell>
        </row>
        <row r="1308">
          <cell r="F1308">
            <v>75084</v>
          </cell>
          <cell r="Z1308" t="str">
            <v>LIPMD</v>
          </cell>
          <cell r="AN1308" t="str">
            <v>MDO C&amp;M</v>
          </cell>
          <cell r="AO1308" t="str">
            <v>MDO OH/KEN C&amp;M</v>
          </cell>
        </row>
        <row r="1309">
          <cell r="F1309">
            <v>75084</v>
          </cell>
          <cell r="Z1309" t="str">
            <v>LIPMD</v>
          </cell>
          <cell r="AN1309" t="str">
            <v>MDO C&amp;M</v>
          </cell>
          <cell r="AO1309" t="str">
            <v>MDO OH/KEN C&amp;M</v>
          </cell>
        </row>
        <row r="1310">
          <cell r="F1310">
            <v>75084</v>
          </cell>
          <cell r="Z1310" t="str">
            <v>LIPMD</v>
          </cell>
          <cell r="AN1310" t="str">
            <v>MDO C&amp;M</v>
          </cell>
          <cell r="AO1310" t="str">
            <v>MDO OH/KEN C&amp;M</v>
          </cell>
        </row>
        <row r="1311">
          <cell r="F1311">
            <v>75084</v>
          </cell>
          <cell r="Z1311" t="str">
            <v>LIPMD</v>
          </cell>
          <cell r="AN1311" t="str">
            <v>MDO C&amp;M</v>
          </cell>
          <cell r="AO1311" t="str">
            <v>MDO OH/KEN C&amp;M</v>
          </cell>
        </row>
        <row r="1312">
          <cell r="F1312">
            <v>75084</v>
          </cell>
          <cell r="Z1312" t="str">
            <v>LIPMD</v>
          </cell>
          <cell r="AN1312" t="str">
            <v>MDO C&amp;M</v>
          </cell>
          <cell r="AO1312" t="str">
            <v>MDO OH/KEN C&amp;M</v>
          </cell>
        </row>
        <row r="1313">
          <cell r="F1313">
            <v>75084</v>
          </cell>
          <cell r="Z1313" t="str">
            <v>LIPMD</v>
          </cell>
          <cell r="AN1313" t="str">
            <v>MDO C&amp;M</v>
          </cell>
          <cell r="AO1313" t="str">
            <v>MDO OH/KEN C&amp;M</v>
          </cell>
        </row>
        <row r="1314">
          <cell r="F1314">
            <v>75084</v>
          </cell>
          <cell r="Z1314" t="str">
            <v>LIPMD</v>
          </cell>
          <cell r="AN1314" t="str">
            <v>MDO C&amp;M</v>
          </cell>
          <cell r="AO1314" t="str">
            <v>MDO OH/KEN C&amp;M</v>
          </cell>
        </row>
        <row r="1315">
          <cell r="F1315">
            <v>75084</v>
          </cell>
          <cell r="Z1315" t="str">
            <v>LIPMD</v>
          </cell>
          <cell r="AN1315" t="str">
            <v>MDO C&amp;M</v>
          </cell>
          <cell r="AO1315" t="str">
            <v>MDO OH/KEN C&amp;M</v>
          </cell>
        </row>
        <row r="1316">
          <cell r="F1316">
            <v>75084</v>
          </cell>
          <cell r="Z1316" t="str">
            <v>LIPMD</v>
          </cell>
          <cell r="AN1316" t="str">
            <v>MDO C&amp;M</v>
          </cell>
          <cell r="AO1316" t="str">
            <v>MDO OH/KEN C&amp;M</v>
          </cell>
        </row>
        <row r="1317">
          <cell r="F1317">
            <v>75084</v>
          </cell>
          <cell r="Z1317" t="str">
            <v>LIPMD</v>
          </cell>
          <cell r="AN1317" t="str">
            <v>MDO C&amp;M</v>
          </cell>
          <cell r="AO1317" t="str">
            <v>MDO OH/KEN C&amp;M</v>
          </cell>
        </row>
        <row r="1318">
          <cell r="F1318">
            <v>75084</v>
          </cell>
          <cell r="Z1318" t="str">
            <v>LIPMD</v>
          </cell>
          <cell r="AN1318" t="str">
            <v>MDO C&amp;M</v>
          </cell>
          <cell r="AO1318" t="str">
            <v>MDO OH/KEN C&amp;M</v>
          </cell>
        </row>
        <row r="1319">
          <cell r="F1319">
            <v>75084</v>
          </cell>
          <cell r="Z1319" t="str">
            <v>LIPMD</v>
          </cell>
          <cell r="AN1319" t="str">
            <v>MDO C&amp;M</v>
          </cell>
          <cell r="AO1319" t="str">
            <v>MDO OH/KEN C&amp;M</v>
          </cell>
        </row>
        <row r="1320">
          <cell r="F1320">
            <v>75084</v>
          </cell>
          <cell r="Z1320" t="str">
            <v>LIPMD</v>
          </cell>
          <cell r="AN1320" t="str">
            <v>MDO C&amp;M</v>
          </cell>
          <cell r="AO1320" t="str">
            <v>MDO OH/KEN C&amp;M</v>
          </cell>
        </row>
        <row r="1321">
          <cell r="F1321">
            <v>75084</v>
          </cell>
          <cell r="Z1321" t="str">
            <v>LIPMD</v>
          </cell>
          <cell r="AN1321" t="str">
            <v>MDO C&amp;M</v>
          </cell>
          <cell r="AO1321" t="str">
            <v>MDO OH/KEN C&amp;M</v>
          </cell>
        </row>
        <row r="1322">
          <cell r="F1322">
            <v>75084</v>
          </cell>
          <cell r="Z1322" t="str">
            <v>LIPMD</v>
          </cell>
          <cell r="AN1322" t="str">
            <v>MDO C&amp;M</v>
          </cell>
          <cell r="AO1322" t="str">
            <v>MDO OH/KEN C&amp;M</v>
          </cell>
        </row>
        <row r="1323">
          <cell r="F1323">
            <v>75084</v>
          </cell>
          <cell r="Z1323" t="str">
            <v>LIPMD</v>
          </cell>
          <cell r="AN1323" t="str">
            <v>MDO C&amp;M</v>
          </cell>
          <cell r="AO1323" t="str">
            <v>MDO OH/KEN C&amp;M</v>
          </cell>
        </row>
        <row r="1324">
          <cell r="F1324">
            <v>75084</v>
          </cell>
          <cell r="Z1324" t="str">
            <v>LIPMD</v>
          </cell>
          <cell r="AN1324" t="str">
            <v>MDO C&amp;M</v>
          </cell>
          <cell r="AO1324" t="str">
            <v>MDO OH/KEN C&amp;M</v>
          </cell>
        </row>
        <row r="1325">
          <cell r="F1325">
            <v>75084</v>
          </cell>
          <cell r="Z1325" t="str">
            <v>LIPMD</v>
          </cell>
          <cell r="AN1325" t="str">
            <v>MDO C&amp;M</v>
          </cell>
          <cell r="AO1325" t="str">
            <v>MDO OH/KEN C&amp;M</v>
          </cell>
        </row>
        <row r="1326">
          <cell r="F1326">
            <v>75084</v>
          </cell>
          <cell r="Z1326" t="str">
            <v>LIPMD</v>
          </cell>
          <cell r="AN1326" t="str">
            <v>MDO C&amp;M</v>
          </cell>
          <cell r="AO1326" t="str">
            <v>MDO OH/KEN C&amp;M</v>
          </cell>
        </row>
        <row r="1327">
          <cell r="F1327">
            <v>75084</v>
          </cell>
          <cell r="Z1327" t="str">
            <v>LIPMD</v>
          </cell>
          <cell r="AN1327" t="str">
            <v>MDO C&amp;M</v>
          </cell>
          <cell r="AO1327" t="str">
            <v>MDO OH/KEN C&amp;M</v>
          </cell>
        </row>
        <row r="1328">
          <cell r="F1328">
            <v>75084</v>
          </cell>
          <cell r="Z1328" t="str">
            <v>LIPMD</v>
          </cell>
          <cell r="AN1328" t="str">
            <v>MDO C&amp;M</v>
          </cell>
          <cell r="AO1328" t="str">
            <v>MDO OH/KEN C&amp;M</v>
          </cell>
        </row>
        <row r="1329">
          <cell r="F1329">
            <v>75084</v>
          </cell>
          <cell r="Z1329" t="str">
            <v>LIPMD</v>
          </cell>
          <cell r="AN1329" t="str">
            <v>MDO C&amp;M</v>
          </cell>
          <cell r="AO1329" t="str">
            <v>MDO OH/KEN C&amp;M</v>
          </cell>
        </row>
        <row r="1330">
          <cell r="F1330">
            <v>75084</v>
          </cell>
          <cell r="Z1330" t="str">
            <v>LIPMD</v>
          </cell>
          <cell r="AN1330" t="str">
            <v>MDO C&amp;M</v>
          </cell>
          <cell r="AO1330" t="str">
            <v>MDO OH/KEN C&amp;M</v>
          </cell>
        </row>
        <row r="1331">
          <cell r="F1331">
            <v>75084</v>
          </cell>
          <cell r="Z1331" t="str">
            <v>LIPMD</v>
          </cell>
          <cell r="AN1331" t="str">
            <v>MDO C&amp;M</v>
          </cell>
          <cell r="AO1331" t="str">
            <v>MDO OH/KEN C&amp;M</v>
          </cell>
        </row>
        <row r="1332">
          <cell r="F1332">
            <v>75084</v>
          </cell>
          <cell r="Z1332" t="str">
            <v>LIPMD</v>
          </cell>
          <cell r="AN1332" t="str">
            <v>MDO C&amp;M</v>
          </cell>
          <cell r="AO1332" t="str">
            <v>MDO OH/KEN C&amp;M</v>
          </cell>
        </row>
        <row r="1333">
          <cell r="F1333">
            <v>75084</v>
          </cell>
          <cell r="Z1333" t="str">
            <v>LIPMD</v>
          </cell>
          <cell r="AN1333" t="str">
            <v>MDO C&amp;M</v>
          </cell>
          <cell r="AO1333" t="str">
            <v>MDO OH/KEN C&amp;M</v>
          </cell>
        </row>
        <row r="1334">
          <cell r="F1334">
            <v>75084</v>
          </cell>
          <cell r="Z1334" t="str">
            <v>LIPMD</v>
          </cell>
          <cell r="AN1334" t="str">
            <v>MDO C&amp;M</v>
          </cell>
          <cell r="AO1334" t="str">
            <v>MDO OH/KEN C&amp;M</v>
          </cell>
        </row>
        <row r="1335">
          <cell r="F1335">
            <v>75084</v>
          </cell>
          <cell r="Z1335" t="str">
            <v>LIPMD</v>
          </cell>
          <cell r="AN1335" t="str">
            <v>MDO C&amp;M</v>
          </cell>
          <cell r="AO1335" t="str">
            <v>MDO OH/KEN C&amp;M</v>
          </cell>
        </row>
        <row r="1336">
          <cell r="F1336">
            <v>75084</v>
          </cell>
          <cell r="Z1336" t="str">
            <v>LIPMD</v>
          </cell>
          <cell r="AN1336" t="str">
            <v>MDO C&amp;M</v>
          </cell>
          <cell r="AO1336" t="str">
            <v>MDO OH/KEN C&amp;M</v>
          </cell>
        </row>
        <row r="1337">
          <cell r="F1337">
            <v>75084</v>
          </cell>
          <cell r="Z1337" t="str">
            <v>LIPMD</v>
          </cell>
          <cell r="AN1337" t="str">
            <v>MDO C&amp;M</v>
          </cell>
          <cell r="AO1337" t="str">
            <v>MDO OH/KEN C&amp;M</v>
          </cell>
        </row>
        <row r="1338">
          <cell r="F1338">
            <v>75084</v>
          </cell>
          <cell r="Z1338" t="str">
            <v>LIPMD</v>
          </cell>
          <cell r="AN1338" t="str">
            <v>MDO C&amp;M</v>
          </cell>
          <cell r="AO1338" t="str">
            <v>MDO OH/KEN C&amp;M</v>
          </cell>
        </row>
        <row r="1339">
          <cell r="F1339">
            <v>75084</v>
          </cell>
          <cell r="Z1339" t="str">
            <v>LIPMD</v>
          </cell>
          <cell r="AN1339" t="str">
            <v>MDO C&amp;M</v>
          </cell>
          <cell r="AO1339" t="str">
            <v>MDO OH/KEN C&amp;M</v>
          </cell>
        </row>
        <row r="1340">
          <cell r="F1340">
            <v>75084</v>
          </cell>
          <cell r="Z1340" t="str">
            <v>LIPMD</v>
          </cell>
          <cell r="AN1340" t="str">
            <v>MDO C&amp;M</v>
          </cell>
          <cell r="AO1340" t="str">
            <v>MDO OH/KEN C&amp;M</v>
          </cell>
        </row>
        <row r="1341">
          <cell r="F1341">
            <v>75084</v>
          </cell>
          <cell r="Z1341" t="str">
            <v>LIPMD</v>
          </cell>
          <cell r="AN1341" t="str">
            <v>MDO C&amp;M</v>
          </cell>
          <cell r="AO1341" t="str">
            <v>MDO OH/KEN C&amp;M</v>
          </cell>
        </row>
        <row r="1342">
          <cell r="F1342">
            <v>75084</v>
          </cell>
          <cell r="Z1342" t="str">
            <v>LIPMD</v>
          </cell>
          <cell r="AN1342" t="str">
            <v>MDO C&amp;M</v>
          </cell>
          <cell r="AO1342" t="str">
            <v>MDO OH/KEN C&amp;M</v>
          </cell>
        </row>
        <row r="1343">
          <cell r="F1343">
            <v>75084</v>
          </cell>
          <cell r="Z1343" t="str">
            <v>LIPMD</v>
          </cell>
          <cell r="AN1343" t="str">
            <v>MDO C&amp;M</v>
          </cell>
          <cell r="AO1343" t="str">
            <v>MDO OH/KEN C&amp;M</v>
          </cell>
        </row>
        <row r="1344">
          <cell r="F1344">
            <v>75084</v>
          </cell>
          <cell r="Z1344" t="str">
            <v>LIPMD</v>
          </cell>
          <cell r="AN1344" t="str">
            <v>MDO C&amp;M</v>
          </cell>
          <cell r="AO1344" t="str">
            <v>MDO OH/KEN C&amp;M</v>
          </cell>
        </row>
        <row r="1345">
          <cell r="F1345">
            <v>75084</v>
          </cell>
          <cell r="Z1345" t="str">
            <v>LIPMD</v>
          </cell>
          <cell r="AN1345" t="str">
            <v>MDO C&amp;M</v>
          </cell>
          <cell r="AO1345" t="str">
            <v>MDO OH/KEN C&amp;M</v>
          </cell>
        </row>
        <row r="1346">
          <cell r="F1346">
            <v>75084</v>
          </cell>
          <cell r="Z1346" t="str">
            <v>LIPMD</v>
          </cell>
          <cell r="AN1346" t="str">
            <v>MDO C&amp;M</v>
          </cell>
          <cell r="AO1346" t="str">
            <v>MDO OH/KEN C&amp;M</v>
          </cell>
        </row>
        <row r="1347">
          <cell r="F1347">
            <v>75084</v>
          </cell>
          <cell r="Z1347" t="str">
            <v>LIPMD</v>
          </cell>
          <cell r="AN1347" t="str">
            <v>MDO C&amp;M</v>
          </cell>
          <cell r="AO1347" t="str">
            <v>MDO OH/KEN C&amp;M</v>
          </cell>
        </row>
        <row r="1348">
          <cell r="F1348">
            <v>75084</v>
          </cell>
          <cell r="Z1348" t="str">
            <v>LIPMD</v>
          </cell>
          <cell r="AN1348" t="str">
            <v>MDO C&amp;M</v>
          </cell>
          <cell r="AO1348" t="str">
            <v>MDO OH/KEN C&amp;M</v>
          </cell>
        </row>
        <row r="1349">
          <cell r="F1349">
            <v>75084</v>
          </cell>
          <cell r="Z1349" t="str">
            <v>LIPMD</v>
          </cell>
          <cell r="AN1349" t="str">
            <v>MDO C&amp;M</v>
          </cell>
          <cell r="AO1349" t="str">
            <v>MDO OH/KEN C&amp;M</v>
          </cell>
        </row>
        <row r="1350">
          <cell r="F1350">
            <v>75084</v>
          </cell>
          <cell r="Z1350" t="str">
            <v>LIPMD</v>
          </cell>
          <cell r="AN1350" t="str">
            <v>MDO C&amp;M</v>
          </cell>
          <cell r="AO1350" t="str">
            <v>MDO OH/KEN C&amp;M</v>
          </cell>
        </row>
        <row r="1351">
          <cell r="F1351">
            <v>75084</v>
          </cell>
          <cell r="Z1351" t="str">
            <v>LIPMD</v>
          </cell>
          <cell r="AN1351" t="str">
            <v>MDO C&amp;M</v>
          </cell>
          <cell r="AO1351" t="str">
            <v>MDO OH/KEN C&amp;M</v>
          </cell>
        </row>
        <row r="1352">
          <cell r="F1352">
            <v>75084</v>
          </cell>
          <cell r="Z1352" t="str">
            <v>LIPMD</v>
          </cell>
          <cell r="AN1352" t="str">
            <v>MDO C&amp;M</v>
          </cell>
          <cell r="AO1352" t="str">
            <v>MDO OH/KEN C&amp;M</v>
          </cell>
        </row>
        <row r="1353">
          <cell r="F1353">
            <v>75084</v>
          </cell>
          <cell r="Z1353" t="str">
            <v>LIPMD</v>
          </cell>
          <cell r="AN1353" t="str">
            <v>MDO C&amp;M</v>
          </cell>
          <cell r="AO1353" t="str">
            <v>MDO OH/KEN C&amp;M</v>
          </cell>
        </row>
        <row r="1354">
          <cell r="F1354">
            <v>75084</v>
          </cell>
          <cell r="Z1354" t="str">
            <v>LIPMD</v>
          </cell>
          <cell r="AN1354" t="str">
            <v>MDO C&amp;M</v>
          </cell>
          <cell r="AO1354" t="str">
            <v>MDO OH/KEN C&amp;M</v>
          </cell>
        </row>
        <row r="1355">
          <cell r="F1355">
            <v>75084</v>
          </cell>
          <cell r="Z1355" t="str">
            <v>LIPMD</v>
          </cell>
          <cell r="AN1355" t="str">
            <v>MDO C&amp;M</v>
          </cell>
          <cell r="AO1355" t="str">
            <v>MDO OH/KEN C&amp;M</v>
          </cell>
        </row>
        <row r="1356">
          <cell r="F1356">
            <v>75084</v>
          </cell>
          <cell r="Z1356" t="str">
            <v>LIPMD</v>
          </cell>
          <cell r="AN1356" t="str">
            <v>MDO C&amp;M</v>
          </cell>
          <cell r="AO1356" t="str">
            <v>MDO OH/KEN C&amp;M</v>
          </cell>
        </row>
        <row r="1357">
          <cell r="F1357">
            <v>75084</v>
          </cell>
          <cell r="Z1357" t="str">
            <v>LIPMD</v>
          </cell>
          <cell r="AN1357" t="str">
            <v>MDO C&amp;M</v>
          </cell>
          <cell r="AO1357" t="str">
            <v>MDO OH/KEN C&amp;M</v>
          </cell>
        </row>
        <row r="1358">
          <cell r="F1358">
            <v>75084</v>
          </cell>
          <cell r="Z1358" t="str">
            <v>LIPMD</v>
          </cell>
          <cell r="AN1358" t="str">
            <v>MDO C&amp;M</v>
          </cell>
          <cell r="AO1358" t="str">
            <v>MDO OH/KEN C&amp;M</v>
          </cell>
        </row>
        <row r="1359">
          <cell r="F1359">
            <v>75084</v>
          </cell>
          <cell r="Z1359" t="str">
            <v>LIPMD</v>
          </cell>
          <cell r="AN1359" t="str">
            <v>MDO C&amp;M</v>
          </cell>
          <cell r="AO1359" t="str">
            <v>MDO OH/KEN C&amp;M</v>
          </cell>
        </row>
        <row r="1360">
          <cell r="F1360">
            <v>75084</v>
          </cell>
          <cell r="Z1360" t="str">
            <v>LIPMD</v>
          </cell>
          <cell r="AN1360" t="str">
            <v>MDO C&amp;M</v>
          </cell>
          <cell r="AO1360" t="str">
            <v>MDO OH/KEN C&amp;M</v>
          </cell>
        </row>
        <row r="1361">
          <cell r="F1361">
            <v>75084</v>
          </cell>
          <cell r="Z1361" t="str">
            <v>LIPMD</v>
          </cell>
          <cell r="AN1361" t="str">
            <v>MDO C&amp;M</v>
          </cell>
          <cell r="AO1361" t="str">
            <v>MDO OH/KEN C&amp;M</v>
          </cell>
        </row>
        <row r="1362">
          <cell r="F1362">
            <v>75084</v>
          </cell>
          <cell r="Z1362" t="str">
            <v>LIPMD</v>
          </cell>
          <cell r="AN1362" t="str">
            <v>MDO C&amp;M</v>
          </cell>
          <cell r="AO1362" t="str">
            <v>MDO OH/KEN C&amp;M</v>
          </cell>
        </row>
        <row r="1363">
          <cell r="F1363">
            <v>75084</v>
          </cell>
          <cell r="Z1363" t="str">
            <v>LIPMD</v>
          </cell>
          <cell r="AN1363" t="str">
            <v>MDO C&amp;M</v>
          </cell>
          <cell r="AO1363" t="str">
            <v>MDO OH/KEN C&amp;M</v>
          </cell>
        </row>
        <row r="1364">
          <cell r="F1364">
            <v>75084</v>
          </cell>
          <cell r="Z1364" t="str">
            <v>LIPMD</v>
          </cell>
          <cell r="AN1364" t="str">
            <v>MDO C&amp;M</v>
          </cell>
          <cell r="AO1364" t="str">
            <v>MDO OH/KEN C&amp;M</v>
          </cell>
        </row>
        <row r="1365">
          <cell r="F1365">
            <v>75084</v>
          </cell>
          <cell r="Z1365" t="str">
            <v>LIPMD</v>
          </cell>
          <cell r="AN1365" t="str">
            <v>MDO C&amp;M</v>
          </cell>
          <cell r="AO1365" t="str">
            <v>MDO OH/KEN C&amp;M</v>
          </cell>
        </row>
        <row r="1366">
          <cell r="F1366">
            <v>75084</v>
          </cell>
          <cell r="Z1366" t="str">
            <v>LIPMD</v>
          </cell>
          <cell r="AN1366" t="str">
            <v>MDO C&amp;M</v>
          </cell>
          <cell r="AO1366" t="str">
            <v>MDO OH/KEN C&amp;M</v>
          </cell>
        </row>
        <row r="1367">
          <cell r="F1367">
            <v>75084</v>
          </cell>
          <cell r="Z1367" t="str">
            <v>LIPMD</v>
          </cell>
          <cell r="AN1367" t="str">
            <v>MDO C&amp;M</v>
          </cell>
          <cell r="AO1367" t="str">
            <v>MDO OH/KEN C&amp;M</v>
          </cell>
        </row>
        <row r="1368">
          <cell r="F1368">
            <v>75084</v>
          </cell>
          <cell r="Z1368" t="str">
            <v>LIPMD</v>
          </cell>
          <cell r="AN1368" t="str">
            <v>MDO C&amp;M</v>
          </cell>
          <cell r="AO1368" t="str">
            <v>MDO OH/KEN C&amp;M</v>
          </cell>
        </row>
        <row r="1369">
          <cell r="F1369">
            <v>75084</v>
          </cell>
          <cell r="Z1369" t="str">
            <v>LIPMD</v>
          </cell>
          <cell r="AN1369" t="str">
            <v>MDO C&amp;M</v>
          </cell>
          <cell r="AO1369" t="str">
            <v>MDO OH/KEN C&amp;M</v>
          </cell>
        </row>
        <row r="1370">
          <cell r="F1370">
            <v>75023</v>
          </cell>
          <cell r="Z1370" t="str">
            <v>LIPINS</v>
          </cell>
          <cell r="AN1370" t="str">
            <v>MDO Resource/ProjMgt</v>
          </cell>
          <cell r="AO1370" t="str">
            <v xml:space="preserve"> </v>
          </cell>
        </row>
        <row r="1371">
          <cell r="F1371">
            <v>75023</v>
          </cell>
          <cell r="Z1371" t="str">
            <v>LIPINS</v>
          </cell>
          <cell r="AN1371" t="str">
            <v>MDO Resource/ProjMgt</v>
          </cell>
          <cell r="AO1371" t="str">
            <v xml:space="preserve"> </v>
          </cell>
        </row>
        <row r="1372">
          <cell r="F1372">
            <v>75023</v>
          </cell>
          <cell r="Z1372" t="str">
            <v>LIPINS</v>
          </cell>
          <cell r="AN1372" t="str">
            <v>MDO Resource/ProjMgt</v>
          </cell>
          <cell r="AO1372" t="str">
            <v xml:space="preserve"> </v>
          </cell>
        </row>
        <row r="1373">
          <cell r="F1373">
            <v>75023</v>
          </cell>
          <cell r="Z1373" t="str">
            <v>LIPINS</v>
          </cell>
          <cell r="AN1373" t="str">
            <v>MDO Resource/ProjMgt</v>
          </cell>
          <cell r="AO1373" t="str">
            <v xml:space="preserve"> </v>
          </cell>
        </row>
        <row r="1374">
          <cell r="F1374">
            <v>75023</v>
          </cell>
          <cell r="Z1374" t="str">
            <v>LIPINS</v>
          </cell>
          <cell r="AN1374" t="str">
            <v>MDO Resource/ProjMgt</v>
          </cell>
          <cell r="AO1374" t="str">
            <v xml:space="preserve"> </v>
          </cell>
        </row>
        <row r="1375">
          <cell r="F1375">
            <v>75023</v>
          </cell>
          <cell r="Z1375" t="str">
            <v>LIPINS</v>
          </cell>
          <cell r="AN1375" t="str">
            <v>MDO C&amp;M</v>
          </cell>
          <cell r="AO1375" t="str">
            <v>MDO OH/KEN C&amp;M</v>
          </cell>
        </row>
        <row r="1376">
          <cell r="F1376">
            <v>75023</v>
          </cell>
          <cell r="Z1376" t="str">
            <v>LIPINS</v>
          </cell>
          <cell r="AN1376" t="str">
            <v>MDO C&amp;M</v>
          </cell>
          <cell r="AO1376" t="str">
            <v>MDO OH/KEN C&amp;M</v>
          </cell>
        </row>
        <row r="1377">
          <cell r="F1377">
            <v>75023</v>
          </cell>
          <cell r="Z1377" t="str">
            <v>LIPINS</v>
          </cell>
          <cell r="AN1377" t="str">
            <v>MDO C&amp;M</v>
          </cell>
          <cell r="AO1377" t="str">
            <v>MDO OH/KEN C&amp;M</v>
          </cell>
        </row>
        <row r="1378">
          <cell r="F1378">
            <v>75023</v>
          </cell>
          <cell r="Z1378" t="str">
            <v>LIPINS</v>
          </cell>
          <cell r="AN1378" t="str">
            <v>MDO C&amp;M</v>
          </cell>
          <cell r="AO1378" t="str">
            <v>MDO OH/KEN C&amp;M</v>
          </cell>
        </row>
        <row r="1379">
          <cell r="F1379">
            <v>75023</v>
          </cell>
          <cell r="Z1379" t="str">
            <v>LIPINS</v>
          </cell>
          <cell r="AN1379" t="str">
            <v>MDO C&amp;M</v>
          </cell>
          <cell r="AO1379" t="str">
            <v>MDO OH/KEN C&amp;M</v>
          </cell>
        </row>
        <row r="1380">
          <cell r="F1380">
            <v>75023</v>
          </cell>
          <cell r="Z1380" t="str">
            <v>LIPINS</v>
          </cell>
          <cell r="AN1380" t="str">
            <v>MDO C&amp;M</v>
          </cell>
          <cell r="AO1380" t="str">
            <v>MDO OH/KEN C&amp;M</v>
          </cell>
        </row>
        <row r="1381">
          <cell r="F1381">
            <v>75023</v>
          </cell>
          <cell r="Z1381" t="str">
            <v>LIPINS</v>
          </cell>
          <cell r="AN1381" t="str">
            <v>MDO C&amp;M</v>
          </cell>
          <cell r="AO1381" t="str">
            <v>MDO OH/KEN C&amp;M</v>
          </cell>
        </row>
        <row r="1382">
          <cell r="F1382">
            <v>75023</v>
          </cell>
          <cell r="Z1382" t="str">
            <v>LIPINS</v>
          </cell>
          <cell r="AN1382" t="str">
            <v>MDO C&amp;M</v>
          </cell>
          <cell r="AO1382" t="str">
            <v>MDO OH/KEN C&amp;M</v>
          </cell>
        </row>
        <row r="1383">
          <cell r="F1383">
            <v>75023</v>
          </cell>
          <cell r="Z1383" t="str">
            <v>LIPINS</v>
          </cell>
          <cell r="AN1383" t="str">
            <v>MDO C&amp;M</v>
          </cell>
          <cell r="AO1383" t="str">
            <v>MDO OH/KEN C&amp;M</v>
          </cell>
        </row>
        <row r="1384">
          <cell r="F1384">
            <v>75023</v>
          </cell>
          <cell r="Z1384" t="str">
            <v>LIPINS</v>
          </cell>
          <cell r="AN1384" t="str">
            <v>MDO C&amp;M</v>
          </cell>
          <cell r="AO1384" t="str">
            <v>MDO OH/KEN C&amp;M</v>
          </cell>
        </row>
        <row r="1385">
          <cell r="F1385">
            <v>75023</v>
          </cell>
          <cell r="Z1385" t="str">
            <v>LIPINS</v>
          </cell>
          <cell r="AN1385" t="str">
            <v>MDO C&amp;M</v>
          </cell>
          <cell r="AO1385" t="str">
            <v>MDO OH/KEN C&amp;M</v>
          </cell>
        </row>
        <row r="1386">
          <cell r="F1386">
            <v>75023</v>
          </cell>
          <cell r="Z1386" t="str">
            <v>LIPINS</v>
          </cell>
          <cell r="AN1386" t="str">
            <v>MDO C&amp;M</v>
          </cell>
          <cell r="AO1386" t="str">
            <v>MDO OH/KEN C&amp;M</v>
          </cell>
        </row>
        <row r="1387">
          <cell r="F1387">
            <v>75023</v>
          </cell>
          <cell r="Z1387" t="str">
            <v>LIPINS</v>
          </cell>
          <cell r="AN1387" t="str">
            <v>MDO C&amp;M</v>
          </cell>
          <cell r="AO1387" t="str">
            <v>MDO OH/KEN C&amp;M</v>
          </cell>
        </row>
        <row r="1388">
          <cell r="F1388">
            <v>75023</v>
          </cell>
          <cell r="Z1388" t="str">
            <v>LIPINS</v>
          </cell>
          <cell r="AN1388" t="str">
            <v>MDO C&amp;M</v>
          </cell>
          <cell r="AO1388" t="str">
            <v>MDO OH/KEN C&amp;M</v>
          </cell>
        </row>
        <row r="1389">
          <cell r="F1389">
            <v>75023</v>
          </cell>
          <cell r="Z1389" t="str">
            <v>LIPINS</v>
          </cell>
          <cell r="AN1389" t="str">
            <v>MDO C&amp;M</v>
          </cell>
          <cell r="AO1389" t="str">
            <v>MDO OH/KEN C&amp;M</v>
          </cell>
        </row>
        <row r="1390">
          <cell r="F1390">
            <v>75084</v>
          </cell>
          <cell r="Z1390" t="str">
            <v>LIPINS</v>
          </cell>
          <cell r="AN1390" t="str">
            <v>MDO C&amp;M</v>
          </cell>
          <cell r="AO1390" t="str">
            <v>MDO OH/KEN C&amp;M</v>
          </cell>
        </row>
        <row r="1391">
          <cell r="F1391">
            <v>75084</v>
          </cell>
          <cell r="Z1391" t="str">
            <v>LIPINS</v>
          </cell>
          <cell r="AN1391" t="str">
            <v>MDO C&amp;M</v>
          </cell>
          <cell r="AO1391" t="str">
            <v>MDO OH/KEN C&amp;M</v>
          </cell>
        </row>
        <row r="1392">
          <cell r="F1392">
            <v>75084</v>
          </cell>
          <cell r="Z1392" t="str">
            <v>LIPINS</v>
          </cell>
          <cell r="AN1392" t="str">
            <v>MDO C&amp;M</v>
          </cell>
          <cell r="AO1392" t="str">
            <v>MDO OH/KEN C&amp;M</v>
          </cell>
        </row>
        <row r="1393">
          <cell r="F1393">
            <v>75084</v>
          </cell>
          <cell r="Z1393" t="str">
            <v>LIPINS</v>
          </cell>
          <cell r="AN1393" t="str">
            <v>MDO C&amp;M</v>
          </cell>
          <cell r="AO1393" t="str">
            <v>MDO OH/KEN C&amp;M</v>
          </cell>
        </row>
        <row r="1394">
          <cell r="F1394">
            <v>75084</v>
          </cell>
          <cell r="Z1394" t="str">
            <v>LIPINS</v>
          </cell>
          <cell r="AN1394" t="str">
            <v>MDO C&amp;M</v>
          </cell>
          <cell r="AO1394" t="str">
            <v>MDO OH/KEN C&amp;M</v>
          </cell>
        </row>
        <row r="1395">
          <cell r="F1395">
            <v>75084</v>
          </cell>
          <cell r="Z1395" t="str">
            <v>LIPINS</v>
          </cell>
          <cell r="AN1395" t="str">
            <v>MDO C&amp;M</v>
          </cell>
          <cell r="AO1395" t="str">
            <v>MDO OH/KEN C&amp;M</v>
          </cell>
        </row>
        <row r="1396">
          <cell r="F1396">
            <v>75084</v>
          </cell>
          <cell r="Z1396" t="str">
            <v>LIPINS</v>
          </cell>
          <cell r="AN1396" t="str">
            <v>MDO C&amp;M</v>
          </cell>
          <cell r="AO1396" t="str">
            <v>MDO OH/KEN C&amp;M</v>
          </cell>
        </row>
        <row r="1397">
          <cell r="F1397">
            <v>75023</v>
          </cell>
          <cell r="Z1397" t="str">
            <v>LIPINS</v>
          </cell>
          <cell r="AN1397" t="str">
            <v>MDO C&amp;M</v>
          </cell>
          <cell r="AO1397" t="str">
            <v>MDO OH/KEN C&amp;M</v>
          </cell>
        </row>
        <row r="1398">
          <cell r="F1398">
            <v>75023</v>
          </cell>
          <cell r="Z1398" t="str">
            <v>MANHD</v>
          </cell>
          <cell r="AN1398" t="str">
            <v>MDO C&amp;M</v>
          </cell>
          <cell r="AO1398" t="str">
            <v>MDO OH/KEN C&amp;M</v>
          </cell>
        </row>
        <row r="1399">
          <cell r="F1399">
            <v>75023</v>
          </cell>
          <cell r="Z1399" t="str">
            <v>MANHD</v>
          </cell>
          <cell r="AN1399" t="str">
            <v>MDO C&amp;M</v>
          </cell>
          <cell r="AO1399" t="str">
            <v>MDO OH/KEN C&amp;M</v>
          </cell>
        </row>
        <row r="1400">
          <cell r="F1400">
            <v>75023</v>
          </cell>
          <cell r="Z1400" t="str">
            <v>MANHD</v>
          </cell>
          <cell r="AN1400" t="str">
            <v>MDO C&amp;M</v>
          </cell>
          <cell r="AO1400" t="str">
            <v>MDO OH/KEN C&amp;M</v>
          </cell>
        </row>
        <row r="1401">
          <cell r="F1401">
            <v>75023</v>
          </cell>
          <cell r="Z1401" t="str">
            <v>MANHD</v>
          </cell>
          <cell r="AN1401" t="str">
            <v>MDO C&amp;M</v>
          </cell>
          <cell r="AO1401" t="str">
            <v>MDO OH/KEN C&amp;M</v>
          </cell>
        </row>
        <row r="1402">
          <cell r="F1402">
            <v>75023</v>
          </cell>
          <cell r="Z1402" t="str">
            <v>MANHD</v>
          </cell>
          <cell r="AN1402" t="str">
            <v>MDO C&amp;M</v>
          </cell>
          <cell r="AO1402" t="str">
            <v>MDO OH/KEN C&amp;M</v>
          </cell>
        </row>
        <row r="1403">
          <cell r="F1403">
            <v>75023</v>
          </cell>
          <cell r="Z1403" t="str">
            <v>MANHD</v>
          </cell>
          <cell r="AN1403" t="str">
            <v>MDO C&amp;M</v>
          </cell>
          <cell r="AO1403" t="str">
            <v>MDO OH/KEN C&amp;M</v>
          </cell>
        </row>
        <row r="1404">
          <cell r="F1404">
            <v>75023</v>
          </cell>
          <cell r="Z1404" t="str">
            <v>MANHD</v>
          </cell>
          <cell r="AN1404" t="str">
            <v>MDO C&amp;M</v>
          </cell>
          <cell r="AO1404" t="str">
            <v>MDO OH/KEN C&amp;M</v>
          </cell>
        </row>
        <row r="1405">
          <cell r="F1405">
            <v>75023</v>
          </cell>
          <cell r="Z1405" t="str">
            <v>MANHD</v>
          </cell>
          <cell r="AN1405" t="str">
            <v>MDO C&amp;M</v>
          </cell>
          <cell r="AO1405" t="str">
            <v>MDO OH/KEN C&amp;M</v>
          </cell>
        </row>
        <row r="1406">
          <cell r="F1406">
            <v>75023</v>
          </cell>
          <cell r="Z1406" t="str">
            <v>MANHD</v>
          </cell>
          <cell r="AN1406" t="str">
            <v>MDO C&amp;M</v>
          </cell>
          <cell r="AO1406" t="str">
            <v>MDO OH/KEN C&amp;M</v>
          </cell>
        </row>
        <row r="1407">
          <cell r="F1407">
            <v>75023</v>
          </cell>
          <cell r="Z1407" t="str">
            <v>MANHD</v>
          </cell>
          <cell r="AN1407" t="str">
            <v>MDO C&amp;M</v>
          </cell>
          <cell r="AO1407" t="str">
            <v>MDO OH/KEN C&amp;M</v>
          </cell>
        </row>
        <row r="1408">
          <cell r="F1408">
            <v>75023</v>
          </cell>
          <cell r="Z1408" t="str">
            <v>MANHD</v>
          </cell>
          <cell r="AN1408" t="str">
            <v>MDO C&amp;M</v>
          </cell>
          <cell r="AO1408" t="str">
            <v>MDO OH/KEN C&amp;M</v>
          </cell>
        </row>
        <row r="1409">
          <cell r="F1409">
            <v>75023</v>
          </cell>
          <cell r="Z1409" t="str">
            <v>MANHD</v>
          </cell>
          <cell r="AN1409" t="str">
            <v>MDO C&amp;M</v>
          </cell>
          <cell r="AO1409" t="str">
            <v>MDO OH/KEN C&amp;M</v>
          </cell>
        </row>
        <row r="1410">
          <cell r="F1410">
            <v>75023</v>
          </cell>
          <cell r="Z1410" t="str">
            <v>MANHD</v>
          </cell>
          <cell r="AN1410" t="str">
            <v>MDO C&amp;M</v>
          </cell>
          <cell r="AO1410" t="str">
            <v>MDO OH/KEN C&amp;M</v>
          </cell>
        </row>
        <row r="1411">
          <cell r="F1411">
            <v>75023</v>
          </cell>
          <cell r="Z1411" t="str">
            <v>MANHD</v>
          </cell>
          <cell r="AN1411" t="str">
            <v>MDO C&amp;M</v>
          </cell>
          <cell r="AO1411" t="str">
            <v>MDO OH/KEN C&amp;M</v>
          </cell>
        </row>
        <row r="1412">
          <cell r="F1412">
            <v>75023</v>
          </cell>
          <cell r="Z1412" t="str">
            <v>MANHD</v>
          </cell>
          <cell r="AN1412" t="str">
            <v>MDO C&amp;M</v>
          </cell>
          <cell r="AO1412" t="str">
            <v>MDO OH/KEN C&amp;M</v>
          </cell>
        </row>
        <row r="1413">
          <cell r="F1413">
            <v>75023</v>
          </cell>
          <cell r="Z1413" t="str">
            <v>MANHD</v>
          </cell>
          <cell r="AN1413" t="str">
            <v>MDO C&amp;M</v>
          </cell>
          <cell r="AO1413" t="str">
            <v>MDO OH/KEN C&amp;M</v>
          </cell>
        </row>
        <row r="1414">
          <cell r="F1414">
            <v>75023</v>
          </cell>
          <cell r="Z1414" t="str">
            <v>MANHD</v>
          </cell>
          <cell r="AN1414" t="str">
            <v>MDO C&amp;M</v>
          </cell>
          <cell r="AO1414" t="str">
            <v>MDO OH/KEN C&amp;M</v>
          </cell>
        </row>
        <row r="1415">
          <cell r="F1415">
            <v>75023</v>
          </cell>
          <cell r="Z1415" t="str">
            <v>MANHD</v>
          </cell>
          <cell r="AN1415" t="str">
            <v>MDO C&amp;M</v>
          </cell>
          <cell r="AO1415" t="str">
            <v>MDO OH/KEN C&amp;M</v>
          </cell>
        </row>
        <row r="1416">
          <cell r="F1416">
            <v>75023</v>
          </cell>
          <cell r="Z1416" t="str">
            <v>MANHD</v>
          </cell>
          <cell r="AN1416" t="str">
            <v>MDO C&amp;M</v>
          </cell>
          <cell r="AO1416" t="str">
            <v>MDO OH/KEN C&amp;M</v>
          </cell>
        </row>
        <row r="1417">
          <cell r="F1417">
            <v>75023</v>
          </cell>
          <cell r="Z1417" t="str">
            <v>MANHD</v>
          </cell>
          <cell r="AN1417" t="str">
            <v>MDO C&amp;M</v>
          </cell>
          <cell r="AO1417" t="str">
            <v>MDO OH/KEN C&amp;M</v>
          </cell>
        </row>
        <row r="1418">
          <cell r="F1418">
            <v>75023</v>
          </cell>
          <cell r="Z1418" t="str">
            <v>MANHD</v>
          </cell>
          <cell r="AN1418" t="str">
            <v>MDO C&amp;M</v>
          </cell>
          <cell r="AO1418" t="str">
            <v>MDO OH/KEN C&amp;M</v>
          </cell>
        </row>
        <row r="1419">
          <cell r="F1419">
            <v>75023</v>
          </cell>
          <cell r="Z1419" t="str">
            <v>MANHD</v>
          </cell>
          <cell r="AN1419" t="str">
            <v>MDO C&amp;M</v>
          </cell>
          <cell r="AO1419" t="str">
            <v>MDO OH/KEN C&amp;M</v>
          </cell>
        </row>
        <row r="1420">
          <cell r="F1420">
            <v>75023</v>
          </cell>
          <cell r="Z1420" t="str">
            <v>MANHD</v>
          </cell>
          <cell r="AN1420" t="str">
            <v>MDO C&amp;M</v>
          </cell>
          <cell r="AO1420" t="str">
            <v>MDO OH/KEN C&amp;M</v>
          </cell>
        </row>
        <row r="1421">
          <cell r="F1421">
            <v>75084</v>
          </cell>
          <cell r="Z1421" t="str">
            <v>MANHD</v>
          </cell>
          <cell r="AN1421" t="str">
            <v>MDO C&amp;M</v>
          </cell>
          <cell r="AO1421" t="str">
            <v>MDO OH/KEN C&amp;M</v>
          </cell>
        </row>
        <row r="1422">
          <cell r="F1422">
            <v>75084</v>
          </cell>
          <cell r="Z1422" t="str">
            <v>MANHD</v>
          </cell>
          <cell r="AN1422" t="str">
            <v>MDO C&amp;M</v>
          </cell>
          <cell r="AO1422" t="str">
            <v>MDO OH/KEN C&amp;M</v>
          </cell>
        </row>
        <row r="1423">
          <cell r="F1423">
            <v>75084</v>
          </cell>
          <cell r="Z1423" t="str">
            <v>MANHD</v>
          </cell>
          <cell r="AN1423" t="str">
            <v>MDO C&amp;M</v>
          </cell>
          <cell r="AO1423" t="str">
            <v>MDO OH/KEN C&amp;M</v>
          </cell>
        </row>
        <row r="1424">
          <cell r="F1424">
            <v>75084</v>
          </cell>
          <cell r="Z1424" t="str">
            <v>MANHD</v>
          </cell>
          <cell r="AN1424" t="str">
            <v>MDO C&amp;M</v>
          </cell>
          <cell r="AO1424" t="str">
            <v>MDO OH/KEN C&amp;M</v>
          </cell>
        </row>
        <row r="1425">
          <cell r="F1425">
            <v>75084</v>
          </cell>
          <cell r="Z1425" t="str">
            <v>MANHD</v>
          </cell>
          <cell r="AN1425" t="str">
            <v>MDO C&amp;M</v>
          </cell>
          <cell r="AO1425" t="str">
            <v>MDO OH/KEN C&amp;M</v>
          </cell>
        </row>
        <row r="1426">
          <cell r="F1426">
            <v>75084</v>
          </cell>
          <cell r="Z1426" t="str">
            <v>MANHD</v>
          </cell>
          <cell r="AN1426" t="str">
            <v>MDO C&amp;M</v>
          </cell>
          <cell r="AO1426" t="str">
            <v>MDO OH/KEN C&amp;M</v>
          </cell>
        </row>
        <row r="1427">
          <cell r="F1427">
            <v>75023</v>
          </cell>
          <cell r="Z1427" t="str">
            <v>MANHT</v>
          </cell>
          <cell r="AN1427" t="str">
            <v>MDO C&amp;M</v>
          </cell>
          <cell r="AO1427" t="str">
            <v>MDO OH/KEN C&amp;M</v>
          </cell>
        </row>
        <row r="1428">
          <cell r="F1428">
            <v>75023</v>
          </cell>
          <cell r="Z1428" t="str">
            <v>MANHT</v>
          </cell>
          <cell r="AN1428" t="str">
            <v>MDO C&amp;M</v>
          </cell>
          <cell r="AO1428" t="str">
            <v>MDO OH/KEN C&amp;M</v>
          </cell>
        </row>
        <row r="1429">
          <cell r="F1429">
            <v>75023</v>
          </cell>
          <cell r="Z1429" t="str">
            <v>MANHT</v>
          </cell>
          <cell r="AN1429" t="str">
            <v>MDO C&amp;M</v>
          </cell>
          <cell r="AO1429" t="str">
            <v>MDO OH/KEN C&amp;M</v>
          </cell>
        </row>
        <row r="1430">
          <cell r="F1430">
            <v>75023</v>
          </cell>
          <cell r="Z1430" t="str">
            <v>MANHT</v>
          </cell>
          <cell r="AN1430" t="str">
            <v>MDO C&amp;M</v>
          </cell>
          <cell r="AO1430" t="str">
            <v>MDO OH/KEN C&amp;M</v>
          </cell>
        </row>
        <row r="1431">
          <cell r="F1431">
            <v>75023</v>
          </cell>
          <cell r="Z1431" t="str">
            <v>MANHT</v>
          </cell>
          <cell r="AN1431" t="str">
            <v>MDO C&amp;M</v>
          </cell>
          <cell r="AO1431" t="str">
            <v>MDO OH/KEN C&amp;M</v>
          </cell>
        </row>
        <row r="1432">
          <cell r="F1432">
            <v>75023</v>
          </cell>
          <cell r="Z1432" t="str">
            <v>MANHT</v>
          </cell>
          <cell r="AN1432" t="str">
            <v>MDO C&amp;M</v>
          </cell>
          <cell r="AO1432" t="str">
            <v>MDO OH/KEN C&amp;M</v>
          </cell>
        </row>
        <row r="1433">
          <cell r="F1433">
            <v>75023</v>
          </cell>
          <cell r="Z1433" t="str">
            <v>MANHT</v>
          </cell>
          <cell r="AN1433" t="str">
            <v>MDO C&amp;M</v>
          </cell>
          <cell r="AO1433" t="str">
            <v>MDO OH/KEN C&amp;M</v>
          </cell>
        </row>
        <row r="1434">
          <cell r="F1434">
            <v>75023</v>
          </cell>
          <cell r="Z1434" t="str">
            <v>MANHT</v>
          </cell>
          <cell r="AN1434" t="str">
            <v>MDO C&amp;M</v>
          </cell>
          <cell r="AO1434" t="str">
            <v>MDO OH/KEN C&amp;M</v>
          </cell>
        </row>
        <row r="1435">
          <cell r="F1435">
            <v>75023</v>
          </cell>
          <cell r="Z1435" t="str">
            <v>MANHT</v>
          </cell>
          <cell r="AN1435" t="str">
            <v>MDO C&amp;M</v>
          </cell>
          <cell r="AO1435" t="str">
            <v>MDO OH/KEN C&amp;M</v>
          </cell>
        </row>
        <row r="1436">
          <cell r="F1436">
            <v>75023</v>
          </cell>
          <cell r="Z1436" t="str">
            <v>MANHT</v>
          </cell>
          <cell r="AN1436" t="str">
            <v>MDO C&amp;M</v>
          </cell>
          <cell r="AO1436" t="str">
            <v>MDO OH/KEN C&amp;M</v>
          </cell>
        </row>
        <row r="1437">
          <cell r="F1437">
            <v>75023</v>
          </cell>
          <cell r="Z1437" t="str">
            <v>MANHT</v>
          </cell>
          <cell r="AN1437" t="str">
            <v>MDO C&amp;M</v>
          </cell>
          <cell r="AO1437" t="str">
            <v>MDO OH/KEN C&amp;M</v>
          </cell>
        </row>
        <row r="1438">
          <cell r="F1438">
            <v>75023</v>
          </cell>
          <cell r="Z1438" t="str">
            <v>MANHT</v>
          </cell>
          <cell r="AN1438" t="str">
            <v>MDO C&amp;M</v>
          </cell>
          <cell r="AO1438" t="str">
            <v>MDO OH/KEN C&amp;M</v>
          </cell>
        </row>
        <row r="1439">
          <cell r="F1439">
            <v>75023</v>
          </cell>
          <cell r="Z1439" t="str">
            <v>MANHT</v>
          </cell>
          <cell r="AN1439" t="str">
            <v>MDO C&amp;M</v>
          </cell>
          <cell r="AO1439" t="str">
            <v>MDO OH/KEN C&amp;M</v>
          </cell>
        </row>
        <row r="1440">
          <cell r="F1440">
            <v>75023</v>
          </cell>
          <cell r="Z1440" t="str">
            <v>VAULTI</v>
          </cell>
          <cell r="AN1440" t="str">
            <v>MDO C&amp;M</v>
          </cell>
          <cell r="AO1440" t="str">
            <v>MDO OH/KEN C&amp;M</v>
          </cell>
        </row>
        <row r="1441">
          <cell r="F1441">
            <v>75023</v>
          </cell>
          <cell r="Z1441" t="str">
            <v>VAULTI</v>
          </cell>
          <cell r="AN1441" t="str">
            <v>MDO C&amp;M</v>
          </cell>
          <cell r="AO1441" t="str">
            <v>MDO OH/KEN C&amp;M</v>
          </cell>
        </row>
        <row r="1442">
          <cell r="F1442">
            <v>75023</v>
          </cell>
          <cell r="Z1442" t="str">
            <v>VAULTI</v>
          </cell>
          <cell r="AN1442" t="str">
            <v>MDO C&amp;M</v>
          </cell>
          <cell r="AO1442" t="str">
            <v>MDO OH/KEN C&amp;M</v>
          </cell>
        </row>
        <row r="1443">
          <cell r="F1443">
            <v>75023</v>
          </cell>
          <cell r="Z1443" t="str">
            <v>VAULTI</v>
          </cell>
          <cell r="AN1443" t="str">
            <v>MDO C&amp;M</v>
          </cell>
          <cell r="AO1443" t="str">
            <v>MDO OH/KEN C&amp;M</v>
          </cell>
        </row>
        <row r="1444">
          <cell r="F1444">
            <v>75023</v>
          </cell>
          <cell r="Z1444" t="str">
            <v>VAULTI</v>
          </cell>
          <cell r="AN1444" t="str">
            <v>MDO C&amp;M</v>
          </cell>
          <cell r="AO1444" t="str">
            <v>MDO OH/KEN C&amp;M</v>
          </cell>
        </row>
        <row r="1445">
          <cell r="F1445">
            <v>75023</v>
          </cell>
          <cell r="Z1445" t="str">
            <v>VAULTI</v>
          </cell>
          <cell r="AN1445" t="str">
            <v>MDO C&amp;M</v>
          </cell>
          <cell r="AO1445" t="str">
            <v>MDO OH/KEN C&amp;M</v>
          </cell>
        </row>
        <row r="1446">
          <cell r="F1446">
            <v>75023</v>
          </cell>
          <cell r="Z1446" t="str">
            <v>VAULTI</v>
          </cell>
          <cell r="AN1446" t="str">
            <v>MDO C&amp;M</v>
          </cell>
          <cell r="AO1446" t="str">
            <v>MDO OH/KEN C&amp;M</v>
          </cell>
        </row>
        <row r="1447">
          <cell r="F1447">
            <v>75023</v>
          </cell>
          <cell r="Z1447" t="str">
            <v>VAULTI</v>
          </cell>
          <cell r="AN1447" t="str">
            <v>MDO C&amp;M</v>
          </cell>
          <cell r="AO1447" t="str">
            <v>MDO OH/KEN C&amp;M</v>
          </cell>
        </row>
        <row r="1448">
          <cell r="F1448">
            <v>75023</v>
          </cell>
          <cell r="Z1448" t="str">
            <v>VAULTI</v>
          </cell>
          <cell r="AN1448" t="str">
            <v>MDO C&amp;M</v>
          </cell>
          <cell r="AO1448" t="str">
            <v>MDO OH/KEN C&amp;M</v>
          </cell>
        </row>
        <row r="1449">
          <cell r="F1449">
            <v>75023</v>
          </cell>
          <cell r="Z1449" t="str">
            <v>VAULTI</v>
          </cell>
          <cell r="AN1449" t="str">
            <v>MDO C&amp;M</v>
          </cell>
          <cell r="AO1449" t="str">
            <v>MDO OH/KEN C&amp;M</v>
          </cell>
        </row>
        <row r="1450">
          <cell r="F1450">
            <v>75023</v>
          </cell>
          <cell r="Z1450" t="str">
            <v>VAULTI</v>
          </cell>
          <cell r="AN1450" t="str">
            <v>MDO C&amp;M</v>
          </cell>
          <cell r="AO1450" t="str">
            <v>MDO OH/KEN C&amp;M</v>
          </cell>
        </row>
        <row r="1451">
          <cell r="F1451">
            <v>75023</v>
          </cell>
          <cell r="Z1451" t="str">
            <v>VAULTM</v>
          </cell>
          <cell r="AN1451" t="str">
            <v>MDO C&amp;M</v>
          </cell>
          <cell r="AO1451" t="str">
            <v>MDO OH/KEN C&amp;M</v>
          </cell>
        </row>
        <row r="1452">
          <cell r="F1452">
            <v>75023</v>
          </cell>
          <cell r="Z1452" t="str">
            <v>VAULTM</v>
          </cell>
          <cell r="AN1452" t="str">
            <v>MDO C&amp;M</v>
          </cell>
          <cell r="AO1452" t="str">
            <v>MDO OH/KEN C&amp;M</v>
          </cell>
        </row>
        <row r="1453">
          <cell r="F1453">
            <v>75023</v>
          </cell>
          <cell r="Z1453" t="str">
            <v>VAULTM</v>
          </cell>
          <cell r="AN1453" t="str">
            <v>MDO C&amp;M</v>
          </cell>
          <cell r="AO1453" t="str">
            <v>MDO OH/KEN C&amp;M</v>
          </cell>
        </row>
        <row r="1454">
          <cell r="F1454">
            <v>75023</v>
          </cell>
          <cell r="Z1454" t="str">
            <v>VAULTM</v>
          </cell>
          <cell r="AN1454" t="str">
            <v>MDO C&amp;M</v>
          </cell>
          <cell r="AO1454" t="str">
            <v>MDO OH/KEN C&amp;M</v>
          </cell>
        </row>
        <row r="1455">
          <cell r="F1455">
            <v>75023</v>
          </cell>
          <cell r="Z1455" t="str">
            <v>VAULTM</v>
          </cell>
          <cell r="AN1455" t="str">
            <v>MDO C&amp;M</v>
          </cell>
          <cell r="AO1455" t="str">
            <v>MDO OH/KEN C&amp;M</v>
          </cell>
        </row>
        <row r="1456">
          <cell r="F1456">
            <v>75023</v>
          </cell>
          <cell r="Z1456" t="str">
            <v>VAULTM</v>
          </cell>
          <cell r="AN1456" t="str">
            <v>MDO C&amp;M</v>
          </cell>
          <cell r="AO1456" t="str">
            <v>MDO OH/KEN C&amp;M</v>
          </cell>
        </row>
        <row r="1457">
          <cell r="F1457">
            <v>75023</v>
          </cell>
          <cell r="Z1457" t="str">
            <v>VAULTM</v>
          </cell>
          <cell r="AN1457" t="str">
            <v>MDO C&amp;M</v>
          </cell>
          <cell r="AO1457" t="str">
            <v>MDO OH/KEN C&amp;M</v>
          </cell>
        </row>
        <row r="1458">
          <cell r="F1458">
            <v>75023</v>
          </cell>
          <cell r="Z1458" t="str">
            <v>VAULTM</v>
          </cell>
          <cell r="AN1458" t="str">
            <v>MDO C&amp;M</v>
          </cell>
          <cell r="AO1458" t="str">
            <v>MDO OH/KEN C&amp;M</v>
          </cell>
        </row>
        <row r="1459">
          <cell r="F1459">
            <v>75023</v>
          </cell>
          <cell r="Z1459" t="str">
            <v>VAULTM</v>
          </cell>
          <cell r="AN1459" t="str">
            <v>MDO C&amp;M</v>
          </cell>
          <cell r="AO1459" t="str">
            <v>MDO OH/KEN C&amp;M</v>
          </cell>
        </row>
        <row r="1460">
          <cell r="F1460">
            <v>75023</v>
          </cell>
          <cell r="Z1460" t="str">
            <v>VAULTM</v>
          </cell>
          <cell r="AN1460" t="str">
            <v>MDO C&amp;M</v>
          </cell>
          <cell r="AO1460" t="str">
            <v>MDO OH/KEN C&amp;M</v>
          </cell>
        </row>
        <row r="1461">
          <cell r="F1461">
            <v>75023</v>
          </cell>
          <cell r="Z1461" t="str">
            <v>VAULTM</v>
          </cell>
          <cell r="AN1461" t="str">
            <v>MDO C&amp;M</v>
          </cell>
          <cell r="AO1461" t="str">
            <v>MDO OH/KEN C&amp;M</v>
          </cell>
        </row>
        <row r="1462">
          <cell r="F1462">
            <v>75023</v>
          </cell>
          <cell r="Z1462" t="str">
            <v>VAULTM</v>
          </cell>
          <cell r="AN1462" t="str">
            <v>MDO C&amp;M</v>
          </cell>
          <cell r="AO1462" t="str">
            <v>MDO OH/KEN C&amp;M</v>
          </cell>
        </row>
        <row r="1463">
          <cell r="F1463">
            <v>75023</v>
          </cell>
          <cell r="Z1463" t="str">
            <v>VAULTM</v>
          </cell>
          <cell r="AN1463" t="str">
            <v>MDO C&amp;M</v>
          </cell>
          <cell r="AO1463" t="str">
            <v>MDO OH/KEN C&amp;M</v>
          </cell>
        </row>
        <row r="1464">
          <cell r="F1464">
            <v>75023</v>
          </cell>
          <cell r="Z1464" t="str">
            <v>VAULTM</v>
          </cell>
          <cell r="AN1464" t="str">
            <v>MDO C&amp;M</v>
          </cell>
          <cell r="AO1464" t="str">
            <v>MDO OH/KEN C&amp;M</v>
          </cell>
        </row>
        <row r="1465">
          <cell r="F1465">
            <v>75023</v>
          </cell>
          <cell r="Z1465" t="str">
            <v>VAULTM</v>
          </cell>
          <cell r="AN1465" t="str">
            <v>MDO C&amp;M</v>
          </cell>
          <cell r="AO1465" t="str">
            <v>MDO OH/KEN C&amp;M</v>
          </cell>
        </row>
        <row r="1466">
          <cell r="F1466">
            <v>75023</v>
          </cell>
          <cell r="Z1466" t="str">
            <v>VAULTM</v>
          </cell>
          <cell r="AN1466" t="str">
            <v>MDO C&amp;M</v>
          </cell>
          <cell r="AO1466" t="str">
            <v>MDO OH/KEN C&amp;M</v>
          </cell>
        </row>
        <row r="1467">
          <cell r="F1467">
            <v>75023</v>
          </cell>
          <cell r="Z1467" t="str">
            <v>VAULTM</v>
          </cell>
          <cell r="AN1467" t="str">
            <v>MDO C&amp;M</v>
          </cell>
          <cell r="AO1467" t="str">
            <v>MDO OH/KEN C&amp;M</v>
          </cell>
        </row>
        <row r="1468">
          <cell r="F1468">
            <v>75023</v>
          </cell>
          <cell r="Z1468" t="str">
            <v>VAULTM</v>
          </cell>
          <cell r="AN1468" t="str">
            <v>MDO C&amp;M</v>
          </cell>
          <cell r="AO1468" t="str">
            <v>MDO OH/KEN C&amp;M</v>
          </cell>
        </row>
        <row r="1469">
          <cell r="F1469">
            <v>75023</v>
          </cell>
          <cell r="Z1469" t="str">
            <v>VAULTM</v>
          </cell>
          <cell r="AN1469" t="str">
            <v>MDO C&amp;M</v>
          </cell>
          <cell r="AO1469" t="str">
            <v>MDO OH/KEN C&amp;M</v>
          </cell>
        </row>
        <row r="1470">
          <cell r="F1470">
            <v>75023</v>
          </cell>
          <cell r="Z1470" t="str">
            <v>VAULTM</v>
          </cell>
          <cell r="AN1470" t="str">
            <v>MDO C&amp;M</v>
          </cell>
          <cell r="AO1470" t="str">
            <v>MDO OH/KEN C&amp;M</v>
          </cell>
        </row>
        <row r="1471">
          <cell r="F1471">
            <v>75023</v>
          </cell>
          <cell r="Z1471" t="str">
            <v>VAULTM</v>
          </cell>
          <cell r="AN1471" t="str">
            <v>MDO C&amp;M</v>
          </cell>
          <cell r="AO1471" t="str">
            <v>MDO OH/KEN C&amp;M</v>
          </cell>
        </row>
        <row r="1472">
          <cell r="F1472">
            <v>75023</v>
          </cell>
          <cell r="Z1472" t="str">
            <v>VAULTM</v>
          </cell>
          <cell r="AN1472" t="str">
            <v>MDO C&amp;M</v>
          </cell>
          <cell r="AO1472" t="str">
            <v>MDO OH/KEN C&amp;M</v>
          </cell>
        </row>
        <row r="1473">
          <cell r="F1473">
            <v>75023</v>
          </cell>
          <cell r="Z1473" t="str">
            <v>VAULTM</v>
          </cell>
          <cell r="AN1473" t="str">
            <v>MDO C&amp;M</v>
          </cell>
          <cell r="AO1473" t="str">
            <v>MDO OH/KEN C&amp;M</v>
          </cell>
        </row>
        <row r="1474">
          <cell r="F1474">
            <v>75023</v>
          </cell>
          <cell r="Z1474" t="str">
            <v>VAULTM</v>
          </cell>
          <cell r="AN1474" t="str">
            <v>MDO C&amp;M</v>
          </cell>
          <cell r="AO1474" t="str">
            <v>MDO OH/KEN C&amp;M</v>
          </cell>
        </row>
        <row r="1475">
          <cell r="F1475">
            <v>75023</v>
          </cell>
          <cell r="Z1475" t="str">
            <v>VAULTM</v>
          </cell>
          <cell r="AN1475" t="str">
            <v>MDO C&amp;M</v>
          </cell>
          <cell r="AO1475" t="str">
            <v>MDO OH/KEN C&amp;M</v>
          </cell>
        </row>
        <row r="1476">
          <cell r="F1476">
            <v>75023</v>
          </cell>
          <cell r="Z1476" t="str">
            <v>VAULTM</v>
          </cell>
          <cell r="AN1476" t="str">
            <v>MDO C&amp;M</v>
          </cell>
          <cell r="AO1476" t="str">
            <v>MDO OH/KEN C&amp;M</v>
          </cell>
        </row>
        <row r="1477">
          <cell r="F1477">
            <v>75023</v>
          </cell>
          <cell r="Z1477" t="str">
            <v>VAULTM</v>
          </cell>
          <cell r="AN1477" t="str">
            <v>MDO C&amp;M</v>
          </cell>
          <cell r="AO1477" t="str">
            <v>MDO OH/KEN C&amp;M</v>
          </cell>
        </row>
        <row r="1478">
          <cell r="F1478">
            <v>75023</v>
          </cell>
          <cell r="Z1478" t="str">
            <v>VAULTM</v>
          </cell>
          <cell r="AN1478" t="str">
            <v>MDO C&amp;M</v>
          </cell>
          <cell r="AO1478" t="str">
            <v>MDO OH/KEN C&amp;M</v>
          </cell>
        </row>
        <row r="1479">
          <cell r="F1479">
            <v>75023</v>
          </cell>
          <cell r="Z1479" t="str">
            <v>VAULTM</v>
          </cell>
          <cell r="AN1479" t="str">
            <v>MDO C&amp;M</v>
          </cell>
          <cell r="AO1479" t="str">
            <v>MDO OH/KEN C&amp;M</v>
          </cell>
        </row>
        <row r="1480">
          <cell r="F1480">
            <v>75023</v>
          </cell>
          <cell r="Z1480" t="str">
            <v>VAULTM</v>
          </cell>
          <cell r="AN1480" t="str">
            <v>MDO C&amp;M</v>
          </cell>
          <cell r="AO1480" t="str">
            <v>MDO OH/KEN C&amp;M</v>
          </cell>
        </row>
        <row r="1481">
          <cell r="F1481">
            <v>75023</v>
          </cell>
          <cell r="Z1481" t="str">
            <v>VAULTM</v>
          </cell>
          <cell r="AN1481" t="str">
            <v>MDO C&amp;M</v>
          </cell>
          <cell r="AO1481" t="str">
            <v>MDO OH/KEN C&amp;M</v>
          </cell>
        </row>
        <row r="1482">
          <cell r="F1482">
            <v>75023</v>
          </cell>
          <cell r="Z1482" t="str">
            <v>VAULTM</v>
          </cell>
          <cell r="AN1482" t="str">
            <v>MDO C&amp;M</v>
          </cell>
          <cell r="AO1482" t="str">
            <v>MDO OH/KEN C&amp;M</v>
          </cell>
        </row>
        <row r="1483">
          <cell r="F1483">
            <v>75023</v>
          </cell>
          <cell r="Z1483" t="str">
            <v>VAULTM</v>
          </cell>
          <cell r="AN1483" t="str">
            <v>MDO C&amp;M</v>
          </cell>
          <cell r="AO1483" t="str">
            <v>MDO OH/KEN C&amp;M</v>
          </cell>
        </row>
        <row r="1484">
          <cell r="F1484">
            <v>75023</v>
          </cell>
          <cell r="Z1484" t="str">
            <v>VAULTM</v>
          </cell>
          <cell r="AN1484" t="str">
            <v>MDO C&amp;M</v>
          </cell>
          <cell r="AO1484" t="str">
            <v>MDO OH/KEN C&amp;M</v>
          </cell>
        </row>
        <row r="1485">
          <cell r="F1485">
            <v>75023</v>
          </cell>
          <cell r="Z1485" t="str">
            <v>VAULTM</v>
          </cell>
          <cell r="AN1485" t="str">
            <v>MDO C&amp;M</v>
          </cell>
          <cell r="AO1485" t="str">
            <v>MDO OH/KEN C&amp;M</v>
          </cell>
        </row>
        <row r="1486">
          <cell r="F1486">
            <v>75023</v>
          </cell>
          <cell r="Z1486" t="str">
            <v>VAULTM</v>
          </cell>
          <cell r="AN1486" t="str">
            <v>MDO C&amp;M</v>
          </cell>
          <cell r="AO1486" t="str">
            <v>MDO OH/KEN C&amp;M</v>
          </cell>
        </row>
        <row r="1487">
          <cell r="F1487">
            <v>75023</v>
          </cell>
          <cell r="Z1487" t="str">
            <v>VAULTM</v>
          </cell>
          <cell r="AN1487" t="str">
            <v>MDO C&amp;M</v>
          </cell>
          <cell r="AO1487" t="str">
            <v>MDO OH/KEN C&amp;M</v>
          </cell>
        </row>
        <row r="1488">
          <cell r="F1488">
            <v>75023</v>
          </cell>
          <cell r="Z1488" t="str">
            <v>VAULTM</v>
          </cell>
          <cell r="AN1488" t="str">
            <v>MDO C&amp;M</v>
          </cell>
          <cell r="AO1488" t="str">
            <v>MDO OH/KEN C&amp;M</v>
          </cell>
        </row>
        <row r="1489">
          <cell r="F1489">
            <v>75023</v>
          </cell>
          <cell r="Z1489" t="str">
            <v>VAULTM</v>
          </cell>
          <cell r="AN1489" t="str">
            <v>MDO C&amp;M</v>
          </cell>
          <cell r="AO1489" t="str">
            <v>MDO OH/KEN C&amp;M</v>
          </cell>
        </row>
        <row r="1490">
          <cell r="F1490">
            <v>75023</v>
          </cell>
          <cell r="Z1490" t="str">
            <v>VAULTM</v>
          </cell>
          <cell r="AN1490" t="str">
            <v>MDO C&amp;M</v>
          </cell>
          <cell r="AO1490" t="str">
            <v>MDO OH/KEN C&amp;M</v>
          </cell>
        </row>
        <row r="1491">
          <cell r="F1491">
            <v>75023</v>
          </cell>
          <cell r="Z1491" t="str">
            <v>VAULTM</v>
          </cell>
          <cell r="AN1491" t="str">
            <v>MDO C&amp;M</v>
          </cell>
          <cell r="AO1491" t="str">
            <v>MDO OH/KEN C&amp;M</v>
          </cell>
        </row>
        <row r="1492">
          <cell r="F1492">
            <v>75023</v>
          </cell>
          <cell r="Z1492" t="str">
            <v>VAULTM</v>
          </cell>
          <cell r="AN1492" t="str">
            <v>MDO C&amp;M</v>
          </cell>
          <cell r="AO1492" t="str">
            <v>MDO OH/KEN C&amp;M</v>
          </cell>
        </row>
        <row r="1493">
          <cell r="F1493">
            <v>75023</v>
          </cell>
          <cell r="Z1493" t="str">
            <v>VAULTM</v>
          </cell>
          <cell r="AN1493" t="str">
            <v>MDO C&amp;M</v>
          </cell>
          <cell r="AO1493" t="str">
            <v>MDO OH/KEN C&amp;M</v>
          </cell>
        </row>
        <row r="1494">
          <cell r="F1494">
            <v>75023</v>
          </cell>
          <cell r="Z1494" t="str">
            <v>VAULTM</v>
          </cell>
          <cell r="AN1494" t="str">
            <v>MDO C&amp;M</v>
          </cell>
          <cell r="AO1494" t="str">
            <v>MDO OH/KEN C&amp;M</v>
          </cell>
        </row>
        <row r="1495">
          <cell r="F1495">
            <v>75023</v>
          </cell>
          <cell r="Z1495" t="str">
            <v>VAULTM</v>
          </cell>
          <cell r="AN1495" t="str">
            <v>MDO C&amp;M</v>
          </cell>
          <cell r="AO1495" t="str">
            <v>MDO OH/KEN C&amp;M</v>
          </cell>
        </row>
        <row r="1496">
          <cell r="F1496">
            <v>75023</v>
          </cell>
          <cell r="Z1496" t="str">
            <v>NITCBL</v>
          </cell>
          <cell r="AN1496" t="str">
            <v>MDO C&amp;M</v>
          </cell>
          <cell r="AO1496" t="str">
            <v>MDO OH/KEN C&amp;M</v>
          </cell>
        </row>
        <row r="1497">
          <cell r="F1497">
            <v>75023</v>
          </cell>
          <cell r="Z1497" t="str">
            <v>NITCBL</v>
          </cell>
          <cell r="AN1497" t="str">
            <v>MDO C&amp;M</v>
          </cell>
          <cell r="AO1497" t="str">
            <v>MDO OH/KEN C&amp;M</v>
          </cell>
        </row>
        <row r="1498">
          <cell r="F1498">
            <v>75023</v>
          </cell>
          <cell r="Z1498" t="str">
            <v>NITCBL</v>
          </cell>
          <cell r="AN1498" t="str">
            <v>MDO C&amp;M</v>
          </cell>
          <cell r="AO1498" t="str">
            <v>MDO OH/KEN C&amp;M</v>
          </cell>
        </row>
        <row r="1499">
          <cell r="F1499">
            <v>75023</v>
          </cell>
          <cell r="Z1499" t="str">
            <v>NITCBL</v>
          </cell>
          <cell r="AN1499" t="str">
            <v>MDO C&amp;M</v>
          </cell>
          <cell r="AO1499" t="str">
            <v>MDO OH/KEN C&amp;M</v>
          </cell>
        </row>
        <row r="1500">
          <cell r="F1500">
            <v>75023</v>
          </cell>
          <cell r="Z1500" t="str">
            <v>NITCBL</v>
          </cell>
          <cell r="AN1500" t="str">
            <v>MDO C&amp;M</v>
          </cell>
          <cell r="AO1500" t="str">
            <v>MDO OH/KEN C&amp;M</v>
          </cell>
        </row>
        <row r="1501">
          <cell r="F1501">
            <v>75023</v>
          </cell>
          <cell r="Z1501" t="str">
            <v>NITCBL</v>
          </cell>
          <cell r="AN1501" t="str">
            <v>MDO C&amp;M</v>
          </cell>
          <cell r="AO1501" t="str">
            <v>MDO OH/KEN C&amp;M</v>
          </cell>
        </row>
        <row r="1502">
          <cell r="F1502">
            <v>75023</v>
          </cell>
          <cell r="Z1502" t="str">
            <v>NITCBL</v>
          </cell>
          <cell r="AN1502" t="str">
            <v>MDO C&amp;M</v>
          </cell>
          <cell r="AO1502" t="str">
            <v>MDO OH/KEN C&amp;M</v>
          </cell>
        </row>
        <row r="1503">
          <cell r="F1503">
            <v>75023</v>
          </cell>
          <cell r="Z1503" t="str">
            <v>NITCBL</v>
          </cell>
          <cell r="AN1503" t="str">
            <v>MDO C&amp;M</v>
          </cell>
          <cell r="AO1503" t="str">
            <v>MDO OH/KEN C&amp;M</v>
          </cell>
        </row>
        <row r="1504">
          <cell r="F1504">
            <v>75023</v>
          </cell>
          <cell r="Z1504" t="str">
            <v>NITCBL</v>
          </cell>
          <cell r="AN1504" t="str">
            <v>MDO C&amp;M</v>
          </cell>
          <cell r="AO1504" t="str">
            <v>MDO OH/KEN C&amp;M</v>
          </cell>
        </row>
        <row r="1505">
          <cell r="F1505">
            <v>75023</v>
          </cell>
          <cell r="Z1505" t="str">
            <v>NITCBL</v>
          </cell>
          <cell r="AN1505" t="str">
            <v>MDO C&amp;M</v>
          </cell>
          <cell r="AO1505" t="str">
            <v>MDO OH/KEN C&amp;M</v>
          </cell>
        </row>
        <row r="1506">
          <cell r="F1506">
            <v>75023</v>
          </cell>
          <cell r="Z1506" t="str">
            <v>NITCBL</v>
          </cell>
          <cell r="AN1506" t="str">
            <v>MDO C&amp;M</v>
          </cell>
          <cell r="AO1506" t="str">
            <v>MDO OH/KEN C&amp;M</v>
          </cell>
        </row>
        <row r="1507">
          <cell r="F1507">
            <v>75023</v>
          </cell>
          <cell r="Z1507" t="str">
            <v>DOLMRPR</v>
          </cell>
          <cell r="AN1507" t="str">
            <v>MDO C&amp;M</v>
          </cell>
          <cell r="AO1507" t="str">
            <v>MDO OH/KEN C&amp;M</v>
          </cell>
        </row>
        <row r="1508">
          <cell r="F1508">
            <v>75023</v>
          </cell>
          <cell r="Z1508" t="str">
            <v>DOLMRPR</v>
          </cell>
          <cell r="AN1508" t="str">
            <v>MDO C&amp;M</v>
          </cell>
          <cell r="AO1508" t="str">
            <v>MDO OH/KEN C&amp;M</v>
          </cell>
        </row>
        <row r="1509">
          <cell r="F1509">
            <v>75023</v>
          </cell>
          <cell r="Z1509" t="str">
            <v>DOLMRPR</v>
          </cell>
          <cell r="AN1509" t="str">
            <v>MDO C&amp;M</v>
          </cell>
          <cell r="AO1509" t="str">
            <v>MDO OH/KEN C&amp;M</v>
          </cell>
        </row>
        <row r="1510">
          <cell r="F1510">
            <v>75023</v>
          </cell>
          <cell r="Z1510" t="str">
            <v>DOLMRPR</v>
          </cell>
          <cell r="AN1510" t="str">
            <v>MDO C&amp;M</v>
          </cell>
          <cell r="AO1510" t="str">
            <v>MDO OH/KEN C&amp;M</v>
          </cell>
        </row>
        <row r="1511">
          <cell r="F1511">
            <v>75023</v>
          </cell>
          <cell r="Z1511" t="str">
            <v>DOLMRPR</v>
          </cell>
          <cell r="AN1511" t="str">
            <v>MDO C&amp;M</v>
          </cell>
          <cell r="AO1511" t="str">
            <v>MDO OH/KEN C&amp;M</v>
          </cell>
        </row>
        <row r="1512">
          <cell r="F1512">
            <v>75023</v>
          </cell>
          <cell r="Z1512" t="str">
            <v>DOLMRPR</v>
          </cell>
          <cell r="AN1512" t="str">
            <v>MDO C&amp;M</v>
          </cell>
          <cell r="AO1512" t="str">
            <v>MDO OH/KEN C&amp;M</v>
          </cell>
        </row>
        <row r="1513">
          <cell r="F1513">
            <v>75023</v>
          </cell>
          <cell r="Z1513" t="str">
            <v>DOLMRPR</v>
          </cell>
          <cell r="AN1513" t="str">
            <v>MDO C&amp;M</v>
          </cell>
          <cell r="AO1513" t="str">
            <v>MDO OH/KEN C&amp;M</v>
          </cell>
        </row>
        <row r="1514">
          <cell r="F1514">
            <v>75023</v>
          </cell>
          <cell r="Z1514" t="str">
            <v>DOLMRPR</v>
          </cell>
          <cell r="AN1514" t="str">
            <v>MDO C&amp;M</v>
          </cell>
          <cell r="AO1514" t="str">
            <v>MDO OH/KEN C&amp;M</v>
          </cell>
        </row>
        <row r="1515">
          <cell r="F1515">
            <v>75023</v>
          </cell>
          <cell r="Z1515" t="str">
            <v>DOLMRPR</v>
          </cell>
          <cell r="AN1515" t="str">
            <v>MDO C&amp;M</v>
          </cell>
          <cell r="AO1515" t="str">
            <v>MDO OH/KEN C&amp;M</v>
          </cell>
        </row>
        <row r="1516">
          <cell r="F1516">
            <v>75023</v>
          </cell>
          <cell r="Z1516" t="str">
            <v>DOLMRPR</v>
          </cell>
          <cell r="AN1516" t="str">
            <v>MDO C&amp;M</v>
          </cell>
          <cell r="AO1516" t="str">
            <v>MDO OH/KEN C&amp;M</v>
          </cell>
        </row>
        <row r="1517">
          <cell r="F1517">
            <v>75023</v>
          </cell>
          <cell r="Z1517" t="str">
            <v>DOLMRPR</v>
          </cell>
          <cell r="AN1517" t="str">
            <v>MDO C&amp;M</v>
          </cell>
          <cell r="AO1517" t="str">
            <v>MDO OH/KEN C&amp;M</v>
          </cell>
        </row>
        <row r="1518">
          <cell r="F1518">
            <v>75023</v>
          </cell>
          <cell r="Z1518" t="str">
            <v>DOLMRPR</v>
          </cell>
          <cell r="AN1518" t="str">
            <v>MDO C&amp;M</v>
          </cell>
          <cell r="AO1518" t="str">
            <v>MDO OH/KEN C&amp;M</v>
          </cell>
        </row>
        <row r="1519">
          <cell r="F1519">
            <v>75023</v>
          </cell>
          <cell r="Z1519" t="str">
            <v>DOLMRPR</v>
          </cell>
          <cell r="AN1519" t="str">
            <v>MDO C&amp;M</v>
          </cell>
          <cell r="AO1519" t="str">
            <v>MDO OH/KEN C&amp;M</v>
          </cell>
        </row>
        <row r="1520">
          <cell r="F1520">
            <v>75023</v>
          </cell>
          <cell r="Z1520" t="str">
            <v>DOLMRPR</v>
          </cell>
          <cell r="AN1520" t="str">
            <v>MDO C&amp;M</v>
          </cell>
          <cell r="AO1520" t="str">
            <v>MDO OH/KEN C&amp;M</v>
          </cell>
        </row>
        <row r="1521">
          <cell r="F1521">
            <v>75023</v>
          </cell>
          <cell r="Z1521" t="str">
            <v>DOLMRPR</v>
          </cell>
          <cell r="AN1521" t="str">
            <v>MDO C&amp;M</v>
          </cell>
          <cell r="AO1521" t="str">
            <v>MDO OH/KEN C&amp;M</v>
          </cell>
        </row>
        <row r="1522">
          <cell r="F1522">
            <v>75023</v>
          </cell>
          <cell r="Z1522" t="str">
            <v>DOLMRPR</v>
          </cell>
          <cell r="AN1522" t="str">
            <v>MDO C&amp;M</v>
          </cell>
          <cell r="AO1522" t="str">
            <v>MDO OH/KEN C&amp;M</v>
          </cell>
        </row>
        <row r="1523">
          <cell r="F1523">
            <v>75023</v>
          </cell>
          <cell r="Z1523" t="str">
            <v>DOLMRPR</v>
          </cell>
          <cell r="AN1523" t="str">
            <v>MDO C&amp;M</v>
          </cell>
          <cell r="AO1523" t="str">
            <v>MDO OH/KEN C&amp;M</v>
          </cell>
        </row>
        <row r="1524">
          <cell r="F1524">
            <v>75023</v>
          </cell>
          <cell r="Z1524" t="str">
            <v>DOLMRPR</v>
          </cell>
          <cell r="AN1524" t="str">
            <v>MDO C&amp;M</v>
          </cell>
          <cell r="AO1524" t="str">
            <v>MDO OH/KEN C&amp;M</v>
          </cell>
        </row>
        <row r="1525">
          <cell r="F1525">
            <v>75023</v>
          </cell>
          <cell r="Z1525" t="str">
            <v>DOLMRPR</v>
          </cell>
          <cell r="AN1525" t="str">
            <v>MDO C&amp;M</v>
          </cell>
          <cell r="AO1525" t="str">
            <v>MDO OH/KEN C&amp;M</v>
          </cell>
        </row>
        <row r="1526">
          <cell r="F1526">
            <v>75023</v>
          </cell>
          <cell r="Z1526" t="str">
            <v>DOLMRPR</v>
          </cell>
          <cell r="AN1526" t="str">
            <v>MDO C&amp;M</v>
          </cell>
          <cell r="AO1526" t="str">
            <v>MDO OH/KEN C&amp;M</v>
          </cell>
        </row>
        <row r="1527">
          <cell r="F1527">
            <v>75023</v>
          </cell>
          <cell r="Z1527" t="str">
            <v>DOLMRPR</v>
          </cell>
          <cell r="AN1527" t="str">
            <v>MDO C&amp;M</v>
          </cell>
          <cell r="AO1527" t="str">
            <v>MDO OH/KEN C&amp;M</v>
          </cell>
        </row>
        <row r="1528">
          <cell r="F1528">
            <v>75023</v>
          </cell>
          <cell r="Z1528" t="str">
            <v>DOLMRPR</v>
          </cell>
          <cell r="AN1528" t="str">
            <v>MDO C&amp;M</v>
          </cell>
          <cell r="AO1528" t="str">
            <v>MDO OH/KEN C&amp;M</v>
          </cell>
        </row>
        <row r="1529">
          <cell r="F1529">
            <v>75023</v>
          </cell>
          <cell r="Z1529" t="str">
            <v>DOLMRPR</v>
          </cell>
          <cell r="AN1529" t="str">
            <v>MDO C&amp;M</v>
          </cell>
          <cell r="AO1529" t="str">
            <v>MDO OH/KEN C&amp;M</v>
          </cell>
        </row>
        <row r="1530">
          <cell r="F1530">
            <v>75023</v>
          </cell>
          <cell r="Z1530" t="str">
            <v>DOLMRPR</v>
          </cell>
          <cell r="AN1530" t="str">
            <v>MDO C&amp;M</v>
          </cell>
          <cell r="AO1530" t="str">
            <v>MDO OH/KEN C&amp;M</v>
          </cell>
        </row>
        <row r="1531">
          <cell r="F1531">
            <v>75023</v>
          </cell>
          <cell r="Z1531" t="str">
            <v>DOLMRPR</v>
          </cell>
          <cell r="AN1531" t="str">
            <v>MDO C&amp;M</v>
          </cell>
          <cell r="AO1531" t="str">
            <v>MDO OH/KEN C&amp;M</v>
          </cell>
        </row>
        <row r="1532">
          <cell r="F1532">
            <v>75023</v>
          </cell>
          <cell r="Z1532" t="str">
            <v>DOLMRPR</v>
          </cell>
          <cell r="AN1532" t="str">
            <v>MDO C&amp;M</v>
          </cell>
          <cell r="AO1532" t="str">
            <v>MDO OH/KEN C&amp;M</v>
          </cell>
        </row>
        <row r="1533">
          <cell r="F1533">
            <v>75023</v>
          </cell>
          <cell r="Z1533" t="str">
            <v>DOLMRPR</v>
          </cell>
          <cell r="AN1533" t="str">
            <v>MDO C&amp;M</v>
          </cell>
          <cell r="AO1533" t="str">
            <v>MDO OH/KEN C&amp;M</v>
          </cell>
        </row>
        <row r="1534">
          <cell r="F1534">
            <v>75023</v>
          </cell>
          <cell r="Z1534" t="str">
            <v>DOLMRPR</v>
          </cell>
          <cell r="AN1534" t="str">
            <v>MDO C&amp;M</v>
          </cell>
          <cell r="AO1534" t="str">
            <v>MDO OH/KEN C&amp;M</v>
          </cell>
        </row>
        <row r="1535">
          <cell r="F1535">
            <v>75023</v>
          </cell>
          <cell r="Z1535" t="str">
            <v>DOLMRPR</v>
          </cell>
          <cell r="AN1535" t="str">
            <v>MDO C&amp;M</v>
          </cell>
          <cell r="AO1535" t="str">
            <v>MDO OH/KEN C&amp;M</v>
          </cell>
        </row>
        <row r="1536">
          <cell r="F1536">
            <v>75023</v>
          </cell>
          <cell r="Z1536" t="str">
            <v>DOLMRPR</v>
          </cell>
          <cell r="AN1536" t="str">
            <v>MDO C&amp;M</v>
          </cell>
          <cell r="AO1536" t="str">
            <v>MDO OH/KEN C&amp;M</v>
          </cell>
        </row>
        <row r="1537">
          <cell r="F1537">
            <v>75023</v>
          </cell>
          <cell r="Z1537" t="str">
            <v>DOLMRPR</v>
          </cell>
          <cell r="AN1537" t="str">
            <v>MDO C&amp;M</v>
          </cell>
          <cell r="AO1537" t="str">
            <v>MDO OH/KEN C&amp;M</v>
          </cell>
        </row>
        <row r="1538">
          <cell r="F1538">
            <v>75023</v>
          </cell>
          <cell r="Z1538" t="str">
            <v>DOLMRPR</v>
          </cell>
          <cell r="AN1538" t="str">
            <v>MDO C&amp;M</v>
          </cell>
          <cell r="AO1538" t="str">
            <v>MDO OH/KEN C&amp;M</v>
          </cell>
        </row>
        <row r="1539">
          <cell r="F1539">
            <v>75023</v>
          </cell>
          <cell r="Z1539" t="str">
            <v>DOLMRPR</v>
          </cell>
          <cell r="AN1539" t="str">
            <v>MDO C&amp;M</v>
          </cell>
          <cell r="AO1539" t="str">
            <v>MDO OH/KEN C&amp;M</v>
          </cell>
        </row>
        <row r="1540">
          <cell r="F1540">
            <v>75023</v>
          </cell>
          <cell r="Z1540" t="str">
            <v>DOLMRPR</v>
          </cell>
          <cell r="AN1540" t="str">
            <v>MDO C&amp;M</v>
          </cell>
          <cell r="AO1540" t="str">
            <v>MDO OH/KEN C&amp;M</v>
          </cell>
        </row>
        <row r="1541">
          <cell r="F1541">
            <v>75023</v>
          </cell>
          <cell r="Z1541" t="str">
            <v>DOLMRPR</v>
          </cell>
          <cell r="AN1541" t="str">
            <v>MDO C&amp;M</v>
          </cell>
          <cell r="AO1541" t="str">
            <v>MDO OH/KEN C&amp;M</v>
          </cell>
        </row>
        <row r="1542">
          <cell r="F1542">
            <v>75023</v>
          </cell>
          <cell r="Z1542" t="str">
            <v>DOLMRPR</v>
          </cell>
          <cell r="AN1542" t="str">
            <v>MDO C&amp;M</v>
          </cell>
          <cell r="AO1542" t="str">
            <v>MDO OH/KEN C&amp;M</v>
          </cell>
        </row>
        <row r="1543">
          <cell r="F1543">
            <v>75023</v>
          </cell>
          <cell r="Z1543" t="str">
            <v>DOLMRPR</v>
          </cell>
          <cell r="AN1543" t="str">
            <v>MDO C&amp;M</v>
          </cell>
          <cell r="AO1543" t="str">
            <v>MDO OH/KEN C&amp;M</v>
          </cell>
        </row>
        <row r="1544">
          <cell r="F1544">
            <v>75023</v>
          </cell>
          <cell r="Z1544" t="str">
            <v>DOLMRPR</v>
          </cell>
          <cell r="AN1544" t="str">
            <v>MDO C&amp;M</v>
          </cell>
          <cell r="AO1544" t="str">
            <v>MDO OH/KEN C&amp;M</v>
          </cell>
        </row>
        <row r="1545">
          <cell r="F1545">
            <v>75023</v>
          </cell>
          <cell r="Z1545" t="str">
            <v>DOLMRPR</v>
          </cell>
          <cell r="AN1545" t="str">
            <v>MDO C&amp;M</v>
          </cell>
          <cell r="AO1545" t="str">
            <v>MDO OH/KEN C&amp;M</v>
          </cell>
        </row>
        <row r="1546">
          <cell r="F1546">
            <v>75023</v>
          </cell>
          <cell r="Z1546" t="str">
            <v>DOLMRPR</v>
          </cell>
          <cell r="AN1546" t="str">
            <v>MDO C&amp;M</v>
          </cell>
          <cell r="AO1546" t="str">
            <v>MDO OH/KEN C&amp;M</v>
          </cell>
        </row>
        <row r="1547">
          <cell r="F1547">
            <v>75023</v>
          </cell>
          <cell r="Z1547" t="str">
            <v>DOLMRPR</v>
          </cell>
          <cell r="AN1547" t="str">
            <v>MDO C&amp;M</v>
          </cell>
          <cell r="AO1547" t="str">
            <v>MDO OH/KEN C&amp;M</v>
          </cell>
        </row>
        <row r="1548">
          <cell r="F1548">
            <v>75023</v>
          </cell>
          <cell r="Z1548" t="str">
            <v>DOLMRPR</v>
          </cell>
          <cell r="AN1548" t="str">
            <v>MDO C&amp;M</v>
          </cell>
          <cell r="AO1548" t="str">
            <v>MDO OH/KEN C&amp;M</v>
          </cell>
        </row>
        <row r="1549">
          <cell r="F1549">
            <v>75023</v>
          </cell>
          <cell r="Z1549" t="str">
            <v>DOLMRPR</v>
          </cell>
          <cell r="AN1549" t="str">
            <v>MDO C&amp;M</v>
          </cell>
          <cell r="AO1549" t="str">
            <v>MDO OH/KEN C&amp;M</v>
          </cell>
        </row>
        <row r="1550">
          <cell r="F1550">
            <v>75023</v>
          </cell>
          <cell r="Z1550" t="str">
            <v>DOLMRPR</v>
          </cell>
          <cell r="AN1550" t="str">
            <v>MDO C&amp;M</v>
          </cell>
          <cell r="AO1550" t="str">
            <v>MDO OH/KEN C&amp;M</v>
          </cell>
        </row>
        <row r="1551">
          <cell r="F1551">
            <v>75023</v>
          </cell>
          <cell r="Z1551" t="str">
            <v>DOLMRPR</v>
          </cell>
          <cell r="AN1551" t="str">
            <v>MDO C&amp;M</v>
          </cell>
          <cell r="AO1551" t="str">
            <v>MDO OH/KEN C&amp;M</v>
          </cell>
        </row>
        <row r="1552">
          <cell r="F1552">
            <v>75023</v>
          </cell>
          <cell r="Z1552" t="str">
            <v>DOLMRPR</v>
          </cell>
          <cell r="AN1552" t="str">
            <v>MDO C&amp;M</v>
          </cell>
          <cell r="AO1552" t="str">
            <v>MDO OH/KEN C&amp;M</v>
          </cell>
        </row>
        <row r="1553">
          <cell r="F1553">
            <v>75023</v>
          </cell>
          <cell r="Z1553" t="str">
            <v>DOLMRPR</v>
          </cell>
          <cell r="AN1553" t="str">
            <v>MDO C&amp;M</v>
          </cell>
          <cell r="AO1553" t="str">
            <v>MDO OH/KEN C&amp;M</v>
          </cell>
        </row>
        <row r="1554">
          <cell r="F1554">
            <v>75023</v>
          </cell>
          <cell r="Z1554" t="str">
            <v>DOLMRPR</v>
          </cell>
          <cell r="AN1554" t="str">
            <v>MDO C&amp;M</v>
          </cell>
          <cell r="AO1554" t="str">
            <v>MDO OH/KEN C&amp;M</v>
          </cell>
        </row>
        <row r="1555">
          <cell r="F1555">
            <v>75023</v>
          </cell>
          <cell r="Z1555" t="str">
            <v>DOLMRPR</v>
          </cell>
          <cell r="AN1555" t="str">
            <v>MDO C&amp;M</v>
          </cell>
          <cell r="AO1555" t="str">
            <v>MDO OH/KEN C&amp;M</v>
          </cell>
        </row>
        <row r="1556">
          <cell r="F1556">
            <v>75023</v>
          </cell>
          <cell r="Z1556" t="str">
            <v>DOLMRPR</v>
          </cell>
          <cell r="AN1556" t="str">
            <v>MDO C&amp;M</v>
          </cell>
          <cell r="AO1556" t="str">
            <v>MDO OH/KEN C&amp;M</v>
          </cell>
        </row>
        <row r="1557">
          <cell r="F1557">
            <v>75023</v>
          </cell>
          <cell r="Z1557" t="str">
            <v>DOLMRPR</v>
          </cell>
          <cell r="AN1557" t="str">
            <v>MDO C&amp;M</v>
          </cell>
          <cell r="AO1557" t="str">
            <v>MDO OH/KEN C&amp;M</v>
          </cell>
        </row>
        <row r="1558">
          <cell r="F1558">
            <v>75023</v>
          </cell>
          <cell r="Z1558" t="str">
            <v>DOLMRPR</v>
          </cell>
          <cell r="AN1558" t="str">
            <v>MDO C&amp;M</v>
          </cell>
          <cell r="AO1558" t="str">
            <v>MDO OH/KEN C&amp;M</v>
          </cell>
        </row>
        <row r="1559">
          <cell r="F1559">
            <v>75023</v>
          </cell>
          <cell r="Z1559" t="str">
            <v>DOLMRPR</v>
          </cell>
          <cell r="AN1559" t="str">
            <v>MDO C&amp;M</v>
          </cell>
          <cell r="AO1559" t="str">
            <v>MDO OH/KEN C&amp;M</v>
          </cell>
        </row>
        <row r="1560">
          <cell r="F1560">
            <v>75023</v>
          </cell>
          <cell r="Z1560" t="str">
            <v>DOLMRPR</v>
          </cell>
          <cell r="AN1560" t="str">
            <v>MDO C&amp;M</v>
          </cell>
          <cell r="AO1560" t="str">
            <v>MDO OH/KEN C&amp;M</v>
          </cell>
        </row>
        <row r="1561">
          <cell r="F1561">
            <v>75023</v>
          </cell>
          <cell r="Z1561" t="str">
            <v>DOLMRPR</v>
          </cell>
          <cell r="AN1561" t="str">
            <v>MDO C&amp;M</v>
          </cell>
          <cell r="AO1561" t="str">
            <v>MDO OH/KEN C&amp;M</v>
          </cell>
        </row>
        <row r="1562">
          <cell r="F1562">
            <v>75023</v>
          </cell>
          <cell r="Z1562" t="str">
            <v>DOLMRPR</v>
          </cell>
          <cell r="AN1562" t="str">
            <v>MDO C&amp;M</v>
          </cell>
          <cell r="AO1562" t="str">
            <v>MDO OH/KEN C&amp;M</v>
          </cell>
        </row>
        <row r="1563">
          <cell r="F1563">
            <v>75023</v>
          </cell>
          <cell r="Z1563" t="str">
            <v>DOLMRPR</v>
          </cell>
          <cell r="AN1563" t="str">
            <v>MDO C&amp;M</v>
          </cell>
          <cell r="AO1563" t="str">
            <v>MDO OH/KEN C&amp;M</v>
          </cell>
        </row>
        <row r="1564">
          <cell r="F1564">
            <v>75023</v>
          </cell>
          <cell r="Z1564" t="str">
            <v>DOLMRPR</v>
          </cell>
          <cell r="AN1564" t="str">
            <v>MDO C&amp;M</v>
          </cell>
          <cell r="AO1564" t="str">
            <v>MDO OH/KEN C&amp;M</v>
          </cell>
        </row>
        <row r="1565">
          <cell r="F1565">
            <v>75023</v>
          </cell>
          <cell r="Z1565" t="str">
            <v>DOLMRPR</v>
          </cell>
          <cell r="AN1565" t="str">
            <v>MDO C&amp;M</v>
          </cell>
          <cell r="AO1565" t="str">
            <v>MDO OH/KEN C&amp;M</v>
          </cell>
        </row>
        <row r="1566">
          <cell r="F1566">
            <v>75023</v>
          </cell>
          <cell r="Z1566" t="str">
            <v>DOLMRPR</v>
          </cell>
          <cell r="AN1566" t="str">
            <v>MDO C&amp;M</v>
          </cell>
          <cell r="AO1566" t="str">
            <v>MDO OH/KEN C&amp;M</v>
          </cell>
        </row>
        <row r="1567">
          <cell r="F1567">
            <v>75023</v>
          </cell>
          <cell r="Z1567" t="str">
            <v>DOLMRPR</v>
          </cell>
          <cell r="AN1567" t="str">
            <v>MDO C&amp;M</v>
          </cell>
          <cell r="AO1567" t="str">
            <v>MDO OH/KEN C&amp;M</v>
          </cell>
        </row>
        <row r="1568">
          <cell r="F1568">
            <v>75023</v>
          </cell>
          <cell r="Z1568" t="str">
            <v>DOLMRPR</v>
          </cell>
          <cell r="AN1568" t="str">
            <v>MDO C&amp;M</v>
          </cell>
          <cell r="AO1568" t="str">
            <v>MDO OH/KEN C&amp;M</v>
          </cell>
        </row>
        <row r="1569">
          <cell r="F1569">
            <v>75023</v>
          </cell>
          <cell r="Z1569" t="str">
            <v>DOLMRPR</v>
          </cell>
          <cell r="AN1569" t="str">
            <v>MDO C&amp;M</v>
          </cell>
          <cell r="AO1569" t="str">
            <v>MDO OH/KEN C&amp;M</v>
          </cell>
        </row>
        <row r="1570">
          <cell r="F1570">
            <v>75023</v>
          </cell>
          <cell r="Z1570" t="str">
            <v>DOLMRPR</v>
          </cell>
          <cell r="AN1570" t="str">
            <v>MDO C&amp;M</v>
          </cell>
          <cell r="AO1570" t="str">
            <v>MDO OH/KEN C&amp;M</v>
          </cell>
        </row>
        <row r="1571">
          <cell r="F1571">
            <v>75023</v>
          </cell>
          <cell r="Z1571" t="str">
            <v>DOLMRPR</v>
          </cell>
          <cell r="AN1571" t="str">
            <v>MDO C&amp;M</v>
          </cell>
          <cell r="AO1571" t="str">
            <v>MDO OH/KEN C&amp;M</v>
          </cell>
        </row>
        <row r="1572">
          <cell r="F1572">
            <v>75023</v>
          </cell>
          <cell r="Z1572" t="str">
            <v>DOLMRPR</v>
          </cell>
          <cell r="AN1572" t="str">
            <v>MDO C&amp;M</v>
          </cell>
          <cell r="AO1572" t="str">
            <v>MDO OH/KEN C&amp;M</v>
          </cell>
        </row>
        <row r="1573">
          <cell r="F1573">
            <v>75023</v>
          </cell>
          <cell r="Z1573" t="str">
            <v>DOLMRPR</v>
          </cell>
          <cell r="AN1573" t="str">
            <v>MDO C&amp;M</v>
          </cell>
          <cell r="AO1573" t="str">
            <v>MDO OH/KEN C&amp;M</v>
          </cell>
        </row>
        <row r="1574">
          <cell r="F1574">
            <v>75023</v>
          </cell>
          <cell r="Z1574" t="str">
            <v>DOLMRPR</v>
          </cell>
          <cell r="AN1574" t="str">
            <v>MDO C&amp;M</v>
          </cell>
          <cell r="AO1574" t="str">
            <v>MDO OH/KEN C&amp;M</v>
          </cell>
        </row>
        <row r="1575">
          <cell r="F1575">
            <v>75023</v>
          </cell>
          <cell r="Z1575" t="str">
            <v>DOLMRPR</v>
          </cell>
          <cell r="AN1575" t="str">
            <v>MDO C&amp;M</v>
          </cell>
          <cell r="AO1575" t="str">
            <v>MDO OH/KEN C&amp;M</v>
          </cell>
        </row>
        <row r="1576">
          <cell r="F1576">
            <v>75023</v>
          </cell>
          <cell r="Z1576" t="str">
            <v>DOLMRPR</v>
          </cell>
          <cell r="AN1576" t="str">
            <v>MDO C&amp;M</v>
          </cell>
          <cell r="AO1576" t="str">
            <v>MDO OH/KEN C&amp;M</v>
          </cell>
        </row>
        <row r="1577">
          <cell r="F1577">
            <v>75023</v>
          </cell>
          <cell r="Z1577" t="str">
            <v>DOLMRPR</v>
          </cell>
          <cell r="AN1577" t="str">
            <v>MDO C&amp;M</v>
          </cell>
          <cell r="AO1577" t="str">
            <v>MDO OH/KEN C&amp;M</v>
          </cell>
        </row>
        <row r="1578">
          <cell r="F1578">
            <v>75023</v>
          </cell>
          <cell r="Z1578" t="str">
            <v>DOLMRPR</v>
          </cell>
          <cell r="AN1578" t="str">
            <v>MDO C&amp;M</v>
          </cell>
          <cell r="AO1578" t="str">
            <v>MDO OH/KEN C&amp;M</v>
          </cell>
        </row>
        <row r="1579">
          <cell r="F1579">
            <v>75023</v>
          </cell>
          <cell r="Z1579" t="str">
            <v>DOLMRPR</v>
          </cell>
          <cell r="AN1579" t="str">
            <v>MDO C&amp;M</v>
          </cell>
          <cell r="AO1579" t="str">
            <v>MDO OH/KEN C&amp;M</v>
          </cell>
        </row>
        <row r="1580">
          <cell r="F1580">
            <v>75023</v>
          </cell>
          <cell r="Z1580" t="str">
            <v>DOLMRPR</v>
          </cell>
          <cell r="AN1580" t="str">
            <v>MDO C&amp;M</v>
          </cell>
          <cell r="AO1580" t="str">
            <v>MDO OH/KEN C&amp;M</v>
          </cell>
        </row>
        <row r="1581">
          <cell r="F1581">
            <v>75023</v>
          </cell>
          <cell r="Z1581" t="str">
            <v>DOLMRPR</v>
          </cell>
          <cell r="AN1581" t="str">
            <v>MDO C&amp;M</v>
          </cell>
          <cell r="AO1581" t="str">
            <v>MDO OH/KEN C&amp;M</v>
          </cell>
        </row>
        <row r="1582">
          <cell r="F1582">
            <v>75023</v>
          </cell>
          <cell r="Z1582" t="str">
            <v>DOLMRPR</v>
          </cell>
          <cell r="AN1582" t="str">
            <v>MDO C&amp;M</v>
          </cell>
          <cell r="AO1582" t="str">
            <v>MDO OH/KEN C&amp;M</v>
          </cell>
        </row>
        <row r="1583">
          <cell r="F1583">
            <v>75023</v>
          </cell>
          <cell r="Z1583" t="str">
            <v>DOLMRPR</v>
          </cell>
          <cell r="AN1583" t="str">
            <v>MDO C&amp;M</v>
          </cell>
          <cell r="AO1583" t="str">
            <v>MDO OH/KEN C&amp;M</v>
          </cell>
        </row>
        <row r="1584">
          <cell r="F1584">
            <v>75023</v>
          </cell>
          <cell r="Z1584" t="str">
            <v>DOLMRPR</v>
          </cell>
          <cell r="AN1584" t="str">
            <v>MDO C&amp;M</v>
          </cell>
          <cell r="AO1584" t="str">
            <v>MDO OH/KEN C&amp;M</v>
          </cell>
        </row>
        <row r="1585">
          <cell r="F1585">
            <v>75023</v>
          </cell>
          <cell r="Z1585" t="str">
            <v>DOLMRPR</v>
          </cell>
          <cell r="AN1585" t="str">
            <v>MDO C&amp;M</v>
          </cell>
          <cell r="AO1585" t="str">
            <v>MDO OH/KEN C&amp;M</v>
          </cell>
        </row>
        <row r="1586">
          <cell r="F1586">
            <v>75023</v>
          </cell>
          <cell r="Z1586" t="str">
            <v>DOLMRPR</v>
          </cell>
          <cell r="AN1586" t="str">
            <v>MDO C&amp;M</v>
          </cell>
          <cell r="AO1586" t="str">
            <v>MDO OH/KEN C&amp;M</v>
          </cell>
        </row>
        <row r="1587">
          <cell r="F1587">
            <v>75023</v>
          </cell>
          <cell r="Z1587" t="str">
            <v>DOLMRPR</v>
          </cell>
          <cell r="AN1587" t="str">
            <v>MDO C&amp;M</v>
          </cell>
          <cell r="AO1587" t="str">
            <v>MDO OH/KEN C&amp;M</v>
          </cell>
        </row>
        <row r="1588">
          <cell r="F1588">
            <v>75023</v>
          </cell>
          <cell r="Z1588" t="str">
            <v>DOLMRPR</v>
          </cell>
          <cell r="AN1588" t="str">
            <v>MDO C&amp;M</v>
          </cell>
          <cell r="AO1588" t="str">
            <v>MDO OH/KEN C&amp;M</v>
          </cell>
        </row>
        <row r="1589">
          <cell r="F1589">
            <v>75023</v>
          </cell>
          <cell r="Z1589" t="str">
            <v>DOLMRPR</v>
          </cell>
          <cell r="AN1589" t="str">
            <v>MDO C&amp;M</v>
          </cell>
          <cell r="AO1589" t="str">
            <v>MDO OH/KEN C&amp;M</v>
          </cell>
        </row>
        <row r="1590">
          <cell r="F1590">
            <v>75023</v>
          </cell>
          <cell r="Z1590" t="str">
            <v>DOLMRPR</v>
          </cell>
          <cell r="AN1590" t="str">
            <v>MDO C&amp;M</v>
          </cell>
          <cell r="AO1590" t="str">
            <v>MDO OH/KEN C&amp;M</v>
          </cell>
        </row>
        <row r="1591">
          <cell r="F1591">
            <v>75023</v>
          </cell>
          <cell r="Z1591" t="str">
            <v>DOLMRPR</v>
          </cell>
          <cell r="AN1591" t="str">
            <v>MDO C&amp;M</v>
          </cell>
          <cell r="AO1591" t="str">
            <v>MDO OH/KEN C&amp;M</v>
          </cell>
        </row>
        <row r="1592">
          <cell r="F1592">
            <v>75023</v>
          </cell>
          <cell r="Z1592" t="str">
            <v>DOLMRPR</v>
          </cell>
          <cell r="AN1592" t="str">
            <v>MDO C&amp;M</v>
          </cell>
          <cell r="AO1592" t="str">
            <v>MDO OH/KEN C&amp;M</v>
          </cell>
        </row>
        <row r="1593">
          <cell r="F1593">
            <v>75023</v>
          </cell>
          <cell r="Z1593" t="str">
            <v>DOLMRPR</v>
          </cell>
          <cell r="AN1593" t="str">
            <v>MDO C&amp;M</v>
          </cell>
          <cell r="AO1593" t="str">
            <v>MDO OH/KEN C&amp;M</v>
          </cell>
        </row>
        <row r="1594">
          <cell r="F1594">
            <v>75023</v>
          </cell>
          <cell r="Z1594" t="str">
            <v>DOLMRPR</v>
          </cell>
          <cell r="AN1594" t="str">
            <v>MDO C&amp;M</v>
          </cell>
          <cell r="AO1594" t="str">
            <v>MDO OH/KEN C&amp;M</v>
          </cell>
        </row>
        <row r="1595">
          <cell r="F1595">
            <v>75023</v>
          </cell>
          <cell r="Z1595" t="str">
            <v>DOLMRPR</v>
          </cell>
          <cell r="AN1595" t="str">
            <v>MDO C&amp;M</v>
          </cell>
          <cell r="AO1595" t="str">
            <v>MDO OH/KEN C&amp;M</v>
          </cell>
        </row>
        <row r="1596">
          <cell r="F1596">
            <v>75023</v>
          </cell>
          <cell r="Z1596" t="str">
            <v>DOLMRPR</v>
          </cell>
          <cell r="AN1596" t="str">
            <v>MDO C&amp;M</v>
          </cell>
          <cell r="AO1596" t="str">
            <v>MDO OH/KEN C&amp;M</v>
          </cell>
        </row>
        <row r="1597">
          <cell r="F1597">
            <v>75023</v>
          </cell>
          <cell r="Z1597" t="str">
            <v>DOLMRPR</v>
          </cell>
          <cell r="AN1597" t="str">
            <v>MDO C&amp;M</v>
          </cell>
          <cell r="AO1597" t="str">
            <v>MDO OH/KEN C&amp;M</v>
          </cell>
        </row>
        <row r="1598">
          <cell r="F1598">
            <v>75023</v>
          </cell>
          <cell r="Z1598" t="str">
            <v>DOLMRPR</v>
          </cell>
          <cell r="AN1598" t="str">
            <v>MDO C&amp;M</v>
          </cell>
          <cell r="AO1598" t="str">
            <v>MDO OH/KEN C&amp;M</v>
          </cell>
        </row>
        <row r="1599">
          <cell r="F1599">
            <v>75023</v>
          </cell>
          <cell r="Z1599" t="str">
            <v>DOLMRPR</v>
          </cell>
          <cell r="AN1599" t="str">
            <v>MDO C&amp;M</v>
          </cell>
          <cell r="AO1599" t="str">
            <v>MDO OH/KEN C&amp;M</v>
          </cell>
        </row>
        <row r="1600">
          <cell r="F1600">
            <v>75023</v>
          </cell>
          <cell r="Z1600" t="str">
            <v>DOLMRPR</v>
          </cell>
          <cell r="AN1600" t="str">
            <v>MDO C&amp;M</v>
          </cell>
          <cell r="AO1600" t="str">
            <v>MDO OH/KEN C&amp;M</v>
          </cell>
        </row>
        <row r="1601">
          <cell r="F1601">
            <v>75023</v>
          </cell>
          <cell r="Z1601" t="str">
            <v>DOLMRPR</v>
          </cell>
          <cell r="AN1601" t="str">
            <v>MDO C&amp;M</v>
          </cell>
          <cell r="AO1601" t="str">
            <v>MDO OH/KEN C&amp;M</v>
          </cell>
        </row>
        <row r="1602">
          <cell r="F1602">
            <v>75023</v>
          </cell>
          <cell r="Z1602" t="str">
            <v>DOLMRPR</v>
          </cell>
          <cell r="AN1602" t="str">
            <v>MDO C&amp;M</v>
          </cell>
          <cell r="AO1602" t="str">
            <v>MDO OH/KEN C&amp;M</v>
          </cell>
        </row>
        <row r="1603">
          <cell r="F1603">
            <v>75023</v>
          </cell>
          <cell r="Z1603" t="str">
            <v>DOLMRPR</v>
          </cell>
          <cell r="AN1603" t="str">
            <v>MDO C&amp;M</v>
          </cell>
          <cell r="AO1603" t="str">
            <v>MDO OH/KEN C&amp;M</v>
          </cell>
        </row>
        <row r="1604">
          <cell r="F1604">
            <v>75023</v>
          </cell>
          <cell r="Z1604" t="str">
            <v>DOLMRPR</v>
          </cell>
          <cell r="AN1604" t="str">
            <v>MDO C&amp;M</v>
          </cell>
          <cell r="AO1604" t="str">
            <v>MDO OH/KEN C&amp;M</v>
          </cell>
        </row>
        <row r="1605">
          <cell r="F1605">
            <v>75023</v>
          </cell>
          <cell r="Z1605" t="str">
            <v>DOLMRPR</v>
          </cell>
          <cell r="AN1605" t="str">
            <v>MDO C&amp;M</v>
          </cell>
          <cell r="AO1605" t="str">
            <v>MDO OH/KEN C&amp;M</v>
          </cell>
        </row>
        <row r="1606">
          <cell r="F1606">
            <v>75023</v>
          </cell>
          <cell r="Z1606" t="str">
            <v>DOLMRPR</v>
          </cell>
          <cell r="AN1606" t="str">
            <v>MDO C&amp;M</v>
          </cell>
          <cell r="AO1606" t="str">
            <v>MDO OH/KEN C&amp;M</v>
          </cell>
        </row>
        <row r="1607">
          <cell r="F1607">
            <v>75023</v>
          </cell>
          <cell r="Z1607" t="str">
            <v>DOLMRPR</v>
          </cell>
          <cell r="AN1607" t="str">
            <v>MDO C&amp;M</v>
          </cell>
          <cell r="AO1607" t="str">
            <v>MDO OH/KEN C&amp;M</v>
          </cell>
        </row>
        <row r="1608">
          <cell r="F1608">
            <v>75023</v>
          </cell>
          <cell r="Z1608" t="str">
            <v>DOLMRPR</v>
          </cell>
          <cell r="AN1608" t="str">
            <v>MDO C&amp;M</v>
          </cell>
          <cell r="AO1608" t="str">
            <v>MDO OH/KEN C&amp;M</v>
          </cell>
        </row>
        <row r="1609">
          <cell r="F1609">
            <v>75023</v>
          </cell>
          <cell r="Z1609" t="str">
            <v>DOLMRPR</v>
          </cell>
          <cell r="AN1609" t="str">
            <v>MDO C&amp;M</v>
          </cell>
          <cell r="AO1609" t="str">
            <v>MDO OH/KEN C&amp;M</v>
          </cell>
        </row>
        <row r="1610">
          <cell r="F1610">
            <v>75023</v>
          </cell>
          <cell r="Z1610" t="str">
            <v>DOLMRPR</v>
          </cell>
          <cell r="AN1610" t="str">
            <v>MDO C&amp;M</v>
          </cell>
          <cell r="AO1610" t="str">
            <v>MDO OH/KEN C&amp;M</v>
          </cell>
        </row>
        <row r="1611">
          <cell r="F1611">
            <v>75023</v>
          </cell>
          <cell r="Z1611" t="str">
            <v>DOLMRPR</v>
          </cell>
          <cell r="AN1611" t="str">
            <v>MDO C&amp;M</v>
          </cell>
          <cell r="AO1611" t="str">
            <v>MDO OH/KEN C&amp;M</v>
          </cell>
        </row>
        <row r="1612">
          <cell r="F1612">
            <v>75023</v>
          </cell>
          <cell r="Z1612" t="str">
            <v>DOLMRPR</v>
          </cell>
          <cell r="AN1612" t="str">
            <v>MDO C&amp;M</v>
          </cell>
          <cell r="AO1612" t="str">
            <v>MDO OH/KEN C&amp;M</v>
          </cell>
        </row>
        <row r="1613">
          <cell r="F1613">
            <v>75023</v>
          </cell>
          <cell r="Z1613" t="str">
            <v>DOLMRPR</v>
          </cell>
          <cell r="AN1613" t="str">
            <v>MDO C&amp;M</v>
          </cell>
          <cell r="AO1613" t="str">
            <v>MDO OH/KEN C&amp;M</v>
          </cell>
        </row>
        <row r="1614">
          <cell r="F1614">
            <v>75023</v>
          </cell>
          <cell r="Z1614" t="str">
            <v>DOLMRPR</v>
          </cell>
          <cell r="AN1614" t="str">
            <v>MDO C&amp;M</v>
          </cell>
          <cell r="AO1614" t="str">
            <v>MDO OH/KEN C&amp;M</v>
          </cell>
        </row>
        <row r="1615">
          <cell r="F1615">
            <v>75023</v>
          </cell>
          <cell r="Z1615" t="str">
            <v>DOLMRPR</v>
          </cell>
          <cell r="AN1615" t="str">
            <v>MDO C&amp;M</v>
          </cell>
          <cell r="AO1615" t="str">
            <v>MDO OH/KEN C&amp;M</v>
          </cell>
        </row>
        <row r="1616">
          <cell r="F1616">
            <v>75023</v>
          </cell>
          <cell r="Z1616" t="str">
            <v>DOLMRPR</v>
          </cell>
          <cell r="AN1616" t="str">
            <v>MDO C&amp;M</v>
          </cell>
          <cell r="AO1616" t="str">
            <v>MDO OH/KEN C&amp;M</v>
          </cell>
        </row>
        <row r="1617">
          <cell r="F1617">
            <v>75023</v>
          </cell>
          <cell r="Z1617" t="str">
            <v>DOLMRPR</v>
          </cell>
          <cell r="AN1617" t="str">
            <v>MDO C&amp;M</v>
          </cell>
          <cell r="AO1617" t="str">
            <v>MDO OH/KEN C&amp;M</v>
          </cell>
        </row>
        <row r="1618">
          <cell r="F1618">
            <v>75023</v>
          </cell>
          <cell r="Z1618" t="str">
            <v>DOLMRPR</v>
          </cell>
          <cell r="AN1618" t="str">
            <v>MDO C&amp;M</v>
          </cell>
          <cell r="AO1618" t="str">
            <v>MDO OH/KEN C&amp;M</v>
          </cell>
        </row>
        <row r="1619">
          <cell r="F1619">
            <v>75023</v>
          </cell>
          <cell r="Z1619" t="str">
            <v>DOLMRPR</v>
          </cell>
          <cell r="AN1619" t="str">
            <v>MDO C&amp;M</v>
          </cell>
          <cell r="AO1619" t="str">
            <v>MDO OH/KEN C&amp;M</v>
          </cell>
        </row>
        <row r="1620">
          <cell r="F1620">
            <v>75023</v>
          </cell>
          <cell r="Z1620" t="str">
            <v>DOLMRPR</v>
          </cell>
          <cell r="AN1620" t="str">
            <v>MDO C&amp;M</v>
          </cell>
          <cell r="AO1620" t="str">
            <v>MDO OH/KEN C&amp;M</v>
          </cell>
        </row>
        <row r="1621">
          <cell r="F1621">
            <v>75023</v>
          </cell>
          <cell r="Z1621" t="str">
            <v>DOLMRPR</v>
          </cell>
          <cell r="AN1621" t="str">
            <v>MDO C&amp;M</v>
          </cell>
          <cell r="AO1621" t="str">
            <v>MDO OH/KEN C&amp;M</v>
          </cell>
        </row>
        <row r="1622">
          <cell r="F1622">
            <v>75023</v>
          </cell>
          <cell r="Z1622" t="str">
            <v>DOLMRPR</v>
          </cell>
          <cell r="AN1622" t="str">
            <v>MDO C&amp;M</v>
          </cell>
          <cell r="AO1622" t="str">
            <v>MDO OH/KEN C&amp;M</v>
          </cell>
        </row>
        <row r="1623">
          <cell r="F1623">
            <v>75023</v>
          </cell>
          <cell r="Z1623" t="str">
            <v>DOLMRPR</v>
          </cell>
          <cell r="AN1623" t="str">
            <v>MDO C&amp;M</v>
          </cell>
          <cell r="AO1623" t="str">
            <v>MDO OH/KEN C&amp;M</v>
          </cell>
        </row>
        <row r="1624">
          <cell r="F1624">
            <v>75023</v>
          </cell>
          <cell r="Z1624" t="str">
            <v>DOLMRPR</v>
          </cell>
          <cell r="AN1624" t="str">
            <v>MDO C&amp;M</v>
          </cell>
          <cell r="AO1624" t="str">
            <v>MDO OH/KEN C&amp;M</v>
          </cell>
        </row>
        <row r="1625">
          <cell r="F1625">
            <v>75023</v>
          </cell>
          <cell r="Z1625" t="str">
            <v>DOLMRPR</v>
          </cell>
          <cell r="AN1625" t="str">
            <v>MDO C&amp;M</v>
          </cell>
          <cell r="AO1625" t="str">
            <v>MDO OH/KEN C&amp;M</v>
          </cell>
        </row>
        <row r="1626">
          <cell r="F1626">
            <v>75023</v>
          </cell>
          <cell r="Z1626" t="str">
            <v>DOLMRPR</v>
          </cell>
          <cell r="AN1626" t="str">
            <v>MDO C&amp;M</v>
          </cell>
          <cell r="AO1626" t="str">
            <v>MDO OH/KEN C&amp;M</v>
          </cell>
        </row>
        <row r="1627">
          <cell r="F1627">
            <v>75023</v>
          </cell>
          <cell r="Z1627" t="str">
            <v>DOLMRPR</v>
          </cell>
          <cell r="AN1627" t="str">
            <v>MDO C&amp;M</v>
          </cell>
          <cell r="AO1627" t="str">
            <v>MDO OH/KEN C&amp;M</v>
          </cell>
        </row>
        <row r="1628">
          <cell r="F1628">
            <v>75023</v>
          </cell>
          <cell r="Z1628" t="str">
            <v>DOLMRPR</v>
          </cell>
          <cell r="AN1628" t="str">
            <v>MDO C&amp;M</v>
          </cell>
          <cell r="AO1628" t="str">
            <v>MDO OH/KEN C&amp;M</v>
          </cell>
        </row>
        <row r="1629">
          <cell r="F1629">
            <v>75023</v>
          </cell>
          <cell r="Z1629" t="str">
            <v>DOLMRPR</v>
          </cell>
          <cell r="AN1629" t="str">
            <v>MDO C&amp;M</v>
          </cell>
          <cell r="AO1629" t="str">
            <v>MDO OH/KEN C&amp;M</v>
          </cell>
        </row>
        <row r="1630">
          <cell r="F1630">
            <v>75023</v>
          </cell>
          <cell r="Z1630" t="str">
            <v>DOLMRPR</v>
          </cell>
          <cell r="AN1630" t="str">
            <v>MDO C&amp;M</v>
          </cell>
          <cell r="AO1630" t="str">
            <v>MDO OH/KEN C&amp;M</v>
          </cell>
        </row>
        <row r="1631">
          <cell r="F1631">
            <v>75023</v>
          </cell>
          <cell r="Z1631" t="str">
            <v>DOLMRPR</v>
          </cell>
          <cell r="AN1631" t="str">
            <v>MDO C&amp;M</v>
          </cell>
          <cell r="AO1631" t="str">
            <v>MDO OH/KEN C&amp;M</v>
          </cell>
        </row>
        <row r="1632">
          <cell r="F1632">
            <v>75023</v>
          </cell>
          <cell r="Z1632" t="str">
            <v>DOLMRPR</v>
          </cell>
          <cell r="AN1632" t="str">
            <v>MDO C&amp;M</v>
          </cell>
          <cell r="AO1632" t="str">
            <v>MDO OH/KEN C&amp;M</v>
          </cell>
        </row>
        <row r="1633">
          <cell r="F1633">
            <v>75023</v>
          </cell>
          <cell r="Z1633" t="str">
            <v>DOLMRPR</v>
          </cell>
          <cell r="AN1633" t="str">
            <v>MDO C&amp;M</v>
          </cell>
          <cell r="AO1633" t="str">
            <v>MDO OH/KEN C&amp;M</v>
          </cell>
        </row>
        <row r="1634">
          <cell r="F1634">
            <v>75023</v>
          </cell>
          <cell r="Z1634" t="str">
            <v>DOLMRPR</v>
          </cell>
          <cell r="AN1634" t="str">
            <v>MDO C&amp;M</v>
          </cell>
          <cell r="AO1634" t="str">
            <v>MDO OH/KEN C&amp;M</v>
          </cell>
        </row>
        <row r="1635">
          <cell r="F1635">
            <v>75023</v>
          </cell>
          <cell r="Z1635" t="str">
            <v>DOLMRPR</v>
          </cell>
          <cell r="AN1635" t="str">
            <v>MDO C&amp;M</v>
          </cell>
          <cell r="AO1635" t="str">
            <v>MDO OH/KEN C&amp;M</v>
          </cell>
        </row>
        <row r="1636">
          <cell r="F1636">
            <v>75023</v>
          </cell>
          <cell r="Z1636" t="str">
            <v>DOLMRPR</v>
          </cell>
          <cell r="AN1636" t="str">
            <v>MDO C&amp;M</v>
          </cell>
          <cell r="AO1636" t="str">
            <v>MDO OH/KEN C&amp;M</v>
          </cell>
        </row>
        <row r="1637">
          <cell r="F1637">
            <v>75023</v>
          </cell>
          <cell r="Z1637" t="str">
            <v>DOLMRPR</v>
          </cell>
          <cell r="AN1637" t="str">
            <v>MDO C&amp;M</v>
          </cell>
          <cell r="AO1637" t="str">
            <v>MDO OH/KEN C&amp;M</v>
          </cell>
        </row>
        <row r="1638">
          <cell r="F1638">
            <v>75023</v>
          </cell>
          <cell r="Z1638" t="str">
            <v>DOLMRPR</v>
          </cell>
          <cell r="AN1638" t="str">
            <v>MDO C&amp;M</v>
          </cell>
          <cell r="AO1638" t="str">
            <v>MDO OH/KEN C&amp;M</v>
          </cell>
        </row>
        <row r="1639">
          <cell r="F1639">
            <v>75023</v>
          </cell>
          <cell r="Z1639" t="str">
            <v>DOLMRPR</v>
          </cell>
          <cell r="AN1639" t="str">
            <v>MDO C&amp;M</v>
          </cell>
          <cell r="AO1639" t="str">
            <v>MDO OH/KEN C&amp;M</v>
          </cell>
        </row>
        <row r="1640">
          <cell r="F1640">
            <v>75023</v>
          </cell>
          <cell r="Z1640" t="str">
            <v>DOLMRPR</v>
          </cell>
          <cell r="AN1640" t="str">
            <v>MDO C&amp;M</v>
          </cell>
          <cell r="AO1640" t="str">
            <v>MDO OH/KEN C&amp;M</v>
          </cell>
        </row>
        <row r="1641">
          <cell r="F1641">
            <v>75023</v>
          </cell>
          <cell r="Z1641" t="str">
            <v>DOLMRPR</v>
          </cell>
          <cell r="AN1641" t="str">
            <v>MDO C&amp;M</v>
          </cell>
          <cell r="AO1641" t="str">
            <v>MDO OH/KEN C&amp;M</v>
          </cell>
        </row>
        <row r="1642">
          <cell r="F1642">
            <v>75023</v>
          </cell>
          <cell r="Z1642" t="str">
            <v>DOLMRPR</v>
          </cell>
          <cell r="AN1642" t="str">
            <v>MDO C&amp;M</v>
          </cell>
          <cell r="AO1642" t="str">
            <v>MDO OH/KEN C&amp;M</v>
          </cell>
        </row>
        <row r="1643">
          <cell r="F1643">
            <v>75023</v>
          </cell>
          <cell r="Z1643" t="str">
            <v>DOLMRPR</v>
          </cell>
          <cell r="AN1643" t="str">
            <v>MDO C&amp;M</v>
          </cell>
          <cell r="AO1643" t="str">
            <v>MDO OH/KEN C&amp;M</v>
          </cell>
        </row>
        <row r="1644">
          <cell r="F1644">
            <v>75023</v>
          </cell>
          <cell r="Z1644" t="str">
            <v>DOLMRPR</v>
          </cell>
          <cell r="AN1644" t="str">
            <v>MDO C&amp;M</v>
          </cell>
          <cell r="AO1644" t="str">
            <v>MDO OH/KEN C&amp;M</v>
          </cell>
        </row>
        <row r="1645">
          <cell r="F1645">
            <v>75023</v>
          </cell>
          <cell r="Z1645" t="str">
            <v>DOLMRPR</v>
          </cell>
          <cell r="AN1645" t="str">
            <v>MDO C&amp;M</v>
          </cell>
          <cell r="AO1645" t="str">
            <v>MDO OH/KEN C&amp;M</v>
          </cell>
        </row>
        <row r="1646">
          <cell r="F1646">
            <v>75023</v>
          </cell>
          <cell r="Z1646" t="str">
            <v>DOLMRPR</v>
          </cell>
          <cell r="AN1646" t="str">
            <v>MDO C&amp;M</v>
          </cell>
          <cell r="AO1646" t="str">
            <v>MDO OH/KEN C&amp;M</v>
          </cell>
        </row>
        <row r="1647">
          <cell r="F1647">
            <v>75023</v>
          </cell>
          <cell r="Z1647" t="str">
            <v>DOLMRPR</v>
          </cell>
          <cell r="AN1647" t="str">
            <v>MDO C&amp;M</v>
          </cell>
          <cell r="AO1647" t="str">
            <v>MDO OH/KEN C&amp;M</v>
          </cell>
        </row>
        <row r="1648">
          <cell r="F1648">
            <v>75023</v>
          </cell>
          <cell r="Z1648" t="str">
            <v>DOLMRPR</v>
          </cell>
          <cell r="AN1648" t="str">
            <v>MDO C&amp;M</v>
          </cell>
          <cell r="AO1648" t="str">
            <v>MDO OH/KEN C&amp;M</v>
          </cell>
        </row>
        <row r="1649">
          <cell r="F1649">
            <v>75023</v>
          </cell>
          <cell r="Z1649" t="str">
            <v>DOLMRPR</v>
          </cell>
          <cell r="AN1649" t="str">
            <v>MDO C&amp;M</v>
          </cell>
          <cell r="AO1649" t="str">
            <v>MDO OH/KEN C&amp;M</v>
          </cell>
        </row>
        <row r="1650">
          <cell r="F1650">
            <v>75023</v>
          </cell>
          <cell r="Z1650" t="str">
            <v>DOLMRPR</v>
          </cell>
          <cell r="AN1650" t="str">
            <v>MDO C&amp;M</v>
          </cell>
          <cell r="AO1650" t="str">
            <v>MDO OH/KEN C&amp;M</v>
          </cell>
        </row>
        <row r="1651">
          <cell r="F1651">
            <v>75023</v>
          </cell>
          <cell r="Z1651" t="str">
            <v>DOLMRPR</v>
          </cell>
          <cell r="AN1651" t="str">
            <v>MDO C&amp;M</v>
          </cell>
          <cell r="AO1651" t="str">
            <v>MDO OH/KEN C&amp;M</v>
          </cell>
        </row>
        <row r="1652">
          <cell r="F1652">
            <v>75023</v>
          </cell>
          <cell r="Z1652" t="str">
            <v>DOLMRPR</v>
          </cell>
          <cell r="AN1652" t="str">
            <v>MDO C&amp;M</v>
          </cell>
          <cell r="AO1652" t="str">
            <v>MDO OH/KEN C&amp;M</v>
          </cell>
        </row>
        <row r="1653">
          <cell r="F1653">
            <v>75023</v>
          </cell>
          <cell r="Z1653" t="str">
            <v>DOLMRPR</v>
          </cell>
          <cell r="AN1653" t="str">
            <v>MDO C&amp;M</v>
          </cell>
          <cell r="AO1653" t="str">
            <v>MDO OH/KEN C&amp;M</v>
          </cell>
        </row>
        <row r="1654">
          <cell r="F1654">
            <v>75023</v>
          </cell>
          <cell r="Z1654" t="str">
            <v>DOLMRPR</v>
          </cell>
          <cell r="AN1654" t="str">
            <v>MDO C&amp;M</v>
          </cell>
          <cell r="AO1654" t="str">
            <v>MDO OH/KEN C&amp;M</v>
          </cell>
        </row>
        <row r="1655">
          <cell r="F1655">
            <v>75023</v>
          </cell>
          <cell r="Z1655" t="str">
            <v>DOLMRPR</v>
          </cell>
          <cell r="AN1655" t="str">
            <v>MDO C&amp;M</v>
          </cell>
          <cell r="AO1655" t="str">
            <v>MDO OH/KEN C&amp;M</v>
          </cell>
        </row>
        <row r="1656">
          <cell r="F1656">
            <v>75023</v>
          </cell>
          <cell r="Z1656" t="str">
            <v>DOLMRPR</v>
          </cell>
          <cell r="AN1656" t="str">
            <v>MDO C&amp;M</v>
          </cell>
          <cell r="AO1656" t="str">
            <v>MDO OH/KEN C&amp;M</v>
          </cell>
        </row>
        <row r="1657">
          <cell r="F1657">
            <v>75023</v>
          </cell>
          <cell r="Z1657" t="str">
            <v>DOLMRPR</v>
          </cell>
          <cell r="AN1657" t="str">
            <v>MDO C&amp;M</v>
          </cell>
          <cell r="AO1657" t="str">
            <v>MDO OH/KEN C&amp;M</v>
          </cell>
        </row>
        <row r="1658">
          <cell r="F1658">
            <v>75023</v>
          </cell>
          <cell r="Z1658" t="str">
            <v>DOLMRPR</v>
          </cell>
          <cell r="AN1658" t="str">
            <v>MDO C&amp;M</v>
          </cell>
          <cell r="AO1658" t="str">
            <v>MDO OH/KEN C&amp;M</v>
          </cell>
        </row>
        <row r="1659">
          <cell r="F1659">
            <v>75023</v>
          </cell>
          <cell r="Z1659" t="str">
            <v>DOLMRPR</v>
          </cell>
          <cell r="AN1659" t="str">
            <v>MDO C&amp;M</v>
          </cell>
          <cell r="AO1659" t="str">
            <v>MDO OH/KEN C&amp;M</v>
          </cell>
        </row>
        <row r="1660">
          <cell r="F1660">
            <v>75023</v>
          </cell>
          <cell r="Z1660" t="str">
            <v>DOLMRPR</v>
          </cell>
          <cell r="AN1660" t="str">
            <v>MDO C&amp;M</v>
          </cell>
          <cell r="AO1660" t="str">
            <v>MDO OH/KEN C&amp;M</v>
          </cell>
        </row>
        <row r="1661">
          <cell r="F1661">
            <v>75023</v>
          </cell>
          <cell r="Z1661" t="str">
            <v>DOLMRPR</v>
          </cell>
          <cell r="AN1661" t="str">
            <v>MDO C&amp;M</v>
          </cell>
          <cell r="AO1661" t="str">
            <v>MDO OH/KEN C&amp;M</v>
          </cell>
        </row>
        <row r="1662">
          <cell r="F1662">
            <v>75023</v>
          </cell>
          <cell r="Z1662" t="str">
            <v>DOLMRPR</v>
          </cell>
          <cell r="AN1662" t="str">
            <v>MDO C&amp;M</v>
          </cell>
          <cell r="AO1662" t="str">
            <v>MDO OH/KEN C&amp;M</v>
          </cell>
        </row>
        <row r="1663">
          <cell r="F1663">
            <v>75023</v>
          </cell>
          <cell r="Z1663" t="str">
            <v>DOLMRPR</v>
          </cell>
          <cell r="AN1663" t="str">
            <v>MDO C&amp;M</v>
          </cell>
          <cell r="AO1663" t="str">
            <v>MDO OH/KEN C&amp;M</v>
          </cell>
        </row>
        <row r="1664">
          <cell r="F1664">
            <v>75023</v>
          </cell>
          <cell r="Z1664" t="str">
            <v>DOLMRPR</v>
          </cell>
          <cell r="AN1664" t="str">
            <v>MDO C&amp;M</v>
          </cell>
          <cell r="AO1664" t="str">
            <v>MDO OH/KEN C&amp;M</v>
          </cell>
        </row>
        <row r="1665">
          <cell r="F1665">
            <v>75023</v>
          </cell>
          <cell r="Z1665" t="str">
            <v>DOLMRPR</v>
          </cell>
          <cell r="AN1665" t="str">
            <v>MDO C&amp;M</v>
          </cell>
          <cell r="AO1665" t="str">
            <v>MDO OH/KEN C&amp;M</v>
          </cell>
        </row>
        <row r="1666">
          <cell r="F1666">
            <v>75023</v>
          </cell>
          <cell r="Z1666" t="str">
            <v>DOLMRPR</v>
          </cell>
          <cell r="AN1666" t="str">
            <v>MDO C&amp;M</v>
          </cell>
          <cell r="AO1666" t="str">
            <v>MDO OH/KEN C&amp;M</v>
          </cell>
        </row>
        <row r="1667">
          <cell r="F1667">
            <v>75023</v>
          </cell>
          <cell r="Z1667" t="str">
            <v>DOLMRPR</v>
          </cell>
          <cell r="AN1667" t="str">
            <v>MDO C&amp;M</v>
          </cell>
          <cell r="AO1667" t="str">
            <v>MDO OH/KEN C&amp;M</v>
          </cell>
        </row>
        <row r="1668">
          <cell r="F1668">
            <v>75023</v>
          </cell>
          <cell r="Z1668" t="str">
            <v>DOLMRPR</v>
          </cell>
          <cell r="AN1668" t="str">
            <v>MDO C&amp;M</v>
          </cell>
          <cell r="AO1668" t="str">
            <v>MDO OH/KEN C&amp;M</v>
          </cell>
        </row>
        <row r="1669">
          <cell r="F1669">
            <v>75023</v>
          </cell>
          <cell r="Z1669" t="str">
            <v>DOLMRPR</v>
          </cell>
          <cell r="AN1669" t="str">
            <v>MDO C&amp;M</v>
          </cell>
          <cell r="AO1669" t="str">
            <v>MDO OH/KEN C&amp;M</v>
          </cell>
        </row>
        <row r="1670">
          <cell r="F1670">
            <v>75023</v>
          </cell>
          <cell r="Z1670" t="str">
            <v>DOLMRPR</v>
          </cell>
          <cell r="AN1670" t="str">
            <v>MDO C&amp;M</v>
          </cell>
          <cell r="AO1670" t="str">
            <v>MDO OH/KEN C&amp;M</v>
          </cell>
        </row>
        <row r="1671">
          <cell r="F1671">
            <v>75023</v>
          </cell>
          <cell r="Z1671" t="str">
            <v>DOLMRPR</v>
          </cell>
          <cell r="AN1671" t="str">
            <v>MDO C&amp;M</v>
          </cell>
          <cell r="AO1671" t="str">
            <v>MDO OH/KEN C&amp;M</v>
          </cell>
        </row>
        <row r="1672">
          <cell r="F1672">
            <v>75023</v>
          </cell>
          <cell r="Z1672" t="str">
            <v>DOLMRPR</v>
          </cell>
          <cell r="AN1672" t="str">
            <v>MDO C&amp;M</v>
          </cell>
          <cell r="AO1672" t="str">
            <v>MDO OH/KEN C&amp;M</v>
          </cell>
        </row>
        <row r="1673">
          <cell r="F1673">
            <v>75023</v>
          </cell>
          <cell r="Z1673" t="str">
            <v>DOLMRPR</v>
          </cell>
          <cell r="AN1673" t="str">
            <v>MDO C&amp;M</v>
          </cell>
          <cell r="AO1673" t="str">
            <v>MDO OH/KEN C&amp;M</v>
          </cell>
        </row>
        <row r="1674">
          <cell r="F1674">
            <v>75084</v>
          </cell>
          <cell r="Z1674" t="str">
            <v>DOLMRPR</v>
          </cell>
          <cell r="AN1674" t="str">
            <v>MDO C&amp;M</v>
          </cell>
          <cell r="AO1674" t="str">
            <v>MDO OH/KEN C&amp;M</v>
          </cell>
        </row>
        <row r="1675">
          <cell r="F1675">
            <v>75084</v>
          </cell>
          <cell r="Z1675" t="str">
            <v>DOLMRPR</v>
          </cell>
          <cell r="AN1675" t="str">
            <v>MDO C&amp;M</v>
          </cell>
          <cell r="AO1675" t="str">
            <v>MDO OH/KEN C&amp;M</v>
          </cell>
        </row>
        <row r="1676">
          <cell r="F1676">
            <v>75084</v>
          </cell>
          <cell r="Z1676" t="str">
            <v>DOLMRPR</v>
          </cell>
          <cell r="AN1676" t="str">
            <v>MDO C&amp;M</v>
          </cell>
          <cell r="AO1676" t="str">
            <v>MDO OH/KEN C&amp;M</v>
          </cell>
        </row>
        <row r="1677">
          <cell r="F1677">
            <v>75084</v>
          </cell>
          <cell r="Z1677" t="str">
            <v>DOLMRPR</v>
          </cell>
          <cell r="AN1677" t="str">
            <v>MDO C&amp;M</v>
          </cell>
          <cell r="AO1677" t="str">
            <v>MDO OH/KEN C&amp;M</v>
          </cell>
        </row>
        <row r="1678">
          <cell r="F1678">
            <v>75084</v>
          </cell>
          <cell r="Z1678" t="str">
            <v>DOLMRPR</v>
          </cell>
          <cell r="AN1678" t="str">
            <v>MDO C&amp;M</v>
          </cell>
          <cell r="AO1678" t="str">
            <v>MDO OH/KEN C&amp;M</v>
          </cell>
        </row>
        <row r="1679">
          <cell r="F1679">
            <v>75084</v>
          </cell>
          <cell r="Z1679" t="str">
            <v>DOLMRPR</v>
          </cell>
          <cell r="AN1679" t="str">
            <v>MDO C&amp;M</v>
          </cell>
          <cell r="AO1679" t="str">
            <v>MDO OH/KEN C&amp;M</v>
          </cell>
        </row>
        <row r="1680">
          <cell r="F1680">
            <v>75084</v>
          </cell>
          <cell r="Z1680" t="str">
            <v>DOLMRPR</v>
          </cell>
          <cell r="AN1680" t="str">
            <v>MDO C&amp;M</v>
          </cell>
          <cell r="AO1680" t="str">
            <v>MDO OH/KEN C&amp;M</v>
          </cell>
        </row>
        <row r="1681">
          <cell r="F1681">
            <v>75084</v>
          </cell>
          <cell r="Z1681" t="str">
            <v>DOLMRPR</v>
          </cell>
          <cell r="AN1681" t="str">
            <v>MDO C&amp;M</v>
          </cell>
          <cell r="AO1681" t="str">
            <v>MDO OH/KEN C&amp;M</v>
          </cell>
        </row>
        <row r="1682">
          <cell r="F1682">
            <v>75084</v>
          </cell>
          <cell r="Z1682" t="str">
            <v>DOLMRPR</v>
          </cell>
          <cell r="AN1682" t="str">
            <v>MDO C&amp;M</v>
          </cell>
          <cell r="AO1682" t="str">
            <v>MDO OH/KEN C&amp;M</v>
          </cell>
        </row>
        <row r="1683">
          <cell r="F1683">
            <v>75084</v>
          </cell>
          <cell r="Z1683" t="str">
            <v>DOLMRPR</v>
          </cell>
          <cell r="AN1683" t="str">
            <v>MDO C&amp;M</v>
          </cell>
          <cell r="AO1683" t="str">
            <v>MDO OH/KEN C&amp;M</v>
          </cell>
        </row>
        <row r="1684">
          <cell r="F1684">
            <v>75084</v>
          </cell>
          <cell r="Z1684" t="str">
            <v>DOLMRPR</v>
          </cell>
          <cell r="AN1684" t="str">
            <v>MDO C&amp;M</v>
          </cell>
          <cell r="AO1684" t="str">
            <v>MDO OH/KEN C&amp;M</v>
          </cell>
        </row>
        <row r="1685">
          <cell r="F1685">
            <v>75084</v>
          </cell>
          <cell r="Z1685" t="str">
            <v>DOLMRPR</v>
          </cell>
          <cell r="AN1685" t="str">
            <v>MDO C&amp;M</v>
          </cell>
          <cell r="AO1685" t="str">
            <v>MDO OH/KEN C&amp;M</v>
          </cell>
        </row>
        <row r="1686">
          <cell r="F1686">
            <v>75084</v>
          </cell>
          <cell r="Z1686" t="str">
            <v>DOLMRPR</v>
          </cell>
          <cell r="AN1686" t="str">
            <v>MDO C&amp;M</v>
          </cell>
          <cell r="AO1686" t="str">
            <v>MDO OH/KEN C&amp;M</v>
          </cell>
        </row>
        <row r="1687">
          <cell r="F1687">
            <v>75084</v>
          </cell>
          <cell r="Z1687" t="str">
            <v>DOLMRPR</v>
          </cell>
          <cell r="AN1687" t="str">
            <v>MDO C&amp;M</v>
          </cell>
          <cell r="AO1687" t="str">
            <v>MDO OH/KEN C&amp;M</v>
          </cell>
        </row>
        <row r="1688">
          <cell r="F1688">
            <v>75084</v>
          </cell>
          <cell r="Z1688" t="str">
            <v>DOLMRPR</v>
          </cell>
          <cell r="AN1688" t="str">
            <v>MDO C&amp;M</v>
          </cell>
          <cell r="AO1688" t="str">
            <v>MDO OH/KEN C&amp;M</v>
          </cell>
        </row>
        <row r="1689">
          <cell r="F1689">
            <v>75084</v>
          </cell>
          <cell r="Z1689" t="str">
            <v>DOLMRPR</v>
          </cell>
          <cell r="AN1689" t="str">
            <v>MDO C&amp;M</v>
          </cell>
          <cell r="AO1689" t="str">
            <v>MDO OH/KEN C&amp;M</v>
          </cell>
        </row>
        <row r="1690">
          <cell r="F1690">
            <v>75084</v>
          </cell>
          <cell r="Z1690" t="str">
            <v>DOLMRPR</v>
          </cell>
          <cell r="AN1690" t="str">
            <v>MDO C&amp;M</v>
          </cell>
          <cell r="AO1690" t="str">
            <v>MDO OH/KEN C&amp;M</v>
          </cell>
        </row>
        <row r="1691">
          <cell r="F1691">
            <v>75084</v>
          </cell>
          <cell r="Z1691" t="str">
            <v>DOLMRPR</v>
          </cell>
          <cell r="AN1691" t="str">
            <v>MDO C&amp;M</v>
          </cell>
          <cell r="AO1691" t="str">
            <v>MDO OH/KEN C&amp;M</v>
          </cell>
        </row>
        <row r="1692">
          <cell r="F1692">
            <v>75084</v>
          </cell>
          <cell r="Z1692" t="str">
            <v>DOLMRPR</v>
          </cell>
          <cell r="AN1692" t="str">
            <v>MDO C&amp;M</v>
          </cell>
          <cell r="AO1692" t="str">
            <v>MDO OH/KEN C&amp;M</v>
          </cell>
        </row>
        <row r="1693">
          <cell r="F1693">
            <v>75084</v>
          </cell>
          <cell r="Z1693" t="str">
            <v>DOLMRPR</v>
          </cell>
          <cell r="AN1693" t="str">
            <v>MDO C&amp;M</v>
          </cell>
          <cell r="AO1693" t="str">
            <v>MDO OH/KEN C&amp;M</v>
          </cell>
        </row>
        <row r="1694">
          <cell r="F1694">
            <v>75084</v>
          </cell>
          <cell r="Z1694" t="str">
            <v>DOLMRPR</v>
          </cell>
          <cell r="AN1694" t="str">
            <v>MDO C&amp;M</v>
          </cell>
          <cell r="AO1694" t="str">
            <v>MDO OH/KEN C&amp;M</v>
          </cell>
        </row>
        <row r="1695">
          <cell r="F1695">
            <v>75084</v>
          </cell>
          <cell r="Z1695" t="str">
            <v>DOLMRPR</v>
          </cell>
          <cell r="AN1695" t="str">
            <v>MDO C&amp;M</v>
          </cell>
          <cell r="AO1695" t="str">
            <v>MDO OH/KEN C&amp;M</v>
          </cell>
        </row>
        <row r="1696">
          <cell r="F1696">
            <v>75084</v>
          </cell>
          <cell r="Z1696" t="str">
            <v>DOLMRPR</v>
          </cell>
          <cell r="AN1696" t="str">
            <v>MDO C&amp;M</v>
          </cell>
          <cell r="AO1696" t="str">
            <v>MDO OH/KEN C&amp;M</v>
          </cell>
        </row>
        <row r="1697">
          <cell r="F1697">
            <v>75084</v>
          </cell>
          <cell r="Z1697" t="str">
            <v>DOLMRPR</v>
          </cell>
          <cell r="AN1697" t="str">
            <v>MDO C&amp;M</v>
          </cell>
          <cell r="AO1697" t="str">
            <v>MDO OH/KEN C&amp;M</v>
          </cell>
        </row>
        <row r="1698">
          <cell r="F1698">
            <v>75084</v>
          </cell>
          <cell r="Z1698" t="str">
            <v>DOLMRPR</v>
          </cell>
          <cell r="AN1698" t="str">
            <v>MDO C&amp;M</v>
          </cell>
          <cell r="AO1698" t="str">
            <v>MDO OH/KEN C&amp;M</v>
          </cell>
        </row>
        <row r="1699">
          <cell r="F1699">
            <v>75084</v>
          </cell>
          <cell r="Z1699" t="str">
            <v>DOLMRPR</v>
          </cell>
          <cell r="AN1699" t="str">
            <v>MDO C&amp;M</v>
          </cell>
          <cell r="AO1699" t="str">
            <v>MDO OH/KEN C&amp;M</v>
          </cell>
        </row>
        <row r="1700">
          <cell r="F1700">
            <v>75084</v>
          </cell>
          <cell r="Z1700" t="str">
            <v>DOLMRPR</v>
          </cell>
          <cell r="AN1700" t="str">
            <v>MDO C&amp;M</v>
          </cell>
          <cell r="AO1700" t="str">
            <v>MDO OH/KEN C&amp;M</v>
          </cell>
        </row>
        <row r="1701">
          <cell r="F1701">
            <v>75084</v>
          </cell>
          <cell r="Z1701" t="str">
            <v>DOLMRPR</v>
          </cell>
          <cell r="AN1701" t="str">
            <v>MDO C&amp;M</v>
          </cell>
          <cell r="AO1701" t="str">
            <v>MDO OH/KEN C&amp;M</v>
          </cell>
        </row>
        <row r="1702">
          <cell r="F1702">
            <v>75084</v>
          </cell>
          <cell r="Z1702" t="str">
            <v>DOLMRPR</v>
          </cell>
          <cell r="AN1702" t="str">
            <v>MDO C&amp;M</v>
          </cell>
          <cell r="AO1702" t="str">
            <v>MDO OH/KEN C&amp;M</v>
          </cell>
        </row>
        <row r="1703">
          <cell r="F1703">
            <v>75084</v>
          </cell>
          <cell r="Z1703" t="str">
            <v>DOLMRPR</v>
          </cell>
          <cell r="AN1703" t="str">
            <v>MDO C&amp;M</v>
          </cell>
          <cell r="AO1703" t="str">
            <v>MDO OH/KEN C&amp;M</v>
          </cell>
        </row>
        <row r="1704">
          <cell r="F1704">
            <v>75084</v>
          </cell>
          <cell r="Z1704" t="str">
            <v>DOLMRPR</v>
          </cell>
          <cell r="AN1704" t="str">
            <v>MDO C&amp;M</v>
          </cell>
          <cell r="AO1704" t="str">
            <v>MDO OH/KEN C&amp;M</v>
          </cell>
        </row>
        <row r="1705">
          <cell r="F1705">
            <v>75084</v>
          </cell>
          <cell r="Z1705" t="str">
            <v>DOLMRPR</v>
          </cell>
          <cell r="AN1705" t="str">
            <v>MDO C&amp;M</v>
          </cell>
          <cell r="AO1705" t="str">
            <v>MDO OH/KEN C&amp;M</v>
          </cell>
        </row>
        <row r="1706">
          <cell r="F1706">
            <v>75084</v>
          </cell>
          <cell r="Z1706" t="str">
            <v>DOLMRPR</v>
          </cell>
          <cell r="AN1706" t="str">
            <v>MDO C&amp;M</v>
          </cell>
          <cell r="AO1706" t="str">
            <v>MDO OH/KEN C&amp;M</v>
          </cell>
        </row>
        <row r="1707">
          <cell r="F1707">
            <v>75084</v>
          </cell>
          <cell r="Z1707" t="str">
            <v>DOLMRPR</v>
          </cell>
          <cell r="AN1707" t="str">
            <v>MDO C&amp;M</v>
          </cell>
          <cell r="AO1707" t="str">
            <v>MDO OH/KEN C&amp;M</v>
          </cell>
        </row>
        <row r="1708">
          <cell r="F1708">
            <v>75084</v>
          </cell>
          <cell r="Z1708" t="str">
            <v>DOLMRPR</v>
          </cell>
          <cell r="AN1708" t="str">
            <v>MDO C&amp;M</v>
          </cell>
          <cell r="AO1708" t="str">
            <v>MDO OH/KEN C&amp;M</v>
          </cell>
        </row>
        <row r="1709">
          <cell r="F1709">
            <v>75084</v>
          </cell>
          <cell r="Z1709" t="str">
            <v>DOLMRPR</v>
          </cell>
          <cell r="AN1709" t="str">
            <v>MDO C&amp;M</v>
          </cell>
          <cell r="AO1709" t="str">
            <v>MDO OH/KEN C&amp;M</v>
          </cell>
        </row>
        <row r="1710">
          <cell r="F1710">
            <v>75084</v>
          </cell>
          <cell r="Z1710" t="str">
            <v>DOLMRPR</v>
          </cell>
          <cell r="AN1710" t="str">
            <v>MDO C&amp;M</v>
          </cell>
          <cell r="AO1710" t="str">
            <v>MDO OH/KEN C&amp;M</v>
          </cell>
        </row>
        <row r="1711">
          <cell r="F1711">
            <v>75084</v>
          </cell>
          <cell r="Z1711" t="str">
            <v>DOLMRPR</v>
          </cell>
          <cell r="AN1711" t="str">
            <v>MDO C&amp;M</v>
          </cell>
          <cell r="AO1711" t="str">
            <v>MDO OH/KEN C&amp;M</v>
          </cell>
        </row>
        <row r="1712">
          <cell r="F1712">
            <v>75084</v>
          </cell>
          <cell r="Z1712" t="str">
            <v>DOLMRPR</v>
          </cell>
          <cell r="AN1712" t="str">
            <v>MDO C&amp;M</v>
          </cell>
          <cell r="AO1712" t="str">
            <v>MDO OH/KEN C&amp;M</v>
          </cell>
        </row>
        <row r="1713">
          <cell r="F1713">
            <v>75084</v>
          </cell>
          <cell r="Z1713" t="str">
            <v>DOLMRPR</v>
          </cell>
          <cell r="AN1713" t="str">
            <v>MDO C&amp;M</v>
          </cell>
          <cell r="AO1713" t="str">
            <v>MDO OH/KEN C&amp;M</v>
          </cell>
        </row>
        <row r="1714">
          <cell r="F1714">
            <v>75084</v>
          </cell>
          <cell r="Z1714" t="str">
            <v>DOLMRPR</v>
          </cell>
          <cell r="AN1714" t="str">
            <v>MDO C&amp;M</v>
          </cell>
          <cell r="AO1714" t="str">
            <v>MDO OH/KEN C&amp;M</v>
          </cell>
        </row>
        <row r="1715">
          <cell r="F1715">
            <v>75115</v>
          </cell>
          <cell r="Z1715" t="str">
            <v>DOLMRPR</v>
          </cell>
          <cell r="AN1715" t="str">
            <v>MDO C&amp;M</v>
          </cell>
          <cell r="AO1715" t="str">
            <v>MDO INDIANA SOUTHWEST C&amp;M</v>
          </cell>
        </row>
        <row r="1716">
          <cell r="F1716">
            <v>75115</v>
          </cell>
          <cell r="Z1716" t="str">
            <v>DOLMRPR</v>
          </cell>
          <cell r="AN1716" t="str">
            <v>MDO C&amp;M</v>
          </cell>
          <cell r="AO1716" t="str">
            <v>MDO INDIANA SOUTHWEST C&amp;M</v>
          </cell>
        </row>
        <row r="1717">
          <cell r="F1717">
            <v>75115</v>
          </cell>
          <cell r="Z1717" t="str">
            <v>DOLMRPR</v>
          </cell>
          <cell r="AN1717" t="str">
            <v>MDO C&amp;M</v>
          </cell>
          <cell r="AO1717" t="str">
            <v>MDO INDIANA SOUTHWEST C&amp;M</v>
          </cell>
        </row>
        <row r="1718">
          <cell r="F1718">
            <v>75115</v>
          </cell>
          <cell r="Z1718" t="str">
            <v>DOLMRPR</v>
          </cell>
          <cell r="AN1718" t="str">
            <v>MDO C&amp;M</v>
          </cell>
          <cell r="AO1718" t="str">
            <v>MDO INDIANA SOUTHWEST C&amp;M</v>
          </cell>
        </row>
        <row r="1719">
          <cell r="F1719">
            <v>75115</v>
          </cell>
          <cell r="Z1719" t="str">
            <v>DOLMRPR</v>
          </cell>
          <cell r="AN1719" t="str">
            <v>MDO C&amp;M</v>
          </cell>
          <cell r="AO1719" t="str">
            <v>MDO INDIANA SOUTHWEST C&amp;M</v>
          </cell>
        </row>
        <row r="1720">
          <cell r="F1720">
            <v>75115</v>
          </cell>
          <cell r="Z1720" t="str">
            <v>DOLMRPR</v>
          </cell>
          <cell r="AN1720" t="str">
            <v>MDO C&amp;M</v>
          </cell>
          <cell r="AO1720" t="str">
            <v>MDO INDIANA SOUTHWEST C&amp;M</v>
          </cell>
        </row>
        <row r="1721">
          <cell r="F1721">
            <v>75115</v>
          </cell>
          <cell r="Z1721" t="str">
            <v>DOLMRPR</v>
          </cell>
          <cell r="AN1721" t="str">
            <v>MDO C&amp;M</v>
          </cell>
          <cell r="AO1721" t="str">
            <v>MDO INDIANA SOUTHWEST C&amp;M</v>
          </cell>
        </row>
        <row r="1722">
          <cell r="F1722">
            <v>75115</v>
          </cell>
          <cell r="Z1722" t="str">
            <v>DOLMRPR</v>
          </cell>
          <cell r="AN1722" t="str">
            <v>MDO C&amp;M</v>
          </cell>
          <cell r="AO1722" t="str">
            <v>MDO INDIANA SOUTHWEST C&amp;M</v>
          </cell>
        </row>
        <row r="1723">
          <cell r="F1723">
            <v>75115</v>
          </cell>
          <cell r="Z1723" t="str">
            <v>DOLMRPR</v>
          </cell>
          <cell r="AN1723" t="str">
            <v>MDO C&amp;M</v>
          </cell>
          <cell r="AO1723" t="str">
            <v>MDO INDIANA SOUTHWEST C&amp;M</v>
          </cell>
        </row>
        <row r="1724">
          <cell r="F1724">
            <v>75115</v>
          </cell>
          <cell r="Z1724" t="str">
            <v>DOLMRPR</v>
          </cell>
          <cell r="AN1724" t="str">
            <v>MDO C&amp;M</v>
          </cell>
          <cell r="AO1724" t="str">
            <v>MDO INDIANA SOUTHWEST C&amp;M</v>
          </cell>
        </row>
        <row r="1725">
          <cell r="F1725">
            <v>75115</v>
          </cell>
          <cell r="Z1725" t="str">
            <v>DOLMRPR</v>
          </cell>
          <cell r="AN1725" t="str">
            <v>MDO C&amp;M</v>
          </cell>
          <cell r="AO1725" t="str">
            <v>MDO INDIANA SOUTHWEST C&amp;M</v>
          </cell>
        </row>
        <row r="1726">
          <cell r="F1726">
            <v>75115</v>
          </cell>
          <cell r="Z1726" t="str">
            <v>DOLMRPR</v>
          </cell>
          <cell r="AN1726" t="str">
            <v>MDO C&amp;M</v>
          </cell>
          <cell r="AO1726" t="str">
            <v>MDO INDIANA SOUTHWEST C&amp;M</v>
          </cell>
        </row>
        <row r="1727">
          <cell r="F1727">
            <v>75115</v>
          </cell>
          <cell r="Z1727" t="str">
            <v>DOLMRPR</v>
          </cell>
          <cell r="AN1727" t="str">
            <v>MDO C&amp;M</v>
          </cell>
          <cell r="AO1727" t="str">
            <v>MDO INDIANA SOUTHWEST C&amp;M</v>
          </cell>
        </row>
        <row r="1728">
          <cell r="F1728">
            <v>75115</v>
          </cell>
          <cell r="Z1728" t="str">
            <v>DOLMRPR</v>
          </cell>
          <cell r="AN1728" t="str">
            <v>MDO C&amp;M</v>
          </cell>
          <cell r="AO1728" t="str">
            <v>MDO INDIANA SOUTHWEST C&amp;M</v>
          </cell>
        </row>
        <row r="1729">
          <cell r="F1729">
            <v>75115</v>
          </cell>
          <cell r="Z1729" t="str">
            <v>DOLMRPR</v>
          </cell>
          <cell r="AN1729" t="str">
            <v>MDO C&amp;M</v>
          </cell>
          <cell r="AO1729" t="str">
            <v>MDO INDIANA SOUTHWEST C&amp;M</v>
          </cell>
        </row>
        <row r="1730">
          <cell r="F1730">
            <v>75115</v>
          </cell>
          <cell r="Z1730" t="str">
            <v>DOLMRPR</v>
          </cell>
          <cell r="AN1730" t="str">
            <v>MDO C&amp;M</v>
          </cell>
          <cell r="AO1730" t="str">
            <v>MDO INDIANA SOUTHWEST C&amp;M</v>
          </cell>
        </row>
        <row r="1731">
          <cell r="F1731">
            <v>75115</v>
          </cell>
          <cell r="Z1731" t="str">
            <v>DOLMRPR</v>
          </cell>
          <cell r="AN1731" t="str">
            <v>MDO C&amp;M</v>
          </cell>
          <cell r="AO1731" t="str">
            <v>MDO INDIANA SOUTHWEST C&amp;M</v>
          </cell>
        </row>
        <row r="1732">
          <cell r="F1732">
            <v>75115</v>
          </cell>
          <cell r="Z1732" t="str">
            <v>DOLMRPR</v>
          </cell>
          <cell r="AN1732" t="str">
            <v>MDO C&amp;M</v>
          </cell>
          <cell r="AO1732" t="str">
            <v>MDO INDIANA SOUTHWEST C&amp;M</v>
          </cell>
        </row>
        <row r="1733">
          <cell r="F1733">
            <v>75115</v>
          </cell>
          <cell r="Z1733" t="str">
            <v>DOLMRPR</v>
          </cell>
          <cell r="AN1733" t="str">
            <v>MDO C&amp;M</v>
          </cell>
          <cell r="AO1733" t="str">
            <v>MDO INDIANA SOUTHWEST C&amp;M</v>
          </cell>
        </row>
        <row r="1734">
          <cell r="F1734">
            <v>75115</v>
          </cell>
          <cell r="Z1734" t="str">
            <v>DOLMRPR</v>
          </cell>
          <cell r="AN1734" t="str">
            <v>MDO C&amp;M</v>
          </cell>
          <cell r="AO1734" t="str">
            <v>MDO INDIANA SOUTHWEST C&amp;M</v>
          </cell>
        </row>
        <row r="1735">
          <cell r="F1735">
            <v>75115</v>
          </cell>
          <cell r="Z1735" t="str">
            <v>DOLMRPR</v>
          </cell>
          <cell r="AN1735" t="str">
            <v>MDO C&amp;M</v>
          </cell>
          <cell r="AO1735" t="str">
            <v>MDO INDIANA SOUTHWEST C&amp;M</v>
          </cell>
        </row>
        <row r="1736">
          <cell r="F1736">
            <v>75115</v>
          </cell>
          <cell r="Z1736" t="str">
            <v>DOLMRPR</v>
          </cell>
          <cell r="AN1736" t="str">
            <v>MDO C&amp;M</v>
          </cell>
          <cell r="AO1736" t="str">
            <v>MDO INDIANA SOUTHWEST C&amp;M</v>
          </cell>
        </row>
        <row r="1737">
          <cell r="F1737">
            <v>75115</v>
          </cell>
          <cell r="Z1737" t="str">
            <v>DOLMRPR</v>
          </cell>
          <cell r="AN1737" t="str">
            <v>MDO C&amp;M</v>
          </cell>
          <cell r="AO1737" t="str">
            <v>MDO INDIANA SOUTHWEST C&amp;M</v>
          </cell>
        </row>
        <row r="1738">
          <cell r="F1738">
            <v>75115</v>
          </cell>
          <cell r="Z1738" t="str">
            <v>DOLMRPR</v>
          </cell>
          <cell r="AN1738" t="str">
            <v>MDO C&amp;M</v>
          </cell>
          <cell r="AO1738" t="str">
            <v>MDO INDIANA SOUTHWEST C&amp;M</v>
          </cell>
        </row>
        <row r="1739">
          <cell r="F1739">
            <v>75115</v>
          </cell>
          <cell r="Z1739" t="str">
            <v>DOLMRPR</v>
          </cell>
          <cell r="AN1739" t="str">
            <v>MDO C&amp;M</v>
          </cell>
          <cell r="AO1739" t="str">
            <v>MDO INDIANA SOUTHWEST C&amp;M</v>
          </cell>
        </row>
        <row r="1740">
          <cell r="F1740">
            <v>75115</v>
          </cell>
          <cell r="Z1740" t="str">
            <v>DOLMRPR</v>
          </cell>
          <cell r="AN1740" t="str">
            <v>MDO C&amp;M</v>
          </cell>
          <cell r="AO1740" t="str">
            <v>MDO INDIANA SOUTHWEST C&amp;M</v>
          </cell>
        </row>
        <row r="1741">
          <cell r="F1741">
            <v>75115</v>
          </cell>
          <cell r="Z1741" t="str">
            <v>DOLMRPR</v>
          </cell>
          <cell r="AN1741" t="str">
            <v>MDO C&amp;M</v>
          </cell>
          <cell r="AO1741" t="str">
            <v>MDO INDIANA SOUTHWEST C&amp;M</v>
          </cell>
        </row>
        <row r="1742">
          <cell r="F1742">
            <v>75115</v>
          </cell>
          <cell r="Z1742" t="str">
            <v>DOLMRPR</v>
          </cell>
          <cell r="AN1742" t="str">
            <v>MDO C&amp;M</v>
          </cell>
          <cell r="AO1742" t="str">
            <v>MDO INDIANA SOUTHWEST C&amp;M</v>
          </cell>
        </row>
        <row r="1743">
          <cell r="F1743">
            <v>75115</v>
          </cell>
          <cell r="Z1743" t="str">
            <v>DOLMRPR</v>
          </cell>
          <cell r="AN1743" t="str">
            <v>MDO C&amp;M</v>
          </cell>
          <cell r="AO1743" t="str">
            <v>MDO INDIANA SOUTHWEST C&amp;M</v>
          </cell>
        </row>
        <row r="1744">
          <cell r="F1744">
            <v>75115</v>
          </cell>
          <cell r="Z1744" t="str">
            <v>DOLMRPR</v>
          </cell>
          <cell r="AN1744" t="str">
            <v>MDO C&amp;M</v>
          </cell>
          <cell r="AO1744" t="str">
            <v>MDO INDIANA SOUTHWEST C&amp;M</v>
          </cell>
        </row>
        <row r="1745">
          <cell r="F1745">
            <v>75115</v>
          </cell>
          <cell r="Z1745" t="str">
            <v>DOLMRPR</v>
          </cell>
          <cell r="AN1745" t="str">
            <v>MDO C&amp;M</v>
          </cell>
          <cell r="AO1745" t="str">
            <v>MDO INDIANA SOUTHWEST C&amp;M</v>
          </cell>
        </row>
        <row r="1746">
          <cell r="F1746">
            <v>75115</v>
          </cell>
          <cell r="Z1746" t="str">
            <v>DOLMRPR</v>
          </cell>
          <cell r="AN1746" t="str">
            <v>MDO C&amp;M</v>
          </cell>
          <cell r="AO1746" t="str">
            <v>MDO INDIANA SOUTHWEST C&amp;M</v>
          </cell>
        </row>
        <row r="1747">
          <cell r="F1747">
            <v>75115</v>
          </cell>
          <cell r="Z1747" t="str">
            <v>DOLMRPR</v>
          </cell>
          <cell r="AN1747" t="str">
            <v>MDO C&amp;M</v>
          </cell>
          <cell r="AO1747" t="str">
            <v>MDO INDIANA SOUTHWEST C&amp;M</v>
          </cell>
        </row>
        <row r="1748">
          <cell r="F1748">
            <v>75115</v>
          </cell>
          <cell r="Z1748" t="str">
            <v>DOLMRPR</v>
          </cell>
          <cell r="AN1748" t="str">
            <v>MDO C&amp;M</v>
          </cell>
          <cell r="AO1748" t="str">
            <v>MDO INDIANA SOUTHWEST C&amp;M</v>
          </cell>
        </row>
        <row r="1749">
          <cell r="F1749">
            <v>75115</v>
          </cell>
          <cell r="Z1749" t="str">
            <v>DOLMRPR</v>
          </cell>
          <cell r="AN1749" t="str">
            <v>MDO C&amp;M</v>
          </cell>
          <cell r="AO1749" t="str">
            <v>MDO INDIANA SOUTHWEST C&amp;M</v>
          </cell>
        </row>
        <row r="1750">
          <cell r="F1750">
            <v>75115</v>
          </cell>
          <cell r="Z1750" t="str">
            <v>DOLMRPR</v>
          </cell>
          <cell r="AN1750" t="str">
            <v>MDO C&amp;M</v>
          </cell>
          <cell r="AO1750" t="str">
            <v>MDO INDIANA SOUTHWEST C&amp;M</v>
          </cell>
        </row>
        <row r="1751">
          <cell r="F1751">
            <v>75115</v>
          </cell>
          <cell r="Z1751" t="str">
            <v>DOLMRPR</v>
          </cell>
          <cell r="AN1751" t="str">
            <v>MDO C&amp;M</v>
          </cell>
          <cell r="AO1751" t="str">
            <v>MDO INDIANA SOUTHWEST C&amp;M</v>
          </cell>
        </row>
        <row r="1752">
          <cell r="F1752">
            <v>75115</v>
          </cell>
          <cell r="Z1752" t="str">
            <v>DOLMRPR</v>
          </cell>
          <cell r="AN1752" t="str">
            <v>MDO C&amp;M</v>
          </cell>
          <cell r="AO1752" t="str">
            <v>MDO INDIANA SOUTHWEST C&amp;M</v>
          </cell>
        </row>
        <row r="1753">
          <cell r="F1753">
            <v>75115</v>
          </cell>
          <cell r="Z1753" t="str">
            <v>DOLMRPR</v>
          </cell>
          <cell r="AN1753" t="str">
            <v>MDO C&amp;M</v>
          </cell>
          <cell r="AO1753" t="str">
            <v>MDO INDIANA SOUTHWEST C&amp;M</v>
          </cell>
        </row>
        <row r="1754">
          <cell r="F1754">
            <v>75115</v>
          </cell>
          <cell r="Z1754" t="str">
            <v>DOLMRPR</v>
          </cell>
          <cell r="AN1754" t="str">
            <v>MDO C&amp;M</v>
          </cell>
          <cell r="AO1754" t="str">
            <v>MDO INDIANA SOUTHWEST C&amp;M</v>
          </cell>
        </row>
        <row r="1755">
          <cell r="F1755">
            <v>75115</v>
          </cell>
          <cell r="Z1755" t="str">
            <v>DOLMRPR</v>
          </cell>
          <cell r="AN1755" t="str">
            <v>MDO C&amp;M</v>
          </cell>
          <cell r="AO1755" t="str">
            <v>MDO INDIANA SOUTHWEST C&amp;M</v>
          </cell>
        </row>
        <row r="1756">
          <cell r="F1756">
            <v>75115</v>
          </cell>
          <cell r="Z1756" t="str">
            <v>DOLMRPR</v>
          </cell>
          <cell r="AN1756" t="str">
            <v>MDO C&amp;M</v>
          </cell>
          <cell r="AO1756" t="str">
            <v>MDO INDIANA SOUTHWEST C&amp;M</v>
          </cell>
        </row>
        <row r="1757">
          <cell r="F1757">
            <v>75115</v>
          </cell>
          <cell r="Z1757" t="str">
            <v>DOLMRPR</v>
          </cell>
          <cell r="AN1757" t="str">
            <v>MDO C&amp;M</v>
          </cell>
          <cell r="AO1757" t="str">
            <v>MDO INDIANA SOUTHWEST C&amp;M</v>
          </cell>
        </row>
        <row r="1758">
          <cell r="F1758">
            <v>75115</v>
          </cell>
          <cell r="Z1758" t="str">
            <v>DOLMRPR</v>
          </cell>
          <cell r="AN1758" t="str">
            <v>MDO C&amp;M</v>
          </cell>
          <cell r="AO1758" t="str">
            <v>MDO INDIANA SOUTHWEST C&amp;M</v>
          </cell>
        </row>
        <row r="1759">
          <cell r="F1759">
            <v>75115</v>
          </cell>
          <cell r="Z1759" t="str">
            <v>DOLMRPR</v>
          </cell>
          <cell r="AN1759" t="str">
            <v>MDO C&amp;M</v>
          </cell>
          <cell r="AO1759" t="str">
            <v>MDO INDIANA SOUTHWEST C&amp;M</v>
          </cell>
        </row>
        <row r="1760">
          <cell r="F1760">
            <v>75115</v>
          </cell>
          <cell r="Z1760" t="str">
            <v>DOLMRPR</v>
          </cell>
          <cell r="AN1760" t="str">
            <v>MDO C&amp;M</v>
          </cell>
          <cell r="AO1760" t="str">
            <v>MDO INDIANA SOUTHWEST C&amp;M</v>
          </cell>
        </row>
        <row r="1761">
          <cell r="F1761">
            <v>75115</v>
          </cell>
          <cell r="Z1761" t="str">
            <v>DOLMRPR</v>
          </cell>
          <cell r="AN1761" t="str">
            <v>MDO C&amp;M</v>
          </cell>
          <cell r="AO1761" t="str">
            <v>MDO INDIANA SOUTHWEST C&amp;M</v>
          </cell>
        </row>
        <row r="1762">
          <cell r="F1762">
            <v>75115</v>
          </cell>
          <cell r="Z1762" t="str">
            <v>DOLMRPR</v>
          </cell>
          <cell r="AN1762" t="str">
            <v>MDO C&amp;M</v>
          </cell>
          <cell r="AO1762" t="str">
            <v>MDO INDIANA SOUTHWEST C&amp;M</v>
          </cell>
        </row>
        <row r="1763">
          <cell r="F1763">
            <v>75115</v>
          </cell>
          <cell r="Z1763" t="str">
            <v>DOLMRPR</v>
          </cell>
          <cell r="AN1763" t="str">
            <v>MDO C&amp;M</v>
          </cell>
          <cell r="AO1763" t="str">
            <v>MDO INDIANA SOUTHWEST C&amp;M</v>
          </cell>
        </row>
        <row r="1764">
          <cell r="F1764">
            <v>75115</v>
          </cell>
          <cell r="Z1764" t="str">
            <v>DOLMRPR</v>
          </cell>
          <cell r="AN1764" t="str">
            <v>MDO C&amp;M</v>
          </cell>
          <cell r="AO1764" t="str">
            <v>MDO INDIANA SOUTHWEST C&amp;M</v>
          </cell>
        </row>
        <row r="1765">
          <cell r="F1765">
            <v>75115</v>
          </cell>
          <cell r="Z1765" t="str">
            <v>DOLMRPR</v>
          </cell>
          <cell r="AN1765" t="str">
            <v>MDO C&amp;M</v>
          </cell>
          <cell r="AO1765" t="str">
            <v>MDO INDIANA SOUTHWEST C&amp;M</v>
          </cell>
        </row>
        <row r="1766">
          <cell r="F1766">
            <v>75115</v>
          </cell>
          <cell r="Z1766" t="str">
            <v>DOLMRPR</v>
          </cell>
          <cell r="AN1766" t="str">
            <v>MDO C&amp;M</v>
          </cell>
          <cell r="AO1766" t="str">
            <v>MDO INDIANA SOUTHWEST C&amp;M</v>
          </cell>
        </row>
        <row r="1767">
          <cell r="F1767">
            <v>75115</v>
          </cell>
          <cell r="Z1767" t="str">
            <v>DOLMRPR</v>
          </cell>
          <cell r="AN1767" t="str">
            <v>MDO C&amp;M</v>
          </cell>
          <cell r="AO1767" t="str">
            <v>MDO INDIANA SOUTHWEST C&amp;M</v>
          </cell>
        </row>
        <row r="1768">
          <cell r="F1768">
            <v>75115</v>
          </cell>
          <cell r="Z1768" t="str">
            <v>DOLMRPR</v>
          </cell>
          <cell r="AN1768" t="str">
            <v>MDO C&amp;M</v>
          </cell>
          <cell r="AO1768" t="str">
            <v>MDO INDIANA SOUTHWEST C&amp;M</v>
          </cell>
        </row>
        <row r="1769">
          <cell r="F1769">
            <v>75115</v>
          </cell>
          <cell r="Z1769" t="str">
            <v>DOLMRPR</v>
          </cell>
          <cell r="AN1769" t="str">
            <v>MDO C&amp;M</v>
          </cell>
          <cell r="AO1769" t="str">
            <v>MDO INDIANA SOUTHWEST C&amp;M</v>
          </cell>
        </row>
        <row r="1770">
          <cell r="F1770">
            <v>75115</v>
          </cell>
          <cell r="Z1770" t="str">
            <v>DOLMRPR</v>
          </cell>
          <cell r="AN1770" t="str">
            <v>MDO C&amp;M</v>
          </cell>
          <cell r="AO1770" t="str">
            <v>MDO INDIANA SOUTHWEST C&amp;M</v>
          </cell>
        </row>
        <row r="1771">
          <cell r="F1771">
            <v>75115</v>
          </cell>
          <cell r="Z1771" t="str">
            <v>DOLMRPR</v>
          </cell>
          <cell r="AN1771" t="str">
            <v>MDO C&amp;M</v>
          </cell>
          <cell r="AO1771" t="str">
            <v>MDO INDIANA SOUTHWEST C&amp;M</v>
          </cell>
        </row>
        <row r="1772">
          <cell r="F1772">
            <v>75115</v>
          </cell>
          <cell r="Z1772" t="str">
            <v>DOLMRPR</v>
          </cell>
          <cell r="AN1772" t="str">
            <v>MDO C&amp;M</v>
          </cell>
          <cell r="AO1772" t="str">
            <v>MDO INDIANA SOUTHWEST C&amp;M</v>
          </cell>
        </row>
        <row r="1773">
          <cell r="F1773">
            <v>75115</v>
          </cell>
          <cell r="Z1773" t="str">
            <v>DOLMRPR</v>
          </cell>
          <cell r="AN1773" t="str">
            <v>MDO C&amp;M</v>
          </cell>
          <cell r="AO1773" t="str">
            <v>MDO INDIANA SOUTHWEST C&amp;M</v>
          </cell>
        </row>
        <row r="1774">
          <cell r="F1774">
            <v>75115</v>
          </cell>
          <cell r="Z1774" t="str">
            <v>DOLMRPR</v>
          </cell>
          <cell r="AN1774" t="str">
            <v>MDO C&amp;M</v>
          </cell>
          <cell r="AO1774" t="str">
            <v>MDO INDIANA SOUTHWEST C&amp;M</v>
          </cell>
        </row>
        <row r="1775">
          <cell r="F1775">
            <v>75115</v>
          </cell>
          <cell r="Z1775" t="str">
            <v>DOLMRPR</v>
          </cell>
          <cell r="AN1775" t="str">
            <v>MDO C&amp;M</v>
          </cell>
          <cell r="AO1775" t="str">
            <v>MDO INDIANA SOUTHWEST C&amp;M</v>
          </cell>
        </row>
        <row r="1776">
          <cell r="F1776">
            <v>75115</v>
          </cell>
          <cell r="Z1776" t="str">
            <v>DOLMRPR</v>
          </cell>
          <cell r="AN1776" t="str">
            <v>MDO C&amp;M</v>
          </cell>
          <cell r="AO1776" t="str">
            <v>MDO INDIANA SOUTHWEST C&amp;M</v>
          </cell>
        </row>
        <row r="1777">
          <cell r="F1777">
            <v>75115</v>
          </cell>
          <cell r="Z1777" t="str">
            <v>DOLMRPR</v>
          </cell>
          <cell r="AN1777" t="str">
            <v>MDO C&amp;M</v>
          </cell>
          <cell r="AO1777" t="str">
            <v>MDO INDIANA SOUTHWEST C&amp;M</v>
          </cell>
        </row>
        <row r="1778">
          <cell r="F1778">
            <v>75115</v>
          </cell>
          <cell r="Z1778" t="str">
            <v>DOLMRPR</v>
          </cell>
          <cell r="AN1778" t="str">
            <v>MDO C&amp;M</v>
          </cell>
          <cell r="AO1778" t="str">
            <v>MDO INDIANA SOUTHWEST C&amp;M</v>
          </cell>
        </row>
        <row r="1779">
          <cell r="F1779">
            <v>75115</v>
          </cell>
          <cell r="Z1779" t="str">
            <v>DOLMRPR</v>
          </cell>
          <cell r="AN1779" t="str">
            <v>MDO C&amp;M</v>
          </cell>
          <cell r="AO1779" t="str">
            <v>MDO INDIANA SOUTHWEST C&amp;M</v>
          </cell>
        </row>
        <row r="1780">
          <cell r="F1780">
            <v>75115</v>
          </cell>
          <cell r="Z1780" t="str">
            <v>DOLMRPR</v>
          </cell>
          <cell r="AN1780" t="str">
            <v>MDO C&amp;M</v>
          </cell>
          <cell r="AO1780" t="str">
            <v>MDO INDIANA SOUTHWEST C&amp;M</v>
          </cell>
        </row>
        <row r="1781">
          <cell r="F1781">
            <v>75115</v>
          </cell>
          <cell r="Z1781" t="str">
            <v>DOLMRPR</v>
          </cell>
          <cell r="AN1781" t="str">
            <v>MDO C&amp;M</v>
          </cell>
          <cell r="AO1781" t="str">
            <v>MDO INDIANA SOUTHWEST C&amp;M</v>
          </cell>
        </row>
        <row r="1782">
          <cell r="F1782">
            <v>75115</v>
          </cell>
          <cell r="Z1782" t="str">
            <v>DOLMRPR</v>
          </cell>
          <cell r="AN1782" t="str">
            <v>MDO C&amp;M</v>
          </cell>
          <cell r="AO1782" t="str">
            <v>MDO INDIANA SOUTHWEST C&amp;M</v>
          </cell>
        </row>
        <row r="1783">
          <cell r="F1783">
            <v>75115</v>
          </cell>
          <cell r="Z1783" t="str">
            <v>DOLMRPR</v>
          </cell>
          <cell r="AN1783" t="str">
            <v>MDO C&amp;M</v>
          </cell>
          <cell r="AO1783" t="str">
            <v>MDO INDIANA SOUTHWEST C&amp;M</v>
          </cell>
        </row>
        <row r="1784">
          <cell r="F1784">
            <v>75115</v>
          </cell>
          <cell r="Z1784" t="str">
            <v>DOLMRPR</v>
          </cell>
          <cell r="AN1784" t="str">
            <v>MDO C&amp;M</v>
          </cell>
          <cell r="AO1784" t="str">
            <v>MDO INDIANA SOUTHWEST C&amp;M</v>
          </cell>
        </row>
        <row r="1785">
          <cell r="F1785">
            <v>75115</v>
          </cell>
          <cell r="Z1785" t="str">
            <v>DOLMRPR</v>
          </cell>
          <cell r="AN1785" t="str">
            <v>MDO C&amp;M</v>
          </cell>
          <cell r="AO1785" t="str">
            <v>MDO INDIANA SOUTHWEST C&amp;M</v>
          </cell>
        </row>
        <row r="1786">
          <cell r="F1786">
            <v>75115</v>
          </cell>
          <cell r="Z1786" t="str">
            <v>DOLMRPR</v>
          </cell>
          <cell r="AN1786" t="str">
            <v>MDO C&amp;M</v>
          </cell>
          <cell r="AO1786" t="str">
            <v>MDO INDIANA SOUTHWEST C&amp;M</v>
          </cell>
        </row>
        <row r="1787">
          <cell r="F1787">
            <v>75115</v>
          </cell>
          <cell r="Z1787" t="str">
            <v>DOLMRPR</v>
          </cell>
          <cell r="AN1787" t="str">
            <v>MDO C&amp;M</v>
          </cell>
          <cell r="AO1787" t="str">
            <v>MDO INDIANA SOUTHWEST C&amp;M</v>
          </cell>
        </row>
        <row r="1788">
          <cell r="F1788">
            <v>75115</v>
          </cell>
          <cell r="Z1788" t="str">
            <v>DOLMRPR</v>
          </cell>
          <cell r="AN1788" t="str">
            <v>MDO C&amp;M</v>
          </cell>
          <cell r="AO1788" t="str">
            <v>MDO INDIANA SOUTHWEST C&amp;M</v>
          </cell>
        </row>
        <row r="1789">
          <cell r="F1789">
            <v>75115</v>
          </cell>
          <cell r="Z1789" t="str">
            <v>DOLMRPR</v>
          </cell>
          <cell r="AN1789" t="str">
            <v>MDO C&amp;M</v>
          </cell>
          <cell r="AO1789" t="str">
            <v>MDO INDIANA SOUTHWEST C&amp;M</v>
          </cell>
        </row>
        <row r="1790">
          <cell r="F1790">
            <v>75115</v>
          </cell>
          <cell r="Z1790" t="str">
            <v>DOLMRPR</v>
          </cell>
          <cell r="AN1790" t="str">
            <v>MDO C&amp;M</v>
          </cell>
          <cell r="AO1790" t="str">
            <v>MDO INDIANA SOUTHWEST C&amp;M</v>
          </cell>
        </row>
        <row r="1791">
          <cell r="F1791">
            <v>75115</v>
          </cell>
          <cell r="Z1791" t="str">
            <v>DOLMRPR</v>
          </cell>
          <cell r="AN1791" t="str">
            <v>MDO C&amp;M</v>
          </cell>
          <cell r="AO1791" t="str">
            <v>MDO INDIANA SOUTHWEST C&amp;M</v>
          </cell>
        </row>
        <row r="1792">
          <cell r="F1792">
            <v>75115</v>
          </cell>
          <cell r="Z1792" t="str">
            <v>DOLMRPR</v>
          </cell>
          <cell r="AN1792" t="str">
            <v>MDO C&amp;M</v>
          </cell>
          <cell r="AO1792" t="str">
            <v>MDO INDIANA SOUTHWEST C&amp;M</v>
          </cell>
        </row>
        <row r="1793">
          <cell r="F1793">
            <v>75115</v>
          </cell>
          <cell r="Z1793" t="str">
            <v>DOLMRPR</v>
          </cell>
          <cell r="AN1793" t="str">
            <v>MDO C&amp;M</v>
          </cell>
          <cell r="AO1793" t="str">
            <v>MDO INDIANA SOUTHWEST C&amp;M</v>
          </cell>
        </row>
        <row r="1794">
          <cell r="F1794">
            <v>75115</v>
          </cell>
          <cell r="Z1794" t="str">
            <v>DOLMRPR</v>
          </cell>
          <cell r="AN1794" t="str">
            <v>MDO C&amp;M</v>
          </cell>
          <cell r="AO1794" t="str">
            <v>MDO INDIANA SOUTHWEST C&amp;M</v>
          </cell>
        </row>
        <row r="1795">
          <cell r="F1795">
            <v>75115</v>
          </cell>
          <cell r="Z1795" t="str">
            <v>DOLMRPR</v>
          </cell>
          <cell r="AN1795" t="str">
            <v>MDO C&amp;M</v>
          </cell>
          <cell r="AO1795" t="str">
            <v>MDO INDIANA SOUTHWEST C&amp;M</v>
          </cell>
        </row>
        <row r="1796">
          <cell r="F1796">
            <v>75115</v>
          </cell>
          <cell r="Z1796" t="str">
            <v>DOLMRPR</v>
          </cell>
          <cell r="AN1796" t="str">
            <v>MDO C&amp;M</v>
          </cell>
          <cell r="AO1796" t="str">
            <v>MDO INDIANA SOUTHWEST C&amp;M</v>
          </cell>
        </row>
        <row r="1797">
          <cell r="F1797">
            <v>75115</v>
          </cell>
          <cell r="Z1797" t="str">
            <v>DOLMRPR</v>
          </cell>
          <cell r="AN1797" t="str">
            <v>MDO C&amp;M</v>
          </cell>
          <cell r="AO1797" t="str">
            <v>MDO INDIANA SOUTHWEST C&amp;M</v>
          </cell>
        </row>
        <row r="1798">
          <cell r="F1798">
            <v>75115</v>
          </cell>
          <cell r="Z1798" t="str">
            <v>DOLMRPR</v>
          </cell>
          <cell r="AN1798" t="str">
            <v>MDO C&amp;M</v>
          </cell>
          <cell r="AO1798" t="str">
            <v>MDO INDIANA SOUTHWEST C&amp;M</v>
          </cell>
        </row>
        <row r="1799">
          <cell r="F1799">
            <v>75115</v>
          </cell>
          <cell r="Z1799" t="str">
            <v>DOLMRPR</v>
          </cell>
          <cell r="AN1799" t="str">
            <v>MDO C&amp;M</v>
          </cell>
          <cell r="AO1799" t="str">
            <v>MDO INDIANA SOUTHWEST C&amp;M</v>
          </cell>
        </row>
        <row r="1800">
          <cell r="F1800">
            <v>75115</v>
          </cell>
          <cell r="Z1800" t="str">
            <v>DOLMRPR</v>
          </cell>
          <cell r="AN1800" t="str">
            <v>MDO C&amp;M</v>
          </cell>
          <cell r="AO1800" t="str">
            <v>MDO INDIANA SOUTHWEST C&amp;M</v>
          </cell>
        </row>
        <row r="1801">
          <cell r="F1801">
            <v>75115</v>
          </cell>
          <cell r="Z1801" t="str">
            <v>DOLMRPR</v>
          </cell>
          <cell r="AN1801" t="str">
            <v>MDO C&amp;M</v>
          </cell>
          <cell r="AO1801" t="str">
            <v>MDO INDIANA SOUTHWEST C&amp;M</v>
          </cell>
        </row>
        <row r="1802">
          <cell r="F1802">
            <v>75115</v>
          </cell>
          <cell r="Z1802" t="str">
            <v>DOLMRPR</v>
          </cell>
          <cell r="AN1802" t="str">
            <v>MDO C&amp;M</v>
          </cell>
          <cell r="AO1802" t="str">
            <v>MDO INDIANA SOUTHWEST C&amp;M</v>
          </cell>
        </row>
        <row r="1803">
          <cell r="F1803">
            <v>75115</v>
          </cell>
          <cell r="Z1803" t="str">
            <v>DOLMRPR</v>
          </cell>
          <cell r="AN1803" t="str">
            <v>MDO C&amp;M</v>
          </cell>
          <cell r="AO1803" t="str">
            <v>MDO INDIANA SOUTHWEST C&amp;M</v>
          </cell>
        </row>
        <row r="1804">
          <cell r="F1804">
            <v>75115</v>
          </cell>
          <cell r="Z1804" t="str">
            <v>DOLMRPR</v>
          </cell>
          <cell r="AN1804" t="str">
            <v>MDO C&amp;M</v>
          </cell>
          <cell r="AO1804" t="str">
            <v>MDO INDIANA SOUTHWEST C&amp;M</v>
          </cell>
        </row>
        <row r="1805">
          <cell r="F1805">
            <v>75115</v>
          </cell>
          <cell r="Z1805" t="str">
            <v>DOLMRPR</v>
          </cell>
          <cell r="AN1805" t="str">
            <v>MDO C&amp;M</v>
          </cell>
          <cell r="AO1805" t="str">
            <v>MDO INDIANA SOUTHWEST C&amp;M</v>
          </cell>
        </row>
        <row r="1806">
          <cell r="F1806">
            <v>75115</v>
          </cell>
          <cell r="Z1806" t="str">
            <v>DOLMRPR</v>
          </cell>
          <cell r="AN1806" t="str">
            <v>MDO C&amp;M</v>
          </cell>
          <cell r="AO1806" t="str">
            <v>MDO INDIANA SOUTHWEST C&amp;M</v>
          </cell>
        </row>
        <row r="1807">
          <cell r="F1807">
            <v>75115</v>
          </cell>
          <cell r="Z1807" t="str">
            <v>DOLMRPR</v>
          </cell>
          <cell r="AN1807" t="str">
            <v>MDO C&amp;M</v>
          </cell>
          <cell r="AO1807" t="str">
            <v>MDO INDIANA SOUTHWEST C&amp;M</v>
          </cell>
        </row>
        <row r="1808">
          <cell r="F1808">
            <v>75115</v>
          </cell>
          <cell r="Z1808" t="str">
            <v>DOLMRPR</v>
          </cell>
          <cell r="AN1808" t="str">
            <v>MDO C&amp;M</v>
          </cell>
          <cell r="AO1808" t="str">
            <v>MDO INDIANA SOUTHWEST C&amp;M</v>
          </cell>
        </row>
        <row r="1809">
          <cell r="F1809">
            <v>75115</v>
          </cell>
          <cell r="Z1809" t="str">
            <v>DOLMRPR</v>
          </cell>
          <cell r="AN1809" t="str">
            <v>MDO C&amp;M</v>
          </cell>
          <cell r="AO1809" t="str">
            <v>MDO INDIANA SOUTHWEST C&amp;M</v>
          </cell>
        </row>
        <row r="1810">
          <cell r="F1810">
            <v>75115</v>
          </cell>
          <cell r="Z1810" t="str">
            <v>DOLMRPR</v>
          </cell>
          <cell r="AN1810" t="str">
            <v>MDO C&amp;M</v>
          </cell>
          <cell r="AO1810" t="str">
            <v>MDO INDIANA SOUTHWEST C&amp;M</v>
          </cell>
        </row>
        <row r="1811">
          <cell r="F1811">
            <v>75115</v>
          </cell>
          <cell r="Z1811" t="str">
            <v>DOLMRPR</v>
          </cell>
          <cell r="AN1811" t="str">
            <v>MDO C&amp;M</v>
          </cell>
          <cell r="AO1811" t="str">
            <v>MDO INDIANA SOUTHWEST C&amp;M</v>
          </cell>
        </row>
        <row r="1812">
          <cell r="F1812">
            <v>75115</v>
          </cell>
          <cell r="Z1812" t="str">
            <v>DOLMRPR</v>
          </cell>
          <cell r="AN1812" t="str">
            <v>MDO C&amp;M</v>
          </cell>
          <cell r="AO1812" t="str">
            <v>MDO INDIANA SOUTHWEST C&amp;M</v>
          </cell>
        </row>
        <row r="1813">
          <cell r="F1813">
            <v>75115</v>
          </cell>
          <cell r="Z1813" t="str">
            <v>DOLMRPR</v>
          </cell>
          <cell r="AN1813" t="str">
            <v>MDO C&amp;M</v>
          </cell>
          <cell r="AO1813" t="str">
            <v>MDO INDIANA SOUTHWEST C&amp;M</v>
          </cell>
        </row>
        <row r="1814">
          <cell r="F1814">
            <v>75115</v>
          </cell>
          <cell r="Z1814" t="str">
            <v>DOLMRPR</v>
          </cell>
          <cell r="AN1814" t="str">
            <v>MDO C&amp;M</v>
          </cell>
          <cell r="AO1814" t="str">
            <v>MDO INDIANA SOUTHWEST C&amp;M</v>
          </cell>
        </row>
        <row r="1815">
          <cell r="F1815">
            <v>75115</v>
          </cell>
          <cell r="Z1815" t="str">
            <v>DOLMRPR</v>
          </cell>
          <cell r="AN1815" t="str">
            <v>MDO C&amp;M</v>
          </cell>
          <cell r="AO1815" t="str">
            <v>MDO INDIANA SOUTHWEST C&amp;M</v>
          </cell>
        </row>
        <row r="1816">
          <cell r="F1816">
            <v>75115</v>
          </cell>
          <cell r="Z1816" t="str">
            <v>DOLMRPR</v>
          </cell>
          <cell r="AN1816" t="str">
            <v>MDO C&amp;M</v>
          </cell>
          <cell r="AO1816" t="str">
            <v>MDO INDIANA SOUTHWEST C&amp;M</v>
          </cell>
        </row>
        <row r="1817">
          <cell r="F1817">
            <v>75115</v>
          </cell>
          <cell r="Z1817" t="str">
            <v>DOLMRPR</v>
          </cell>
          <cell r="AN1817" t="str">
            <v>MDO C&amp;M</v>
          </cell>
          <cell r="AO1817" t="str">
            <v>MDO INDIANA SOUTHWEST C&amp;M</v>
          </cell>
        </row>
        <row r="1818">
          <cell r="F1818">
            <v>75115</v>
          </cell>
          <cell r="Z1818" t="str">
            <v>DOLMRPR</v>
          </cell>
          <cell r="AN1818" t="str">
            <v>MDO C&amp;M</v>
          </cell>
          <cell r="AO1818" t="str">
            <v>MDO INDIANA SOUTHWEST C&amp;M</v>
          </cell>
        </row>
        <row r="1819">
          <cell r="F1819">
            <v>75115</v>
          </cell>
          <cell r="Z1819" t="str">
            <v>DOLMRPR</v>
          </cell>
          <cell r="AN1819" t="str">
            <v>MDO C&amp;M</v>
          </cell>
          <cell r="AO1819" t="str">
            <v>MDO INDIANA SOUTHWEST C&amp;M</v>
          </cell>
        </row>
        <row r="1820">
          <cell r="F1820">
            <v>75115</v>
          </cell>
          <cell r="Z1820" t="str">
            <v>DOLMRPR</v>
          </cell>
          <cell r="AN1820" t="str">
            <v>MDO C&amp;M</v>
          </cell>
          <cell r="AO1820" t="str">
            <v>MDO INDIANA SOUTHWEST C&amp;M</v>
          </cell>
        </row>
        <row r="1821">
          <cell r="F1821">
            <v>75115</v>
          </cell>
          <cell r="Z1821" t="str">
            <v>DOLMRPR</v>
          </cell>
          <cell r="AN1821" t="str">
            <v>MDO C&amp;M</v>
          </cell>
          <cell r="AO1821" t="str">
            <v>MDO INDIANA SOUTHWEST C&amp;M</v>
          </cell>
        </row>
        <row r="1822">
          <cell r="F1822">
            <v>75115</v>
          </cell>
          <cell r="Z1822" t="str">
            <v>DOLMRPR</v>
          </cell>
          <cell r="AN1822" t="str">
            <v>MDO C&amp;M</v>
          </cell>
          <cell r="AO1822" t="str">
            <v>MDO INDIANA SOUTHWEST C&amp;M</v>
          </cell>
        </row>
        <row r="1823">
          <cell r="F1823">
            <v>75115</v>
          </cell>
          <cell r="Z1823" t="str">
            <v>DOLMRPR</v>
          </cell>
          <cell r="AN1823" t="str">
            <v>MDO C&amp;M</v>
          </cell>
          <cell r="AO1823" t="str">
            <v>MDO INDIANA SOUTHWEST C&amp;M</v>
          </cell>
        </row>
        <row r="1824">
          <cell r="F1824">
            <v>75115</v>
          </cell>
          <cell r="Z1824" t="str">
            <v>DOLMRPR</v>
          </cell>
          <cell r="AN1824" t="str">
            <v>MDO C&amp;M</v>
          </cell>
          <cell r="AO1824" t="str">
            <v>MDO INDIANA SOUTHWEST C&amp;M</v>
          </cell>
        </row>
        <row r="1825">
          <cell r="F1825">
            <v>75115</v>
          </cell>
          <cell r="Z1825" t="str">
            <v>DOLMRPR</v>
          </cell>
          <cell r="AN1825" t="str">
            <v>MDO C&amp;M</v>
          </cell>
          <cell r="AO1825" t="str">
            <v>MDO INDIANA SOUTHWEST C&amp;M</v>
          </cell>
        </row>
        <row r="1826">
          <cell r="F1826">
            <v>75115</v>
          </cell>
          <cell r="Z1826" t="str">
            <v>DOLMRPR</v>
          </cell>
          <cell r="AN1826" t="str">
            <v>MDO C&amp;M</v>
          </cell>
          <cell r="AO1826" t="str">
            <v>MDO INDIANA SOUTHWEST C&amp;M</v>
          </cell>
        </row>
        <row r="1827">
          <cell r="F1827">
            <v>75115</v>
          </cell>
          <cell r="Z1827" t="str">
            <v>DOLMRPR</v>
          </cell>
          <cell r="AN1827" t="str">
            <v>MDO C&amp;M</v>
          </cell>
          <cell r="AO1827" t="str">
            <v>MDO INDIANA SOUTHWEST C&amp;M</v>
          </cell>
        </row>
        <row r="1828">
          <cell r="F1828">
            <v>75115</v>
          </cell>
          <cell r="Z1828" t="str">
            <v>DOLMRPR</v>
          </cell>
          <cell r="AN1828" t="str">
            <v>MDO C&amp;M</v>
          </cell>
          <cell r="AO1828" t="str">
            <v>MDO INDIANA SOUTHWEST C&amp;M</v>
          </cell>
        </row>
        <row r="1829">
          <cell r="F1829">
            <v>75115</v>
          </cell>
          <cell r="Z1829" t="str">
            <v>DOLMRPR</v>
          </cell>
          <cell r="AN1829" t="str">
            <v>MDO C&amp;M</v>
          </cell>
          <cell r="AO1829" t="str">
            <v>MDO INDIANA SOUTHWEST C&amp;M</v>
          </cell>
        </row>
        <row r="1830">
          <cell r="F1830">
            <v>75115</v>
          </cell>
          <cell r="Z1830" t="str">
            <v>DOLMRPR</v>
          </cell>
          <cell r="AN1830" t="str">
            <v>MDO C&amp;M</v>
          </cell>
          <cell r="AO1830" t="str">
            <v>MDO INDIANA SOUTHWEST C&amp;M</v>
          </cell>
        </row>
        <row r="1831">
          <cell r="F1831">
            <v>75115</v>
          </cell>
          <cell r="Z1831" t="str">
            <v>DOLMRPR</v>
          </cell>
          <cell r="AN1831" t="str">
            <v>MDO C&amp;M</v>
          </cell>
          <cell r="AO1831" t="str">
            <v>MDO INDIANA SOUTHWEST C&amp;M</v>
          </cell>
        </row>
        <row r="1832">
          <cell r="F1832">
            <v>75115</v>
          </cell>
          <cell r="Z1832" t="str">
            <v>DOLMRPR</v>
          </cell>
          <cell r="AN1832" t="str">
            <v>MDO C&amp;M</v>
          </cell>
          <cell r="AO1832" t="str">
            <v>MDO INDIANA SOUTHWEST C&amp;M</v>
          </cell>
        </row>
        <row r="1833">
          <cell r="F1833">
            <v>75115</v>
          </cell>
          <cell r="Z1833" t="str">
            <v>DOLMRPR</v>
          </cell>
          <cell r="AN1833" t="str">
            <v>MDO C&amp;M</v>
          </cell>
          <cell r="AO1833" t="str">
            <v>MDO INDIANA SOUTHWEST C&amp;M</v>
          </cell>
        </row>
        <row r="1834">
          <cell r="F1834">
            <v>75115</v>
          </cell>
          <cell r="Z1834" t="str">
            <v>DOLMRPR</v>
          </cell>
          <cell r="AN1834" t="str">
            <v>MDO C&amp;M</v>
          </cell>
          <cell r="AO1834" t="str">
            <v>MDO INDIANA SOUTHWEST C&amp;M</v>
          </cell>
        </row>
        <row r="1835">
          <cell r="F1835">
            <v>75115</v>
          </cell>
          <cell r="Z1835" t="str">
            <v>DOLMRPR</v>
          </cell>
          <cell r="AN1835" t="str">
            <v>MDO C&amp;M</v>
          </cell>
          <cell r="AO1835" t="str">
            <v>MDO INDIANA SOUTHWEST C&amp;M</v>
          </cell>
        </row>
        <row r="1836">
          <cell r="F1836">
            <v>75115</v>
          </cell>
          <cell r="Z1836" t="str">
            <v>DOLMRPR</v>
          </cell>
          <cell r="AN1836" t="str">
            <v>MDO C&amp;M</v>
          </cell>
          <cell r="AO1836" t="str">
            <v>MDO INDIANA SOUTHWEST C&amp;M</v>
          </cell>
        </row>
        <row r="1837">
          <cell r="F1837">
            <v>75115</v>
          </cell>
          <cell r="Z1837" t="str">
            <v>DOLMRPR</v>
          </cell>
          <cell r="AN1837" t="str">
            <v>MDO C&amp;M</v>
          </cell>
          <cell r="AO1837" t="str">
            <v>MDO INDIANA SOUTHWEST C&amp;M</v>
          </cell>
        </row>
        <row r="1838">
          <cell r="F1838">
            <v>75115</v>
          </cell>
          <cell r="Z1838" t="str">
            <v>DOLMRPR</v>
          </cell>
          <cell r="AN1838" t="str">
            <v>MDO C&amp;M</v>
          </cell>
          <cell r="AO1838" t="str">
            <v>MDO INDIANA SOUTHWEST C&amp;M</v>
          </cell>
        </row>
        <row r="1839">
          <cell r="F1839">
            <v>75115</v>
          </cell>
          <cell r="Z1839" t="str">
            <v>DOLMRPR</v>
          </cell>
          <cell r="AN1839" t="str">
            <v>MDO C&amp;M</v>
          </cell>
          <cell r="AO1839" t="str">
            <v>MDO INDIANA SOUTHWEST C&amp;M</v>
          </cell>
        </row>
        <row r="1840">
          <cell r="F1840">
            <v>75115</v>
          </cell>
          <cell r="Z1840" t="str">
            <v>DOLMRPR</v>
          </cell>
          <cell r="AN1840" t="str">
            <v>MDO C&amp;M</v>
          </cell>
          <cell r="AO1840" t="str">
            <v>MDO INDIANA SOUTHWEST C&amp;M</v>
          </cell>
        </row>
        <row r="1841">
          <cell r="F1841">
            <v>75115</v>
          </cell>
          <cell r="Z1841" t="str">
            <v>DOLMRPR</v>
          </cell>
          <cell r="AN1841" t="str">
            <v>MDO C&amp;M</v>
          </cell>
          <cell r="AO1841" t="str">
            <v>MDO INDIANA SOUTHWEST C&amp;M</v>
          </cell>
        </row>
        <row r="1842">
          <cell r="F1842">
            <v>75115</v>
          </cell>
          <cell r="Z1842" t="str">
            <v>DOLMRPR</v>
          </cell>
          <cell r="AN1842" t="str">
            <v>MDO C&amp;M</v>
          </cell>
          <cell r="AO1842" t="str">
            <v>MDO INDIANA SOUTHWEST C&amp;M</v>
          </cell>
        </row>
        <row r="1843">
          <cell r="F1843">
            <v>75115</v>
          </cell>
          <cell r="Z1843" t="str">
            <v>DOLMRPR</v>
          </cell>
          <cell r="AN1843" t="str">
            <v>MDO C&amp;M</v>
          </cell>
          <cell r="AO1843" t="str">
            <v>MDO INDIANA SOUTHWEST C&amp;M</v>
          </cell>
        </row>
        <row r="1844">
          <cell r="F1844">
            <v>75115</v>
          </cell>
          <cell r="Z1844" t="str">
            <v>DOLMRPR</v>
          </cell>
          <cell r="AN1844" t="str">
            <v>MDO C&amp;M</v>
          </cell>
          <cell r="AO1844" t="str">
            <v>MDO INDIANA SOUTHWEST C&amp;M</v>
          </cell>
        </row>
        <row r="1845">
          <cell r="F1845">
            <v>75115</v>
          </cell>
          <cell r="Z1845" t="str">
            <v>DOLMRPR</v>
          </cell>
          <cell r="AN1845" t="str">
            <v>MDO C&amp;M</v>
          </cell>
          <cell r="AO1845" t="str">
            <v>MDO INDIANA SOUTHWEST C&amp;M</v>
          </cell>
        </row>
        <row r="1846">
          <cell r="F1846">
            <v>75115</v>
          </cell>
          <cell r="Z1846" t="str">
            <v>DOLMRPR</v>
          </cell>
          <cell r="AN1846" t="str">
            <v>MDO C&amp;M</v>
          </cell>
          <cell r="AO1846" t="str">
            <v>MDO INDIANA SOUTHWEST C&amp;M</v>
          </cell>
        </row>
        <row r="1847">
          <cell r="F1847">
            <v>75115</v>
          </cell>
          <cell r="Z1847" t="str">
            <v>DOLMRPR</v>
          </cell>
          <cell r="AN1847" t="str">
            <v>MDO C&amp;M</v>
          </cell>
          <cell r="AO1847" t="str">
            <v>MDO INDIANA SOUTHWEST C&amp;M</v>
          </cell>
        </row>
        <row r="1848">
          <cell r="F1848">
            <v>75115</v>
          </cell>
          <cell r="Z1848" t="str">
            <v>DOLMRPR</v>
          </cell>
          <cell r="AN1848" t="str">
            <v>MDO C&amp;M</v>
          </cell>
          <cell r="AO1848" t="str">
            <v>MDO INDIANA SOUTHWEST C&amp;M</v>
          </cell>
        </row>
        <row r="1849">
          <cell r="F1849">
            <v>75115</v>
          </cell>
          <cell r="Z1849" t="str">
            <v>DOLMRPR</v>
          </cell>
          <cell r="AN1849" t="str">
            <v>MDO C&amp;M</v>
          </cell>
          <cell r="AO1849" t="str">
            <v>MDO INDIANA SOUTHWEST C&amp;M</v>
          </cell>
        </row>
        <row r="1850">
          <cell r="F1850">
            <v>75115</v>
          </cell>
          <cell r="Z1850" t="str">
            <v>DOLMRPR</v>
          </cell>
          <cell r="AN1850" t="str">
            <v>MDO C&amp;M</v>
          </cell>
          <cell r="AO1850" t="str">
            <v>MDO INDIANA SOUTHWEST C&amp;M</v>
          </cell>
        </row>
        <row r="1851">
          <cell r="F1851">
            <v>75115</v>
          </cell>
          <cell r="Z1851" t="str">
            <v>DOLMRPR</v>
          </cell>
          <cell r="AN1851" t="str">
            <v>MDO C&amp;M</v>
          </cell>
          <cell r="AO1851" t="str">
            <v>MDO INDIANA SOUTHWEST C&amp;M</v>
          </cell>
        </row>
        <row r="1852">
          <cell r="F1852">
            <v>75115</v>
          </cell>
          <cell r="Z1852" t="str">
            <v>DOLMRPR</v>
          </cell>
          <cell r="AN1852" t="str">
            <v>MDO C&amp;M</v>
          </cell>
          <cell r="AO1852" t="str">
            <v>MDO INDIANA SOUTHWEST C&amp;M</v>
          </cell>
        </row>
        <row r="1853">
          <cell r="F1853">
            <v>75115</v>
          </cell>
          <cell r="Z1853" t="str">
            <v>DOLMRPR</v>
          </cell>
          <cell r="AN1853" t="str">
            <v>MDO C&amp;M</v>
          </cell>
          <cell r="AO1853" t="str">
            <v>MDO INDIANA SOUTHEAST C&amp;M</v>
          </cell>
        </row>
        <row r="1854">
          <cell r="F1854">
            <v>75115</v>
          </cell>
          <cell r="Z1854" t="str">
            <v>DOLMRPR</v>
          </cell>
          <cell r="AN1854" t="str">
            <v>MDO C&amp;M</v>
          </cell>
          <cell r="AO1854" t="str">
            <v>MDO INDIANA SOUTHEAST C&amp;M</v>
          </cell>
        </row>
        <row r="1855">
          <cell r="F1855">
            <v>75115</v>
          </cell>
          <cell r="Z1855" t="str">
            <v>DOLMRPR</v>
          </cell>
          <cell r="AN1855" t="str">
            <v>MDO C&amp;M</v>
          </cell>
          <cell r="AO1855" t="str">
            <v>MDO INDIANA SOUTHEAST C&amp;M</v>
          </cell>
        </row>
        <row r="1856">
          <cell r="F1856">
            <v>75115</v>
          </cell>
          <cell r="Z1856" t="str">
            <v>DOLMRPR</v>
          </cell>
          <cell r="AN1856" t="str">
            <v>MDO C&amp;M</v>
          </cell>
          <cell r="AO1856" t="str">
            <v>MDO INDIANA SOUTHEAST C&amp;M</v>
          </cell>
        </row>
        <row r="1857">
          <cell r="F1857">
            <v>75115</v>
          </cell>
          <cell r="Z1857" t="str">
            <v>DOLMRPR</v>
          </cell>
          <cell r="AN1857" t="str">
            <v>MDO C&amp;M</v>
          </cell>
          <cell r="AO1857" t="str">
            <v>MDO INDIANA SOUTHEAST C&amp;M</v>
          </cell>
        </row>
        <row r="1858">
          <cell r="F1858">
            <v>75115</v>
          </cell>
          <cell r="Z1858" t="str">
            <v>DOLMRPR</v>
          </cell>
          <cell r="AN1858" t="str">
            <v>MDO C&amp;M</v>
          </cell>
          <cell r="AO1858" t="str">
            <v>MDO INDIANA SOUTHEAST C&amp;M</v>
          </cell>
        </row>
        <row r="1859">
          <cell r="F1859">
            <v>75115</v>
          </cell>
          <cell r="Z1859" t="str">
            <v>DOLMRPR</v>
          </cell>
          <cell r="AN1859" t="str">
            <v>MDO C&amp;M</v>
          </cell>
          <cell r="AO1859" t="str">
            <v>MDO INDIANA SOUTHEAST C&amp;M</v>
          </cell>
        </row>
        <row r="1860">
          <cell r="F1860">
            <v>75115</v>
          </cell>
          <cell r="Z1860" t="str">
            <v>DOLMRPR</v>
          </cell>
          <cell r="AN1860" t="str">
            <v>MDO C&amp;M</v>
          </cell>
          <cell r="AO1860" t="str">
            <v>MDO INDIANA SOUTHEAST C&amp;M</v>
          </cell>
        </row>
        <row r="1861">
          <cell r="F1861">
            <v>75115</v>
          </cell>
          <cell r="Z1861" t="str">
            <v>DOLMRPR</v>
          </cell>
          <cell r="AN1861" t="str">
            <v>MDO C&amp;M</v>
          </cell>
          <cell r="AO1861" t="str">
            <v>MDO INDIANA SOUTHEAST C&amp;M</v>
          </cell>
        </row>
        <row r="1862">
          <cell r="F1862">
            <v>75115</v>
          </cell>
          <cell r="Z1862" t="str">
            <v>DOLMRPR</v>
          </cell>
          <cell r="AN1862" t="str">
            <v>MDO C&amp;M</v>
          </cell>
          <cell r="AO1862" t="str">
            <v>MDO INDIANA SOUTHEAST C&amp;M</v>
          </cell>
        </row>
        <row r="1863">
          <cell r="F1863">
            <v>75115</v>
          </cell>
          <cell r="Z1863" t="str">
            <v>DOLMRPR</v>
          </cell>
          <cell r="AN1863" t="str">
            <v>MDO C&amp;M</v>
          </cell>
          <cell r="AO1863" t="str">
            <v>MDO INDIANA SOUTHEAST C&amp;M</v>
          </cell>
        </row>
        <row r="1864">
          <cell r="F1864">
            <v>75115</v>
          </cell>
          <cell r="Z1864" t="str">
            <v>DOLMRPR</v>
          </cell>
          <cell r="AN1864" t="str">
            <v>MDO C&amp;M</v>
          </cell>
          <cell r="AO1864" t="str">
            <v>MDO INDIANA SOUTHEAST C&amp;M</v>
          </cell>
        </row>
        <row r="1865">
          <cell r="F1865">
            <v>75115</v>
          </cell>
          <cell r="Z1865" t="str">
            <v>DOLMRPR</v>
          </cell>
          <cell r="AN1865" t="str">
            <v>MDO C&amp;M</v>
          </cell>
          <cell r="AO1865" t="str">
            <v>MDO INDIANA SOUTHEAST C&amp;M</v>
          </cell>
        </row>
        <row r="1866">
          <cell r="F1866">
            <v>75115</v>
          </cell>
          <cell r="Z1866" t="str">
            <v>DOLMRPR</v>
          </cell>
          <cell r="AN1866" t="str">
            <v>MDO C&amp;M</v>
          </cell>
          <cell r="AO1866" t="str">
            <v>MDO INDIANA SOUTHEAST C&amp;M</v>
          </cell>
        </row>
        <row r="1867">
          <cell r="F1867">
            <v>75115</v>
          </cell>
          <cell r="Z1867" t="str">
            <v>DOLMRPR</v>
          </cell>
          <cell r="AN1867" t="str">
            <v>MDO C&amp;M</v>
          </cell>
          <cell r="AO1867" t="str">
            <v>MDO INDIANA SOUTHEAST C&amp;M</v>
          </cell>
        </row>
        <row r="1868">
          <cell r="F1868">
            <v>75115</v>
          </cell>
          <cell r="Z1868" t="str">
            <v>DOLMRPR</v>
          </cell>
          <cell r="AN1868" t="str">
            <v>MDO C&amp;M</v>
          </cell>
          <cell r="AO1868" t="str">
            <v>MDO INDIANA SOUTHEAST C&amp;M</v>
          </cell>
        </row>
        <row r="1869">
          <cell r="F1869">
            <v>75115</v>
          </cell>
          <cell r="Z1869" t="str">
            <v>DOLMRPR</v>
          </cell>
          <cell r="AN1869" t="str">
            <v>MDO C&amp;M</v>
          </cell>
          <cell r="AO1869" t="str">
            <v>MDO INDIANA SOUTHEAST C&amp;M</v>
          </cell>
        </row>
        <row r="1870">
          <cell r="F1870">
            <v>75115</v>
          </cell>
          <cell r="Z1870" t="str">
            <v>DOLMRPR</v>
          </cell>
          <cell r="AN1870" t="str">
            <v>MDO C&amp;M</v>
          </cell>
          <cell r="AO1870" t="str">
            <v>MDO INDIANA SOUTHEAST C&amp;M</v>
          </cell>
        </row>
        <row r="1871">
          <cell r="F1871">
            <v>75115</v>
          </cell>
          <cell r="Z1871" t="str">
            <v>DOLMRPR</v>
          </cell>
          <cell r="AN1871" t="str">
            <v>MDO C&amp;M</v>
          </cell>
          <cell r="AO1871" t="str">
            <v>MDO INDIANA SOUTHEAST C&amp;M</v>
          </cell>
        </row>
        <row r="1872">
          <cell r="F1872">
            <v>75115</v>
          </cell>
          <cell r="Z1872" t="str">
            <v>DOLMRPR</v>
          </cell>
          <cell r="AN1872" t="str">
            <v>MDO C&amp;M</v>
          </cell>
          <cell r="AO1872" t="str">
            <v>MDO INDIANA SOUTHEAST C&amp;M</v>
          </cell>
        </row>
        <row r="1873">
          <cell r="F1873">
            <v>75115</v>
          </cell>
          <cell r="Z1873" t="str">
            <v>DOLMRPR</v>
          </cell>
          <cell r="AN1873" t="str">
            <v>MDO C&amp;M</v>
          </cell>
          <cell r="AO1873" t="str">
            <v>MDO INDIANA SOUTHEAST C&amp;M</v>
          </cell>
        </row>
        <row r="1874">
          <cell r="F1874">
            <v>75115</v>
          </cell>
          <cell r="Z1874" t="str">
            <v>DOLMRPR</v>
          </cell>
          <cell r="AN1874" t="str">
            <v>MDO C&amp;M</v>
          </cell>
          <cell r="AO1874" t="str">
            <v>MDO INDIANA SOUTHEAST C&amp;M</v>
          </cell>
        </row>
        <row r="1875">
          <cell r="F1875">
            <v>75115</v>
          </cell>
          <cell r="Z1875" t="str">
            <v>DOLMRPR</v>
          </cell>
          <cell r="AN1875" t="str">
            <v>MDO C&amp;M</v>
          </cell>
          <cell r="AO1875" t="str">
            <v>MDO INDIANA SOUTHEAST C&amp;M</v>
          </cell>
        </row>
        <row r="1876">
          <cell r="F1876">
            <v>75115</v>
          </cell>
          <cell r="Z1876" t="str">
            <v>DOLMRPR</v>
          </cell>
          <cell r="AN1876" t="str">
            <v>MDO C&amp;M</v>
          </cell>
          <cell r="AO1876" t="str">
            <v>MDO INDIANA SOUTHEAST C&amp;M</v>
          </cell>
        </row>
        <row r="1877">
          <cell r="F1877">
            <v>75115</v>
          </cell>
          <cell r="Z1877" t="str">
            <v>DOLMRPR</v>
          </cell>
          <cell r="AN1877" t="str">
            <v>MDO C&amp;M</v>
          </cell>
          <cell r="AO1877" t="str">
            <v>MDO INDIANA SOUTHEAST C&amp;M</v>
          </cell>
        </row>
        <row r="1878">
          <cell r="F1878">
            <v>75115</v>
          </cell>
          <cell r="Z1878" t="str">
            <v>DOLMRPR</v>
          </cell>
          <cell r="AN1878" t="str">
            <v>MDO C&amp;M</v>
          </cell>
          <cell r="AO1878" t="str">
            <v>MDO INDIANA SOUTHEAST C&amp;M</v>
          </cell>
        </row>
        <row r="1879">
          <cell r="F1879">
            <v>75115</v>
          </cell>
          <cell r="Z1879" t="str">
            <v>DOLMRPR</v>
          </cell>
          <cell r="AN1879" t="str">
            <v>MDO C&amp;M</v>
          </cell>
          <cell r="AO1879" t="str">
            <v>MDO INDIANA SOUTHEAST C&amp;M</v>
          </cell>
        </row>
        <row r="1880">
          <cell r="F1880">
            <v>75115</v>
          </cell>
          <cell r="Z1880" t="str">
            <v>DOLMRPR</v>
          </cell>
          <cell r="AN1880" t="str">
            <v>MDO C&amp;M</v>
          </cell>
          <cell r="AO1880" t="str">
            <v>MDO INDIANA SOUTHEAST C&amp;M</v>
          </cell>
        </row>
        <row r="1881">
          <cell r="F1881">
            <v>75115</v>
          </cell>
          <cell r="Z1881" t="str">
            <v>DOLMRPR</v>
          </cell>
          <cell r="AN1881" t="str">
            <v>MDO C&amp;M</v>
          </cell>
          <cell r="AO1881" t="str">
            <v>MDO INDIANA SOUTHEAST C&amp;M</v>
          </cell>
        </row>
        <row r="1882">
          <cell r="F1882">
            <v>75115</v>
          </cell>
          <cell r="Z1882" t="str">
            <v>DOLMRPR</v>
          </cell>
          <cell r="AN1882" t="str">
            <v>MDO C&amp;M</v>
          </cell>
          <cell r="AO1882" t="str">
            <v>MDO INDIANA SOUTHEAST C&amp;M</v>
          </cell>
        </row>
        <row r="1883">
          <cell r="F1883">
            <v>75115</v>
          </cell>
          <cell r="Z1883" t="str">
            <v>DOLMRPR</v>
          </cell>
          <cell r="AN1883" t="str">
            <v>MDO C&amp;M</v>
          </cell>
          <cell r="AO1883" t="str">
            <v>MDO INDIANA SOUTHEAST C&amp;M</v>
          </cell>
        </row>
        <row r="1884">
          <cell r="F1884">
            <v>75115</v>
          </cell>
          <cell r="Z1884" t="str">
            <v>DOLMRPR</v>
          </cell>
          <cell r="AN1884" t="str">
            <v>MDO C&amp;M</v>
          </cell>
          <cell r="AO1884" t="str">
            <v>MDO INDIANA SOUTHEAST C&amp;M</v>
          </cell>
        </row>
        <row r="1885">
          <cell r="F1885">
            <v>75115</v>
          </cell>
          <cell r="Z1885" t="str">
            <v>DOLMRPR</v>
          </cell>
          <cell r="AN1885" t="str">
            <v>MDO C&amp;M</v>
          </cell>
          <cell r="AO1885" t="str">
            <v>MDO INDIANA SOUTHEAST C&amp;M</v>
          </cell>
        </row>
        <row r="1886">
          <cell r="F1886">
            <v>75115</v>
          </cell>
          <cell r="Z1886" t="str">
            <v>DOLMRPR</v>
          </cell>
          <cell r="AN1886" t="str">
            <v>MDO C&amp;M</v>
          </cell>
          <cell r="AO1886" t="str">
            <v>MDO INDIANA SOUTHEAST C&amp;M</v>
          </cell>
        </row>
        <row r="1887">
          <cell r="F1887">
            <v>75115</v>
          </cell>
          <cell r="Z1887" t="str">
            <v>DOLMRPR</v>
          </cell>
          <cell r="AN1887" t="str">
            <v>MDO C&amp;M</v>
          </cell>
          <cell r="AO1887" t="str">
            <v>MDO INDIANA SOUTHEAST C&amp;M</v>
          </cell>
        </row>
        <row r="1888">
          <cell r="F1888">
            <v>75115</v>
          </cell>
          <cell r="Z1888" t="str">
            <v>DOLMRPR</v>
          </cell>
          <cell r="AN1888" t="str">
            <v>MDO C&amp;M</v>
          </cell>
          <cell r="AO1888" t="str">
            <v>MDO INDIANA SOUTHEAST C&amp;M</v>
          </cell>
        </row>
        <row r="1889">
          <cell r="F1889">
            <v>75115</v>
          </cell>
          <cell r="Z1889" t="str">
            <v>DOLMRPR</v>
          </cell>
          <cell r="AN1889" t="str">
            <v>MDO C&amp;M</v>
          </cell>
          <cell r="AO1889" t="str">
            <v>MDO INDIANA SOUTHEAST C&amp;M</v>
          </cell>
        </row>
        <row r="1890">
          <cell r="F1890">
            <v>75115</v>
          </cell>
          <cell r="Z1890" t="str">
            <v>DOLMRPR</v>
          </cell>
          <cell r="AN1890" t="str">
            <v>MDO C&amp;M</v>
          </cell>
          <cell r="AO1890" t="str">
            <v>MDO INDIANA SOUTHEAST C&amp;M</v>
          </cell>
        </row>
        <row r="1891">
          <cell r="F1891">
            <v>75115</v>
          </cell>
          <cell r="Z1891" t="str">
            <v>DOLMRPR</v>
          </cell>
          <cell r="AN1891" t="str">
            <v>MDO C&amp;M</v>
          </cell>
          <cell r="AO1891" t="str">
            <v>MDO INDIANA SOUTHEAST C&amp;M</v>
          </cell>
        </row>
        <row r="1892">
          <cell r="F1892">
            <v>75115</v>
          </cell>
          <cell r="Z1892" t="str">
            <v>DOLMRPR</v>
          </cell>
          <cell r="AN1892" t="str">
            <v>MDO C&amp;M</v>
          </cell>
          <cell r="AO1892" t="str">
            <v>MDO INDIANA SOUTHEAST C&amp;M</v>
          </cell>
        </row>
        <row r="1893">
          <cell r="F1893">
            <v>75115</v>
          </cell>
          <cell r="Z1893" t="str">
            <v>DOLMRPR</v>
          </cell>
          <cell r="AN1893" t="str">
            <v>MDO C&amp;M</v>
          </cell>
          <cell r="AO1893" t="str">
            <v>MDO INDIANA SOUTHEAST C&amp;M</v>
          </cell>
        </row>
        <row r="1894">
          <cell r="F1894">
            <v>75115</v>
          </cell>
          <cell r="Z1894" t="str">
            <v>DOLMRPR</v>
          </cell>
          <cell r="AN1894" t="str">
            <v>MDO C&amp;M</v>
          </cell>
          <cell r="AO1894" t="str">
            <v>MDO INDIANA SOUTHEAST C&amp;M</v>
          </cell>
        </row>
        <row r="1895">
          <cell r="F1895">
            <v>75115</v>
          </cell>
          <cell r="Z1895" t="str">
            <v>DOLMRPR</v>
          </cell>
          <cell r="AN1895" t="str">
            <v>MDO C&amp;M</v>
          </cell>
          <cell r="AO1895" t="str">
            <v>MDO INDIANA SOUTHEAST C&amp;M</v>
          </cell>
        </row>
        <row r="1896">
          <cell r="F1896">
            <v>75115</v>
          </cell>
          <cell r="Z1896" t="str">
            <v>DOLMRPR</v>
          </cell>
          <cell r="AN1896" t="str">
            <v>MDO C&amp;M</v>
          </cell>
          <cell r="AO1896" t="str">
            <v>MDO INDIANA SOUTHEAST C&amp;M</v>
          </cell>
        </row>
        <row r="1897">
          <cell r="F1897">
            <v>75115</v>
          </cell>
          <cell r="Z1897" t="str">
            <v>DOLMRPR</v>
          </cell>
          <cell r="AN1897" t="str">
            <v>MDO C&amp;M</v>
          </cell>
          <cell r="AO1897" t="str">
            <v>MDO INDIANA SOUTHEAST C&amp;M</v>
          </cell>
        </row>
        <row r="1898">
          <cell r="F1898">
            <v>75115</v>
          </cell>
          <cell r="Z1898" t="str">
            <v>DOLMRPR</v>
          </cell>
          <cell r="AN1898" t="str">
            <v>MDO C&amp;M</v>
          </cell>
          <cell r="AO1898" t="str">
            <v>MDO INDIANA SOUTHEAST C&amp;M</v>
          </cell>
        </row>
        <row r="1899">
          <cell r="F1899">
            <v>75115</v>
          </cell>
          <cell r="Z1899" t="str">
            <v>DOLMRPR</v>
          </cell>
          <cell r="AN1899" t="str">
            <v>MDO C&amp;M</v>
          </cell>
          <cell r="AO1899" t="str">
            <v>MDO INDIANA SOUTHEAST C&amp;M</v>
          </cell>
        </row>
        <row r="1900">
          <cell r="F1900">
            <v>75115</v>
          </cell>
          <cell r="Z1900" t="str">
            <v>DOLMRPR</v>
          </cell>
          <cell r="AN1900" t="str">
            <v>MDO C&amp;M</v>
          </cell>
          <cell r="AO1900" t="str">
            <v>MDO INDIANA SOUTHEAST C&amp;M</v>
          </cell>
        </row>
        <row r="1901">
          <cell r="F1901">
            <v>75115</v>
          </cell>
          <cell r="Z1901" t="str">
            <v>DOLMRPR</v>
          </cell>
          <cell r="AN1901" t="str">
            <v>MDO C&amp;M</v>
          </cell>
          <cell r="AO1901" t="str">
            <v>MDO INDIANA SOUTHEAST C&amp;M</v>
          </cell>
        </row>
        <row r="1902">
          <cell r="F1902">
            <v>75115</v>
          </cell>
          <cell r="Z1902" t="str">
            <v>DOLMRPR</v>
          </cell>
          <cell r="AN1902" t="str">
            <v>MDO C&amp;M</v>
          </cell>
          <cell r="AO1902" t="str">
            <v>MDO INDIANA SOUTHEAST C&amp;M</v>
          </cell>
        </row>
        <row r="1903">
          <cell r="F1903">
            <v>75115</v>
          </cell>
          <cell r="Z1903" t="str">
            <v>DOLMRPR</v>
          </cell>
          <cell r="AN1903" t="str">
            <v>MDO C&amp;M</v>
          </cell>
          <cell r="AO1903" t="str">
            <v>MDO INDIANA SOUTHEAST C&amp;M</v>
          </cell>
        </row>
        <row r="1904">
          <cell r="F1904">
            <v>75115</v>
          </cell>
          <cell r="Z1904" t="str">
            <v>DOLMRPR</v>
          </cell>
          <cell r="AN1904" t="str">
            <v>MDO C&amp;M</v>
          </cell>
          <cell r="AO1904" t="str">
            <v>MDO INDIANA SOUTHEAST C&amp;M</v>
          </cell>
        </row>
        <row r="1905">
          <cell r="F1905">
            <v>75115</v>
          </cell>
          <cell r="Z1905" t="str">
            <v>DOLMRPR</v>
          </cell>
          <cell r="AN1905" t="str">
            <v>MDO C&amp;M</v>
          </cell>
          <cell r="AO1905" t="str">
            <v>MDO INDIANA SOUTHEAST C&amp;M</v>
          </cell>
        </row>
        <row r="1906">
          <cell r="F1906">
            <v>75115</v>
          </cell>
          <cell r="Z1906" t="str">
            <v>DOLMRPR</v>
          </cell>
          <cell r="AN1906" t="str">
            <v>MDO C&amp;M</v>
          </cell>
          <cell r="AO1906" t="str">
            <v>MDO INDIANA SOUTHEAST C&amp;M</v>
          </cell>
        </row>
        <row r="1907">
          <cell r="F1907">
            <v>75115</v>
          </cell>
          <cell r="Z1907" t="str">
            <v>DOLMRPR</v>
          </cell>
          <cell r="AN1907" t="str">
            <v>MDO C&amp;M</v>
          </cell>
          <cell r="AO1907" t="str">
            <v>MDO INDIANA SOUTHEAST C&amp;M</v>
          </cell>
        </row>
        <row r="1908">
          <cell r="F1908">
            <v>75115</v>
          </cell>
          <cell r="Z1908" t="str">
            <v>DOLMRPR</v>
          </cell>
          <cell r="AN1908" t="str">
            <v>MDO C&amp;M</v>
          </cell>
          <cell r="AO1908" t="str">
            <v>MDO INDIANA SOUTHEAST C&amp;M</v>
          </cell>
        </row>
        <row r="1909">
          <cell r="F1909">
            <v>75115</v>
          </cell>
          <cell r="Z1909" t="str">
            <v>DOLMRPR</v>
          </cell>
          <cell r="AN1909" t="str">
            <v>MDO C&amp;M</v>
          </cell>
          <cell r="AO1909" t="str">
            <v>MDO INDIANA SOUTHEAST C&amp;M</v>
          </cell>
        </row>
        <row r="1910">
          <cell r="F1910">
            <v>75115</v>
          </cell>
          <cell r="Z1910" t="str">
            <v>DOLMRPR</v>
          </cell>
          <cell r="AN1910" t="str">
            <v>MDO C&amp;M</v>
          </cell>
          <cell r="AO1910" t="str">
            <v>MDO INDIANA SOUTHEAST C&amp;M</v>
          </cell>
        </row>
        <row r="1911">
          <cell r="F1911">
            <v>75115</v>
          </cell>
          <cell r="Z1911" t="str">
            <v>DOLMRPR</v>
          </cell>
          <cell r="AN1911" t="str">
            <v>MDO C&amp;M</v>
          </cell>
          <cell r="AO1911" t="str">
            <v>MDO INDIANA SOUTHEAST C&amp;M</v>
          </cell>
        </row>
        <row r="1912">
          <cell r="F1912">
            <v>75115</v>
          </cell>
          <cell r="Z1912" t="str">
            <v>DOLMRPR</v>
          </cell>
          <cell r="AN1912" t="str">
            <v>MDO C&amp;M</v>
          </cell>
          <cell r="AO1912" t="str">
            <v>MDO INDIANA SOUTHEAST C&amp;M</v>
          </cell>
        </row>
        <row r="1913">
          <cell r="F1913">
            <v>75115</v>
          </cell>
          <cell r="Z1913" t="str">
            <v>DOLMRPR</v>
          </cell>
          <cell r="AN1913" t="str">
            <v>MDO C&amp;M</v>
          </cell>
          <cell r="AO1913" t="str">
            <v>MDO INDIANA SOUTHEAST C&amp;M</v>
          </cell>
        </row>
        <row r="1914">
          <cell r="F1914">
            <v>75115</v>
          </cell>
          <cell r="Z1914" t="str">
            <v>DOLMRPR</v>
          </cell>
          <cell r="AN1914" t="str">
            <v>MDO C&amp;M</v>
          </cell>
          <cell r="AO1914" t="str">
            <v>MDO INDIANA SOUTHEAST C&amp;M</v>
          </cell>
        </row>
        <row r="1915">
          <cell r="F1915">
            <v>75115</v>
          </cell>
          <cell r="Z1915" t="str">
            <v>DOLMRPR</v>
          </cell>
          <cell r="AN1915" t="str">
            <v>MDO C&amp;M</v>
          </cell>
          <cell r="AO1915" t="str">
            <v>MDO INDIANA SOUTHEAST C&amp;M</v>
          </cell>
        </row>
        <row r="1916">
          <cell r="F1916">
            <v>75115</v>
          </cell>
          <cell r="Z1916" t="str">
            <v>DOLMRPR</v>
          </cell>
          <cell r="AN1916" t="str">
            <v>MDO C&amp;M</v>
          </cell>
          <cell r="AO1916" t="str">
            <v>MDO INDIANA SOUTHEAST C&amp;M</v>
          </cell>
        </row>
        <row r="1917">
          <cell r="F1917">
            <v>75115</v>
          </cell>
          <cell r="Z1917" t="str">
            <v>DOLMRPR</v>
          </cell>
          <cell r="AN1917" t="str">
            <v>MDO C&amp;M</v>
          </cell>
          <cell r="AO1917" t="str">
            <v>MDO INDIANA SOUTHEAST C&amp;M</v>
          </cell>
        </row>
        <row r="1918">
          <cell r="F1918">
            <v>75115</v>
          </cell>
          <cell r="Z1918" t="str">
            <v>DOLMRPR</v>
          </cell>
          <cell r="AN1918" t="str">
            <v>MDO C&amp;M</v>
          </cell>
          <cell r="AO1918" t="str">
            <v>MDO INDIANA SOUTHEAST C&amp;M</v>
          </cell>
        </row>
        <row r="1919">
          <cell r="F1919">
            <v>75115</v>
          </cell>
          <cell r="Z1919" t="str">
            <v>DOLMRPR</v>
          </cell>
          <cell r="AN1919" t="str">
            <v>MDO C&amp;M</v>
          </cell>
          <cell r="AO1919" t="str">
            <v>MDO INDIANA SOUTHEAST C&amp;M</v>
          </cell>
        </row>
        <row r="1920">
          <cell r="F1920">
            <v>75115</v>
          </cell>
          <cell r="Z1920" t="str">
            <v>DOLMRPR</v>
          </cell>
          <cell r="AN1920" t="str">
            <v>MDO C&amp;M</v>
          </cell>
          <cell r="AO1920" t="str">
            <v>MDO INDIANA SOUTHEAST C&amp;M</v>
          </cell>
        </row>
        <row r="1921">
          <cell r="F1921">
            <v>75115</v>
          </cell>
          <cell r="Z1921" t="str">
            <v>DOLMRPR</v>
          </cell>
          <cell r="AN1921" t="str">
            <v>MDO C&amp;M</v>
          </cell>
          <cell r="AO1921" t="str">
            <v>MDO INDIANA SOUTHEAST C&amp;M</v>
          </cell>
        </row>
        <row r="1922">
          <cell r="F1922">
            <v>75115</v>
          </cell>
          <cell r="Z1922" t="str">
            <v>DOLMRPR</v>
          </cell>
          <cell r="AN1922" t="str">
            <v>MDO C&amp;M</v>
          </cell>
          <cell r="AO1922" t="str">
            <v>MDO INDIANA SOUTHEAST C&amp;M</v>
          </cell>
        </row>
        <row r="1923">
          <cell r="F1923">
            <v>75115</v>
          </cell>
          <cell r="Z1923" t="str">
            <v>DOLMRPR</v>
          </cell>
          <cell r="AN1923" t="str">
            <v>MDO C&amp;M</v>
          </cell>
          <cell r="AO1923" t="str">
            <v>MDO INDIANA SOUTHEAST C&amp;M</v>
          </cell>
        </row>
        <row r="1924">
          <cell r="F1924">
            <v>75115</v>
          </cell>
          <cell r="Z1924" t="str">
            <v>DOLMRPR</v>
          </cell>
          <cell r="AN1924" t="str">
            <v>MDO C&amp;M</v>
          </cell>
          <cell r="AO1924" t="str">
            <v>MDO INDIANA SOUTHEAST C&amp;M</v>
          </cell>
        </row>
        <row r="1925">
          <cell r="F1925">
            <v>75115</v>
          </cell>
          <cell r="Z1925" t="str">
            <v>DOLMRPR</v>
          </cell>
          <cell r="AN1925" t="str">
            <v>MDO C&amp;M</v>
          </cell>
          <cell r="AO1925" t="str">
            <v>MDO INDIANA SOUTHEAST C&amp;M</v>
          </cell>
        </row>
        <row r="1926">
          <cell r="F1926">
            <v>75115</v>
          </cell>
          <cell r="Z1926" t="str">
            <v>DOLMRPR</v>
          </cell>
          <cell r="AN1926" t="str">
            <v>MDO C&amp;M</v>
          </cell>
          <cell r="AO1926" t="str">
            <v>MDO INDIANA SOUTHEAST C&amp;M</v>
          </cell>
        </row>
        <row r="1927">
          <cell r="F1927">
            <v>75115</v>
          </cell>
          <cell r="Z1927" t="str">
            <v>DOLMRPR</v>
          </cell>
          <cell r="AN1927" t="str">
            <v>MDO C&amp;M</v>
          </cell>
          <cell r="AO1927" t="str">
            <v>MDO INDIANA SOUTHEAST C&amp;M</v>
          </cell>
        </row>
        <row r="1928">
          <cell r="F1928">
            <v>75115</v>
          </cell>
          <cell r="Z1928" t="str">
            <v>DOLMRPR</v>
          </cell>
          <cell r="AN1928" t="str">
            <v>MDO C&amp;M</v>
          </cell>
          <cell r="AO1928" t="str">
            <v>MDO INDIANA SOUTHEAST C&amp;M</v>
          </cell>
        </row>
        <row r="1929">
          <cell r="F1929">
            <v>75115</v>
          </cell>
          <cell r="Z1929" t="str">
            <v>DOLMRPR</v>
          </cell>
          <cell r="AN1929" t="str">
            <v>MDO C&amp;M</v>
          </cell>
          <cell r="AO1929" t="str">
            <v>MDO INDIANA SOUTHEAST C&amp;M</v>
          </cell>
        </row>
        <row r="1930">
          <cell r="F1930">
            <v>75115</v>
          </cell>
          <cell r="Z1930" t="str">
            <v>DOLMRPR</v>
          </cell>
          <cell r="AN1930" t="str">
            <v>MDO C&amp;M</v>
          </cell>
          <cell r="AO1930" t="str">
            <v>MDO INDIANA SOUTHEAST C&amp;M</v>
          </cell>
        </row>
        <row r="1931">
          <cell r="F1931">
            <v>75115</v>
          </cell>
          <cell r="Z1931" t="str">
            <v>DOLMRPR</v>
          </cell>
          <cell r="AN1931" t="str">
            <v>MDO C&amp;M</v>
          </cell>
          <cell r="AO1931" t="str">
            <v>MDO INDIANA SOUTHEAST C&amp;M</v>
          </cell>
        </row>
        <row r="1932">
          <cell r="F1932">
            <v>75115</v>
          </cell>
          <cell r="Z1932" t="str">
            <v>DOLMRPR</v>
          </cell>
          <cell r="AN1932" t="str">
            <v>MDO C&amp;M</v>
          </cell>
          <cell r="AO1932" t="str">
            <v>MDO INDIANA SOUTHEAST C&amp;M</v>
          </cell>
        </row>
        <row r="1933">
          <cell r="F1933">
            <v>75115</v>
          </cell>
          <cell r="Z1933" t="str">
            <v>DOLMRPR</v>
          </cell>
          <cell r="AN1933" t="str">
            <v>MDO C&amp;M</v>
          </cell>
          <cell r="AO1933" t="str">
            <v>MDO INDIANA SOUTHEAST C&amp;M</v>
          </cell>
        </row>
        <row r="1934">
          <cell r="F1934">
            <v>75115</v>
          </cell>
          <cell r="Z1934" t="str">
            <v>DOLMRPR</v>
          </cell>
          <cell r="AN1934" t="str">
            <v>MDO C&amp;M</v>
          </cell>
          <cell r="AO1934" t="str">
            <v>MDO INDIANA SOUTHEAST C&amp;M</v>
          </cell>
        </row>
        <row r="1935">
          <cell r="F1935">
            <v>75115</v>
          </cell>
          <cell r="Z1935" t="str">
            <v>DOLMRPR</v>
          </cell>
          <cell r="AN1935" t="str">
            <v>MDO C&amp;M</v>
          </cell>
          <cell r="AO1935" t="str">
            <v>MDO INDIANA SOUTHEAST C&amp;M</v>
          </cell>
        </row>
        <row r="1936">
          <cell r="F1936">
            <v>75115</v>
          </cell>
          <cell r="Z1936" t="str">
            <v>DOLMRPR</v>
          </cell>
          <cell r="AN1936" t="str">
            <v>MDO C&amp;M</v>
          </cell>
          <cell r="AO1936" t="str">
            <v>MDO INDIANA SOUTHEAST C&amp;M</v>
          </cell>
        </row>
        <row r="1937">
          <cell r="F1937">
            <v>75115</v>
          </cell>
          <cell r="Z1937" t="str">
            <v>DOLMRPR</v>
          </cell>
          <cell r="AN1937" t="str">
            <v>MDO C&amp;M</v>
          </cell>
          <cell r="AO1937" t="str">
            <v>MDO INDIANA SOUTHEAST C&amp;M</v>
          </cell>
        </row>
        <row r="1938">
          <cell r="F1938">
            <v>75115</v>
          </cell>
          <cell r="Z1938" t="str">
            <v>DOLMRPR</v>
          </cell>
          <cell r="AN1938" t="str">
            <v>MDO C&amp;M</v>
          </cell>
          <cell r="AO1938" t="str">
            <v>MDO INDIANA SOUTHEAST C&amp;M</v>
          </cell>
        </row>
        <row r="1939">
          <cell r="F1939">
            <v>75115</v>
          </cell>
          <cell r="Z1939" t="str">
            <v>DOLMRPR</v>
          </cell>
          <cell r="AN1939" t="str">
            <v>MDO C&amp;M</v>
          </cell>
          <cell r="AO1939" t="str">
            <v>MDO INDIANA SOUTHEAST C&amp;M</v>
          </cell>
        </row>
        <row r="1940">
          <cell r="F1940">
            <v>75115</v>
          </cell>
          <cell r="Z1940" t="str">
            <v>DOLMRPR</v>
          </cell>
          <cell r="AN1940" t="str">
            <v>MDO C&amp;M</v>
          </cell>
          <cell r="AO1940" t="str">
            <v>MDO INDIANA SOUTHEAST C&amp;M</v>
          </cell>
        </row>
        <row r="1941">
          <cell r="F1941">
            <v>75115</v>
          </cell>
          <cell r="Z1941" t="str">
            <v>DOLMRPR</v>
          </cell>
          <cell r="AN1941" t="str">
            <v>MDO C&amp;M</v>
          </cell>
          <cell r="AO1941" t="str">
            <v>MDO INDIANA SOUTHEAST C&amp;M</v>
          </cell>
        </row>
        <row r="1942">
          <cell r="F1942">
            <v>75115</v>
          </cell>
          <cell r="Z1942" t="str">
            <v>DOLMRPR</v>
          </cell>
          <cell r="AN1942" t="str">
            <v>MDO C&amp;M</v>
          </cell>
          <cell r="AO1942" t="str">
            <v>MDO INDIANA SOUTHEAST C&amp;M</v>
          </cell>
        </row>
        <row r="1943">
          <cell r="F1943">
            <v>75115</v>
          </cell>
          <cell r="Z1943" t="str">
            <v>DOLMRPR</v>
          </cell>
          <cell r="AN1943" t="str">
            <v>MDO C&amp;M</v>
          </cell>
          <cell r="AO1943" t="str">
            <v>MDO INDIANA SOUTHEAST C&amp;M</v>
          </cell>
        </row>
        <row r="1944">
          <cell r="F1944">
            <v>75115</v>
          </cell>
          <cell r="Z1944" t="str">
            <v>DOLMRPR</v>
          </cell>
          <cell r="AN1944" t="str">
            <v>MDO C&amp;M</v>
          </cell>
          <cell r="AO1944" t="str">
            <v>MDO INDIANA SOUTHEAST C&amp;M</v>
          </cell>
        </row>
        <row r="1945">
          <cell r="F1945">
            <v>75115</v>
          </cell>
          <cell r="Z1945" t="str">
            <v>DOLMRPR</v>
          </cell>
          <cell r="AN1945" t="str">
            <v>MDO C&amp;M</v>
          </cell>
          <cell r="AO1945" t="str">
            <v>MDO INDIANA SOUTHEAST C&amp;M</v>
          </cell>
        </row>
        <row r="1946">
          <cell r="F1946">
            <v>75115</v>
          </cell>
          <cell r="Z1946" t="str">
            <v>DOLMRPR</v>
          </cell>
          <cell r="AN1946" t="str">
            <v>MDO C&amp;M</v>
          </cell>
          <cell r="AO1946" t="str">
            <v>MDO INDIANA SOUTHEAST C&amp;M</v>
          </cell>
        </row>
        <row r="1947">
          <cell r="F1947">
            <v>75115</v>
          </cell>
          <cell r="Z1947" t="str">
            <v>DOLMRPR</v>
          </cell>
          <cell r="AN1947" t="str">
            <v>MDO C&amp;M</v>
          </cell>
          <cell r="AO1947" t="str">
            <v>MDO INDIANA SOUTHEAST C&amp;M</v>
          </cell>
        </row>
        <row r="1948">
          <cell r="F1948">
            <v>75115</v>
          </cell>
          <cell r="Z1948" t="str">
            <v>DOLMRPR</v>
          </cell>
          <cell r="AN1948" t="str">
            <v>MDO C&amp;M</v>
          </cell>
          <cell r="AO1948" t="str">
            <v>MDO INDIANA SOUTHEAST C&amp;M</v>
          </cell>
        </row>
        <row r="1949">
          <cell r="F1949">
            <v>75115</v>
          </cell>
          <cell r="Z1949" t="str">
            <v>DOLMRPR</v>
          </cell>
          <cell r="AN1949" t="str">
            <v>MDO C&amp;M</v>
          </cell>
          <cell r="AO1949" t="str">
            <v>MDO INDIANA SOUTHEAST C&amp;M</v>
          </cell>
        </row>
        <row r="1950">
          <cell r="F1950">
            <v>75115</v>
          </cell>
          <cell r="Z1950" t="str">
            <v>DOLMRPR</v>
          </cell>
          <cell r="AN1950" t="str">
            <v>MDO C&amp;M</v>
          </cell>
          <cell r="AO1950" t="str">
            <v>MDO INDIANA SOUTHEAST C&amp;M</v>
          </cell>
        </row>
        <row r="1951">
          <cell r="F1951">
            <v>75115</v>
          </cell>
          <cell r="Z1951" t="str">
            <v>DOLMRPR</v>
          </cell>
          <cell r="AN1951" t="str">
            <v>MDO C&amp;M</v>
          </cell>
          <cell r="AO1951" t="str">
            <v>MDO INDIANA SOUTHEAST C&amp;M</v>
          </cell>
        </row>
        <row r="1952">
          <cell r="F1952">
            <v>75115</v>
          </cell>
          <cell r="Z1952" t="str">
            <v>DOLMRPR</v>
          </cell>
          <cell r="AN1952" t="str">
            <v>MDO C&amp;M</v>
          </cell>
          <cell r="AO1952" t="str">
            <v>MDO INDIANA SOUTHEAST C&amp;M</v>
          </cell>
        </row>
        <row r="1953">
          <cell r="F1953">
            <v>75115</v>
          </cell>
          <cell r="Z1953" t="str">
            <v>DOLMRPR</v>
          </cell>
          <cell r="AN1953" t="str">
            <v>MDO C&amp;M</v>
          </cell>
          <cell r="AO1953" t="str">
            <v>MDO INDIANA SOUTHEAST C&amp;M</v>
          </cell>
        </row>
        <row r="1954">
          <cell r="F1954">
            <v>75115</v>
          </cell>
          <cell r="Z1954" t="str">
            <v>DOLMRPR</v>
          </cell>
          <cell r="AN1954" t="str">
            <v>MDO C&amp;M</v>
          </cell>
          <cell r="AO1954" t="str">
            <v>MDO INDIANA SOUTHEAST C&amp;M</v>
          </cell>
        </row>
        <row r="1955">
          <cell r="F1955">
            <v>75115</v>
          </cell>
          <cell r="Z1955" t="str">
            <v>DOLMRPR</v>
          </cell>
          <cell r="AN1955" t="str">
            <v>MDO C&amp;M</v>
          </cell>
          <cell r="AO1955" t="str">
            <v>MDO INDIANA SOUTHEAST C&amp;M</v>
          </cell>
        </row>
        <row r="1956">
          <cell r="F1956">
            <v>75115</v>
          </cell>
          <cell r="Z1956" t="str">
            <v>DOLMRPR</v>
          </cell>
          <cell r="AN1956" t="str">
            <v>MDO C&amp;M</v>
          </cell>
          <cell r="AO1956" t="str">
            <v>MDO INDIANA SOUTHEAST C&amp;M</v>
          </cell>
        </row>
        <row r="1957">
          <cell r="F1957">
            <v>75115</v>
          </cell>
          <cell r="Z1957" t="str">
            <v>DOLMRPR</v>
          </cell>
          <cell r="AN1957" t="str">
            <v>MDO C&amp;M</v>
          </cell>
          <cell r="AO1957" t="str">
            <v>MDO INDIANA SOUTHEAST C&amp;M</v>
          </cell>
        </row>
        <row r="1958">
          <cell r="F1958">
            <v>75115</v>
          </cell>
          <cell r="Z1958" t="str">
            <v>DOLMRPR</v>
          </cell>
          <cell r="AN1958" t="str">
            <v>MDO C&amp;M</v>
          </cell>
          <cell r="AO1958" t="str">
            <v>MDO INDIANA SOUTHEAST C&amp;M</v>
          </cell>
        </row>
        <row r="1959">
          <cell r="F1959">
            <v>75115</v>
          </cell>
          <cell r="Z1959" t="str">
            <v>DOLMRPR</v>
          </cell>
          <cell r="AN1959" t="str">
            <v>MDO C&amp;M</v>
          </cell>
          <cell r="AO1959" t="str">
            <v>MDO INDIANA SOUTHEAST C&amp;M</v>
          </cell>
        </row>
        <row r="1960">
          <cell r="F1960">
            <v>75115</v>
          </cell>
          <cell r="Z1960" t="str">
            <v>DOLMRPR</v>
          </cell>
          <cell r="AN1960" t="str">
            <v>MDO C&amp;M</v>
          </cell>
          <cell r="AO1960" t="str">
            <v>MDO INDIANA SOUTHEAST C&amp;M</v>
          </cell>
        </row>
        <row r="1961">
          <cell r="F1961">
            <v>75115</v>
          </cell>
          <cell r="Z1961" t="str">
            <v>DOLMRPR</v>
          </cell>
          <cell r="AN1961" t="str">
            <v>MDO C&amp;M</v>
          </cell>
          <cell r="AO1961" t="str">
            <v>MDO INDIANA SOUTHEAST C&amp;M</v>
          </cell>
        </row>
        <row r="1962">
          <cell r="F1962">
            <v>75115</v>
          </cell>
          <cell r="Z1962" t="str">
            <v>DOLMRPR</v>
          </cell>
          <cell r="AN1962" t="str">
            <v>MDO C&amp;M</v>
          </cell>
          <cell r="AO1962" t="str">
            <v>MDO INDIANA SOUTHEAST C&amp;M</v>
          </cell>
        </row>
        <row r="1963">
          <cell r="F1963">
            <v>75115</v>
          </cell>
          <cell r="Z1963" t="str">
            <v>DOLMRPR</v>
          </cell>
          <cell r="AN1963" t="str">
            <v>MDO C&amp;M</v>
          </cell>
          <cell r="AO1963" t="str">
            <v>MDO INDIANA SOUTHEAST C&amp;M</v>
          </cell>
        </row>
        <row r="1964">
          <cell r="F1964">
            <v>75115</v>
          </cell>
          <cell r="Z1964" t="str">
            <v>DOLMRPR</v>
          </cell>
          <cell r="AN1964" t="str">
            <v>MDO C&amp;M</v>
          </cell>
          <cell r="AO1964" t="str">
            <v>MDO INDIANA SOUTHEAST C&amp;M</v>
          </cell>
        </row>
        <row r="1965">
          <cell r="F1965">
            <v>75115</v>
          </cell>
          <cell r="Z1965" t="str">
            <v>DOLMRPR</v>
          </cell>
          <cell r="AN1965" t="str">
            <v>MDO C&amp;M</v>
          </cell>
          <cell r="AO1965" t="str">
            <v>MDO INDIANA SOUTHEAST C&amp;M</v>
          </cell>
        </row>
        <row r="1966">
          <cell r="F1966">
            <v>75115</v>
          </cell>
          <cell r="Z1966" t="str">
            <v>DOLMRPR</v>
          </cell>
          <cell r="AN1966" t="str">
            <v>MDO C&amp;M</v>
          </cell>
          <cell r="AO1966" t="str">
            <v>MDO INDIANA SOUTHEAST C&amp;M</v>
          </cell>
        </row>
        <row r="1967">
          <cell r="F1967">
            <v>75115</v>
          </cell>
          <cell r="Z1967" t="str">
            <v>DOLMRPR</v>
          </cell>
          <cell r="AN1967" t="str">
            <v>MDO C&amp;M</v>
          </cell>
          <cell r="AO1967" t="str">
            <v>MDO INDIANA SOUTHEAST C&amp;M</v>
          </cell>
        </row>
        <row r="1968">
          <cell r="F1968">
            <v>75115</v>
          </cell>
          <cell r="Z1968" t="str">
            <v>DOLMRPR</v>
          </cell>
          <cell r="AN1968" t="str">
            <v>MDO C&amp;M</v>
          </cell>
          <cell r="AO1968" t="str">
            <v>MDO INDIANA SOUTHEAST C&amp;M</v>
          </cell>
        </row>
        <row r="1969">
          <cell r="F1969">
            <v>75115</v>
          </cell>
          <cell r="Z1969" t="str">
            <v>DOLMRPR</v>
          </cell>
          <cell r="AN1969" t="str">
            <v>MDO C&amp;M</v>
          </cell>
          <cell r="AO1969" t="str">
            <v>MDO INDIANA SOUTHEAST C&amp;M</v>
          </cell>
        </row>
        <row r="1970">
          <cell r="F1970">
            <v>75115</v>
          </cell>
          <cell r="Z1970" t="str">
            <v>DOLMRPR</v>
          </cell>
          <cell r="AN1970" t="str">
            <v>MDO C&amp;M</v>
          </cell>
          <cell r="AO1970" t="str">
            <v>MDO INDIANA SOUTHEAST C&amp;M</v>
          </cell>
        </row>
        <row r="1971">
          <cell r="F1971">
            <v>75115</v>
          </cell>
          <cell r="Z1971" t="str">
            <v>DOLMRPR</v>
          </cell>
          <cell r="AN1971" t="str">
            <v>MDO C&amp;M</v>
          </cell>
          <cell r="AO1971" t="str">
            <v>MDO INDIANA SOUTHEAST C&amp;M</v>
          </cell>
        </row>
        <row r="1972">
          <cell r="F1972">
            <v>75115</v>
          </cell>
          <cell r="Z1972" t="str">
            <v>DOLMRPR</v>
          </cell>
          <cell r="AN1972" t="str">
            <v>MDO C&amp;M</v>
          </cell>
          <cell r="AO1972" t="str">
            <v>MDO INDIANA SOUTHEAST C&amp;M</v>
          </cell>
        </row>
        <row r="1973">
          <cell r="F1973">
            <v>75115</v>
          </cell>
          <cell r="Z1973" t="str">
            <v>DOLMRPR</v>
          </cell>
          <cell r="AN1973" t="str">
            <v>MDO C&amp;M</v>
          </cell>
          <cell r="AO1973" t="str">
            <v>MDO INDIANA SOUTHEAST C&amp;M</v>
          </cell>
        </row>
        <row r="1974">
          <cell r="F1974">
            <v>75115</v>
          </cell>
          <cell r="Z1974" t="str">
            <v>DOLMRPR</v>
          </cell>
          <cell r="AN1974" t="str">
            <v>MDO C&amp;M</v>
          </cell>
          <cell r="AO1974" t="str">
            <v>MDO INDIANA SOUTHEAST C&amp;M</v>
          </cell>
        </row>
        <row r="1975">
          <cell r="F1975">
            <v>75115</v>
          </cell>
          <cell r="Z1975" t="str">
            <v>DOLMRPR</v>
          </cell>
          <cell r="AN1975" t="str">
            <v>MDO C&amp;M</v>
          </cell>
          <cell r="AO1975" t="str">
            <v>MDO INDIANA SOUTHEAST C&amp;M</v>
          </cell>
        </row>
        <row r="1976">
          <cell r="F1976">
            <v>75115</v>
          </cell>
          <cell r="Z1976" t="str">
            <v>DOLMRPR</v>
          </cell>
          <cell r="AN1976" t="str">
            <v>MDO C&amp;M</v>
          </cell>
          <cell r="AO1976" t="str">
            <v>MDO INDIANA SOUTHEAST C&amp;M</v>
          </cell>
        </row>
        <row r="1977">
          <cell r="F1977">
            <v>75115</v>
          </cell>
          <cell r="Z1977" t="str">
            <v>DOLMRPR</v>
          </cell>
          <cell r="AN1977" t="str">
            <v>MDO C&amp;M</v>
          </cell>
          <cell r="AO1977" t="str">
            <v>MDO INDIANA SOUTHEAST C&amp;M</v>
          </cell>
        </row>
        <row r="1978">
          <cell r="F1978">
            <v>75115</v>
          </cell>
          <cell r="Z1978" t="str">
            <v>DOLMRPR</v>
          </cell>
          <cell r="AN1978" t="str">
            <v>MDO C&amp;M</v>
          </cell>
          <cell r="AO1978" t="str">
            <v>MDO INDIANA SOUTHEAST C&amp;M</v>
          </cell>
        </row>
        <row r="1979">
          <cell r="F1979">
            <v>75115</v>
          </cell>
          <cell r="Z1979" t="str">
            <v>DOLMRPR</v>
          </cell>
          <cell r="AN1979" t="str">
            <v>MDO C&amp;M</v>
          </cell>
          <cell r="AO1979" t="str">
            <v>MDO INDIANA SOUTHEAST C&amp;M</v>
          </cell>
        </row>
        <row r="1980">
          <cell r="F1980">
            <v>75115</v>
          </cell>
          <cell r="Z1980" t="str">
            <v>DOLMRPR</v>
          </cell>
          <cell r="AN1980" t="str">
            <v>MDO C&amp;M</v>
          </cell>
          <cell r="AO1980" t="str">
            <v>MDO INDIANA SOUTHEAST C&amp;M</v>
          </cell>
        </row>
        <row r="1981">
          <cell r="F1981">
            <v>75115</v>
          </cell>
          <cell r="Z1981" t="str">
            <v>DOLMRPR</v>
          </cell>
          <cell r="AN1981" t="str">
            <v>MDO C&amp;M</v>
          </cell>
          <cell r="AO1981" t="str">
            <v>MDO INDIANA SOUTHEAST C&amp;M</v>
          </cell>
        </row>
        <row r="1982">
          <cell r="F1982">
            <v>75115</v>
          </cell>
          <cell r="Z1982" t="str">
            <v>DOLMRPR</v>
          </cell>
          <cell r="AN1982" t="str">
            <v>MDO C&amp;M</v>
          </cell>
          <cell r="AO1982" t="str">
            <v>MDO INDIANA SOUTHEAST C&amp;M</v>
          </cell>
        </row>
        <row r="1983">
          <cell r="F1983">
            <v>75115</v>
          </cell>
          <cell r="Z1983" t="str">
            <v>DOLMRPR</v>
          </cell>
          <cell r="AN1983" t="str">
            <v>MDO C&amp;M</v>
          </cell>
          <cell r="AO1983" t="str">
            <v>MDO INDIANA SOUTHEAST C&amp;M</v>
          </cell>
        </row>
        <row r="1984">
          <cell r="F1984">
            <v>75115</v>
          </cell>
          <cell r="Z1984" t="str">
            <v>DOLMRPR</v>
          </cell>
          <cell r="AN1984" t="str">
            <v>MDO C&amp;M</v>
          </cell>
          <cell r="AO1984" t="str">
            <v>MDO INDIANA SOUTHEAST C&amp;M</v>
          </cell>
        </row>
        <row r="1985">
          <cell r="F1985">
            <v>75115</v>
          </cell>
          <cell r="Z1985" t="str">
            <v>DOLMRPR</v>
          </cell>
          <cell r="AN1985" t="str">
            <v>MDO C&amp;M</v>
          </cell>
          <cell r="AO1985" t="str">
            <v>MDO INDIANA SOUTHEAST C&amp;M</v>
          </cell>
        </row>
        <row r="1986">
          <cell r="F1986">
            <v>75115</v>
          </cell>
          <cell r="Z1986" t="str">
            <v>DOLMRPR</v>
          </cell>
          <cell r="AN1986" t="str">
            <v>MDO C&amp;M</v>
          </cell>
          <cell r="AO1986" t="str">
            <v>MDO INDIANA SOUTHEAST C&amp;M</v>
          </cell>
        </row>
        <row r="1987">
          <cell r="F1987">
            <v>75115</v>
          </cell>
          <cell r="Z1987" t="str">
            <v>DOLMRPR</v>
          </cell>
          <cell r="AN1987" t="str">
            <v>MDO C&amp;M</v>
          </cell>
          <cell r="AO1987" t="str">
            <v>MDO INDIANA SOUTHEAST C&amp;M</v>
          </cell>
        </row>
        <row r="1988">
          <cell r="F1988">
            <v>75115</v>
          </cell>
          <cell r="Z1988" t="str">
            <v>DOLMRPR</v>
          </cell>
          <cell r="AN1988" t="str">
            <v>MDO C&amp;M</v>
          </cell>
          <cell r="AO1988" t="str">
            <v>MDO INDIANA SOUTHEAST C&amp;M</v>
          </cell>
        </row>
        <row r="1989">
          <cell r="F1989">
            <v>75115</v>
          </cell>
          <cell r="Z1989" t="str">
            <v>DOLMRPR</v>
          </cell>
          <cell r="AN1989" t="str">
            <v>MDO C&amp;M</v>
          </cell>
          <cell r="AO1989" t="str">
            <v>MDO INDIANA SOUTHEAST C&amp;M</v>
          </cell>
        </row>
        <row r="1990">
          <cell r="F1990">
            <v>75115</v>
          </cell>
          <cell r="Z1990" t="str">
            <v>DOLMRPR</v>
          </cell>
          <cell r="AN1990" t="str">
            <v>MDO C&amp;M</v>
          </cell>
          <cell r="AO1990" t="str">
            <v>MDO INDIANA SOUTHEAST C&amp;M</v>
          </cell>
        </row>
        <row r="1991">
          <cell r="F1991">
            <v>75115</v>
          </cell>
          <cell r="Z1991" t="str">
            <v>DOLMRPR</v>
          </cell>
          <cell r="AN1991" t="str">
            <v>MDO C&amp;M</v>
          </cell>
          <cell r="AO1991" t="str">
            <v>MDO INDIANA SOUTHEAST C&amp;M</v>
          </cell>
        </row>
        <row r="1992">
          <cell r="F1992">
            <v>75115</v>
          </cell>
          <cell r="Z1992" t="str">
            <v>DOLMRPR</v>
          </cell>
          <cell r="AN1992" t="str">
            <v>MDO C&amp;M</v>
          </cell>
          <cell r="AO1992" t="str">
            <v>MDO INDIANA SOUTHEAST C&amp;M</v>
          </cell>
        </row>
        <row r="1993">
          <cell r="F1993">
            <v>75115</v>
          </cell>
          <cell r="Z1993" t="str">
            <v>DOLMRPR</v>
          </cell>
          <cell r="AN1993" t="str">
            <v>MDO C&amp;M</v>
          </cell>
          <cell r="AO1993" t="str">
            <v>MDO INDIANA SOUTHEAST C&amp;M</v>
          </cell>
        </row>
        <row r="1994">
          <cell r="F1994">
            <v>75115</v>
          </cell>
          <cell r="Z1994" t="str">
            <v>DOLMRPR</v>
          </cell>
          <cell r="AN1994" t="str">
            <v>MDO C&amp;M</v>
          </cell>
          <cell r="AO1994" t="str">
            <v>MDO INDIANA SOUTHEAST C&amp;M</v>
          </cell>
        </row>
        <row r="1995">
          <cell r="F1995">
            <v>75115</v>
          </cell>
          <cell r="Z1995" t="str">
            <v>DOLMRPR</v>
          </cell>
          <cell r="AN1995" t="str">
            <v>MDO C&amp;M</v>
          </cell>
          <cell r="AO1995" t="str">
            <v>MDO INDIANA SOUTHEAST C&amp;M</v>
          </cell>
        </row>
        <row r="1996">
          <cell r="F1996">
            <v>75115</v>
          </cell>
          <cell r="Z1996" t="str">
            <v>DOLMRPR</v>
          </cell>
          <cell r="AN1996" t="str">
            <v>MDO C&amp;M</v>
          </cell>
          <cell r="AO1996" t="str">
            <v>MDO INDIANA SOUTHEAST C&amp;M</v>
          </cell>
        </row>
        <row r="1997">
          <cell r="F1997">
            <v>75115</v>
          </cell>
          <cell r="Z1997" t="str">
            <v>DOLMRPR</v>
          </cell>
          <cell r="AN1997" t="str">
            <v>MDO C&amp;M</v>
          </cell>
          <cell r="AO1997" t="str">
            <v>MDO INDIANA SOUTHEAST C&amp;M</v>
          </cell>
        </row>
        <row r="1998">
          <cell r="F1998">
            <v>75115</v>
          </cell>
          <cell r="Z1998" t="str">
            <v>DOLMRPR</v>
          </cell>
          <cell r="AN1998" t="str">
            <v>MDO C&amp;M</v>
          </cell>
          <cell r="AO1998" t="str">
            <v>MDO INDIANA SOUTHEAST C&amp;M</v>
          </cell>
        </row>
        <row r="1999">
          <cell r="F1999">
            <v>75115</v>
          </cell>
          <cell r="Z1999" t="str">
            <v>DOLMRPR</v>
          </cell>
          <cell r="AN1999" t="str">
            <v>MDO C&amp;M</v>
          </cell>
          <cell r="AO1999" t="str">
            <v>MDO INDIANA SOUTHEAST C&amp;M</v>
          </cell>
        </row>
        <row r="2000">
          <cell r="F2000">
            <v>75115</v>
          </cell>
          <cell r="Z2000" t="str">
            <v>DOLMRPR</v>
          </cell>
          <cell r="AN2000" t="str">
            <v>MDO C&amp;M</v>
          </cell>
          <cell r="AO2000" t="str">
            <v>MDO INDIANA SOUTHEAST C&amp;M</v>
          </cell>
        </row>
        <row r="2001">
          <cell r="F2001">
            <v>75115</v>
          </cell>
          <cell r="Z2001" t="str">
            <v>DOLMRPR</v>
          </cell>
          <cell r="AN2001" t="str">
            <v>MDO C&amp;M</v>
          </cell>
          <cell r="AO2001" t="str">
            <v>MDO INDIANA SOUTHEAST C&amp;M</v>
          </cell>
        </row>
        <row r="2002">
          <cell r="F2002">
            <v>75115</v>
          </cell>
          <cell r="Z2002" t="str">
            <v>DOLMRPR</v>
          </cell>
          <cell r="AN2002" t="str">
            <v>MDO C&amp;M</v>
          </cell>
          <cell r="AO2002" t="str">
            <v>MDO INDIANA SOUTHEAST C&amp;M</v>
          </cell>
        </row>
        <row r="2003">
          <cell r="F2003">
            <v>75115</v>
          </cell>
          <cell r="Z2003" t="str">
            <v>DOLMRPR</v>
          </cell>
          <cell r="AN2003" t="str">
            <v>MDO C&amp;M</v>
          </cell>
          <cell r="AO2003" t="str">
            <v>MDO INDIANA SOUTHEAST C&amp;M</v>
          </cell>
        </row>
        <row r="2004">
          <cell r="F2004">
            <v>75115</v>
          </cell>
          <cell r="Z2004" t="str">
            <v>DOLMRPR</v>
          </cell>
          <cell r="AN2004" t="str">
            <v>MDO C&amp;M</v>
          </cell>
          <cell r="AO2004" t="str">
            <v>MDO INDIANA NORTH C&amp;M</v>
          </cell>
        </row>
        <row r="2005">
          <cell r="F2005">
            <v>75115</v>
          </cell>
          <cell r="Z2005" t="str">
            <v>DOLMRPR</v>
          </cell>
          <cell r="AN2005" t="str">
            <v>MDO C&amp;M</v>
          </cell>
          <cell r="AO2005" t="str">
            <v>MDO INDIANA NORTH C&amp;M</v>
          </cell>
        </row>
        <row r="2006">
          <cell r="F2006">
            <v>75115</v>
          </cell>
          <cell r="Z2006" t="str">
            <v>DOLMRPR</v>
          </cell>
          <cell r="AN2006" t="str">
            <v>MDO C&amp;M</v>
          </cell>
          <cell r="AO2006" t="str">
            <v>MDO INDIANA NORTH C&amp;M</v>
          </cell>
        </row>
        <row r="2007">
          <cell r="F2007">
            <v>75115</v>
          </cell>
          <cell r="Z2007" t="str">
            <v>DOLMRPR</v>
          </cell>
          <cell r="AN2007" t="str">
            <v>MDO C&amp;M</v>
          </cell>
          <cell r="AO2007" t="str">
            <v>MDO INDIANA NORTH C&amp;M</v>
          </cell>
        </row>
        <row r="2008">
          <cell r="F2008">
            <v>75115</v>
          </cell>
          <cell r="Z2008" t="str">
            <v>DOLMRPR</v>
          </cell>
          <cell r="AN2008" t="str">
            <v>MDO C&amp;M</v>
          </cell>
          <cell r="AO2008" t="str">
            <v>MDO INDIANA NORTH C&amp;M</v>
          </cell>
        </row>
        <row r="2009">
          <cell r="F2009">
            <v>75115</v>
          </cell>
          <cell r="Z2009" t="str">
            <v>DOLMRPR</v>
          </cell>
          <cell r="AN2009" t="str">
            <v>MDO C&amp;M</v>
          </cell>
          <cell r="AO2009" t="str">
            <v>MDO INDIANA NORTH C&amp;M</v>
          </cell>
        </row>
        <row r="2010">
          <cell r="F2010">
            <v>75115</v>
          </cell>
          <cell r="Z2010" t="str">
            <v>DOLMRPR</v>
          </cell>
          <cell r="AN2010" t="str">
            <v>MDO C&amp;M</v>
          </cell>
          <cell r="AO2010" t="str">
            <v>MDO INDIANA NORTH C&amp;M</v>
          </cell>
        </row>
        <row r="2011">
          <cell r="F2011">
            <v>75115</v>
          </cell>
          <cell r="Z2011" t="str">
            <v>DOLMRPR</v>
          </cell>
          <cell r="AN2011" t="str">
            <v>MDO C&amp;M</v>
          </cell>
          <cell r="AO2011" t="str">
            <v>MDO INDIANA NORTH C&amp;M</v>
          </cell>
        </row>
        <row r="2012">
          <cell r="F2012">
            <v>75115</v>
          </cell>
          <cell r="Z2012" t="str">
            <v>DOLMRPR</v>
          </cell>
          <cell r="AN2012" t="str">
            <v>MDO C&amp;M</v>
          </cell>
          <cell r="AO2012" t="str">
            <v>MDO INDIANA NORTH C&amp;M</v>
          </cell>
        </row>
        <row r="2013">
          <cell r="F2013">
            <v>75115</v>
          </cell>
          <cell r="Z2013" t="str">
            <v>DOLMRPR</v>
          </cell>
          <cell r="AN2013" t="str">
            <v>MDO C&amp;M</v>
          </cell>
          <cell r="AO2013" t="str">
            <v>MDO INDIANA NORTH C&amp;M</v>
          </cell>
        </row>
        <row r="2014">
          <cell r="F2014">
            <v>75115</v>
          </cell>
          <cell r="Z2014" t="str">
            <v>DOLMRPR</v>
          </cell>
          <cell r="AN2014" t="str">
            <v>MDO C&amp;M</v>
          </cell>
          <cell r="AO2014" t="str">
            <v>MDO INDIANA NORTH C&amp;M</v>
          </cell>
        </row>
        <row r="2015">
          <cell r="F2015">
            <v>75115</v>
          </cell>
          <cell r="Z2015" t="str">
            <v>DOLMRPR</v>
          </cell>
          <cell r="AN2015" t="str">
            <v>MDO C&amp;M</v>
          </cell>
          <cell r="AO2015" t="str">
            <v>MDO INDIANA NORTH C&amp;M</v>
          </cell>
        </row>
        <row r="2016">
          <cell r="F2016">
            <v>75115</v>
          </cell>
          <cell r="Z2016" t="str">
            <v>DOLMRPR</v>
          </cell>
          <cell r="AN2016" t="str">
            <v>MDO C&amp;M</v>
          </cell>
          <cell r="AO2016" t="str">
            <v>MDO INDIANA NORTH C&amp;M</v>
          </cell>
        </row>
        <row r="2017">
          <cell r="F2017">
            <v>75115</v>
          </cell>
          <cell r="Z2017" t="str">
            <v>DOLMRPR</v>
          </cell>
          <cell r="AN2017" t="str">
            <v>MDO C&amp;M</v>
          </cell>
          <cell r="AO2017" t="str">
            <v>MDO INDIANA NORTH C&amp;M</v>
          </cell>
        </row>
        <row r="2018">
          <cell r="F2018">
            <v>75115</v>
          </cell>
          <cell r="Z2018" t="str">
            <v>DOLMRPR</v>
          </cell>
          <cell r="AN2018" t="str">
            <v>MDO C&amp;M</v>
          </cell>
          <cell r="AO2018" t="str">
            <v>MDO INDIANA NORTH C&amp;M</v>
          </cell>
        </row>
        <row r="2019">
          <cell r="F2019">
            <v>75115</v>
          </cell>
          <cell r="Z2019" t="str">
            <v>DOLMRPR</v>
          </cell>
          <cell r="AN2019" t="str">
            <v>MDO C&amp;M</v>
          </cell>
          <cell r="AO2019" t="str">
            <v>MDO INDIANA NORTH C&amp;M</v>
          </cell>
        </row>
        <row r="2020">
          <cell r="F2020">
            <v>75115</v>
          </cell>
          <cell r="Z2020" t="str">
            <v>DOLMRPR</v>
          </cell>
          <cell r="AN2020" t="str">
            <v>MDO C&amp;M</v>
          </cell>
          <cell r="AO2020" t="str">
            <v>MDO INDIANA NORTH C&amp;M</v>
          </cell>
        </row>
        <row r="2021">
          <cell r="F2021">
            <v>75115</v>
          </cell>
          <cell r="Z2021" t="str">
            <v>DOLMRPR</v>
          </cell>
          <cell r="AN2021" t="str">
            <v>MDO C&amp;M</v>
          </cell>
          <cell r="AO2021" t="str">
            <v>MDO INDIANA NORTH C&amp;M</v>
          </cell>
        </row>
        <row r="2022">
          <cell r="F2022">
            <v>75115</v>
          </cell>
          <cell r="Z2022" t="str">
            <v>DOLMRPR</v>
          </cell>
          <cell r="AN2022" t="str">
            <v>MDO C&amp;M</v>
          </cell>
          <cell r="AO2022" t="str">
            <v>MDO INDIANA NORTH C&amp;M</v>
          </cell>
        </row>
        <row r="2023">
          <cell r="F2023">
            <v>75115</v>
          </cell>
          <cell r="Z2023" t="str">
            <v>DOLMRPR</v>
          </cell>
          <cell r="AN2023" t="str">
            <v>MDO C&amp;M</v>
          </cell>
          <cell r="AO2023" t="str">
            <v>MDO INDIANA NORTH C&amp;M</v>
          </cell>
        </row>
        <row r="2024">
          <cell r="F2024">
            <v>75115</v>
          </cell>
          <cell r="Z2024" t="str">
            <v>DOLMRPR</v>
          </cell>
          <cell r="AN2024" t="str">
            <v>MDO C&amp;M</v>
          </cell>
          <cell r="AO2024" t="str">
            <v>MDO INDIANA NORTH C&amp;M</v>
          </cell>
        </row>
        <row r="2025">
          <cell r="F2025">
            <v>75115</v>
          </cell>
          <cell r="Z2025" t="str">
            <v>DOLMRPR</v>
          </cell>
          <cell r="AN2025" t="str">
            <v>MDO C&amp;M</v>
          </cell>
          <cell r="AO2025" t="str">
            <v>MDO INDIANA NORTH C&amp;M</v>
          </cell>
        </row>
        <row r="2026">
          <cell r="F2026">
            <v>75115</v>
          </cell>
          <cell r="Z2026" t="str">
            <v>DOLMRPR</v>
          </cell>
          <cell r="AN2026" t="str">
            <v>MDO C&amp;M</v>
          </cell>
          <cell r="AO2026" t="str">
            <v>MDO INDIANA NORTH C&amp;M</v>
          </cell>
        </row>
        <row r="2027">
          <cell r="F2027">
            <v>75115</v>
          </cell>
          <cell r="Z2027" t="str">
            <v>DOLMRPR</v>
          </cell>
          <cell r="AN2027" t="str">
            <v>MDO C&amp;M</v>
          </cell>
          <cell r="AO2027" t="str">
            <v>MDO INDIANA NORTH C&amp;M</v>
          </cell>
        </row>
        <row r="2028">
          <cell r="F2028">
            <v>75115</v>
          </cell>
          <cell r="Z2028" t="str">
            <v>DOLMRPR</v>
          </cell>
          <cell r="AN2028" t="str">
            <v>MDO C&amp;M</v>
          </cell>
          <cell r="AO2028" t="str">
            <v>MDO INDIANA NORTH C&amp;M</v>
          </cell>
        </row>
        <row r="2029">
          <cell r="F2029">
            <v>75115</v>
          </cell>
          <cell r="Z2029" t="str">
            <v>DOLMRPR</v>
          </cell>
          <cell r="AN2029" t="str">
            <v>MDO C&amp;M</v>
          </cell>
          <cell r="AO2029" t="str">
            <v>MDO INDIANA NORTH C&amp;M</v>
          </cell>
        </row>
        <row r="2030">
          <cell r="F2030">
            <v>75115</v>
          </cell>
          <cell r="Z2030" t="str">
            <v>DOLMRPR</v>
          </cell>
          <cell r="AN2030" t="str">
            <v>MDO C&amp;M</v>
          </cell>
          <cell r="AO2030" t="str">
            <v>MDO INDIANA NORTH C&amp;M</v>
          </cell>
        </row>
        <row r="2031">
          <cell r="F2031">
            <v>75115</v>
          </cell>
          <cell r="Z2031" t="str">
            <v>DOLMRPR</v>
          </cell>
          <cell r="AN2031" t="str">
            <v>MDO C&amp;M</v>
          </cell>
          <cell r="AO2031" t="str">
            <v>MDO INDIANA NORTH C&amp;M</v>
          </cell>
        </row>
        <row r="2032">
          <cell r="F2032">
            <v>75115</v>
          </cell>
          <cell r="Z2032" t="str">
            <v>DOLMRPR</v>
          </cell>
          <cell r="AN2032" t="str">
            <v>MDO C&amp;M</v>
          </cell>
          <cell r="AO2032" t="str">
            <v>MDO INDIANA NORTH C&amp;M</v>
          </cell>
        </row>
        <row r="2033">
          <cell r="F2033">
            <v>75115</v>
          </cell>
          <cell r="Z2033" t="str">
            <v>DOLMRPR</v>
          </cell>
          <cell r="AN2033" t="str">
            <v>MDO C&amp;M</v>
          </cell>
          <cell r="AO2033" t="str">
            <v>MDO INDIANA NORTH C&amp;M</v>
          </cell>
        </row>
        <row r="2034">
          <cell r="F2034">
            <v>75115</v>
          </cell>
          <cell r="Z2034" t="str">
            <v>DOLMRPR</v>
          </cell>
          <cell r="AN2034" t="str">
            <v>MDO C&amp;M</v>
          </cell>
          <cell r="AO2034" t="str">
            <v>MDO INDIANA NORTH C&amp;M</v>
          </cell>
        </row>
        <row r="2035">
          <cell r="F2035">
            <v>75115</v>
          </cell>
          <cell r="Z2035" t="str">
            <v>DOLMRPR</v>
          </cell>
          <cell r="AN2035" t="str">
            <v>MDO C&amp;M</v>
          </cell>
          <cell r="AO2035" t="str">
            <v>MDO INDIANA NORTH C&amp;M</v>
          </cell>
        </row>
        <row r="2036">
          <cell r="F2036">
            <v>75115</v>
          </cell>
          <cell r="Z2036" t="str">
            <v>DOLMRPR</v>
          </cell>
          <cell r="AN2036" t="str">
            <v>MDO C&amp;M</v>
          </cell>
          <cell r="AO2036" t="str">
            <v>MDO INDIANA NORTH C&amp;M</v>
          </cell>
        </row>
        <row r="2037">
          <cell r="F2037">
            <v>75115</v>
          </cell>
          <cell r="Z2037" t="str">
            <v>DOLMRPR</v>
          </cell>
          <cell r="AN2037" t="str">
            <v>MDO C&amp;M</v>
          </cell>
          <cell r="AO2037" t="str">
            <v>MDO INDIANA NORTH C&amp;M</v>
          </cell>
        </row>
        <row r="2038">
          <cell r="F2038">
            <v>75115</v>
          </cell>
          <cell r="Z2038" t="str">
            <v>DOLMRPR</v>
          </cell>
          <cell r="AN2038" t="str">
            <v>MDO C&amp;M</v>
          </cell>
          <cell r="AO2038" t="str">
            <v>MDO INDIANA NORTH C&amp;M</v>
          </cell>
        </row>
        <row r="2039">
          <cell r="F2039">
            <v>75115</v>
          </cell>
          <cell r="Z2039" t="str">
            <v>DOLMRPR</v>
          </cell>
          <cell r="AN2039" t="str">
            <v>MDO C&amp;M</v>
          </cell>
          <cell r="AO2039" t="str">
            <v>MDO INDIANA NORTH C&amp;M</v>
          </cell>
        </row>
        <row r="2040">
          <cell r="F2040">
            <v>75115</v>
          </cell>
          <cell r="Z2040" t="str">
            <v>DOLMRPR</v>
          </cell>
          <cell r="AN2040" t="str">
            <v>MDO C&amp;M</v>
          </cell>
          <cell r="AO2040" t="str">
            <v>MDO INDIANA NORTH C&amp;M</v>
          </cell>
        </row>
        <row r="2041">
          <cell r="F2041">
            <v>75115</v>
          </cell>
          <cell r="Z2041" t="str">
            <v>DOLMRPR</v>
          </cell>
          <cell r="AN2041" t="str">
            <v>MDO C&amp;M</v>
          </cell>
          <cell r="AO2041" t="str">
            <v>MDO INDIANA NORTH C&amp;M</v>
          </cell>
        </row>
        <row r="2042">
          <cell r="F2042">
            <v>75115</v>
          </cell>
          <cell r="Z2042" t="str">
            <v>DOLMRPR</v>
          </cell>
          <cell r="AN2042" t="str">
            <v>MDO C&amp;M</v>
          </cell>
          <cell r="AO2042" t="str">
            <v>MDO INDIANA NORTH C&amp;M</v>
          </cell>
        </row>
        <row r="2043">
          <cell r="F2043">
            <v>75115</v>
          </cell>
          <cell r="Z2043" t="str">
            <v>DOLMRPR</v>
          </cell>
          <cell r="AN2043" t="str">
            <v>MDO C&amp;M</v>
          </cell>
          <cell r="AO2043" t="str">
            <v>MDO INDIANA NORTH C&amp;M</v>
          </cell>
        </row>
        <row r="2044">
          <cell r="F2044">
            <v>75115</v>
          </cell>
          <cell r="Z2044" t="str">
            <v>DOLMRPR</v>
          </cell>
          <cell r="AN2044" t="str">
            <v>MDO C&amp;M</v>
          </cell>
          <cell r="AO2044" t="str">
            <v>MDO INDIANA NORTH C&amp;M</v>
          </cell>
        </row>
        <row r="2045">
          <cell r="F2045">
            <v>75115</v>
          </cell>
          <cell r="Z2045" t="str">
            <v>DOLMRPR</v>
          </cell>
          <cell r="AN2045" t="str">
            <v>MDO C&amp;M</v>
          </cell>
          <cell r="AO2045" t="str">
            <v>MDO INDIANA NORTH C&amp;M</v>
          </cell>
        </row>
        <row r="2046">
          <cell r="F2046">
            <v>75115</v>
          </cell>
          <cell r="Z2046" t="str">
            <v>DOLMRPR</v>
          </cell>
          <cell r="AN2046" t="str">
            <v>MDO C&amp;M</v>
          </cell>
          <cell r="AO2046" t="str">
            <v>MDO INDIANA NORTH C&amp;M</v>
          </cell>
        </row>
        <row r="2047">
          <cell r="F2047">
            <v>75115</v>
          </cell>
          <cell r="Z2047" t="str">
            <v>DOLMRPR</v>
          </cell>
          <cell r="AN2047" t="str">
            <v>MDO C&amp;M</v>
          </cell>
          <cell r="AO2047" t="str">
            <v>MDO INDIANA NORTH C&amp;M</v>
          </cell>
        </row>
        <row r="2048">
          <cell r="F2048">
            <v>75115</v>
          </cell>
          <cell r="Z2048" t="str">
            <v>DOLMRPR</v>
          </cell>
          <cell r="AN2048" t="str">
            <v>MDO C&amp;M</v>
          </cell>
          <cell r="AO2048" t="str">
            <v>MDO INDIANA NORTH C&amp;M</v>
          </cell>
        </row>
        <row r="2049">
          <cell r="F2049">
            <v>75115</v>
          </cell>
          <cell r="Z2049" t="str">
            <v>DOLMRPR</v>
          </cell>
          <cell r="AN2049" t="str">
            <v>MDO C&amp;M</v>
          </cell>
          <cell r="AO2049" t="str">
            <v>MDO INDIANA NORTH C&amp;M</v>
          </cell>
        </row>
        <row r="2050">
          <cell r="F2050">
            <v>75115</v>
          </cell>
          <cell r="Z2050" t="str">
            <v>DOLMRPR</v>
          </cell>
          <cell r="AN2050" t="str">
            <v>MDO C&amp;M</v>
          </cell>
          <cell r="AO2050" t="str">
            <v>MDO INDIANA NORTH C&amp;M</v>
          </cell>
        </row>
        <row r="2051">
          <cell r="F2051">
            <v>75115</v>
          </cell>
          <cell r="Z2051" t="str">
            <v>DOLMRPR</v>
          </cell>
          <cell r="AN2051" t="str">
            <v>MDO C&amp;M</v>
          </cell>
          <cell r="AO2051" t="str">
            <v>MDO INDIANA NORTH C&amp;M</v>
          </cell>
        </row>
        <row r="2052">
          <cell r="F2052">
            <v>75115</v>
          </cell>
          <cell r="Z2052" t="str">
            <v>DOLMRPR</v>
          </cell>
          <cell r="AN2052" t="str">
            <v>MDO C&amp;M</v>
          </cell>
          <cell r="AO2052" t="str">
            <v>MDO INDIANA NORTH C&amp;M</v>
          </cell>
        </row>
        <row r="2053">
          <cell r="F2053">
            <v>75115</v>
          </cell>
          <cell r="Z2053" t="str">
            <v>DOLMRPR</v>
          </cell>
          <cell r="AN2053" t="str">
            <v>MDO C&amp;M</v>
          </cell>
          <cell r="AO2053" t="str">
            <v>MDO INDIANA NORTH C&amp;M</v>
          </cell>
        </row>
        <row r="2054">
          <cell r="F2054">
            <v>75115</v>
          </cell>
          <cell r="Z2054" t="str">
            <v>DOLMRPR</v>
          </cell>
          <cell r="AN2054" t="str">
            <v>MDO C&amp;M</v>
          </cell>
          <cell r="AO2054" t="str">
            <v>MDO INDIANA NORTH C&amp;M</v>
          </cell>
        </row>
        <row r="2055">
          <cell r="F2055">
            <v>75115</v>
          </cell>
          <cell r="Z2055" t="str">
            <v>DOLMRPR</v>
          </cell>
          <cell r="AN2055" t="str">
            <v>MDO C&amp;M</v>
          </cell>
          <cell r="AO2055" t="str">
            <v>MDO INDIANA NORTH C&amp;M</v>
          </cell>
        </row>
        <row r="2056">
          <cell r="F2056">
            <v>75115</v>
          </cell>
          <cell r="Z2056" t="str">
            <v>DOLMRPR</v>
          </cell>
          <cell r="AN2056" t="str">
            <v>MDO C&amp;M</v>
          </cell>
          <cell r="AO2056" t="str">
            <v>MDO INDIANA NORTH C&amp;M</v>
          </cell>
        </row>
        <row r="2057">
          <cell r="F2057">
            <v>75115</v>
          </cell>
          <cell r="Z2057" t="str">
            <v>DOLMRPR</v>
          </cell>
          <cell r="AN2057" t="str">
            <v>MDO C&amp;M</v>
          </cell>
          <cell r="AO2057" t="str">
            <v>MDO INDIANA NORTH C&amp;M</v>
          </cell>
        </row>
        <row r="2058">
          <cell r="F2058">
            <v>75115</v>
          </cell>
          <cell r="Z2058" t="str">
            <v>DOLMRPR</v>
          </cell>
          <cell r="AN2058" t="str">
            <v>MDO C&amp;M</v>
          </cell>
          <cell r="AO2058" t="str">
            <v>MDO INDIANA NORTH C&amp;M</v>
          </cell>
        </row>
        <row r="2059">
          <cell r="F2059">
            <v>75115</v>
          </cell>
          <cell r="Z2059" t="str">
            <v>DOLMRPR</v>
          </cell>
          <cell r="AN2059" t="str">
            <v>MDO C&amp;M</v>
          </cell>
          <cell r="AO2059" t="str">
            <v>MDO INDIANA NORTH C&amp;M</v>
          </cell>
        </row>
        <row r="2060">
          <cell r="F2060">
            <v>75115</v>
          </cell>
          <cell r="Z2060" t="str">
            <v>DOLMRPR</v>
          </cell>
          <cell r="AN2060" t="str">
            <v>MDO C&amp;M</v>
          </cell>
          <cell r="AO2060" t="str">
            <v>MDO INDIANA NORTH C&amp;M</v>
          </cell>
        </row>
        <row r="2061">
          <cell r="F2061">
            <v>75115</v>
          </cell>
          <cell r="Z2061" t="str">
            <v>DOLMRPR</v>
          </cell>
          <cell r="AN2061" t="str">
            <v>MDO C&amp;M</v>
          </cell>
          <cell r="AO2061" t="str">
            <v>MDO INDIANA NORTH C&amp;M</v>
          </cell>
        </row>
        <row r="2062">
          <cell r="F2062">
            <v>75115</v>
          </cell>
          <cell r="Z2062" t="str">
            <v>DOLMRPR</v>
          </cell>
          <cell r="AN2062" t="str">
            <v>MDO C&amp;M</v>
          </cell>
          <cell r="AO2062" t="str">
            <v>MDO INDIANA NORTH C&amp;M</v>
          </cell>
        </row>
        <row r="2063">
          <cell r="F2063">
            <v>75115</v>
          </cell>
          <cell r="Z2063" t="str">
            <v>DOLMRPR</v>
          </cell>
          <cell r="AN2063" t="str">
            <v>MDO C&amp;M</v>
          </cell>
          <cell r="AO2063" t="str">
            <v>MDO INDIANA NORTH C&amp;M</v>
          </cell>
        </row>
        <row r="2064">
          <cell r="F2064">
            <v>75115</v>
          </cell>
          <cell r="Z2064" t="str">
            <v>DOLMRPR</v>
          </cell>
          <cell r="AN2064" t="str">
            <v>MDO C&amp;M</v>
          </cell>
          <cell r="AO2064" t="str">
            <v>MDO INDIANA NORTH C&amp;M</v>
          </cell>
        </row>
        <row r="2065">
          <cell r="F2065">
            <v>75115</v>
          </cell>
          <cell r="Z2065" t="str">
            <v>DOLMRPR</v>
          </cell>
          <cell r="AN2065" t="str">
            <v>MDO C&amp;M</v>
          </cell>
          <cell r="AO2065" t="str">
            <v>MDO INDIANA NORTH C&amp;M</v>
          </cell>
        </row>
        <row r="2066">
          <cell r="F2066">
            <v>75115</v>
          </cell>
          <cell r="Z2066" t="str">
            <v>DOLMRPR</v>
          </cell>
          <cell r="AN2066" t="str">
            <v>MDO C&amp;M</v>
          </cell>
          <cell r="AO2066" t="str">
            <v>MDO INDIANA NORTH C&amp;M</v>
          </cell>
        </row>
        <row r="2067">
          <cell r="F2067">
            <v>75115</v>
          </cell>
          <cell r="Z2067" t="str">
            <v>DOLMRPR</v>
          </cell>
          <cell r="AN2067" t="str">
            <v>MDO C&amp;M</v>
          </cell>
          <cell r="AO2067" t="str">
            <v>MDO INDIANA NORTH C&amp;M</v>
          </cell>
        </row>
        <row r="2068">
          <cell r="F2068">
            <v>75115</v>
          </cell>
          <cell r="Z2068" t="str">
            <v>DOLMRPR</v>
          </cell>
          <cell r="AN2068" t="str">
            <v>MDO C&amp;M</v>
          </cell>
          <cell r="AO2068" t="str">
            <v>MDO INDIANA NORTH C&amp;M</v>
          </cell>
        </row>
        <row r="2069">
          <cell r="F2069">
            <v>75115</v>
          </cell>
          <cell r="Z2069" t="str">
            <v>DOLMRPR</v>
          </cell>
          <cell r="AN2069" t="str">
            <v>MDO C&amp;M</v>
          </cell>
          <cell r="AO2069" t="str">
            <v>MDO INDIANA NORTH C&amp;M</v>
          </cell>
        </row>
        <row r="2070">
          <cell r="F2070">
            <v>75115</v>
          </cell>
          <cell r="Z2070" t="str">
            <v>DOLMRPR</v>
          </cell>
          <cell r="AN2070" t="str">
            <v>MDO C&amp;M</v>
          </cell>
          <cell r="AO2070" t="str">
            <v>MDO INDIANA NORTH C&amp;M</v>
          </cell>
        </row>
        <row r="2071">
          <cell r="F2071">
            <v>75115</v>
          </cell>
          <cell r="Z2071" t="str">
            <v>DOLMRPR</v>
          </cell>
          <cell r="AN2071" t="str">
            <v>MDO C&amp;M</v>
          </cell>
          <cell r="AO2071" t="str">
            <v>MDO INDIANA NORTH C&amp;M</v>
          </cell>
        </row>
        <row r="2072">
          <cell r="F2072">
            <v>75115</v>
          </cell>
          <cell r="Z2072" t="str">
            <v>DOLMRPR</v>
          </cell>
          <cell r="AN2072" t="str">
            <v>MDO C&amp;M</v>
          </cell>
          <cell r="AO2072" t="str">
            <v>MDO INDIANA NORTH C&amp;M</v>
          </cell>
        </row>
        <row r="2073">
          <cell r="F2073">
            <v>75115</v>
          </cell>
          <cell r="Z2073" t="str">
            <v>DOLMRPR</v>
          </cell>
          <cell r="AN2073" t="str">
            <v>MDO C&amp;M</v>
          </cell>
          <cell r="AO2073" t="str">
            <v>MDO INDIANA NORTH C&amp;M</v>
          </cell>
        </row>
        <row r="2074">
          <cell r="F2074">
            <v>75115</v>
          </cell>
          <cell r="Z2074" t="str">
            <v>DOLMRPR</v>
          </cell>
          <cell r="AN2074" t="str">
            <v>MDO C&amp;M</v>
          </cell>
          <cell r="AO2074" t="str">
            <v>MDO INDIANA NORTH C&amp;M</v>
          </cell>
        </row>
        <row r="2075">
          <cell r="F2075">
            <v>75115</v>
          </cell>
          <cell r="Z2075" t="str">
            <v>DOLMRPR</v>
          </cell>
          <cell r="AN2075" t="str">
            <v>MDO C&amp;M</v>
          </cell>
          <cell r="AO2075" t="str">
            <v>MDO INDIANA NORTH C&amp;M</v>
          </cell>
        </row>
        <row r="2076">
          <cell r="F2076">
            <v>75115</v>
          </cell>
          <cell r="Z2076" t="str">
            <v>DOLMRPR</v>
          </cell>
          <cell r="AN2076" t="str">
            <v>MDO C&amp;M</v>
          </cell>
          <cell r="AO2076" t="str">
            <v>MDO INDIANA NORTH C&amp;M</v>
          </cell>
        </row>
        <row r="2077">
          <cell r="F2077">
            <v>75115</v>
          </cell>
          <cell r="Z2077" t="str">
            <v>DOLMRPR</v>
          </cell>
          <cell r="AN2077" t="str">
            <v>MDO C&amp;M</v>
          </cell>
          <cell r="AO2077" t="str">
            <v>MDO INDIANA NORTH C&amp;M</v>
          </cell>
        </row>
        <row r="2078">
          <cell r="F2078">
            <v>75115</v>
          </cell>
          <cell r="Z2078" t="str">
            <v>DOLMRPR</v>
          </cell>
          <cell r="AN2078" t="str">
            <v>MDO C&amp;M</v>
          </cell>
          <cell r="AO2078" t="str">
            <v>MDO INDIANA NORTH C&amp;M</v>
          </cell>
        </row>
        <row r="2079">
          <cell r="F2079">
            <v>75115</v>
          </cell>
          <cell r="Z2079" t="str">
            <v>DOLMRPR</v>
          </cell>
          <cell r="AN2079" t="str">
            <v>MDO C&amp;M</v>
          </cell>
          <cell r="AO2079" t="str">
            <v>MDO INDIANA NORTH C&amp;M</v>
          </cell>
        </row>
        <row r="2080">
          <cell r="F2080">
            <v>75115</v>
          </cell>
          <cell r="Z2080" t="str">
            <v>DOLMRPR</v>
          </cell>
          <cell r="AN2080" t="str">
            <v>MDO C&amp;M</v>
          </cell>
          <cell r="AO2080" t="str">
            <v>MDO INDIANA NORTH C&amp;M</v>
          </cell>
        </row>
        <row r="2081">
          <cell r="F2081">
            <v>75115</v>
          </cell>
          <cell r="Z2081" t="str">
            <v>DOLMRPR</v>
          </cell>
          <cell r="AN2081" t="str">
            <v>MDO C&amp;M</v>
          </cell>
          <cell r="AO2081" t="str">
            <v>MDO INDIANA NORTH C&amp;M</v>
          </cell>
        </row>
        <row r="2082">
          <cell r="F2082">
            <v>75115</v>
          </cell>
          <cell r="Z2082" t="str">
            <v>DOLMRPR</v>
          </cell>
          <cell r="AN2082" t="str">
            <v>MDO C&amp;M</v>
          </cell>
          <cell r="AO2082" t="str">
            <v>MDO INDIANA NORTH C&amp;M</v>
          </cell>
        </row>
        <row r="2083">
          <cell r="F2083">
            <v>75115</v>
          </cell>
          <cell r="Z2083" t="str">
            <v>DOLMRPR</v>
          </cell>
          <cell r="AN2083" t="str">
            <v>MDO C&amp;M</v>
          </cell>
          <cell r="AO2083" t="str">
            <v>MDO INDIANA NORTH C&amp;M</v>
          </cell>
        </row>
        <row r="2084">
          <cell r="F2084">
            <v>75115</v>
          </cell>
          <cell r="Z2084" t="str">
            <v>DOLMRPR</v>
          </cell>
          <cell r="AN2084" t="str">
            <v>MDO C&amp;M</v>
          </cell>
          <cell r="AO2084" t="str">
            <v>MDO INDIANA NORTH C&amp;M</v>
          </cell>
        </row>
        <row r="2085">
          <cell r="F2085">
            <v>75115</v>
          </cell>
          <cell r="Z2085" t="str">
            <v>DOLMRPR</v>
          </cell>
          <cell r="AN2085" t="str">
            <v>MDO C&amp;M</v>
          </cell>
          <cell r="AO2085" t="str">
            <v>MDO INDIANA NORTH C&amp;M</v>
          </cell>
        </row>
        <row r="2086">
          <cell r="F2086">
            <v>75115</v>
          </cell>
          <cell r="Z2086" t="str">
            <v>DOLMRPR</v>
          </cell>
          <cell r="AN2086" t="str">
            <v>MDO C&amp;M</v>
          </cell>
          <cell r="AO2086" t="str">
            <v>MDO INDIANA NORTH C&amp;M</v>
          </cell>
        </row>
        <row r="2087">
          <cell r="F2087">
            <v>75115</v>
          </cell>
          <cell r="Z2087" t="str">
            <v>DOLMRPR</v>
          </cell>
          <cell r="AN2087" t="str">
            <v>MDO C&amp;M</v>
          </cell>
          <cell r="AO2087" t="str">
            <v>MDO INDIANA NORTH C&amp;M</v>
          </cell>
        </row>
        <row r="2088">
          <cell r="F2088">
            <v>75115</v>
          </cell>
          <cell r="Z2088" t="str">
            <v>DOLMRPR</v>
          </cell>
          <cell r="AN2088" t="str">
            <v>MDO C&amp;M</v>
          </cell>
          <cell r="AO2088" t="str">
            <v>MDO INDIANA NORTH C&amp;M</v>
          </cell>
        </row>
        <row r="2089">
          <cell r="F2089">
            <v>75115</v>
          </cell>
          <cell r="Z2089" t="str">
            <v>DOLMRPR</v>
          </cell>
          <cell r="AN2089" t="str">
            <v>MDO C&amp;M</v>
          </cell>
          <cell r="AO2089" t="str">
            <v>MDO INDIANA NORTH C&amp;M</v>
          </cell>
        </row>
        <row r="2090">
          <cell r="F2090">
            <v>75115</v>
          </cell>
          <cell r="Z2090" t="str">
            <v>DOLMRPR</v>
          </cell>
          <cell r="AN2090" t="str">
            <v>MDO C&amp;M</v>
          </cell>
          <cell r="AO2090" t="str">
            <v>MDO INDIANA NORTH C&amp;M</v>
          </cell>
        </row>
        <row r="2091">
          <cell r="F2091">
            <v>75115</v>
          </cell>
          <cell r="Z2091" t="str">
            <v>DOLMRPR</v>
          </cell>
          <cell r="AN2091" t="str">
            <v>MDO C&amp;M</v>
          </cell>
          <cell r="AO2091" t="str">
            <v>MDO INDIANA NORTH C&amp;M</v>
          </cell>
        </row>
        <row r="2092">
          <cell r="F2092">
            <v>75115</v>
          </cell>
          <cell r="Z2092" t="str">
            <v>DOLMRPR</v>
          </cell>
          <cell r="AN2092" t="str">
            <v>MDO C&amp;M</v>
          </cell>
          <cell r="AO2092" t="str">
            <v>MDO INDIANA NORTH C&amp;M</v>
          </cell>
        </row>
        <row r="2093">
          <cell r="F2093">
            <v>75115</v>
          </cell>
          <cell r="Z2093" t="str">
            <v>DOLMRPR</v>
          </cell>
          <cell r="AN2093" t="str">
            <v>MDO C&amp;M</v>
          </cell>
          <cell r="AO2093" t="str">
            <v>MDO INDIANA NORTH C&amp;M</v>
          </cell>
        </row>
        <row r="2094">
          <cell r="F2094">
            <v>75115</v>
          </cell>
          <cell r="Z2094" t="str">
            <v>DOLMRPR</v>
          </cell>
          <cell r="AN2094" t="str">
            <v>MDO C&amp;M</v>
          </cell>
          <cell r="AO2094" t="str">
            <v>MDO INDIANA NORTH C&amp;M</v>
          </cell>
        </row>
        <row r="2095">
          <cell r="F2095">
            <v>75115</v>
          </cell>
          <cell r="Z2095" t="str">
            <v>DOLMRPR</v>
          </cell>
          <cell r="AN2095" t="str">
            <v>MDO C&amp;M</v>
          </cell>
          <cell r="AO2095" t="str">
            <v>MDO INDIANA NORTH C&amp;M</v>
          </cell>
        </row>
        <row r="2096">
          <cell r="F2096">
            <v>75115</v>
          </cell>
          <cell r="Z2096" t="str">
            <v>DOLMRPR</v>
          </cell>
          <cell r="AN2096" t="str">
            <v>MDO C&amp;M</v>
          </cell>
          <cell r="AO2096" t="str">
            <v>MDO INDIANA NORTH C&amp;M</v>
          </cell>
        </row>
        <row r="2097">
          <cell r="F2097">
            <v>75115</v>
          </cell>
          <cell r="Z2097" t="str">
            <v>DOLMRPR</v>
          </cell>
          <cell r="AN2097" t="str">
            <v>MDO C&amp;M</v>
          </cell>
          <cell r="AO2097" t="str">
            <v>MDO INDIANA NORTH C&amp;M</v>
          </cell>
        </row>
        <row r="2098">
          <cell r="F2098">
            <v>75115</v>
          </cell>
          <cell r="Z2098" t="str">
            <v>DOLMRPR</v>
          </cell>
          <cell r="AN2098" t="str">
            <v>MDO C&amp;M</v>
          </cell>
          <cell r="AO2098" t="str">
            <v>MDO INDIANA NORTH C&amp;M</v>
          </cell>
        </row>
        <row r="2099">
          <cell r="F2099">
            <v>75115</v>
          </cell>
          <cell r="Z2099" t="str">
            <v>DOLMRPR</v>
          </cell>
          <cell r="AN2099" t="str">
            <v>MDO C&amp;M</v>
          </cell>
          <cell r="AO2099" t="str">
            <v>MDO INDIANA NORTH C&amp;M</v>
          </cell>
        </row>
        <row r="2100">
          <cell r="F2100">
            <v>75115</v>
          </cell>
          <cell r="Z2100" t="str">
            <v>DOLMRPR</v>
          </cell>
          <cell r="AN2100" t="str">
            <v>MDO C&amp;M</v>
          </cell>
          <cell r="AO2100" t="str">
            <v>MDO INDIANA NORTH C&amp;M</v>
          </cell>
        </row>
        <row r="2101">
          <cell r="F2101">
            <v>75115</v>
          </cell>
          <cell r="Z2101" t="str">
            <v>DOLMRPR</v>
          </cell>
          <cell r="AN2101" t="str">
            <v>MDO C&amp;M</v>
          </cell>
          <cell r="AO2101" t="str">
            <v>MDO INDIANA NORTH C&amp;M</v>
          </cell>
        </row>
        <row r="2102">
          <cell r="F2102">
            <v>75115</v>
          </cell>
          <cell r="Z2102" t="str">
            <v>DOLMRPR</v>
          </cell>
          <cell r="AN2102" t="str">
            <v>MDO C&amp;M</v>
          </cell>
          <cell r="AO2102" t="str">
            <v>MDO INDIANA NORTH C&amp;M</v>
          </cell>
        </row>
        <row r="2103">
          <cell r="F2103">
            <v>75115</v>
          </cell>
          <cell r="Z2103" t="str">
            <v>DOLMRPR</v>
          </cell>
          <cell r="AN2103" t="str">
            <v>MDO C&amp;M</v>
          </cell>
          <cell r="AO2103" t="str">
            <v>MDO INDIANA NORTH C&amp;M</v>
          </cell>
        </row>
        <row r="2104">
          <cell r="F2104">
            <v>75115</v>
          </cell>
          <cell r="Z2104" t="str">
            <v>DOLMRPR</v>
          </cell>
          <cell r="AN2104" t="str">
            <v>MDO C&amp;M</v>
          </cell>
          <cell r="AO2104" t="str">
            <v>MDO INDIANA NORTH C&amp;M</v>
          </cell>
        </row>
        <row r="2105">
          <cell r="F2105">
            <v>75115</v>
          </cell>
          <cell r="Z2105" t="str">
            <v>DOLMRPR</v>
          </cell>
          <cell r="AN2105" t="str">
            <v>MDO C&amp;M</v>
          </cell>
          <cell r="AO2105" t="str">
            <v>MDO INDIANA NORTH C&amp;M</v>
          </cell>
        </row>
        <row r="2106">
          <cell r="F2106">
            <v>75115</v>
          </cell>
          <cell r="Z2106" t="str">
            <v>DOLMRPR</v>
          </cell>
          <cell r="AN2106" t="str">
            <v>MDO C&amp;M</v>
          </cell>
          <cell r="AO2106" t="str">
            <v>MDO INDIANA NORTH C&amp;M</v>
          </cell>
        </row>
        <row r="2107">
          <cell r="F2107">
            <v>75115</v>
          </cell>
          <cell r="Z2107" t="str">
            <v>DOLMRPR</v>
          </cell>
          <cell r="AN2107" t="str">
            <v>MDO C&amp;M</v>
          </cell>
          <cell r="AO2107" t="str">
            <v>MDO INDIANA NORTH C&amp;M</v>
          </cell>
        </row>
        <row r="2108">
          <cell r="F2108">
            <v>75115</v>
          </cell>
          <cell r="Z2108" t="str">
            <v>DOLMRPR</v>
          </cell>
          <cell r="AN2108" t="str">
            <v>MDO C&amp;M</v>
          </cell>
          <cell r="AO2108" t="str">
            <v>MDO INDIANA NORTH C&amp;M</v>
          </cell>
        </row>
        <row r="2109">
          <cell r="F2109">
            <v>75115</v>
          </cell>
          <cell r="Z2109" t="str">
            <v>DOLMRPR</v>
          </cell>
          <cell r="AN2109" t="str">
            <v>MDO C&amp;M</v>
          </cell>
          <cell r="AO2109" t="str">
            <v>MDO INDIANA NORTH C&amp;M</v>
          </cell>
        </row>
        <row r="2110">
          <cell r="F2110">
            <v>75115</v>
          </cell>
          <cell r="Z2110" t="str">
            <v>DOLMRPR</v>
          </cell>
          <cell r="AN2110" t="str">
            <v>MDO C&amp;M</v>
          </cell>
          <cell r="AO2110" t="str">
            <v>MDO INDIANA NORTH C&amp;M</v>
          </cell>
        </row>
        <row r="2111">
          <cell r="F2111">
            <v>75115</v>
          </cell>
          <cell r="Z2111" t="str">
            <v>DOLMRPR</v>
          </cell>
          <cell r="AN2111" t="str">
            <v>MDO C&amp;M</v>
          </cell>
          <cell r="AO2111" t="str">
            <v>MDO INDIANA NORTH C&amp;M</v>
          </cell>
        </row>
        <row r="2112">
          <cell r="F2112">
            <v>75115</v>
          </cell>
          <cell r="Z2112" t="str">
            <v>DOLMRPR</v>
          </cell>
          <cell r="AN2112" t="str">
            <v>MDO C&amp;M</v>
          </cell>
          <cell r="AO2112" t="str">
            <v>MDO INDIANA NORTH C&amp;M</v>
          </cell>
        </row>
        <row r="2113">
          <cell r="F2113">
            <v>75115</v>
          </cell>
          <cell r="Z2113" t="str">
            <v>DOLMRPR</v>
          </cell>
          <cell r="AN2113" t="str">
            <v>MDO C&amp;M</v>
          </cell>
          <cell r="AO2113" t="str">
            <v>MDO INDIANA NORTH C&amp;M</v>
          </cell>
        </row>
        <row r="2114">
          <cell r="F2114">
            <v>75115</v>
          </cell>
          <cell r="Z2114" t="str">
            <v>DOLMRPR</v>
          </cell>
          <cell r="AN2114" t="str">
            <v>MDO C&amp;M</v>
          </cell>
          <cell r="AO2114" t="str">
            <v>MDO INDIANA NORTH C&amp;M</v>
          </cell>
        </row>
        <row r="2115">
          <cell r="F2115">
            <v>75115</v>
          </cell>
          <cell r="Z2115" t="str">
            <v>DOLMRPR</v>
          </cell>
          <cell r="AN2115" t="str">
            <v>MDO C&amp;M</v>
          </cell>
          <cell r="AO2115" t="str">
            <v>MDO INDIANA NORTH C&amp;M</v>
          </cell>
        </row>
        <row r="2116">
          <cell r="F2116">
            <v>75115</v>
          </cell>
          <cell r="Z2116" t="str">
            <v>DOLMRPR</v>
          </cell>
          <cell r="AN2116" t="str">
            <v>MDO C&amp;M</v>
          </cell>
          <cell r="AO2116" t="str">
            <v>MDO INDIANA NORTH C&amp;M</v>
          </cell>
        </row>
        <row r="2117">
          <cell r="F2117">
            <v>75115</v>
          </cell>
          <cell r="Z2117" t="str">
            <v>DOLMRPR</v>
          </cell>
          <cell r="AN2117" t="str">
            <v>MDO C&amp;M</v>
          </cell>
          <cell r="AO2117" t="str">
            <v>MDO INDIANA NORTH C&amp;M</v>
          </cell>
        </row>
        <row r="2118">
          <cell r="F2118">
            <v>75115</v>
          </cell>
          <cell r="Z2118" t="str">
            <v>DOLMRPR</v>
          </cell>
          <cell r="AN2118" t="str">
            <v>MDO C&amp;M</v>
          </cell>
          <cell r="AO2118" t="str">
            <v>MDO INDIANA NORTH C&amp;M</v>
          </cell>
        </row>
        <row r="2119">
          <cell r="F2119">
            <v>75115</v>
          </cell>
          <cell r="Z2119" t="str">
            <v>DOLMRPR</v>
          </cell>
          <cell r="AN2119" t="str">
            <v>MDO C&amp;M</v>
          </cell>
          <cell r="AO2119" t="str">
            <v>MDO INDIANA NORTH C&amp;M</v>
          </cell>
        </row>
        <row r="2120">
          <cell r="F2120">
            <v>75115</v>
          </cell>
          <cell r="Z2120" t="str">
            <v>DOLMRPR</v>
          </cell>
          <cell r="AN2120" t="str">
            <v>MDO C&amp;M</v>
          </cell>
          <cell r="AO2120" t="str">
            <v>MDO INDIANA NORTH C&amp;M</v>
          </cell>
        </row>
        <row r="2121">
          <cell r="F2121">
            <v>75115</v>
          </cell>
          <cell r="Z2121" t="str">
            <v>DOLMRPR</v>
          </cell>
          <cell r="AN2121" t="str">
            <v>MDO C&amp;M</v>
          </cell>
          <cell r="AO2121" t="str">
            <v>MDO INDIANA NORTH C&amp;M</v>
          </cell>
        </row>
        <row r="2122">
          <cell r="F2122">
            <v>75115</v>
          </cell>
          <cell r="Z2122" t="str">
            <v>DOLMRPR</v>
          </cell>
          <cell r="AN2122" t="str">
            <v>MDO C&amp;M</v>
          </cell>
          <cell r="AO2122" t="str">
            <v>MDO INDIANA NORTH C&amp;M</v>
          </cell>
        </row>
        <row r="2123">
          <cell r="F2123">
            <v>75115</v>
          </cell>
          <cell r="Z2123" t="str">
            <v>DOLMRPR</v>
          </cell>
          <cell r="AN2123" t="str">
            <v>MDO C&amp;M</v>
          </cell>
          <cell r="AO2123" t="str">
            <v>MDO INDIANA NORTH C&amp;M</v>
          </cell>
        </row>
        <row r="2124">
          <cell r="F2124">
            <v>75115</v>
          </cell>
          <cell r="Z2124" t="str">
            <v>DOLMRPR</v>
          </cell>
          <cell r="AN2124" t="str">
            <v>MDO C&amp;M</v>
          </cell>
          <cell r="AO2124" t="str">
            <v>MDO INDIANA NORTH C&amp;M</v>
          </cell>
        </row>
        <row r="2125">
          <cell r="F2125">
            <v>75115</v>
          </cell>
          <cell r="Z2125" t="str">
            <v>DOLMRPR</v>
          </cell>
          <cell r="AN2125" t="str">
            <v>MDO C&amp;M</v>
          </cell>
          <cell r="AO2125" t="str">
            <v>MDO INDIANA NORTH C&amp;M</v>
          </cell>
        </row>
        <row r="2126">
          <cell r="F2126">
            <v>75115</v>
          </cell>
          <cell r="Z2126" t="str">
            <v>DOLMRPR</v>
          </cell>
          <cell r="AN2126" t="str">
            <v>MDO C&amp;M</v>
          </cell>
          <cell r="AO2126" t="str">
            <v>MDO INDIANA NORTH C&amp;M</v>
          </cell>
        </row>
        <row r="2127">
          <cell r="F2127">
            <v>75115</v>
          </cell>
          <cell r="Z2127" t="str">
            <v>DOLMRPR</v>
          </cell>
          <cell r="AN2127" t="str">
            <v>MDO C&amp;M</v>
          </cell>
          <cell r="AO2127" t="str">
            <v>MDO INDIANA NORTH C&amp;M</v>
          </cell>
        </row>
        <row r="2128">
          <cell r="F2128">
            <v>75115</v>
          </cell>
          <cell r="Z2128" t="str">
            <v>DOLMRPR</v>
          </cell>
          <cell r="AN2128" t="str">
            <v>MDO C&amp;M</v>
          </cell>
          <cell r="AO2128" t="str">
            <v>MDO INDIANA NORTH C&amp;M</v>
          </cell>
        </row>
        <row r="2129">
          <cell r="F2129">
            <v>75115</v>
          </cell>
          <cell r="Z2129" t="str">
            <v>PADEQ</v>
          </cell>
          <cell r="AN2129" t="str">
            <v>MDO C&amp;M</v>
          </cell>
          <cell r="AO2129" t="str">
            <v>MDO INDIANA SOUTHWEST C&amp;M</v>
          </cell>
        </row>
        <row r="2130">
          <cell r="F2130">
            <v>75115</v>
          </cell>
          <cell r="Z2130" t="str">
            <v>PADEQ</v>
          </cell>
          <cell r="AN2130" t="str">
            <v>MDO C&amp;M</v>
          </cell>
          <cell r="AO2130" t="str">
            <v>MDO INDIANA SOUTHWEST C&amp;M</v>
          </cell>
        </row>
        <row r="2131">
          <cell r="F2131">
            <v>75115</v>
          </cell>
          <cell r="Z2131" t="str">
            <v>PADEQ</v>
          </cell>
          <cell r="AN2131" t="str">
            <v>MDO C&amp;M</v>
          </cell>
          <cell r="AO2131" t="str">
            <v>MDO INDIANA SOUTHWEST C&amp;M</v>
          </cell>
        </row>
        <row r="2132">
          <cell r="F2132">
            <v>75115</v>
          </cell>
          <cell r="Z2132" t="str">
            <v>PADEQ</v>
          </cell>
          <cell r="AN2132" t="str">
            <v>MDO C&amp;M</v>
          </cell>
          <cell r="AO2132" t="str">
            <v>MDO INDIANA SOUTHWEST C&amp;M</v>
          </cell>
        </row>
        <row r="2133">
          <cell r="F2133">
            <v>75115</v>
          </cell>
          <cell r="Z2133" t="str">
            <v>PADEQ</v>
          </cell>
          <cell r="AN2133" t="str">
            <v>MDO C&amp;M</v>
          </cell>
          <cell r="AO2133" t="str">
            <v>MDO INDIANA SOUTHWEST C&amp;M</v>
          </cell>
        </row>
        <row r="2134">
          <cell r="F2134">
            <v>75115</v>
          </cell>
          <cell r="Z2134" t="str">
            <v>PADEQ</v>
          </cell>
          <cell r="AN2134" t="str">
            <v>MDO C&amp;M</v>
          </cell>
          <cell r="AO2134" t="str">
            <v>MDO INDIANA SOUTHWEST C&amp;M</v>
          </cell>
        </row>
        <row r="2135">
          <cell r="F2135">
            <v>75115</v>
          </cell>
          <cell r="Z2135" t="str">
            <v>PADEQ</v>
          </cell>
          <cell r="AN2135" t="str">
            <v>MDO C&amp;M</v>
          </cell>
          <cell r="AO2135" t="str">
            <v>MDO INDIANA SOUTHWEST C&amp;M</v>
          </cell>
        </row>
        <row r="2136">
          <cell r="F2136">
            <v>75115</v>
          </cell>
          <cell r="Z2136" t="str">
            <v>PADEQ</v>
          </cell>
          <cell r="AN2136" t="str">
            <v>MDO C&amp;M</v>
          </cell>
          <cell r="AO2136" t="str">
            <v>MDO INDIANA SOUTHWEST C&amp;M</v>
          </cell>
        </row>
        <row r="2137">
          <cell r="F2137">
            <v>75115</v>
          </cell>
          <cell r="Z2137" t="str">
            <v>PADEQ</v>
          </cell>
          <cell r="AN2137" t="str">
            <v>MDO C&amp;M</v>
          </cell>
          <cell r="AO2137" t="str">
            <v>MDO INDIANA SOUTHWEST C&amp;M</v>
          </cell>
        </row>
        <row r="2138">
          <cell r="F2138">
            <v>75115</v>
          </cell>
          <cell r="Z2138" t="str">
            <v>PADEQ</v>
          </cell>
          <cell r="AN2138" t="str">
            <v>MDO C&amp;M</v>
          </cell>
          <cell r="AO2138" t="str">
            <v>MDO INDIANA SOUTHWEST C&amp;M</v>
          </cell>
        </row>
        <row r="2139">
          <cell r="F2139">
            <v>75115</v>
          </cell>
          <cell r="Z2139" t="str">
            <v>PADEQ</v>
          </cell>
          <cell r="AN2139" t="str">
            <v>MDO C&amp;M</v>
          </cell>
          <cell r="AO2139" t="str">
            <v>MDO INDIANA NORTH C&amp;M</v>
          </cell>
        </row>
        <row r="2140">
          <cell r="F2140">
            <v>75115</v>
          </cell>
          <cell r="Z2140" t="str">
            <v>PADEQ</v>
          </cell>
          <cell r="AN2140" t="str">
            <v>MDO C&amp;M</v>
          </cell>
          <cell r="AO2140" t="str">
            <v>MDO INDIANA NORTH C&amp;M</v>
          </cell>
        </row>
        <row r="2141">
          <cell r="F2141">
            <v>75115</v>
          </cell>
          <cell r="Z2141" t="str">
            <v>PADEQ</v>
          </cell>
          <cell r="AN2141" t="str">
            <v>MDO C&amp;M</v>
          </cell>
          <cell r="AO2141" t="str">
            <v>MDO INDIANA NORTH C&amp;M</v>
          </cell>
        </row>
        <row r="2142">
          <cell r="F2142">
            <v>75115</v>
          </cell>
          <cell r="Z2142" t="str">
            <v>PADEQ</v>
          </cell>
          <cell r="AN2142" t="str">
            <v>MDO C&amp;M</v>
          </cell>
          <cell r="AO2142" t="str">
            <v>MDO INDIANA NORTH C&amp;M</v>
          </cell>
        </row>
        <row r="2143">
          <cell r="F2143">
            <v>75115</v>
          </cell>
          <cell r="Z2143" t="str">
            <v>PADEQ</v>
          </cell>
          <cell r="AN2143" t="str">
            <v>MDO C&amp;M</v>
          </cell>
          <cell r="AO2143" t="str">
            <v>MDO INDIANA NORTH C&amp;M</v>
          </cell>
        </row>
        <row r="2144">
          <cell r="F2144">
            <v>75115</v>
          </cell>
          <cell r="Z2144" t="str">
            <v>PADEQ</v>
          </cell>
          <cell r="AN2144" t="str">
            <v>MDO C&amp;M</v>
          </cell>
          <cell r="AO2144" t="str">
            <v>MDO INDIANA NORTH C&amp;M</v>
          </cell>
        </row>
        <row r="2145">
          <cell r="F2145">
            <v>75115</v>
          </cell>
          <cell r="Z2145" t="str">
            <v>PADEQ</v>
          </cell>
          <cell r="AN2145" t="str">
            <v>MDO C&amp;M</v>
          </cell>
          <cell r="AO2145" t="str">
            <v>MDO INDIANA NORTH C&amp;M</v>
          </cell>
        </row>
        <row r="2146">
          <cell r="F2146">
            <v>75115</v>
          </cell>
          <cell r="Z2146" t="str">
            <v>PADEQ</v>
          </cell>
          <cell r="AN2146" t="str">
            <v>MDO C&amp;M</v>
          </cell>
          <cell r="AO2146" t="str">
            <v>MDO INDIANA NORTH C&amp;M</v>
          </cell>
        </row>
        <row r="2147">
          <cell r="F2147">
            <v>75115</v>
          </cell>
          <cell r="Z2147" t="str">
            <v>PADEQ</v>
          </cell>
          <cell r="AN2147" t="str">
            <v>MDO C&amp;M</v>
          </cell>
          <cell r="AO2147" t="str">
            <v>MDO INDIANA NORTH C&amp;M</v>
          </cell>
        </row>
        <row r="2148">
          <cell r="F2148">
            <v>75115</v>
          </cell>
          <cell r="Z2148" t="str">
            <v>PADEQ</v>
          </cell>
          <cell r="AN2148" t="str">
            <v>MDO C&amp;M</v>
          </cell>
          <cell r="AO2148" t="str">
            <v>MDO INDIANA NORTH C&amp;M</v>
          </cell>
        </row>
        <row r="2149">
          <cell r="F2149">
            <v>75115</v>
          </cell>
          <cell r="Z2149" t="str">
            <v>PADEQ</v>
          </cell>
          <cell r="AN2149" t="str">
            <v>MDO C&amp;M</v>
          </cell>
          <cell r="AO2149" t="str">
            <v>MDO INDIANA NORTH C&amp;M</v>
          </cell>
        </row>
        <row r="2150">
          <cell r="F2150">
            <v>75115</v>
          </cell>
          <cell r="Z2150" t="str">
            <v>PADEQ</v>
          </cell>
          <cell r="AN2150" t="str">
            <v>MDO C&amp;M</v>
          </cell>
          <cell r="AO2150" t="str">
            <v>MDO INDIANA NORTH C&amp;M</v>
          </cell>
        </row>
        <row r="2151">
          <cell r="F2151">
            <v>75115</v>
          </cell>
          <cell r="Z2151" t="str">
            <v>PADEQ</v>
          </cell>
          <cell r="AN2151" t="str">
            <v>MDO C&amp;M</v>
          </cell>
          <cell r="AO2151" t="str">
            <v>MDO INDIANA NORTH C&amp;M</v>
          </cell>
        </row>
        <row r="2152">
          <cell r="F2152">
            <v>75115</v>
          </cell>
          <cell r="Z2152" t="str">
            <v>PADEQ</v>
          </cell>
          <cell r="AN2152" t="str">
            <v>MDO C&amp;M</v>
          </cell>
          <cell r="AO2152" t="str">
            <v>MDO INDIANA NORTH C&amp;M</v>
          </cell>
        </row>
        <row r="2153">
          <cell r="F2153">
            <v>75115</v>
          </cell>
          <cell r="Z2153" t="str">
            <v>PADEQ</v>
          </cell>
          <cell r="AN2153" t="str">
            <v>MDO C&amp;M</v>
          </cell>
          <cell r="AO2153" t="str">
            <v>MDO INDIANA NORTH C&amp;M</v>
          </cell>
        </row>
        <row r="2154">
          <cell r="F2154">
            <v>75115</v>
          </cell>
          <cell r="Z2154" t="str">
            <v>PADEQ</v>
          </cell>
          <cell r="AN2154" t="str">
            <v>MDO C&amp;M</v>
          </cell>
          <cell r="AO2154" t="str">
            <v>MDO INDIANA NORTH C&amp;M</v>
          </cell>
        </row>
        <row r="2155">
          <cell r="F2155">
            <v>75115</v>
          </cell>
          <cell r="Z2155" t="str">
            <v>PADEQ</v>
          </cell>
          <cell r="AN2155" t="str">
            <v>MDO C&amp;M</v>
          </cell>
          <cell r="AO2155" t="str">
            <v>MDO INDIANA NORTH C&amp;M</v>
          </cell>
        </row>
        <row r="2156">
          <cell r="F2156">
            <v>75115</v>
          </cell>
          <cell r="Z2156" t="str">
            <v>PADEQ</v>
          </cell>
          <cell r="AN2156" t="str">
            <v>MDO C&amp;M</v>
          </cell>
          <cell r="AO2156" t="str">
            <v>MDO INDIANA NORTH C&amp;M</v>
          </cell>
        </row>
        <row r="2157">
          <cell r="F2157">
            <v>75115</v>
          </cell>
          <cell r="Z2157" t="str">
            <v>PADEQ</v>
          </cell>
          <cell r="AN2157" t="str">
            <v>MDO C&amp;M</v>
          </cell>
          <cell r="AO2157" t="str">
            <v>MDO INDIANA NORTH C&amp;M</v>
          </cell>
        </row>
        <row r="2158">
          <cell r="F2158">
            <v>75023</v>
          </cell>
          <cell r="Z2158" t="str">
            <v>LOADSWCH</v>
          </cell>
          <cell r="AN2158" t="str">
            <v>MDO C&amp;M</v>
          </cell>
          <cell r="AO2158" t="str">
            <v>MDO OH/KEN Service Delivery</v>
          </cell>
        </row>
        <row r="2159">
          <cell r="F2159">
            <v>75023</v>
          </cell>
          <cell r="Z2159" t="str">
            <v>LOADSWCH</v>
          </cell>
          <cell r="AN2159" t="str">
            <v>MDO C&amp;M</v>
          </cell>
          <cell r="AO2159" t="str">
            <v>MDO OH/KEN Service Delivery</v>
          </cell>
        </row>
        <row r="2160">
          <cell r="F2160">
            <v>75023</v>
          </cell>
          <cell r="Z2160" t="str">
            <v>LOADSWCH</v>
          </cell>
          <cell r="AN2160" t="str">
            <v>MDO C&amp;M</v>
          </cell>
          <cell r="AO2160" t="str">
            <v>MDO OH/KEN Service Delivery</v>
          </cell>
        </row>
        <row r="2161">
          <cell r="F2161">
            <v>75023</v>
          </cell>
          <cell r="Z2161" t="str">
            <v>LOADSWCH</v>
          </cell>
          <cell r="AN2161" t="str">
            <v>MDO C&amp;M</v>
          </cell>
          <cell r="AO2161" t="str">
            <v>MDO OH/KEN Service Delivery</v>
          </cell>
        </row>
        <row r="2162">
          <cell r="F2162">
            <v>75023</v>
          </cell>
          <cell r="Z2162" t="str">
            <v>LOADSWCH</v>
          </cell>
          <cell r="AN2162" t="str">
            <v>MDO C&amp;M</v>
          </cell>
          <cell r="AO2162" t="str">
            <v>MDO OH/KEN C&amp;M</v>
          </cell>
        </row>
        <row r="2163">
          <cell r="F2163">
            <v>75023</v>
          </cell>
          <cell r="Z2163" t="str">
            <v>LOADSWCH</v>
          </cell>
          <cell r="AN2163" t="str">
            <v>MDO C&amp;M</v>
          </cell>
          <cell r="AO2163" t="str">
            <v>MDO OH/KEN C&amp;M</v>
          </cell>
        </row>
        <row r="2164">
          <cell r="F2164">
            <v>75023</v>
          </cell>
          <cell r="Z2164" t="str">
            <v>LOADSWCH</v>
          </cell>
          <cell r="AN2164" t="str">
            <v>MDO C&amp;M</v>
          </cell>
          <cell r="AO2164" t="str">
            <v>MDO OH/KEN C&amp;M</v>
          </cell>
        </row>
        <row r="2165">
          <cell r="F2165">
            <v>75023</v>
          </cell>
          <cell r="Z2165" t="str">
            <v>LOADSWCH</v>
          </cell>
          <cell r="AN2165" t="str">
            <v>MDO C&amp;M</v>
          </cell>
          <cell r="AO2165" t="str">
            <v>MDO OH/KEN C&amp;M</v>
          </cell>
        </row>
        <row r="2166">
          <cell r="F2166">
            <v>75023</v>
          </cell>
          <cell r="Z2166" t="str">
            <v>LOADSWCH</v>
          </cell>
          <cell r="AN2166" t="str">
            <v>MDO C&amp;M</v>
          </cell>
          <cell r="AO2166" t="str">
            <v>MDO OH/KEN C&amp;M</v>
          </cell>
        </row>
        <row r="2167">
          <cell r="F2167">
            <v>75023</v>
          </cell>
          <cell r="Z2167" t="str">
            <v>LOADSWCH</v>
          </cell>
          <cell r="AN2167" t="str">
            <v>MDO C&amp;M</v>
          </cell>
          <cell r="AO2167" t="str">
            <v>MDO OH/KEN C&amp;M</v>
          </cell>
        </row>
        <row r="2168">
          <cell r="F2168">
            <v>75023</v>
          </cell>
          <cell r="Z2168" t="str">
            <v>LOADSWCH</v>
          </cell>
          <cell r="AN2168" t="str">
            <v>MDO C&amp;M</v>
          </cell>
          <cell r="AO2168" t="str">
            <v>MDO OH/KEN C&amp;M</v>
          </cell>
        </row>
        <row r="2169">
          <cell r="F2169">
            <v>75023</v>
          </cell>
          <cell r="Z2169" t="str">
            <v>LOADSWCH</v>
          </cell>
          <cell r="AN2169" t="str">
            <v>MDO C&amp;M</v>
          </cell>
          <cell r="AO2169" t="str">
            <v>MDO OH/KEN C&amp;M</v>
          </cell>
        </row>
        <row r="2170">
          <cell r="F2170">
            <v>75023</v>
          </cell>
          <cell r="Z2170" t="str">
            <v>LOADSWCH</v>
          </cell>
          <cell r="AN2170" t="str">
            <v>MDO C&amp;M</v>
          </cell>
          <cell r="AO2170" t="str">
            <v>MDO OH/KEN C&amp;M</v>
          </cell>
        </row>
        <row r="2171">
          <cell r="F2171">
            <v>75023</v>
          </cell>
          <cell r="Z2171" t="str">
            <v>LOADSWCH</v>
          </cell>
          <cell r="AN2171" t="str">
            <v>MDO C&amp;M</v>
          </cell>
          <cell r="AO2171" t="str">
            <v>MDO OH/KEN C&amp;M</v>
          </cell>
        </row>
        <row r="2172">
          <cell r="F2172">
            <v>75023</v>
          </cell>
          <cell r="Z2172" t="str">
            <v>LOADSWCH</v>
          </cell>
          <cell r="AN2172" t="str">
            <v>MDO C&amp;M</v>
          </cell>
          <cell r="AO2172" t="str">
            <v>MDO OH/KEN C&amp;M</v>
          </cell>
        </row>
        <row r="2173">
          <cell r="F2173">
            <v>75023</v>
          </cell>
          <cell r="Z2173" t="str">
            <v>LOADSWCH</v>
          </cell>
          <cell r="AN2173" t="str">
            <v>MDO C&amp;M</v>
          </cell>
          <cell r="AO2173" t="str">
            <v>MDO OH/KEN C&amp;M</v>
          </cell>
        </row>
        <row r="2174">
          <cell r="F2174">
            <v>75023</v>
          </cell>
          <cell r="Z2174" t="str">
            <v>LOADSWCH</v>
          </cell>
          <cell r="AN2174" t="str">
            <v>MDO C&amp;M</v>
          </cell>
          <cell r="AO2174" t="str">
            <v>MDO OH/KEN C&amp;M</v>
          </cell>
        </row>
        <row r="2175">
          <cell r="F2175">
            <v>75023</v>
          </cell>
          <cell r="Z2175" t="str">
            <v>LOADSWCH</v>
          </cell>
          <cell r="AN2175" t="str">
            <v>MDO C&amp;M</v>
          </cell>
          <cell r="AO2175" t="str">
            <v>MDO OH/KEN C&amp;M</v>
          </cell>
        </row>
        <row r="2176">
          <cell r="F2176">
            <v>75023</v>
          </cell>
          <cell r="Z2176" t="str">
            <v>LOADSWCH</v>
          </cell>
          <cell r="AN2176" t="str">
            <v>MDO C&amp;M</v>
          </cell>
          <cell r="AO2176" t="str">
            <v>MDO OH/KEN C&amp;M</v>
          </cell>
        </row>
        <row r="2177">
          <cell r="F2177">
            <v>75023</v>
          </cell>
          <cell r="Z2177" t="str">
            <v>LOADSWCH</v>
          </cell>
          <cell r="AN2177" t="str">
            <v>MDO C&amp;M</v>
          </cell>
          <cell r="AO2177" t="str">
            <v>MDO OH/KEN C&amp;M</v>
          </cell>
        </row>
        <row r="2178">
          <cell r="F2178">
            <v>75023</v>
          </cell>
          <cell r="Z2178" t="str">
            <v>LOADSWCH</v>
          </cell>
          <cell r="AN2178" t="str">
            <v>MDO C&amp;M</v>
          </cell>
          <cell r="AO2178" t="str">
            <v>MDO OH/KEN C&amp;M</v>
          </cell>
        </row>
        <row r="2179">
          <cell r="F2179">
            <v>75023</v>
          </cell>
          <cell r="Z2179" t="str">
            <v>LOADSWCH</v>
          </cell>
          <cell r="AN2179" t="str">
            <v>MDO C&amp;M</v>
          </cell>
          <cell r="AO2179" t="str">
            <v>MDO OH/KEN C&amp;M</v>
          </cell>
        </row>
        <row r="2180">
          <cell r="F2180">
            <v>75023</v>
          </cell>
          <cell r="Z2180" t="str">
            <v>LOADSWCH</v>
          </cell>
          <cell r="AN2180" t="str">
            <v>MDO C&amp;M</v>
          </cell>
          <cell r="AO2180" t="str">
            <v>MDO OH/KEN C&amp;M</v>
          </cell>
        </row>
        <row r="2181">
          <cell r="F2181">
            <v>75023</v>
          </cell>
          <cell r="Z2181" t="str">
            <v>LOADSWCH</v>
          </cell>
          <cell r="AN2181" t="str">
            <v>MDO C&amp;M</v>
          </cell>
          <cell r="AO2181" t="str">
            <v>MDO OH/KEN C&amp;M</v>
          </cell>
        </row>
        <row r="2182">
          <cell r="F2182">
            <v>75023</v>
          </cell>
          <cell r="Z2182" t="str">
            <v>LOADSWCH</v>
          </cell>
          <cell r="AN2182" t="str">
            <v>MDO C&amp;M</v>
          </cell>
          <cell r="AO2182" t="str">
            <v>MDO OH/KEN C&amp;M</v>
          </cell>
        </row>
        <row r="2183">
          <cell r="F2183">
            <v>75023</v>
          </cell>
          <cell r="Z2183" t="str">
            <v>LOADSWCH</v>
          </cell>
          <cell r="AN2183" t="str">
            <v>MDO C&amp;M</v>
          </cell>
          <cell r="AO2183" t="str">
            <v>MDO OH/KEN C&amp;M</v>
          </cell>
        </row>
        <row r="2184">
          <cell r="F2184">
            <v>75023</v>
          </cell>
          <cell r="Z2184" t="str">
            <v>LOADSWCH</v>
          </cell>
          <cell r="AN2184" t="str">
            <v>MDO C&amp;M</v>
          </cell>
          <cell r="AO2184" t="str">
            <v>MDO OH/KEN C&amp;M</v>
          </cell>
        </row>
        <row r="2185">
          <cell r="F2185">
            <v>75023</v>
          </cell>
          <cell r="Z2185" t="str">
            <v>LOADSWCH</v>
          </cell>
          <cell r="AN2185" t="str">
            <v>MDO C&amp;M</v>
          </cell>
          <cell r="AO2185" t="str">
            <v>MDO OH/KEN C&amp;M</v>
          </cell>
        </row>
        <row r="2186">
          <cell r="F2186">
            <v>75023</v>
          </cell>
          <cell r="Z2186" t="str">
            <v>LOADSWCH</v>
          </cell>
          <cell r="AN2186" t="str">
            <v>MDO C&amp;M</v>
          </cell>
          <cell r="AO2186" t="str">
            <v>MDO OH/KEN C&amp;M</v>
          </cell>
        </row>
        <row r="2187">
          <cell r="F2187">
            <v>75023</v>
          </cell>
          <cell r="Z2187" t="str">
            <v>LOADSWCH</v>
          </cell>
          <cell r="AN2187" t="str">
            <v>MDO C&amp;M</v>
          </cell>
          <cell r="AO2187" t="str">
            <v>MDO OH/KEN C&amp;M</v>
          </cell>
        </row>
        <row r="2188">
          <cell r="F2188">
            <v>75023</v>
          </cell>
          <cell r="Z2188" t="str">
            <v>LOADSWCH</v>
          </cell>
          <cell r="AN2188" t="str">
            <v>MDO C&amp;M</v>
          </cell>
          <cell r="AO2188" t="str">
            <v>MDO OH/KEN C&amp;M</v>
          </cell>
        </row>
        <row r="2189">
          <cell r="F2189">
            <v>75023</v>
          </cell>
          <cell r="Z2189" t="str">
            <v>LOADSWCH</v>
          </cell>
          <cell r="AN2189" t="str">
            <v>MDO C&amp;M</v>
          </cell>
          <cell r="AO2189" t="str">
            <v>MDO OH/KEN C&amp;M</v>
          </cell>
        </row>
        <row r="2190">
          <cell r="F2190">
            <v>75023</v>
          </cell>
          <cell r="Z2190" t="str">
            <v>LOADSWCH</v>
          </cell>
          <cell r="AN2190" t="str">
            <v>MDO C&amp;M</v>
          </cell>
          <cell r="AO2190" t="str">
            <v>MDO OH/KEN C&amp;M</v>
          </cell>
        </row>
        <row r="2191">
          <cell r="F2191">
            <v>75023</v>
          </cell>
          <cell r="Z2191" t="str">
            <v>LOADSWCH</v>
          </cell>
          <cell r="AN2191" t="str">
            <v>MDO C&amp;M</v>
          </cell>
          <cell r="AO2191" t="str">
            <v>MDO OH/KEN C&amp;M</v>
          </cell>
        </row>
        <row r="2192">
          <cell r="F2192">
            <v>75023</v>
          </cell>
          <cell r="Z2192" t="str">
            <v>LOADSWCH</v>
          </cell>
          <cell r="AN2192" t="str">
            <v>MDO C&amp;M</v>
          </cell>
          <cell r="AO2192" t="str">
            <v>MDO OH/KEN C&amp;M</v>
          </cell>
        </row>
        <row r="2193">
          <cell r="F2193">
            <v>75023</v>
          </cell>
          <cell r="Z2193" t="str">
            <v>LOADSWCH</v>
          </cell>
          <cell r="AN2193" t="str">
            <v>MDO C&amp;M</v>
          </cell>
          <cell r="AO2193" t="str">
            <v>MDO OH/KEN C&amp;M</v>
          </cell>
        </row>
        <row r="2194">
          <cell r="F2194">
            <v>75023</v>
          </cell>
          <cell r="Z2194" t="str">
            <v>LOADSWCH</v>
          </cell>
          <cell r="AN2194" t="str">
            <v>MDO C&amp;M</v>
          </cell>
          <cell r="AO2194" t="str">
            <v>MDO OH/KEN C&amp;M</v>
          </cell>
        </row>
        <row r="2195">
          <cell r="F2195">
            <v>75023</v>
          </cell>
          <cell r="Z2195" t="str">
            <v>LOADSWCH</v>
          </cell>
          <cell r="AN2195" t="str">
            <v>MDO C&amp;M</v>
          </cell>
          <cell r="AO2195" t="str">
            <v>MDO OH/KEN C&amp;M</v>
          </cell>
        </row>
        <row r="2196">
          <cell r="F2196">
            <v>75023</v>
          </cell>
          <cell r="Z2196" t="str">
            <v>LOADSWCH</v>
          </cell>
          <cell r="AN2196" t="str">
            <v>MDO C&amp;M</v>
          </cell>
          <cell r="AO2196" t="str">
            <v>MDO OH/KEN C&amp;M</v>
          </cell>
        </row>
        <row r="2197">
          <cell r="F2197">
            <v>75023</v>
          </cell>
          <cell r="Z2197" t="str">
            <v>LOADSWCH</v>
          </cell>
          <cell r="AN2197" t="str">
            <v>MDO C&amp;M</v>
          </cell>
          <cell r="AO2197" t="str">
            <v>MDO OH/KEN C&amp;M</v>
          </cell>
        </row>
        <row r="2198">
          <cell r="F2198">
            <v>75023</v>
          </cell>
          <cell r="Z2198" t="str">
            <v>LOADSWCH</v>
          </cell>
          <cell r="AN2198" t="str">
            <v>MDO C&amp;M</v>
          </cell>
          <cell r="AO2198" t="str">
            <v>MDO OH/KEN C&amp;M</v>
          </cell>
        </row>
        <row r="2199">
          <cell r="F2199">
            <v>75023</v>
          </cell>
          <cell r="Z2199" t="str">
            <v>LOADSWCH</v>
          </cell>
          <cell r="AN2199" t="str">
            <v>MDO C&amp;M</v>
          </cell>
          <cell r="AO2199" t="str">
            <v>MDO OH/KEN C&amp;M</v>
          </cell>
        </row>
        <row r="2200">
          <cell r="F2200">
            <v>75023</v>
          </cell>
          <cell r="Z2200" t="str">
            <v>LOADSWCH</v>
          </cell>
          <cell r="AN2200" t="str">
            <v>MDO C&amp;M</v>
          </cell>
          <cell r="AO2200" t="str">
            <v>MDO OH/KEN C&amp;M</v>
          </cell>
        </row>
        <row r="2201">
          <cell r="F2201">
            <v>75023</v>
          </cell>
          <cell r="Z2201" t="str">
            <v>LOADSWCH</v>
          </cell>
          <cell r="AN2201" t="str">
            <v>MDO C&amp;M</v>
          </cell>
          <cell r="AO2201" t="str">
            <v>MDO OH/KEN C&amp;M</v>
          </cell>
        </row>
        <row r="2202">
          <cell r="F2202">
            <v>75023</v>
          </cell>
          <cell r="Z2202" t="str">
            <v>LOADSWCH</v>
          </cell>
          <cell r="AN2202" t="str">
            <v>MDO C&amp;M</v>
          </cell>
          <cell r="AO2202" t="str">
            <v>MDO OH/KEN C&amp;M</v>
          </cell>
        </row>
        <row r="2203">
          <cell r="F2203">
            <v>75023</v>
          </cell>
          <cell r="Z2203" t="str">
            <v>LOADSWCH</v>
          </cell>
          <cell r="AN2203" t="str">
            <v>MDO C&amp;M</v>
          </cell>
          <cell r="AO2203" t="str">
            <v>MDO OH/KEN C&amp;M</v>
          </cell>
        </row>
        <row r="2204">
          <cell r="F2204">
            <v>75023</v>
          </cell>
          <cell r="Z2204" t="str">
            <v>LOADSWCH</v>
          </cell>
          <cell r="AN2204" t="str">
            <v>MDO C&amp;M</v>
          </cell>
          <cell r="AO2204" t="str">
            <v>MDO OH/KEN C&amp;M</v>
          </cell>
        </row>
        <row r="2205">
          <cell r="F2205">
            <v>75023</v>
          </cell>
          <cell r="Z2205" t="str">
            <v>LOADSWCH</v>
          </cell>
          <cell r="AN2205" t="str">
            <v>MDO C&amp;M</v>
          </cell>
          <cell r="AO2205" t="str">
            <v>MDO OH/KEN C&amp;M</v>
          </cell>
        </row>
        <row r="2206">
          <cell r="F2206">
            <v>75023</v>
          </cell>
          <cell r="Z2206" t="str">
            <v>LOADSWCH</v>
          </cell>
          <cell r="AN2206" t="str">
            <v>MDO C&amp;M</v>
          </cell>
          <cell r="AO2206" t="str">
            <v>MDO OH/KEN C&amp;M</v>
          </cell>
        </row>
        <row r="2207">
          <cell r="F2207">
            <v>75023</v>
          </cell>
          <cell r="Z2207" t="str">
            <v>LOADSWCH</v>
          </cell>
          <cell r="AN2207" t="str">
            <v>MDO C&amp;M</v>
          </cell>
          <cell r="AO2207" t="str">
            <v>MDO OH/KEN C&amp;M</v>
          </cell>
        </row>
        <row r="2208">
          <cell r="F2208">
            <v>75023</v>
          </cell>
          <cell r="Z2208" t="str">
            <v>LOADSWCH</v>
          </cell>
          <cell r="AN2208" t="str">
            <v>MDO C&amp;M</v>
          </cell>
          <cell r="AO2208" t="str">
            <v>MDO OH/KEN C&amp;M</v>
          </cell>
        </row>
        <row r="2209">
          <cell r="F2209">
            <v>75023</v>
          </cell>
          <cell r="Z2209" t="str">
            <v>LOADSWCH</v>
          </cell>
          <cell r="AN2209" t="str">
            <v>MDO C&amp;M</v>
          </cell>
          <cell r="AO2209" t="str">
            <v>MDO OH/KEN C&amp;M</v>
          </cell>
        </row>
        <row r="2210">
          <cell r="F2210">
            <v>75023</v>
          </cell>
          <cell r="Z2210" t="str">
            <v>LOADSWCH</v>
          </cell>
          <cell r="AN2210" t="str">
            <v>MDO C&amp;M</v>
          </cell>
          <cell r="AO2210" t="str">
            <v>MDO OH/KEN C&amp;M</v>
          </cell>
        </row>
        <row r="2211">
          <cell r="F2211">
            <v>75023</v>
          </cell>
          <cell r="Z2211" t="str">
            <v>LOADSWCH</v>
          </cell>
          <cell r="AN2211" t="str">
            <v>MDO C&amp;M</v>
          </cell>
          <cell r="AO2211" t="str">
            <v>MDO OH/KEN C&amp;M</v>
          </cell>
        </row>
        <row r="2212">
          <cell r="F2212">
            <v>75023</v>
          </cell>
          <cell r="Z2212" t="str">
            <v>LOADSWCH</v>
          </cell>
          <cell r="AN2212" t="str">
            <v>MDO C&amp;M</v>
          </cell>
          <cell r="AO2212" t="str">
            <v>MDO OH/KEN C&amp;M</v>
          </cell>
        </row>
        <row r="2213">
          <cell r="F2213">
            <v>75023</v>
          </cell>
          <cell r="Z2213" t="str">
            <v>LOADSWCH</v>
          </cell>
          <cell r="AN2213" t="str">
            <v>MDO C&amp;M</v>
          </cell>
          <cell r="AO2213" t="str">
            <v>MDO OH/KEN C&amp;M</v>
          </cell>
        </row>
        <row r="2214">
          <cell r="F2214">
            <v>75023</v>
          </cell>
          <cell r="Z2214" t="str">
            <v>LOADSWCH</v>
          </cell>
          <cell r="AN2214" t="str">
            <v>MDO C&amp;M</v>
          </cell>
          <cell r="AO2214" t="str">
            <v>MDO OH/KEN C&amp;M</v>
          </cell>
        </row>
        <row r="2215">
          <cell r="F2215">
            <v>75023</v>
          </cell>
          <cell r="Z2215" t="str">
            <v>LOADSWCH</v>
          </cell>
          <cell r="AN2215" t="str">
            <v>MDO C&amp;M</v>
          </cell>
          <cell r="AO2215" t="str">
            <v>MDO OH/KEN C&amp;M</v>
          </cell>
        </row>
        <row r="2216">
          <cell r="F2216">
            <v>75023</v>
          </cell>
          <cell r="Z2216" t="str">
            <v>LOADSWCH</v>
          </cell>
          <cell r="AN2216" t="str">
            <v>MDO C&amp;M</v>
          </cell>
          <cell r="AO2216" t="str">
            <v>MDO OH/KEN C&amp;M</v>
          </cell>
        </row>
        <row r="2217">
          <cell r="F2217">
            <v>75023</v>
          </cell>
          <cell r="Z2217" t="str">
            <v>LOADSWCH</v>
          </cell>
          <cell r="AN2217" t="str">
            <v>MDO C&amp;M</v>
          </cell>
          <cell r="AO2217" t="str">
            <v>MDO OH/KEN C&amp;M</v>
          </cell>
        </row>
        <row r="2218">
          <cell r="F2218">
            <v>75023</v>
          </cell>
          <cell r="Z2218" t="str">
            <v>LOADSWCH</v>
          </cell>
          <cell r="AN2218" t="str">
            <v>MDO C&amp;M</v>
          </cell>
          <cell r="AO2218" t="str">
            <v>MDO OH/KEN C&amp;M</v>
          </cell>
        </row>
        <row r="2219">
          <cell r="F2219">
            <v>75023</v>
          </cell>
          <cell r="Z2219" t="str">
            <v>LOADSWCH</v>
          </cell>
          <cell r="AN2219" t="str">
            <v>MDO C&amp;M</v>
          </cell>
          <cell r="AO2219" t="str">
            <v>MDO OH/KEN C&amp;M</v>
          </cell>
        </row>
        <row r="2220">
          <cell r="F2220">
            <v>75023</v>
          </cell>
          <cell r="Z2220" t="str">
            <v>LOADSWCH</v>
          </cell>
          <cell r="AN2220" t="str">
            <v>MDO C&amp;M</v>
          </cell>
          <cell r="AO2220" t="str">
            <v>MDO OH/KEN C&amp;M</v>
          </cell>
        </row>
        <row r="2221">
          <cell r="F2221">
            <v>75023</v>
          </cell>
          <cell r="Z2221" t="str">
            <v>LOADSWCH</v>
          </cell>
          <cell r="AN2221" t="str">
            <v>MDO C&amp;M</v>
          </cell>
          <cell r="AO2221" t="str">
            <v>MDO OH/KEN C&amp;M</v>
          </cell>
        </row>
        <row r="2222">
          <cell r="F2222">
            <v>75023</v>
          </cell>
          <cell r="Z2222" t="str">
            <v>LOADSWCH</v>
          </cell>
          <cell r="AN2222" t="str">
            <v>MDO C&amp;M</v>
          </cell>
          <cell r="AO2222" t="str">
            <v>MDO OH/KEN C&amp;M</v>
          </cell>
        </row>
        <row r="2223">
          <cell r="F2223">
            <v>75023</v>
          </cell>
          <cell r="Z2223" t="str">
            <v>LOADSWCH</v>
          </cell>
          <cell r="AN2223" t="str">
            <v>MDO C&amp;M</v>
          </cell>
          <cell r="AO2223" t="str">
            <v>MDO OH/KEN C&amp;M</v>
          </cell>
        </row>
        <row r="2224">
          <cell r="F2224">
            <v>75023</v>
          </cell>
          <cell r="Z2224" t="str">
            <v>LOADSWCH</v>
          </cell>
          <cell r="AN2224" t="str">
            <v>MDO C&amp;M</v>
          </cell>
          <cell r="AO2224" t="str">
            <v>MDO OH/KEN C&amp;M</v>
          </cell>
        </row>
        <row r="2225">
          <cell r="F2225">
            <v>75023</v>
          </cell>
          <cell r="Z2225" t="str">
            <v>LOADSWCH</v>
          </cell>
          <cell r="AN2225" t="str">
            <v>MDO C&amp;M</v>
          </cell>
          <cell r="AO2225" t="str">
            <v>MDO OH/KEN C&amp;M</v>
          </cell>
        </row>
        <row r="2226">
          <cell r="F2226">
            <v>75023</v>
          </cell>
          <cell r="Z2226" t="str">
            <v>LOADSWCH</v>
          </cell>
          <cell r="AN2226" t="str">
            <v>MDO C&amp;M</v>
          </cell>
          <cell r="AO2226" t="str">
            <v>MDO OH/KEN C&amp;M</v>
          </cell>
        </row>
        <row r="2227">
          <cell r="F2227">
            <v>75023</v>
          </cell>
          <cell r="Z2227" t="str">
            <v>LOADSWCH</v>
          </cell>
          <cell r="AN2227" t="str">
            <v>MDO C&amp;M</v>
          </cell>
          <cell r="AO2227" t="str">
            <v>MDO OH/KEN C&amp;M</v>
          </cell>
        </row>
        <row r="2228">
          <cell r="F2228">
            <v>75023</v>
          </cell>
          <cell r="Z2228" t="str">
            <v>LOADSWCH</v>
          </cell>
          <cell r="AN2228" t="str">
            <v>MDO C&amp;M</v>
          </cell>
          <cell r="AO2228" t="str">
            <v>MDO OH/KEN C&amp;M</v>
          </cell>
        </row>
        <row r="2229">
          <cell r="F2229">
            <v>75023</v>
          </cell>
          <cell r="Z2229" t="str">
            <v>LOADSWCH</v>
          </cell>
          <cell r="AN2229" t="str">
            <v>MDO C&amp;M</v>
          </cell>
          <cell r="AO2229" t="str">
            <v>MDO OH/KEN C&amp;M</v>
          </cell>
        </row>
        <row r="2230">
          <cell r="F2230">
            <v>75023</v>
          </cell>
          <cell r="Z2230" t="str">
            <v>LOADSWCH</v>
          </cell>
          <cell r="AN2230" t="str">
            <v>MDO C&amp;M</v>
          </cell>
          <cell r="AO2230" t="str">
            <v>MDO OH/KEN C&amp;M</v>
          </cell>
        </row>
        <row r="2231">
          <cell r="F2231">
            <v>75023</v>
          </cell>
          <cell r="Z2231" t="str">
            <v>LOADSWCH</v>
          </cell>
          <cell r="AN2231" t="str">
            <v>MDO C&amp;M</v>
          </cell>
          <cell r="AO2231" t="str">
            <v>MDO OH/KEN C&amp;M</v>
          </cell>
        </row>
        <row r="2232">
          <cell r="F2232">
            <v>75023</v>
          </cell>
          <cell r="Z2232" t="str">
            <v>LOADSWCH</v>
          </cell>
          <cell r="AN2232" t="str">
            <v>MDO C&amp;M</v>
          </cell>
          <cell r="AO2232" t="str">
            <v>MDO OH/KEN C&amp;M</v>
          </cell>
        </row>
        <row r="2233">
          <cell r="F2233">
            <v>75023</v>
          </cell>
          <cell r="Z2233" t="str">
            <v>LOADSWCH</v>
          </cell>
          <cell r="AN2233" t="str">
            <v>MDO C&amp;M</v>
          </cell>
          <cell r="AO2233" t="str">
            <v>MDO OH/KEN C&amp;M</v>
          </cell>
        </row>
        <row r="2234">
          <cell r="F2234">
            <v>75023</v>
          </cell>
          <cell r="Z2234" t="str">
            <v>LOADSWCH</v>
          </cell>
          <cell r="AN2234" t="str">
            <v>MDO C&amp;M</v>
          </cell>
          <cell r="AO2234" t="str">
            <v>MDO OH/KEN C&amp;M</v>
          </cell>
        </row>
        <row r="2235">
          <cell r="F2235">
            <v>75023</v>
          </cell>
          <cell r="Z2235" t="str">
            <v>LOADSWCH</v>
          </cell>
          <cell r="AN2235" t="str">
            <v>MDO C&amp;M</v>
          </cell>
          <cell r="AO2235" t="str">
            <v>MDO OH/KEN C&amp;M</v>
          </cell>
        </row>
        <row r="2236">
          <cell r="F2236">
            <v>75023</v>
          </cell>
          <cell r="Z2236" t="str">
            <v>LOADSWCH</v>
          </cell>
          <cell r="AN2236" t="str">
            <v>MDO C&amp;M</v>
          </cell>
          <cell r="AO2236" t="str">
            <v>MDO OH/KEN C&amp;M</v>
          </cell>
        </row>
        <row r="2237">
          <cell r="F2237">
            <v>75023</v>
          </cell>
          <cell r="Z2237" t="str">
            <v>LOADSWCH</v>
          </cell>
          <cell r="AN2237" t="str">
            <v>MDO C&amp;M</v>
          </cell>
          <cell r="AO2237" t="str">
            <v>MDO OH/KEN C&amp;M</v>
          </cell>
        </row>
        <row r="2238">
          <cell r="F2238">
            <v>75023</v>
          </cell>
          <cell r="Z2238" t="str">
            <v>LOADSWCH</v>
          </cell>
          <cell r="AN2238" t="str">
            <v>MDO C&amp;M</v>
          </cell>
          <cell r="AO2238" t="str">
            <v>MDO OH/KEN C&amp;M</v>
          </cell>
        </row>
        <row r="2239">
          <cell r="F2239">
            <v>75023</v>
          </cell>
          <cell r="Z2239" t="str">
            <v>LOADSWCH</v>
          </cell>
          <cell r="AN2239" t="str">
            <v>MDO C&amp;M</v>
          </cell>
          <cell r="AO2239" t="str">
            <v>MDO OH/KEN C&amp;M</v>
          </cell>
        </row>
        <row r="2240">
          <cell r="F2240">
            <v>75023</v>
          </cell>
          <cell r="Z2240" t="str">
            <v>LOADSWCH</v>
          </cell>
          <cell r="AN2240" t="str">
            <v>MDO C&amp;M</v>
          </cell>
          <cell r="AO2240" t="str">
            <v>MDO OH/KEN C&amp;M</v>
          </cell>
        </row>
        <row r="2241">
          <cell r="F2241">
            <v>75023</v>
          </cell>
          <cell r="Z2241" t="str">
            <v>LOADSWCH</v>
          </cell>
          <cell r="AN2241" t="str">
            <v>MDO C&amp;M</v>
          </cell>
          <cell r="AO2241" t="str">
            <v>MDO OH/KEN C&amp;M</v>
          </cell>
        </row>
        <row r="2242">
          <cell r="F2242">
            <v>75023</v>
          </cell>
          <cell r="Z2242" t="str">
            <v>LOADSWCH</v>
          </cell>
          <cell r="AN2242" t="str">
            <v>MDO C&amp;M</v>
          </cell>
          <cell r="AO2242" t="str">
            <v>MDO OH/KEN C&amp;M</v>
          </cell>
        </row>
        <row r="2243">
          <cell r="F2243">
            <v>75023</v>
          </cell>
          <cell r="Z2243" t="str">
            <v>LOADSWCH</v>
          </cell>
          <cell r="AN2243" t="str">
            <v>MDO C&amp;M</v>
          </cell>
          <cell r="AO2243" t="str">
            <v>MDO OH/KEN C&amp;M</v>
          </cell>
        </row>
        <row r="2244">
          <cell r="F2244">
            <v>75023</v>
          </cell>
          <cell r="Z2244" t="str">
            <v>LOADSWCH</v>
          </cell>
          <cell r="AN2244" t="str">
            <v>MDO C&amp;M</v>
          </cell>
          <cell r="AO2244" t="str">
            <v>MDO OH/KEN C&amp;M</v>
          </cell>
        </row>
        <row r="2245">
          <cell r="F2245">
            <v>75023</v>
          </cell>
          <cell r="Z2245" t="str">
            <v>LOADSWCH</v>
          </cell>
          <cell r="AN2245" t="str">
            <v>MDO C&amp;M</v>
          </cell>
          <cell r="AO2245" t="str">
            <v>MDO OH/KEN C&amp;M</v>
          </cell>
        </row>
        <row r="2246">
          <cell r="F2246">
            <v>75023</v>
          </cell>
          <cell r="Z2246" t="str">
            <v>LOADSWCH</v>
          </cell>
          <cell r="AN2246" t="str">
            <v>MDO C&amp;M</v>
          </cell>
          <cell r="AO2246" t="str">
            <v>MDO OH/KEN C&amp;M</v>
          </cell>
        </row>
        <row r="2247">
          <cell r="F2247">
            <v>75023</v>
          </cell>
          <cell r="Z2247" t="str">
            <v>LOADSWCH</v>
          </cell>
          <cell r="AN2247" t="str">
            <v>MDO C&amp;M</v>
          </cell>
          <cell r="AO2247" t="str">
            <v>MDO OH/KEN C&amp;M</v>
          </cell>
        </row>
        <row r="2248">
          <cell r="F2248">
            <v>75023</v>
          </cell>
          <cell r="Z2248" t="str">
            <v>LOADSWCH</v>
          </cell>
          <cell r="AN2248" t="str">
            <v>MDO C&amp;M</v>
          </cell>
          <cell r="AO2248" t="str">
            <v>MDO OH/KEN C&amp;M</v>
          </cell>
        </row>
        <row r="2249">
          <cell r="F2249">
            <v>75023</v>
          </cell>
          <cell r="Z2249" t="str">
            <v>LOADSWCH</v>
          </cell>
          <cell r="AN2249" t="str">
            <v>MDO C&amp;M</v>
          </cell>
          <cell r="AO2249" t="str">
            <v>MDO OH/KEN C&amp;M</v>
          </cell>
        </row>
        <row r="2250">
          <cell r="F2250">
            <v>75023</v>
          </cell>
          <cell r="Z2250" t="str">
            <v>LOADSWCH</v>
          </cell>
          <cell r="AN2250" t="str">
            <v>MDO C&amp;M</v>
          </cell>
          <cell r="AO2250" t="str">
            <v>MDO OH/KEN C&amp;M</v>
          </cell>
        </row>
        <row r="2251">
          <cell r="F2251">
            <v>75023</v>
          </cell>
          <cell r="Z2251" t="str">
            <v>LOADSWCH</v>
          </cell>
          <cell r="AN2251" t="str">
            <v>MDO C&amp;M</v>
          </cell>
          <cell r="AO2251" t="str">
            <v>MDO OH/KEN C&amp;M</v>
          </cell>
        </row>
        <row r="2252">
          <cell r="F2252">
            <v>75023</v>
          </cell>
          <cell r="Z2252" t="str">
            <v>LOADSWCH</v>
          </cell>
          <cell r="AN2252" t="str">
            <v>MDO C&amp;M</v>
          </cell>
          <cell r="AO2252" t="str">
            <v>MDO OH/KEN C&amp;M</v>
          </cell>
        </row>
        <row r="2253">
          <cell r="F2253">
            <v>75023</v>
          </cell>
          <cell r="Z2253" t="str">
            <v>LOADSWCH</v>
          </cell>
          <cell r="AN2253" t="str">
            <v>MDO C&amp;M</v>
          </cell>
          <cell r="AO2253" t="str">
            <v>MDO OH/KEN C&amp;M</v>
          </cell>
        </row>
        <row r="2254">
          <cell r="F2254">
            <v>75023</v>
          </cell>
          <cell r="Z2254" t="str">
            <v>LOADSWCH</v>
          </cell>
          <cell r="AN2254" t="str">
            <v>MDO C&amp;M</v>
          </cell>
          <cell r="AO2254" t="str">
            <v>MDO OH/KEN C&amp;M</v>
          </cell>
        </row>
        <row r="2255">
          <cell r="F2255">
            <v>75023</v>
          </cell>
          <cell r="Z2255" t="str">
            <v>LOADSWCH</v>
          </cell>
          <cell r="AN2255" t="str">
            <v>MDO C&amp;M</v>
          </cell>
          <cell r="AO2255" t="str">
            <v>MDO OH/KEN C&amp;M</v>
          </cell>
        </row>
        <row r="2256">
          <cell r="F2256">
            <v>75023</v>
          </cell>
          <cell r="Z2256" t="str">
            <v>LOADSWCH</v>
          </cell>
          <cell r="AN2256" t="str">
            <v>MDO C&amp;M</v>
          </cell>
          <cell r="AO2256" t="str">
            <v>MDO OH/KEN C&amp;M</v>
          </cell>
        </row>
        <row r="2257">
          <cell r="F2257">
            <v>75023</v>
          </cell>
          <cell r="Z2257" t="str">
            <v>LOADSWCH</v>
          </cell>
          <cell r="AN2257" t="str">
            <v>MDO C&amp;M</v>
          </cell>
          <cell r="AO2257" t="str">
            <v>MDO OH/KEN C&amp;M</v>
          </cell>
        </row>
        <row r="2258">
          <cell r="F2258">
            <v>75023</v>
          </cell>
          <cell r="Z2258" t="str">
            <v>LOADSWCH</v>
          </cell>
          <cell r="AN2258" t="str">
            <v>MDO C&amp;M</v>
          </cell>
          <cell r="AO2258" t="str">
            <v>MDO OH/KEN C&amp;M</v>
          </cell>
        </row>
        <row r="2259">
          <cell r="F2259">
            <v>75023</v>
          </cell>
          <cell r="Z2259" t="str">
            <v>LOADSWCH</v>
          </cell>
          <cell r="AN2259" t="str">
            <v>MDO C&amp;M</v>
          </cell>
          <cell r="AO2259" t="str">
            <v>MDO OH/KEN C&amp;M</v>
          </cell>
        </row>
        <row r="2260">
          <cell r="F2260">
            <v>75023</v>
          </cell>
          <cell r="Z2260" t="str">
            <v>LOADSWCH</v>
          </cell>
          <cell r="AN2260" t="str">
            <v>MDO C&amp;M</v>
          </cell>
          <cell r="AO2260" t="str">
            <v>MDO OH/KEN C&amp;M</v>
          </cell>
        </row>
        <row r="2261">
          <cell r="F2261">
            <v>75023</v>
          </cell>
          <cell r="Z2261" t="str">
            <v>LOADSWCH</v>
          </cell>
          <cell r="AN2261" t="str">
            <v>MDO C&amp;M</v>
          </cell>
          <cell r="AO2261" t="str">
            <v>MDO OH/KEN C&amp;M</v>
          </cell>
        </row>
        <row r="2262">
          <cell r="F2262">
            <v>75023</v>
          </cell>
          <cell r="Z2262" t="str">
            <v>LOADSWCH</v>
          </cell>
          <cell r="AN2262" t="str">
            <v>MDO C&amp;M</v>
          </cell>
          <cell r="AO2262" t="str">
            <v>MDO OH/KEN C&amp;M</v>
          </cell>
        </row>
        <row r="2263">
          <cell r="F2263">
            <v>75023</v>
          </cell>
          <cell r="Z2263" t="str">
            <v>LOADSWCH</v>
          </cell>
          <cell r="AN2263" t="str">
            <v>MDO C&amp;M</v>
          </cell>
          <cell r="AO2263" t="str">
            <v>MDO OH/KEN C&amp;M</v>
          </cell>
        </row>
        <row r="2264">
          <cell r="F2264">
            <v>75023</v>
          </cell>
          <cell r="Z2264" t="str">
            <v>LOADSWCH</v>
          </cell>
          <cell r="AN2264" t="str">
            <v>MDO C&amp;M</v>
          </cell>
          <cell r="AO2264" t="str">
            <v>MDO OH/KEN C&amp;M</v>
          </cell>
        </row>
        <row r="2265">
          <cell r="F2265">
            <v>75023</v>
          </cell>
          <cell r="Z2265" t="str">
            <v>LOADSWCH</v>
          </cell>
          <cell r="AN2265" t="str">
            <v>MDO C&amp;M</v>
          </cell>
          <cell r="AO2265" t="str">
            <v>MDO OH/KEN C&amp;M</v>
          </cell>
        </row>
        <row r="2266">
          <cell r="F2266">
            <v>75023</v>
          </cell>
          <cell r="Z2266" t="str">
            <v>LOADSWCH</v>
          </cell>
          <cell r="AN2266" t="str">
            <v>MDO C&amp;M</v>
          </cell>
          <cell r="AO2266" t="str">
            <v>MDO OH/KEN C&amp;M</v>
          </cell>
        </row>
        <row r="2267">
          <cell r="F2267">
            <v>75023</v>
          </cell>
          <cell r="Z2267" t="str">
            <v>LOADSWCH</v>
          </cell>
          <cell r="AN2267" t="str">
            <v>MDO C&amp;M</v>
          </cell>
          <cell r="AO2267" t="str">
            <v>MDO OH/KEN C&amp;M</v>
          </cell>
        </row>
        <row r="2268">
          <cell r="F2268">
            <v>75023</v>
          </cell>
          <cell r="Z2268" t="str">
            <v>LOADSWCH</v>
          </cell>
          <cell r="AN2268" t="str">
            <v>MDO C&amp;M</v>
          </cell>
          <cell r="AO2268" t="str">
            <v>MDO OH/KEN C&amp;M</v>
          </cell>
        </row>
        <row r="2269">
          <cell r="F2269">
            <v>75023</v>
          </cell>
          <cell r="Z2269" t="str">
            <v>LOADSWCH</v>
          </cell>
          <cell r="AN2269" t="str">
            <v>MDO C&amp;M</v>
          </cell>
          <cell r="AO2269" t="str">
            <v>MDO OH/KEN C&amp;M</v>
          </cell>
        </row>
        <row r="2270">
          <cell r="F2270">
            <v>75023</v>
          </cell>
          <cell r="Z2270" t="str">
            <v>LOADSWCH</v>
          </cell>
          <cell r="AN2270" t="str">
            <v>MDO C&amp;M</v>
          </cell>
          <cell r="AO2270" t="str">
            <v>MDO OH/KEN C&amp;M</v>
          </cell>
        </row>
        <row r="2271">
          <cell r="F2271">
            <v>75023</v>
          </cell>
          <cell r="Z2271" t="str">
            <v>LOADSWCH</v>
          </cell>
          <cell r="AN2271" t="str">
            <v>MDO C&amp;M</v>
          </cell>
          <cell r="AO2271" t="str">
            <v>MDO OH/KEN C&amp;M</v>
          </cell>
        </row>
        <row r="2272">
          <cell r="F2272">
            <v>75023</v>
          </cell>
          <cell r="Z2272" t="str">
            <v>LOADSWCH</v>
          </cell>
          <cell r="AN2272" t="str">
            <v>MDO C&amp;M</v>
          </cell>
          <cell r="AO2272" t="str">
            <v>MDO OH/KEN C&amp;M</v>
          </cell>
        </row>
        <row r="2273">
          <cell r="F2273">
            <v>75023</v>
          </cell>
          <cell r="Z2273" t="str">
            <v>LOADSWCH</v>
          </cell>
          <cell r="AN2273" t="str">
            <v>MDO C&amp;M</v>
          </cell>
          <cell r="AO2273" t="str">
            <v>MDO OH/KEN C&amp;M</v>
          </cell>
        </row>
        <row r="2274">
          <cell r="F2274">
            <v>75023</v>
          </cell>
          <cell r="Z2274" t="str">
            <v>LOADSWCH</v>
          </cell>
          <cell r="AN2274" t="str">
            <v>MDO C&amp;M</v>
          </cell>
          <cell r="AO2274" t="str">
            <v>MDO OH/KEN C&amp;M</v>
          </cell>
        </row>
        <row r="2275">
          <cell r="F2275">
            <v>75023</v>
          </cell>
          <cell r="Z2275" t="str">
            <v>LOADSWCH</v>
          </cell>
          <cell r="AN2275" t="str">
            <v>MDO C&amp;M</v>
          </cell>
          <cell r="AO2275" t="str">
            <v>MDO OH/KEN C&amp;M</v>
          </cell>
        </row>
        <row r="2276">
          <cell r="F2276">
            <v>75023</v>
          </cell>
          <cell r="Z2276" t="str">
            <v>LOADSWCH</v>
          </cell>
          <cell r="AN2276" t="str">
            <v>MDO C&amp;M</v>
          </cell>
          <cell r="AO2276" t="str">
            <v>MDO OH/KEN C&amp;M</v>
          </cell>
        </row>
        <row r="2277">
          <cell r="F2277">
            <v>75023</v>
          </cell>
          <cell r="Z2277" t="str">
            <v>LOADSWCH</v>
          </cell>
          <cell r="AN2277" t="str">
            <v>MDO C&amp;M</v>
          </cell>
          <cell r="AO2277" t="str">
            <v>MDO OH/KEN C&amp;M</v>
          </cell>
        </row>
        <row r="2278">
          <cell r="F2278">
            <v>75023</v>
          </cell>
          <cell r="Z2278" t="str">
            <v>LOADSWCH</v>
          </cell>
          <cell r="AN2278" t="str">
            <v>MDO C&amp;M</v>
          </cell>
          <cell r="AO2278" t="str">
            <v>MDO OH/KEN C&amp;M</v>
          </cell>
        </row>
        <row r="2279">
          <cell r="F2279">
            <v>75023</v>
          </cell>
          <cell r="Z2279" t="str">
            <v>LOADSWCH</v>
          </cell>
          <cell r="AN2279" t="str">
            <v>MDO C&amp;M</v>
          </cell>
          <cell r="AO2279" t="str">
            <v>MDO OH/KEN C&amp;M</v>
          </cell>
        </row>
        <row r="2280">
          <cell r="F2280">
            <v>75023</v>
          </cell>
          <cell r="Z2280" t="str">
            <v>LOADSWCH</v>
          </cell>
          <cell r="AN2280" t="str">
            <v>MDO C&amp;M</v>
          </cell>
          <cell r="AO2280" t="str">
            <v>MDO OH/KEN C&amp;M</v>
          </cell>
        </row>
        <row r="2281">
          <cell r="F2281">
            <v>75023</v>
          </cell>
          <cell r="Z2281" t="str">
            <v>LOADSWCH</v>
          </cell>
          <cell r="AN2281" t="str">
            <v>MDO C&amp;M</v>
          </cell>
          <cell r="AO2281" t="str">
            <v>MDO OH/KEN C&amp;M</v>
          </cell>
        </row>
        <row r="2282">
          <cell r="F2282">
            <v>75023</v>
          </cell>
          <cell r="Z2282" t="str">
            <v>LOADSWCH</v>
          </cell>
          <cell r="AN2282" t="str">
            <v>MDO C&amp;M</v>
          </cell>
          <cell r="AO2282" t="str">
            <v>MDO OH/KEN C&amp;M</v>
          </cell>
        </row>
        <row r="2283">
          <cell r="F2283">
            <v>75023</v>
          </cell>
          <cell r="Z2283" t="str">
            <v>LOADSWCH</v>
          </cell>
          <cell r="AN2283" t="str">
            <v>MDO C&amp;M</v>
          </cell>
          <cell r="AO2283" t="str">
            <v>MDO OH/KEN C&amp;M</v>
          </cell>
        </row>
        <row r="2284">
          <cell r="F2284">
            <v>75023</v>
          </cell>
          <cell r="Z2284" t="str">
            <v>LOADSWCH</v>
          </cell>
          <cell r="AN2284" t="str">
            <v>MDO C&amp;M</v>
          </cell>
          <cell r="AO2284" t="str">
            <v>MDO OH/KEN C&amp;M</v>
          </cell>
        </row>
        <row r="2285">
          <cell r="F2285">
            <v>75023</v>
          </cell>
          <cell r="Z2285" t="str">
            <v>LOADSWCH</v>
          </cell>
          <cell r="AN2285" t="str">
            <v>MDO C&amp;M</v>
          </cell>
          <cell r="AO2285" t="str">
            <v>MDO OH/KEN C&amp;M</v>
          </cell>
        </row>
        <row r="2286">
          <cell r="F2286">
            <v>75023</v>
          </cell>
          <cell r="Z2286" t="str">
            <v>LOADSWCH</v>
          </cell>
          <cell r="AN2286" t="str">
            <v>MDO C&amp;M</v>
          </cell>
          <cell r="AO2286" t="str">
            <v>MDO OH/KEN C&amp;M</v>
          </cell>
        </row>
        <row r="2287">
          <cell r="F2287">
            <v>75023</v>
          </cell>
          <cell r="Z2287" t="str">
            <v>LOADSWCH</v>
          </cell>
          <cell r="AN2287" t="str">
            <v>MDO C&amp;M</v>
          </cell>
          <cell r="AO2287" t="str">
            <v>MDO OH/KEN C&amp;M</v>
          </cell>
        </row>
        <row r="2288">
          <cell r="F2288">
            <v>75023</v>
          </cell>
          <cell r="Z2288" t="str">
            <v>LOADSWCH</v>
          </cell>
          <cell r="AN2288" t="str">
            <v>MDO C&amp;M</v>
          </cell>
          <cell r="AO2288" t="str">
            <v>MDO OH/KEN C&amp;M</v>
          </cell>
        </row>
        <row r="2289">
          <cell r="F2289">
            <v>75023</v>
          </cell>
          <cell r="Z2289" t="str">
            <v>LOADSWCH</v>
          </cell>
          <cell r="AN2289" t="str">
            <v>MDO C&amp;M</v>
          </cell>
          <cell r="AO2289" t="str">
            <v>MDO OH/KEN C&amp;M</v>
          </cell>
        </row>
        <row r="2290">
          <cell r="F2290">
            <v>75023</v>
          </cell>
          <cell r="Z2290" t="str">
            <v>LOADSWCH</v>
          </cell>
          <cell r="AN2290" t="str">
            <v>MDO C&amp;M</v>
          </cell>
          <cell r="AO2290" t="str">
            <v>MDO OH/KEN C&amp;M</v>
          </cell>
        </row>
        <row r="2291">
          <cell r="F2291">
            <v>75023</v>
          </cell>
          <cell r="Z2291" t="str">
            <v>LOADSWCH</v>
          </cell>
          <cell r="AN2291" t="str">
            <v>MDO C&amp;M</v>
          </cell>
          <cell r="AO2291" t="str">
            <v>MDO OH/KEN C&amp;M</v>
          </cell>
        </row>
        <row r="2292">
          <cell r="F2292">
            <v>75023</v>
          </cell>
          <cell r="Z2292" t="str">
            <v>LOADSWCH</v>
          </cell>
          <cell r="AN2292" t="str">
            <v>MDO C&amp;M</v>
          </cell>
          <cell r="AO2292" t="str">
            <v>MDO OH/KEN C&amp;M</v>
          </cell>
        </row>
        <row r="2293">
          <cell r="F2293">
            <v>75023</v>
          </cell>
          <cell r="Z2293" t="str">
            <v>LOADSWCH</v>
          </cell>
          <cell r="AN2293" t="str">
            <v>MDO C&amp;M</v>
          </cell>
          <cell r="AO2293" t="str">
            <v>MDO OH/KEN C&amp;M</v>
          </cell>
        </row>
        <row r="2294">
          <cell r="F2294">
            <v>75023</v>
          </cell>
          <cell r="Z2294" t="str">
            <v>LOADSWCH</v>
          </cell>
          <cell r="AN2294" t="str">
            <v>MDO C&amp;M</v>
          </cell>
          <cell r="AO2294" t="str">
            <v>MDO OH/KEN C&amp;M</v>
          </cell>
        </row>
        <row r="2295">
          <cell r="F2295">
            <v>75023</v>
          </cell>
          <cell r="Z2295" t="str">
            <v>LOADSWCH</v>
          </cell>
          <cell r="AN2295" t="str">
            <v>MDO C&amp;M</v>
          </cell>
          <cell r="AO2295" t="str">
            <v>MDO OH/KEN C&amp;M</v>
          </cell>
        </row>
        <row r="2296">
          <cell r="F2296">
            <v>75023</v>
          </cell>
          <cell r="Z2296" t="str">
            <v>LOADSWCH</v>
          </cell>
          <cell r="AN2296" t="str">
            <v>MDO C&amp;M</v>
          </cell>
          <cell r="AO2296" t="str">
            <v>MDO OH/KEN C&amp;M</v>
          </cell>
        </row>
        <row r="2297">
          <cell r="F2297">
            <v>75023</v>
          </cell>
          <cell r="Z2297" t="str">
            <v>LOADSWCH</v>
          </cell>
          <cell r="AN2297" t="str">
            <v>MDO C&amp;M</v>
          </cell>
          <cell r="AO2297" t="str">
            <v>MDO OH/KEN C&amp;M</v>
          </cell>
        </row>
        <row r="2298">
          <cell r="F2298">
            <v>75023</v>
          </cell>
          <cell r="Z2298" t="str">
            <v>LOADSWCH</v>
          </cell>
          <cell r="AN2298" t="str">
            <v>MDO C&amp;M</v>
          </cell>
          <cell r="AO2298" t="str">
            <v>MDO OH/KEN C&amp;M</v>
          </cell>
        </row>
        <row r="2299">
          <cell r="F2299">
            <v>75023</v>
          </cell>
          <cell r="Z2299" t="str">
            <v>LOADSWCH</v>
          </cell>
          <cell r="AN2299" t="str">
            <v>MDO C&amp;M</v>
          </cell>
          <cell r="AO2299" t="str">
            <v>MDO OH/KEN C&amp;M</v>
          </cell>
        </row>
        <row r="2300">
          <cell r="F2300">
            <v>75023</v>
          </cell>
          <cell r="Z2300" t="str">
            <v>LOADSWCH</v>
          </cell>
          <cell r="AN2300" t="str">
            <v>MDO C&amp;M</v>
          </cell>
          <cell r="AO2300" t="str">
            <v>MDO OH/KEN C&amp;M</v>
          </cell>
        </row>
        <row r="2301">
          <cell r="F2301">
            <v>75023</v>
          </cell>
          <cell r="Z2301" t="str">
            <v>LOADSWCH</v>
          </cell>
          <cell r="AN2301" t="str">
            <v>MDO C&amp;M</v>
          </cell>
          <cell r="AO2301" t="str">
            <v>MDO OH/KEN C&amp;M</v>
          </cell>
        </row>
        <row r="2302">
          <cell r="F2302">
            <v>75023</v>
          </cell>
          <cell r="Z2302" t="str">
            <v>LOADSWCH</v>
          </cell>
          <cell r="AN2302" t="str">
            <v>MDO C&amp;M</v>
          </cell>
          <cell r="AO2302" t="str">
            <v>MDO OH/KEN C&amp;M</v>
          </cell>
        </row>
        <row r="2303">
          <cell r="F2303">
            <v>75023</v>
          </cell>
          <cell r="Z2303" t="str">
            <v>LOADSWCH</v>
          </cell>
          <cell r="AN2303" t="str">
            <v>MDO C&amp;M</v>
          </cell>
          <cell r="AO2303" t="str">
            <v>MDO OH/KEN C&amp;M</v>
          </cell>
        </row>
        <row r="2304">
          <cell r="F2304">
            <v>75023</v>
          </cell>
          <cell r="Z2304" t="str">
            <v>LOADSWCH</v>
          </cell>
          <cell r="AN2304" t="str">
            <v>MDO C&amp;M</v>
          </cell>
          <cell r="AO2304" t="str">
            <v>MDO OH/KEN C&amp;M</v>
          </cell>
        </row>
        <row r="2305">
          <cell r="F2305">
            <v>75023</v>
          </cell>
          <cell r="Z2305" t="str">
            <v>LOADSWCH</v>
          </cell>
          <cell r="AN2305" t="str">
            <v>MDO C&amp;M</v>
          </cell>
          <cell r="AO2305" t="str">
            <v>MDO OH/KEN C&amp;M</v>
          </cell>
        </row>
        <row r="2306">
          <cell r="F2306">
            <v>75023</v>
          </cell>
          <cell r="Z2306" t="str">
            <v>LOADSWCH</v>
          </cell>
          <cell r="AN2306" t="str">
            <v>MDO C&amp;M</v>
          </cell>
          <cell r="AO2306" t="str">
            <v>MDO OH/KEN C&amp;M</v>
          </cell>
        </row>
        <row r="2307">
          <cell r="F2307">
            <v>75023</v>
          </cell>
          <cell r="Z2307" t="str">
            <v>LOADSWCH</v>
          </cell>
          <cell r="AN2307" t="str">
            <v>MDO C&amp;M</v>
          </cell>
          <cell r="AO2307" t="str">
            <v>MDO OH/KEN C&amp;M</v>
          </cell>
        </row>
        <row r="2308">
          <cell r="F2308">
            <v>75023</v>
          </cell>
          <cell r="Z2308" t="str">
            <v>LOADSWCH</v>
          </cell>
          <cell r="AN2308" t="str">
            <v>MDO C&amp;M</v>
          </cell>
          <cell r="AO2308" t="str">
            <v>MDO OH/KEN C&amp;M</v>
          </cell>
        </row>
        <row r="2309">
          <cell r="F2309">
            <v>75023</v>
          </cell>
          <cell r="Z2309" t="str">
            <v>LOADSWCH</v>
          </cell>
          <cell r="AN2309" t="str">
            <v>MDO C&amp;M</v>
          </cell>
          <cell r="AO2309" t="str">
            <v>MDO OH/KEN C&amp;M</v>
          </cell>
        </row>
        <row r="2310">
          <cell r="F2310">
            <v>75023</v>
          </cell>
          <cell r="Z2310" t="str">
            <v>LOADSWCH</v>
          </cell>
          <cell r="AN2310" t="str">
            <v>MDO C&amp;M</v>
          </cell>
          <cell r="AO2310" t="str">
            <v>MDO OH/KEN C&amp;M</v>
          </cell>
        </row>
        <row r="2311">
          <cell r="F2311">
            <v>75023</v>
          </cell>
          <cell r="Z2311" t="str">
            <v>LOADSWCH</v>
          </cell>
          <cell r="AN2311" t="str">
            <v>MDO C&amp;M</v>
          </cell>
          <cell r="AO2311" t="str">
            <v>MDO OH/KEN C&amp;M</v>
          </cell>
        </row>
        <row r="2312">
          <cell r="F2312">
            <v>75023</v>
          </cell>
          <cell r="Z2312" t="str">
            <v>LOADSWCH</v>
          </cell>
          <cell r="AN2312" t="str">
            <v>MDO C&amp;M</v>
          </cell>
          <cell r="AO2312" t="str">
            <v>MDO OH/KEN C&amp;M</v>
          </cell>
        </row>
        <row r="2313">
          <cell r="F2313">
            <v>75023</v>
          </cell>
          <cell r="Z2313" t="str">
            <v>LOADSWCH</v>
          </cell>
          <cell r="AN2313" t="str">
            <v>MDO C&amp;M</v>
          </cell>
          <cell r="AO2313" t="str">
            <v>MDO OH/KEN C&amp;M</v>
          </cell>
        </row>
        <row r="2314">
          <cell r="F2314">
            <v>75023</v>
          </cell>
          <cell r="Z2314" t="str">
            <v>LOADSWCH</v>
          </cell>
          <cell r="AN2314" t="str">
            <v>MDO C&amp;M</v>
          </cell>
          <cell r="AO2314" t="str">
            <v>MDO OH/KEN C&amp;M</v>
          </cell>
        </row>
        <row r="2315">
          <cell r="F2315">
            <v>75023</v>
          </cell>
          <cell r="Z2315" t="str">
            <v>LOADSWCH</v>
          </cell>
          <cell r="AN2315" t="str">
            <v>MDO C&amp;M</v>
          </cell>
          <cell r="AO2315" t="str">
            <v>MDO OH/KEN C&amp;M</v>
          </cell>
        </row>
        <row r="2316">
          <cell r="F2316">
            <v>75023</v>
          </cell>
          <cell r="Z2316" t="str">
            <v>LOADSWCH</v>
          </cell>
          <cell r="AN2316" t="str">
            <v>MDO C&amp;M</v>
          </cell>
          <cell r="AO2316" t="str">
            <v>MDO OH/KEN C&amp;M</v>
          </cell>
        </row>
        <row r="2317">
          <cell r="F2317">
            <v>75023</v>
          </cell>
          <cell r="Z2317" t="str">
            <v>LOADSWCH</v>
          </cell>
          <cell r="AN2317" t="str">
            <v>MDO C&amp;M</v>
          </cell>
          <cell r="AO2317" t="str">
            <v>MDO OH/KEN C&amp;M</v>
          </cell>
        </row>
        <row r="2318">
          <cell r="F2318">
            <v>75023</v>
          </cell>
          <cell r="Z2318" t="str">
            <v>LOADSWCH</v>
          </cell>
          <cell r="AN2318" t="str">
            <v>MDO C&amp;M</v>
          </cell>
          <cell r="AO2318" t="str">
            <v>MDO OH/KEN C&amp;M</v>
          </cell>
        </row>
        <row r="2319">
          <cell r="F2319">
            <v>75023</v>
          </cell>
          <cell r="Z2319" t="str">
            <v>LOADSWCH</v>
          </cell>
          <cell r="AN2319" t="str">
            <v>MDO C&amp;M</v>
          </cell>
          <cell r="AO2319" t="str">
            <v>MDO OH/KEN C&amp;M</v>
          </cell>
        </row>
        <row r="2320">
          <cell r="F2320">
            <v>75023</v>
          </cell>
          <cell r="Z2320" t="str">
            <v>LOADSWCH</v>
          </cell>
          <cell r="AN2320" t="str">
            <v>MDO C&amp;M</v>
          </cell>
          <cell r="AO2320" t="str">
            <v>MDO OH/KEN C&amp;M</v>
          </cell>
        </row>
        <row r="2321">
          <cell r="F2321">
            <v>75023</v>
          </cell>
          <cell r="Z2321" t="str">
            <v>LOADSWCH</v>
          </cell>
          <cell r="AN2321" t="str">
            <v>MDO C&amp;M</v>
          </cell>
          <cell r="AO2321" t="str">
            <v>MDO OH/KEN C&amp;M</v>
          </cell>
        </row>
        <row r="2322">
          <cell r="F2322">
            <v>75023</v>
          </cell>
          <cell r="Z2322" t="str">
            <v>LOADSWCH</v>
          </cell>
          <cell r="AN2322" t="str">
            <v>MDO C&amp;M</v>
          </cell>
          <cell r="AO2322" t="str">
            <v>MDO OH/KEN C&amp;M</v>
          </cell>
        </row>
        <row r="2323">
          <cell r="F2323">
            <v>75023</v>
          </cell>
          <cell r="Z2323" t="str">
            <v>LOADSWCH</v>
          </cell>
          <cell r="AN2323" t="str">
            <v>MDO C&amp;M</v>
          </cell>
          <cell r="AO2323" t="str">
            <v>MDO OH/KEN C&amp;M</v>
          </cell>
        </row>
        <row r="2324">
          <cell r="F2324">
            <v>75023</v>
          </cell>
          <cell r="Z2324" t="str">
            <v>LOADSWCH</v>
          </cell>
          <cell r="AN2324" t="str">
            <v>MDO C&amp;M</v>
          </cell>
          <cell r="AO2324" t="str">
            <v>MDO OH/KEN C&amp;M</v>
          </cell>
        </row>
        <row r="2325">
          <cell r="F2325">
            <v>75023</v>
          </cell>
          <cell r="Z2325" t="str">
            <v>LOADSWCH</v>
          </cell>
          <cell r="AN2325" t="str">
            <v>MDO C&amp;M</v>
          </cell>
          <cell r="AO2325" t="str">
            <v>MDO OH/KEN C&amp;M</v>
          </cell>
        </row>
        <row r="2326">
          <cell r="F2326">
            <v>75023</v>
          </cell>
          <cell r="Z2326" t="str">
            <v>LOADSWCH</v>
          </cell>
          <cell r="AN2326" t="str">
            <v>MDO C&amp;M</v>
          </cell>
          <cell r="AO2326" t="str">
            <v>MDO OH/KEN C&amp;M</v>
          </cell>
        </row>
        <row r="2327">
          <cell r="F2327">
            <v>75023</v>
          </cell>
          <cell r="Z2327" t="str">
            <v>LOADSWCH</v>
          </cell>
          <cell r="AN2327" t="str">
            <v>MDO C&amp;M</v>
          </cell>
          <cell r="AO2327" t="str">
            <v>MDO OH/KEN C&amp;M</v>
          </cell>
        </row>
        <row r="2328">
          <cell r="F2328">
            <v>75023</v>
          </cell>
          <cell r="Z2328" t="str">
            <v>LOADSWCH</v>
          </cell>
          <cell r="AN2328" t="str">
            <v>MDO C&amp;M</v>
          </cell>
          <cell r="AO2328" t="str">
            <v>MDO OH/KEN C&amp;M</v>
          </cell>
        </row>
        <row r="2329">
          <cell r="F2329">
            <v>75023</v>
          </cell>
          <cell r="Z2329" t="str">
            <v>LOADSWCH</v>
          </cell>
          <cell r="AN2329" t="str">
            <v>MDO C&amp;M</v>
          </cell>
          <cell r="AO2329" t="str">
            <v>MDO OH/KEN C&amp;M</v>
          </cell>
        </row>
        <row r="2330">
          <cell r="F2330">
            <v>75023</v>
          </cell>
          <cell r="Z2330" t="str">
            <v>LOADSWCH</v>
          </cell>
          <cell r="AN2330" t="str">
            <v>MDO C&amp;M</v>
          </cell>
          <cell r="AO2330" t="str">
            <v>MDO OH/KEN C&amp;M</v>
          </cell>
        </row>
        <row r="2331">
          <cell r="F2331">
            <v>75023</v>
          </cell>
          <cell r="Z2331" t="str">
            <v>LOADSWCH</v>
          </cell>
          <cell r="AN2331" t="str">
            <v>MDO C&amp;M</v>
          </cell>
          <cell r="AO2331" t="str">
            <v>MDO OH/KEN C&amp;M</v>
          </cell>
        </row>
        <row r="2332">
          <cell r="F2332">
            <v>75023</v>
          </cell>
          <cell r="Z2332" t="str">
            <v>LOADSWCH</v>
          </cell>
          <cell r="AN2332" t="str">
            <v>MDO C&amp;M</v>
          </cell>
          <cell r="AO2332" t="str">
            <v>MDO OH/KEN C&amp;M</v>
          </cell>
        </row>
        <row r="2333">
          <cell r="F2333">
            <v>75023</v>
          </cell>
          <cell r="Z2333" t="str">
            <v>LOADSWCH</v>
          </cell>
          <cell r="AN2333" t="str">
            <v>MDO C&amp;M</v>
          </cell>
          <cell r="AO2333" t="str">
            <v>MDO OH/KEN C&amp;M</v>
          </cell>
        </row>
        <row r="2334">
          <cell r="F2334">
            <v>75023</v>
          </cell>
          <cell r="Z2334" t="str">
            <v>LOADSWCH</v>
          </cell>
          <cell r="AN2334" t="str">
            <v>MDO C&amp;M</v>
          </cell>
          <cell r="AO2334" t="str">
            <v>MDO OH/KEN C&amp;M</v>
          </cell>
        </row>
        <row r="2335">
          <cell r="F2335">
            <v>75023</v>
          </cell>
          <cell r="Z2335" t="str">
            <v>LOADSWCH</v>
          </cell>
          <cell r="AN2335" t="str">
            <v>MDO C&amp;M</v>
          </cell>
          <cell r="AO2335" t="str">
            <v>MDO OH/KEN C&amp;M</v>
          </cell>
        </row>
        <row r="2336">
          <cell r="F2336">
            <v>75023</v>
          </cell>
          <cell r="Z2336" t="str">
            <v>LOADSWCH</v>
          </cell>
          <cell r="AN2336" t="str">
            <v>MDO C&amp;M</v>
          </cell>
          <cell r="AO2336" t="str">
            <v>MDO OH/KEN C&amp;M</v>
          </cell>
        </row>
        <row r="2337">
          <cell r="F2337">
            <v>75023</v>
          </cell>
          <cell r="Z2337" t="str">
            <v>LOADSWCH</v>
          </cell>
          <cell r="AN2337" t="str">
            <v>MDO C&amp;M</v>
          </cell>
          <cell r="AO2337" t="str">
            <v>MDO OH/KEN C&amp;M</v>
          </cell>
        </row>
        <row r="2338">
          <cell r="F2338">
            <v>75023</v>
          </cell>
          <cell r="Z2338" t="str">
            <v>LOADSWCH</v>
          </cell>
          <cell r="AN2338" t="str">
            <v>MDO C&amp;M</v>
          </cell>
          <cell r="AO2338" t="str">
            <v>MDO OH/KEN C&amp;M</v>
          </cell>
        </row>
        <row r="2339">
          <cell r="F2339">
            <v>75023</v>
          </cell>
          <cell r="Z2339" t="str">
            <v>LOADSWCH</v>
          </cell>
          <cell r="AN2339" t="str">
            <v>MDO C&amp;M</v>
          </cell>
          <cell r="AO2339" t="str">
            <v>MDO OH/KEN C&amp;M</v>
          </cell>
        </row>
        <row r="2340">
          <cell r="F2340">
            <v>75023</v>
          </cell>
          <cell r="Z2340" t="str">
            <v>LOADSWCH</v>
          </cell>
          <cell r="AN2340" t="str">
            <v>MDO C&amp;M</v>
          </cell>
          <cell r="AO2340" t="str">
            <v>MDO OH/KEN C&amp;M</v>
          </cell>
        </row>
        <row r="2341">
          <cell r="F2341">
            <v>75023</v>
          </cell>
          <cell r="Z2341" t="str">
            <v>LOADSWCH</v>
          </cell>
          <cell r="AN2341" t="str">
            <v>MDO C&amp;M</v>
          </cell>
          <cell r="AO2341" t="str">
            <v>MDO OH/KEN C&amp;M</v>
          </cell>
        </row>
        <row r="2342">
          <cell r="F2342">
            <v>75023</v>
          </cell>
          <cell r="Z2342" t="str">
            <v>LOADSWCH</v>
          </cell>
          <cell r="AN2342" t="str">
            <v>MDO C&amp;M</v>
          </cell>
          <cell r="AO2342" t="str">
            <v>MDO OH/KEN C&amp;M</v>
          </cell>
        </row>
        <row r="2343">
          <cell r="F2343">
            <v>75023</v>
          </cell>
          <cell r="Z2343" t="str">
            <v>LOADSWCH</v>
          </cell>
          <cell r="AN2343" t="str">
            <v>MDO C&amp;M</v>
          </cell>
          <cell r="AO2343" t="str">
            <v>MDO OH/KEN C&amp;M</v>
          </cell>
        </row>
        <row r="2344">
          <cell r="F2344">
            <v>75023</v>
          </cell>
          <cell r="Z2344" t="str">
            <v>LOADSWCH</v>
          </cell>
          <cell r="AN2344" t="str">
            <v>MDO C&amp;M</v>
          </cell>
          <cell r="AO2344" t="str">
            <v>MDO OH/KEN C&amp;M</v>
          </cell>
        </row>
        <row r="2345">
          <cell r="F2345">
            <v>75023</v>
          </cell>
          <cell r="Z2345" t="str">
            <v>LOADSWCH</v>
          </cell>
          <cell r="AN2345" t="str">
            <v>MDO C&amp;M</v>
          </cell>
          <cell r="AO2345" t="str">
            <v>MDO OH/KEN C&amp;M</v>
          </cell>
        </row>
        <row r="2346">
          <cell r="F2346">
            <v>75023</v>
          </cell>
          <cell r="Z2346" t="str">
            <v>LOADSWCH</v>
          </cell>
          <cell r="AN2346" t="str">
            <v>MDO C&amp;M</v>
          </cell>
          <cell r="AO2346" t="str">
            <v>MDO OH/KEN C&amp;M</v>
          </cell>
        </row>
        <row r="2347">
          <cell r="F2347">
            <v>75023</v>
          </cell>
          <cell r="Z2347" t="str">
            <v>LOADSWCH</v>
          </cell>
          <cell r="AN2347" t="str">
            <v>MDO C&amp;M</v>
          </cell>
          <cell r="AO2347" t="str">
            <v>MDO OH/KEN C&amp;M</v>
          </cell>
        </row>
        <row r="2348">
          <cell r="F2348">
            <v>75023</v>
          </cell>
          <cell r="Z2348" t="str">
            <v>LOADSWCH</v>
          </cell>
          <cell r="AN2348" t="str">
            <v>MDO C&amp;M</v>
          </cell>
          <cell r="AO2348" t="str">
            <v>MDO OH/KEN C&amp;M</v>
          </cell>
        </row>
        <row r="2349">
          <cell r="F2349">
            <v>75023</v>
          </cell>
          <cell r="Z2349" t="str">
            <v>LOADSWCH</v>
          </cell>
          <cell r="AN2349" t="str">
            <v>MDO C&amp;M</v>
          </cell>
          <cell r="AO2349" t="str">
            <v>MDO OH/KEN C&amp;M</v>
          </cell>
        </row>
        <row r="2350">
          <cell r="F2350">
            <v>75023</v>
          </cell>
          <cell r="Z2350" t="str">
            <v>LOADSWCH</v>
          </cell>
          <cell r="AN2350" t="str">
            <v>MDO C&amp;M</v>
          </cell>
          <cell r="AO2350" t="str">
            <v>MDO OH/KEN C&amp;M</v>
          </cell>
        </row>
        <row r="2351">
          <cell r="F2351">
            <v>75023</v>
          </cell>
          <cell r="Z2351" t="str">
            <v>LOADSWCH</v>
          </cell>
          <cell r="AN2351" t="str">
            <v>MDO C&amp;M</v>
          </cell>
          <cell r="AO2351" t="str">
            <v>MDO OH/KEN C&amp;M</v>
          </cell>
        </row>
        <row r="2352">
          <cell r="F2352">
            <v>75023</v>
          </cell>
          <cell r="Z2352" t="str">
            <v>LOADSWCH</v>
          </cell>
          <cell r="AN2352" t="str">
            <v>MDO C&amp;M</v>
          </cell>
          <cell r="AO2352" t="str">
            <v>MDO OH/KEN C&amp;M</v>
          </cell>
        </row>
        <row r="2353">
          <cell r="F2353">
            <v>75023</v>
          </cell>
          <cell r="Z2353" t="str">
            <v>LOADSWCH</v>
          </cell>
          <cell r="AN2353" t="str">
            <v>MDO C&amp;M</v>
          </cell>
          <cell r="AO2353" t="str">
            <v>MDO OH/KEN C&amp;M</v>
          </cell>
        </row>
        <row r="2354">
          <cell r="F2354">
            <v>75023</v>
          </cell>
          <cell r="Z2354" t="str">
            <v>LOADSWCH</v>
          </cell>
          <cell r="AN2354" t="str">
            <v>MDO C&amp;M</v>
          </cell>
          <cell r="AO2354" t="str">
            <v>MDO OH/KEN C&amp;M</v>
          </cell>
        </row>
        <row r="2355">
          <cell r="F2355">
            <v>75023</v>
          </cell>
          <cell r="Z2355" t="str">
            <v>LOADSWCH</v>
          </cell>
          <cell r="AN2355" t="str">
            <v>MDO C&amp;M</v>
          </cell>
          <cell r="AO2355" t="str">
            <v>MDO OH/KEN C&amp;M</v>
          </cell>
        </row>
        <row r="2356">
          <cell r="F2356">
            <v>75023</v>
          </cell>
          <cell r="Z2356" t="str">
            <v>LOADSWCH</v>
          </cell>
          <cell r="AN2356" t="str">
            <v>MDO C&amp;M</v>
          </cell>
          <cell r="AO2356" t="str">
            <v>MDO OH/KEN C&amp;M</v>
          </cell>
        </row>
        <row r="2357">
          <cell r="F2357">
            <v>75023</v>
          </cell>
          <cell r="Z2357" t="str">
            <v>LOADSWCH</v>
          </cell>
          <cell r="AN2357" t="str">
            <v>MDO C&amp;M</v>
          </cell>
          <cell r="AO2357" t="str">
            <v>MDO OH/KEN C&amp;M</v>
          </cell>
        </row>
        <row r="2358">
          <cell r="F2358">
            <v>75023</v>
          </cell>
          <cell r="Z2358" t="str">
            <v>LOADSWCH</v>
          </cell>
          <cell r="AN2358" t="str">
            <v>MDO C&amp;M</v>
          </cell>
          <cell r="AO2358" t="str">
            <v>MDO OH/KEN C&amp;M</v>
          </cell>
        </row>
        <row r="2359">
          <cell r="F2359">
            <v>75023</v>
          </cell>
          <cell r="Z2359" t="str">
            <v>LOADSWCH</v>
          </cell>
          <cell r="AN2359" t="str">
            <v>MDO C&amp;M</v>
          </cell>
          <cell r="AO2359" t="str">
            <v>MDO OH/KEN C&amp;M</v>
          </cell>
        </row>
        <row r="2360">
          <cell r="F2360">
            <v>75023</v>
          </cell>
          <cell r="Z2360" t="str">
            <v>LOADSWCH</v>
          </cell>
          <cell r="AN2360" t="str">
            <v>MDO C&amp;M</v>
          </cell>
          <cell r="AO2360" t="str">
            <v>MDO OH/KEN C&amp;M</v>
          </cell>
        </row>
        <row r="2361">
          <cell r="F2361">
            <v>75023</v>
          </cell>
          <cell r="Z2361" t="str">
            <v>LOADSWCH</v>
          </cell>
          <cell r="AN2361" t="str">
            <v>MDO C&amp;M</v>
          </cell>
          <cell r="AO2361" t="str">
            <v>MDO OH/KEN C&amp;M</v>
          </cell>
        </row>
        <row r="2362">
          <cell r="F2362">
            <v>75023</v>
          </cell>
          <cell r="Z2362" t="str">
            <v>LOADSWCH</v>
          </cell>
          <cell r="AN2362" t="str">
            <v>MDO C&amp;M</v>
          </cell>
          <cell r="AO2362" t="str">
            <v>MDO OH/KEN C&amp;M</v>
          </cell>
        </row>
        <row r="2363">
          <cell r="F2363">
            <v>75023</v>
          </cell>
          <cell r="Z2363" t="str">
            <v>LOADSWCH</v>
          </cell>
          <cell r="AN2363" t="str">
            <v>MDO C&amp;M</v>
          </cell>
          <cell r="AO2363" t="str">
            <v>MDO OH/KEN C&amp;M</v>
          </cell>
        </row>
        <row r="2364">
          <cell r="F2364">
            <v>75023</v>
          </cell>
          <cell r="Z2364" t="str">
            <v>LOADSWCH</v>
          </cell>
          <cell r="AN2364" t="str">
            <v>MDO C&amp;M</v>
          </cell>
          <cell r="AO2364" t="str">
            <v>MDO OH/KEN C&amp;M</v>
          </cell>
        </row>
        <row r="2365">
          <cell r="F2365">
            <v>75023</v>
          </cell>
          <cell r="Z2365" t="str">
            <v>LOADSWCH</v>
          </cell>
          <cell r="AN2365" t="str">
            <v>MDO C&amp;M</v>
          </cell>
          <cell r="AO2365" t="str">
            <v>MDO OH/KEN C&amp;M</v>
          </cell>
        </row>
        <row r="2366">
          <cell r="F2366">
            <v>75023</v>
          </cell>
          <cell r="Z2366" t="str">
            <v>LOADSWCH</v>
          </cell>
          <cell r="AN2366" t="str">
            <v>MDO C&amp;M</v>
          </cell>
          <cell r="AO2366" t="str">
            <v>MDO OH/KEN C&amp;M</v>
          </cell>
        </row>
        <row r="2367">
          <cell r="F2367">
            <v>75023</v>
          </cell>
          <cell r="Z2367" t="str">
            <v>LOADSWCH</v>
          </cell>
          <cell r="AN2367" t="str">
            <v>MDO C&amp;M</v>
          </cell>
          <cell r="AO2367" t="str">
            <v>MDO OH/KEN C&amp;M</v>
          </cell>
        </row>
        <row r="2368">
          <cell r="F2368">
            <v>75023</v>
          </cell>
          <cell r="Z2368" t="str">
            <v>LOADSWCH</v>
          </cell>
          <cell r="AN2368" t="str">
            <v>MDO C&amp;M</v>
          </cell>
          <cell r="AO2368" t="str">
            <v>MDO OH/KEN C&amp;M</v>
          </cell>
        </row>
        <row r="2369">
          <cell r="F2369">
            <v>75023</v>
          </cell>
          <cell r="Z2369" t="str">
            <v>LOADSWCH</v>
          </cell>
          <cell r="AN2369" t="str">
            <v>MDO C&amp;M</v>
          </cell>
          <cell r="AO2369" t="str">
            <v>MDO OH/KEN C&amp;M</v>
          </cell>
        </row>
        <row r="2370">
          <cell r="F2370">
            <v>75023</v>
          </cell>
          <cell r="Z2370" t="str">
            <v>LOADSWCH</v>
          </cell>
          <cell r="AN2370" t="str">
            <v>MDO C&amp;M</v>
          </cell>
          <cell r="AO2370" t="str">
            <v>MDO OH/KEN C&amp;M</v>
          </cell>
        </row>
        <row r="2371">
          <cell r="F2371">
            <v>75023</v>
          </cell>
          <cell r="Z2371" t="str">
            <v>LOADSWCH</v>
          </cell>
          <cell r="AN2371" t="str">
            <v>MDO C&amp;M</v>
          </cell>
          <cell r="AO2371" t="str">
            <v>MDO OH/KEN C&amp;M</v>
          </cell>
        </row>
        <row r="2372">
          <cell r="F2372">
            <v>75023</v>
          </cell>
          <cell r="Z2372" t="str">
            <v>LOADSWCH</v>
          </cell>
          <cell r="AN2372" t="str">
            <v>MDO C&amp;M</v>
          </cell>
          <cell r="AO2372" t="str">
            <v>MDO OH/KEN C&amp;M</v>
          </cell>
        </row>
        <row r="2373">
          <cell r="F2373">
            <v>75023</v>
          </cell>
          <cell r="Z2373" t="str">
            <v>LOADSWCH</v>
          </cell>
          <cell r="AN2373" t="str">
            <v>MDO C&amp;M</v>
          </cell>
          <cell r="AO2373" t="str">
            <v>MDO OH/KEN C&amp;M</v>
          </cell>
        </row>
        <row r="2374">
          <cell r="F2374">
            <v>75023</v>
          </cell>
          <cell r="Z2374" t="str">
            <v>LOADSWCH</v>
          </cell>
          <cell r="AN2374" t="str">
            <v>MDO C&amp;M</v>
          </cell>
          <cell r="AO2374" t="str">
            <v>MDO OH/KEN C&amp;M</v>
          </cell>
        </row>
        <row r="2375">
          <cell r="F2375">
            <v>75023</v>
          </cell>
          <cell r="Z2375" t="str">
            <v>LOADSWCH</v>
          </cell>
          <cell r="AN2375" t="str">
            <v>MDO C&amp;M</v>
          </cell>
          <cell r="AO2375" t="str">
            <v>MDO OH/KEN C&amp;M</v>
          </cell>
        </row>
        <row r="2376">
          <cell r="F2376">
            <v>75023</v>
          </cell>
          <cell r="Z2376" t="str">
            <v>LOADSWCH</v>
          </cell>
          <cell r="AN2376" t="str">
            <v>MDO C&amp;M</v>
          </cell>
          <cell r="AO2376" t="str">
            <v>MDO OH/KEN C&amp;M</v>
          </cell>
        </row>
        <row r="2377">
          <cell r="F2377">
            <v>75023</v>
          </cell>
          <cell r="Z2377" t="str">
            <v>LOADSWCH</v>
          </cell>
          <cell r="AN2377" t="str">
            <v>MDO C&amp;M</v>
          </cell>
          <cell r="AO2377" t="str">
            <v>MDO OH/KEN C&amp;M</v>
          </cell>
        </row>
        <row r="2378">
          <cell r="F2378">
            <v>75023</v>
          </cell>
          <cell r="Z2378" t="str">
            <v>LOADSWCH</v>
          </cell>
          <cell r="AN2378" t="str">
            <v>MDO C&amp;M</v>
          </cell>
          <cell r="AO2378" t="str">
            <v>MDO OH/KEN C&amp;M</v>
          </cell>
        </row>
        <row r="2379">
          <cell r="F2379">
            <v>75023</v>
          </cell>
          <cell r="Z2379" t="str">
            <v>LOADSWCH</v>
          </cell>
          <cell r="AN2379" t="str">
            <v>MDO C&amp;M</v>
          </cell>
          <cell r="AO2379" t="str">
            <v>MDO OH/KEN C&amp;M</v>
          </cell>
        </row>
        <row r="2380">
          <cell r="F2380">
            <v>75023</v>
          </cell>
          <cell r="Z2380" t="str">
            <v>LOADSWCH</v>
          </cell>
          <cell r="AN2380" t="str">
            <v>MDO C&amp;M</v>
          </cell>
          <cell r="AO2380" t="str">
            <v>MDO OH/KEN C&amp;M</v>
          </cell>
        </row>
        <row r="2381">
          <cell r="F2381">
            <v>75023</v>
          </cell>
          <cell r="Z2381" t="str">
            <v>LOADSWCH</v>
          </cell>
          <cell r="AN2381" t="str">
            <v>MDO C&amp;M</v>
          </cell>
          <cell r="AO2381" t="str">
            <v>MDO OH/KEN C&amp;M</v>
          </cell>
        </row>
        <row r="2382">
          <cell r="F2382">
            <v>75023</v>
          </cell>
          <cell r="Z2382" t="str">
            <v>LOADSWCH</v>
          </cell>
          <cell r="AN2382" t="str">
            <v>MDO C&amp;M</v>
          </cell>
          <cell r="AO2382" t="str">
            <v>MDO OH/KEN C&amp;M</v>
          </cell>
        </row>
        <row r="2383">
          <cell r="F2383">
            <v>75023</v>
          </cell>
          <cell r="Z2383" t="str">
            <v>LOADSWCH</v>
          </cell>
          <cell r="AN2383" t="str">
            <v>MDO C&amp;M</v>
          </cell>
          <cell r="AO2383" t="str">
            <v>MDO OH/KEN C&amp;M</v>
          </cell>
        </row>
        <row r="2384">
          <cell r="F2384">
            <v>75023</v>
          </cell>
          <cell r="Z2384" t="str">
            <v>LOADSWCH</v>
          </cell>
          <cell r="AN2384" t="str">
            <v>MDO C&amp;M</v>
          </cell>
          <cell r="AO2384" t="str">
            <v>MDO OH/KEN C&amp;M</v>
          </cell>
        </row>
        <row r="2385">
          <cell r="F2385">
            <v>75023</v>
          </cell>
          <cell r="Z2385" t="str">
            <v>LOADSWCH</v>
          </cell>
          <cell r="AN2385" t="str">
            <v>MDO C&amp;M</v>
          </cell>
          <cell r="AO2385" t="str">
            <v>MDO OH/KEN C&amp;M</v>
          </cell>
        </row>
        <row r="2386">
          <cell r="F2386">
            <v>75023</v>
          </cell>
          <cell r="Z2386" t="str">
            <v>LOADSWCH</v>
          </cell>
          <cell r="AN2386" t="str">
            <v>MDO C&amp;M</v>
          </cell>
          <cell r="AO2386" t="str">
            <v>MDO OH/KEN C&amp;M</v>
          </cell>
        </row>
        <row r="2387">
          <cell r="F2387">
            <v>75023</v>
          </cell>
          <cell r="Z2387" t="str">
            <v>LOADSWCH</v>
          </cell>
          <cell r="AN2387" t="str">
            <v>MDO C&amp;M</v>
          </cell>
          <cell r="AO2387" t="str">
            <v>MDO OH/KEN C&amp;M</v>
          </cell>
        </row>
        <row r="2388">
          <cell r="F2388">
            <v>75023</v>
          </cell>
          <cell r="Z2388" t="str">
            <v>LOADSWCH</v>
          </cell>
          <cell r="AN2388" t="str">
            <v>MDO C&amp;M</v>
          </cell>
          <cell r="AO2388" t="str">
            <v>MDO OH/KEN C&amp;M</v>
          </cell>
        </row>
        <row r="2389">
          <cell r="F2389">
            <v>75023</v>
          </cell>
          <cell r="Z2389" t="str">
            <v>LOADSWCH</v>
          </cell>
          <cell r="AN2389" t="str">
            <v>MDO C&amp;M</v>
          </cell>
          <cell r="AO2389" t="str">
            <v>MDO OH/KEN C&amp;M</v>
          </cell>
        </row>
        <row r="2390">
          <cell r="F2390">
            <v>75023</v>
          </cell>
          <cell r="Z2390" t="str">
            <v>LOADSWCH</v>
          </cell>
          <cell r="AN2390" t="str">
            <v>MDO C&amp;M</v>
          </cell>
          <cell r="AO2390" t="str">
            <v>MDO OH/KEN C&amp;M</v>
          </cell>
        </row>
        <row r="2391">
          <cell r="F2391">
            <v>75023</v>
          </cell>
          <cell r="Z2391" t="str">
            <v>LOADSWCH</v>
          </cell>
          <cell r="AN2391" t="str">
            <v>MDO C&amp;M</v>
          </cell>
          <cell r="AO2391" t="str">
            <v>MDO OH/KEN C&amp;M</v>
          </cell>
        </row>
        <row r="2392">
          <cell r="F2392">
            <v>75023</v>
          </cell>
          <cell r="Z2392" t="str">
            <v>LOADSWCH</v>
          </cell>
          <cell r="AN2392" t="str">
            <v>MDO C&amp;M</v>
          </cell>
          <cell r="AO2392" t="str">
            <v>MDO OH/KEN C&amp;M</v>
          </cell>
        </row>
        <row r="2393">
          <cell r="F2393">
            <v>75023</v>
          </cell>
          <cell r="Z2393" t="str">
            <v>LOADSWCH</v>
          </cell>
          <cell r="AN2393" t="str">
            <v>MDO C&amp;M</v>
          </cell>
          <cell r="AO2393" t="str">
            <v>MDO OH/KEN C&amp;M</v>
          </cell>
        </row>
        <row r="2394">
          <cell r="F2394">
            <v>75023</v>
          </cell>
          <cell r="Z2394" t="str">
            <v>LOADSWCH</v>
          </cell>
          <cell r="AN2394" t="str">
            <v>MDO C&amp;M</v>
          </cell>
          <cell r="AO2394" t="str">
            <v>MDO OH/KEN C&amp;M</v>
          </cell>
        </row>
        <row r="2395">
          <cell r="F2395">
            <v>75023</v>
          </cell>
          <cell r="Z2395" t="str">
            <v>LOADSWCH</v>
          </cell>
          <cell r="AN2395" t="str">
            <v>MDO C&amp;M</v>
          </cell>
          <cell r="AO2395" t="str">
            <v>MDO OH/KEN C&amp;M</v>
          </cell>
        </row>
        <row r="2396">
          <cell r="F2396">
            <v>75023</v>
          </cell>
          <cell r="Z2396" t="str">
            <v>LOADSWCH</v>
          </cell>
          <cell r="AN2396" t="str">
            <v>MDO C&amp;M</v>
          </cell>
          <cell r="AO2396" t="str">
            <v>MDO OH/KEN C&amp;M</v>
          </cell>
        </row>
        <row r="2397">
          <cell r="F2397">
            <v>75023</v>
          </cell>
          <cell r="Z2397" t="str">
            <v>LOADSWCH</v>
          </cell>
          <cell r="AN2397" t="str">
            <v>MDO C&amp;M</v>
          </cell>
          <cell r="AO2397" t="str">
            <v>MDO OH/KEN C&amp;M</v>
          </cell>
        </row>
        <row r="2398">
          <cell r="F2398">
            <v>75023</v>
          </cell>
          <cell r="Z2398" t="str">
            <v>LOADSWCH</v>
          </cell>
          <cell r="AN2398" t="str">
            <v>MDO C&amp;M</v>
          </cell>
          <cell r="AO2398" t="str">
            <v>MDO OH/KEN C&amp;M</v>
          </cell>
        </row>
        <row r="2399">
          <cell r="F2399">
            <v>75023</v>
          </cell>
          <cell r="Z2399" t="str">
            <v>LOADSWCH</v>
          </cell>
          <cell r="AN2399" t="str">
            <v>MDO C&amp;M</v>
          </cell>
          <cell r="AO2399" t="str">
            <v>MDO OH/KEN C&amp;M</v>
          </cell>
        </row>
        <row r="2400">
          <cell r="F2400">
            <v>75023</v>
          </cell>
          <cell r="Z2400" t="str">
            <v>LOADSWCH</v>
          </cell>
          <cell r="AN2400" t="str">
            <v>MDO C&amp;M</v>
          </cell>
          <cell r="AO2400" t="str">
            <v>MDO OH/KEN C&amp;M</v>
          </cell>
        </row>
        <row r="2401">
          <cell r="F2401">
            <v>75084</v>
          </cell>
          <cell r="Z2401" t="str">
            <v>LOADSWCH</v>
          </cell>
          <cell r="AN2401" t="str">
            <v>MDO C&amp;M</v>
          </cell>
          <cell r="AO2401" t="str">
            <v>MDO OH/KEN C&amp;M</v>
          </cell>
        </row>
        <row r="2402">
          <cell r="F2402">
            <v>75084</v>
          </cell>
          <cell r="Z2402" t="str">
            <v>LOADSWCH</v>
          </cell>
          <cell r="AN2402" t="str">
            <v>MDO C&amp;M</v>
          </cell>
          <cell r="AO2402" t="str">
            <v>MDO OH/KEN C&amp;M</v>
          </cell>
        </row>
        <row r="2403">
          <cell r="F2403">
            <v>75084</v>
          </cell>
          <cell r="Z2403" t="str">
            <v>LOADSWCH</v>
          </cell>
          <cell r="AN2403" t="str">
            <v>MDO C&amp;M</v>
          </cell>
          <cell r="AO2403" t="str">
            <v>MDO OH/KEN C&amp;M</v>
          </cell>
        </row>
        <row r="2404">
          <cell r="F2404">
            <v>75084</v>
          </cell>
          <cell r="Z2404" t="str">
            <v>LOADSWCH</v>
          </cell>
          <cell r="AN2404" t="str">
            <v>MDO C&amp;M</v>
          </cell>
          <cell r="AO2404" t="str">
            <v>MDO OH/KEN C&amp;M</v>
          </cell>
        </row>
        <row r="2405">
          <cell r="F2405">
            <v>75084</v>
          </cell>
          <cell r="Z2405" t="str">
            <v>LOADSWCH</v>
          </cell>
          <cell r="AN2405" t="str">
            <v>MDO C&amp;M</v>
          </cell>
          <cell r="AO2405" t="str">
            <v>MDO OH/KEN C&amp;M</v>
          </cell>
        </row>
        <row r="2406">
          <cell r="F2406">
            <v>75084</v>
          </cell>
          <cell r="Z2406" t="str">
            <v>LOADSWCH</v>
          </cell>
          <cell r="AN2406" t="str">
            <v>MDO C&amp;M</v>
          </cell>
          <cell r="AO2406" t="str">
            <v>MDO OH/KEN C&amp;M</v>
          </cell>
        </row>
        <row r="2407">
          <cell r="F2407">
            <v>75084</v>
          </cell>
          <cell r="Z2407" t="str">
            <v>LOADSWCH</v>
          </cell>
          <cell r="AN2407" t="str">
            <v>MDO C&amp;M</v>
          </cell>
          <cell r="AO2407" t="str">
            <v>MDO OH/KEN C&amp;M</v>
          </cell>
        </row>
        <row r="2408">
          <cell r="F2408">
            <v>75084</v>
          </cell>
          <cell r="Z2408" t="str">
            <v>LOADSWCH</v>
          </cell>
          <cell r="AN2408" t="str">
            <v>MDO C&amp;M</v>
          </cell>
          <cell r="AO2408" t="str">
            <v>MDO OH/KEN C&amp;M</v>
          </cell>
        </row>
        <row r="2409">
          <cell r="F2409">
            <v>75084</v>
          </cell>
          <cell r="Z2409" t="str">
            <v>LOADSWCH</v>
          </cell>
          <cell r="AN2409" t="str">
            <v>MDO C&amp;M</v>
          </cell>
          <cell r="AO2409" t="str">
            <v>MDO OH/KEN C&amp;M</v>
          </cell>
        </row>
        <row r="2410">
          <cell r="F2410">
            <v>75084</v>
          </cell>
          <cell r="Z2410" t="str">
            <v>LOADSWCH</v>
          </cell>
          <cell r="AN2410" t="str">
            <v>MDO C&amp;M</v>
          </cell>
          <cell r="AO2410" t="str">
            <v>MDO OH/KEN C&amp;M</v>
          </cell>
        </row>
        <row r="2411">
          <cell r="F2411">
            <v>75084</v>
          </cell>
          <cell r="Z2411" t="str">
            <v>LOADSWCH</v>
          </cell>
          <cell r="AN2411" t="str">
            <v>MDO C&amp;M</v>
          </cell>
          <cell r="AO2411" t="str">
            <v>MDO OH/KEN C&amp;M</v>
          </cell>
        </row>
        <row r="2412">
          <cell r="F2412">
            <v>75084</v>
          </cell>
          <cell r="Z2412" t="str">
            <v>LOADSWCH</v>
          </cell>
          <cell r="AN2412" t="str">
            <v>MDO C&amp;M</v>
          </cell>
          <cell r="AO2412" t="str">
            <v>MDO OH/KEN C&amp;M</v>
          </cell>
        </row>
        <row r="2413">
          <cell r="F2413">
            <v>75084</v>
          </cell>
          <cell r="Z2413" t="str">
            <v>LOADSWCH</v>
          </cell>
          <cell r="AN2413" t="str">
            <v>MDO C&amp;M</v>
          </cell>
          <cell r="AO2413" t="str">
            <v>MDO OH/KEN C&amp;M</v>
          </cell>
        </row>
        <row r="2414">
          <cell r="F2414">
            <v>75084</v>
          </cell>
          <cell r="Z2414" t="str">
            <v>LOADSWCH</v>
          </cell>
          <cell r="AN2414" t="str">
            <v>MDO C&amp;M</v>
          </cell>
          <cell r="AO2414" t="str">
            <v>MDO OH/KEN C&amp;M</v>
          </cell>
        </row>
        <row r="2415">
          <cell r="F2415">
            <v>75084</v>
          </cell>
          <cell r="Z2415" t="str">
            <v>LOADSWCH</v>
          </cell>
          <cell r="AN2415" t="str">
            <v>MDO C&amp;M</v>
          </cell>
          <cell r="AO2415" t="str">
            <v>MDO OH/KEN C&amp;M</v>
          </cell>
        </row>
        <row r="2416">
          <cell r="F2416">
            <v>75084</v>
          </cell>
          <cell r="Z2416" t="str">
            <v>LOADSWCH</v>
          </cell>
          <cell r="AN2416" t="str">
            <v>MDO C&amp;M</v>
          </cell>
          <cell r="AO2416" t="str">
            <v>MDO OH/KEN C&amp;M</v>
          </cell>
        </row>
        <row r="2417">
          <cell r="F2417">
            <v>75115</v>
          </cell>
          <cell r="Z2417" t="str">
            <v>LOADSWCH</v>
          </cell>
          <cell r="AN2417" t="str">
            <v>MDO C&amp;M</v>
          </cell>
          <cell r="AO2417" t="str">
            <v>MDO INDIANA SOUTHWEST C&amp;M</v>
          </cell>
        </row>
        <row r="2418">
          <cell r="F2418">
            <v>75115</v>
          </cell>
          <cell r="Z2418" t="str">
            <v>LOADSWCH</v>
          </cell>
          <cell r="AN2418" t="str">
            <v>MDO C&amp;M</v>
          </cell>
          <cell r="AO2418" t="str">
            <v>MDO INDIANA SOUTHWEST C&amp;M</v>
          </cell>
        </row>
        <row r="2419">
          <cell r="F2419">
            <v>75115</v>
          </cell>
          <cell r="Z2419" t="str">
            <v>LOADSWCH</v>
          </cell>
          <cell r="AN2419" t="str">
            <v>MDO C&amp;M</v>
          </cell>
          <cell r="AO2419" t="str">
            <v>MDO INDIANA SOUTHWEST C&amp;M</v>
          </cell>
        </row>
        <row r="2420">
          <cell r="F2420">
            <v>75115</v>
          </cell>
          <cell r="Z2420" t="str">
            <v>LOADSWCH</v>
          </cell>
          <cell r="AN2420" t="str">
            <v>MDO C&amp;M</v>
          </cell>
          <cell r="AO2420" t="str">
            <v>MDO INDIANA SOUTHWEST C&amp;M</v>
          </cell>
        </row>
        <row r="2421">
          <cell r="F2421">
            <v>75115</v>
          </cell>
          <cell r="Z2421" t="str">
            <v>LOADSWCH</v>
          </cell>
          <cell r="AN2421" t="str">
            <v>MDO C&amp;M</v>
          </cell>
          <cell r="AO2421" t="str">
            <v>MDO INDIANA SOUTHWEST C&amp;M</v>
          </cell>
        </row>
        <row r="2422">
          <cell r="F2422">
            <v>75115</v>
          </cell>
          <cell r="Z2422" t="str">
            <v>LOADSWCH</v>
          </cell>
          <cell r="AN2422" t="str">
            <v>MDO C&amp;M</v>
          </cell>
          <cell r="AO2422" t="str">
            <v>MDO INDIANA SOUTHWEST C&amp;M</v>
          </cell>
        </row>
        <row r="2423">
          <cell r="F2423">
            <v>75115</v>
          </cell>
          <cell r="Z2423" t="str">
            <v>LOADSWCH</v>
          </cell>
          <cell r="AN2423" t="str">
            <v>MDO C&amp;M</v>
          </cell>
          <cell r="AO2423" t="str">
            <v>MDO INDIANA SOUTHWEST C&amp;M</v>
          </cell>
        </row>
        <row r="2424">
          <cell r="F2424">
            <v>75115</v>
          </cell>
          <cell r="Z2424" t="str">
            <v>LOADSWCH</v>
          </cell>
          <cell r="AN2424" t="str">
            <v>MDO C&amp;M</v>
          </cell>
          <cell r="AO2424" t="str">
            <v>MDO INDIANA SOUTHWEST C&amp;M</v>
          </cell>
        </row>
        <row r="2425">
          <cell r="F2425">
            <v>75115</v>
          </cell>
          <cell r="Z2425" t="str">
            <v>LOADSWCH</v>
          </cell>
          <cell r="AN2425" t="str">
            <v>MDO C&amp;M</v>
          </cell>
          <cell r="AO2425" t="str">
            <v>MDO INDIANA SOUTHWEST C&amp;M</v>
          </cell>
        </row>
        <row r="2426">
          <cell r="F2426">
            <v>75115</v>
          </cell>
          <cell r="Z2426" t="str">
            <v>LOADSWCH</v>
          </cell>
          <cell r="AN2426" t="str">
            <v>MDO C&amp;M</v>
          </cell>
          <cell r="AO2426" t="str">
            <v>MDO INDIANA SOUTHWEST C&amp;M</v>
          </cell>
        </row>
        <row r="2427">
          <cell r="F2427">
            <v>75115</v>
          </cell>
          <cell r="Z2427" t="str">
            <v>LOADSWCH</v>
          </cell>
          <cell r="AN2427" t="str">
            <v>MDO C&amp;M</v>
          </cell>
          <cell r="AO2427" t="str">
            <v>MDO INDIANA SOUTHWEST C&amp;M</v>
          </cell>
        </row>
        <row r="2428">
          <cell r="F2428">
            <v>75115</v>
          </cell>
          <cell r="Z2428" t="str">
            <v>LOADSWCH</v>
          </cell>
          <cell r="AN2428" t="str">
            <v>MDO C&amp;M</v>
          </cell>
          <cell r="AO2428" t="str">
            <v>MDO INDIANA SOUTHWEST C&amp;M</v>
          </cell>
        </row>
        <row r="2429">
          <cell r="F2429">
            <v>75115</v>
          </cell>
          <cell r="Z2429" t="str">
            <v>LOADSWCH</v>
          </cell>
          <cell r="AN2429" t="str">
            <v>MDO C&amp;M</v>
          </cell>
          <cell r="AO2429" t="str">
            <v>MDO INDIANA SOUTHWEST C&amp;M</v>
          </cell>
        </row>
        <row r="2430">
          <cell r="F2430">
            <v>75115</v>
          </cell>
          <cell r="Z2430" t="str">
            <v>LOADSWCH</v>
          </cell>
          <cell r="AN2430" t="str">
            <v>MDO C&amp;M</v>
          </cell>
          <cell r="AO2430" t="str">
            <v>MDO INDIANA SOUTHWEST C&amp;M</v>
          </cell>
        </row>
        <row r="2431">
          <cell r="F2431">
            <v>75115</v>
          </cell>
          <cell r="Z2431" t="str">
            <v>LOADSWCH</v>
          </cell>
          <cell r="AN2431" t="str">
            <v>MDO C&amp;M</v>
          </cell>
          <cell r="AO2431" t="str">
            <v>MDO INDIANA SOUTHWEST C&amp;M</v>
          </cell>
        </row>
        <row r="2432">
          <cell r="F2432">
            <v>75115</v>
          </cell>
          <cell r="Z2432" t="str">
            <v>LOADSWCH</v>
          </cell>
          <cell r="AN2432" t="str">
            <v>MDO C&amp;M</v>
          </cell>
          <cell r="AO2432" t="str">
            <v>MDO INDIANA SOUTHWEST C&amp;M</v>
          </cell>
        </row>
        <row r="2433">
          <cell r="F2433">
            <v>75115</v>
          </cell>
          <cell r="Z2433" t="str">
            <v>LOADSWCH</v>
          </cell>
          <cell r="AN2433" t="str">
            <v>MDO C&amp;M</v>
          </cell>
          <cell r="AO2433" t="str">
            <v>MDO INDIANA SOUTHWEST C&amp;M</v>
          </cell>
        </row>
        <row r="2434">
          <cell r="F2434">
            <v>75115</v>
          </cell>
          <cell r="Z2434" t="str">
            <v>LOADSWCH</v>
          </cell>
          <cell r="AN2434" t="str">
            <v>MDO C&amp;M</v>
          </cell>
          <cell r="AO2434" t="str">
            <v>MDO INDIANA SOUTHWEST C&amp;M</v>
          </cell>
        </row>
        <row r="2435">
          <cell r="F2435">
            <v>75115</v>
          </cell>
          <cell r="Z2435" t="str">
            <v>LOADSWCH</v>
          </cell>
          <cell r="AN2435" t="str">
            <v>MDO C&amp;M</v>
          </cell>
          <cell r="AO2435" t="str">
            <v>MDO INDIANA SOUTHWEST C&amp;M</v>
          </cell>
        </row>
        <row r="2436">
          <cell r="F2436">
            <v>75115</v>
          </cell>
          <cell r="Z2436" t="str">
            <v>LOADSWCH</v>
          </cell>
          <cell r="AN2436" t="str">
            <v>MDO C&amp;M</v>
          </cell>
          <cell r="AO2436" t="str">
            <v>MDO INDIANA SOUTHWEST C&amp;M</v>
          </cell>
        </row>
        <row r="2437">
          <cell r="F2437">
            <v>75115</v>
          </cell>
          <cell r="Z2437" t="str">
            <v>LOADSWCH</v>
          </cell>
          <cell r="AN2437" t="str">
            <v>MDO C&amp;M</v>
          </cell>
          <cell r="AO2437" t="str">
            <v>MDO INDIANA SOUTHWEST C&amp;M</v>
          </cell>
        </row>
        <row r="2438">
          <cell r="F2438">
            <v>75115</v>
          </cell>
          <cell r="Z2438" t="str">
            <v>LOADSWCH</v>
          </cell>
          <cell r="AN2438" t="str">
            <v>MDO C&amp;M</v>
          </cell>
          <cell r="AO2438" t="str">
            <v>MDO INDIANA SOUTHWEST C&amp;M</v>
          </cell>
        </row>
        <row r="2439">
          <cell r="F2439">
            <v>75115</v>
          </cell>
          <cell r="Z2439" t="str">
            <v>LOADSWCH</v>
          </cell>
          <cell r="AN2439" t="str">
            <v>MDO C&amp;M</v>
          </cell>
          <cell r="AO2439" t="str">
            <v>MDO INDIANA SOUTHWEST C&amp;M</v>
          </cell>
        </row>
        <row r="2440">
          <cell r="F2440">
            <v>75115</v>
          </cell>
          <cell r="Z2440" t="str">
            <v>LOADSWCH</v>
          </cell>
          <cell r="AN2440" t="str">
            <v>MDO C&amp;M</v>
          </cell>
          <cell r="AO2440" t="str">
            <v>MDO INDIANA SOUTHWEST C&amp;M</v>
          </cell>
        </row>
        <row r="2441">
          <cell r="F2441">
            <v>75115</v>
          </cell>
          <cell r="Z2441" t="str">
            <v>LOADSWCH</v>
          </cell>
          <cell r="AN2441" t="str">
            <v>MDO C&amp;M</v>
          </cell>
          <cell r="AO2441" t="str">
            <v>MDO INDIANA SOUTHWEST C&amp;M</v>
          </cell>
        </row>
        <row r="2442">
          <cell r="F2442">
            <v>75115</v>
          </cell>
          <cell r="Z2442" t="str">
            <v>LOADSWCH</v>
          </cell>
          <cell r="AN2442" t="str">
            <v>MDO C&amp;M</v>
          </cell>
          <cell r="AO2442" t="str">
            <v>MDO INDIANA SOUTHWEST C&amp;M</v>
          </cell>
        </row>
        <row r="2443">
          <cell r="F2443">
            <v>75115</v>
          </cell>
          <cell r="Z2443" t="str">
            <v>LOADSWCH</v>
          </cell>
          <cell r="AN2443" t="str">
            <v>MDO C&amp;M</v>
          </cell>
          <cell r="AO2443" t="str">
            <v>MDO INDIANA SOUTHWEST C&amp;M</v>
          </cell>
        </row>
        <row r="2444">
          <cell r="F2444">
            <v>75115</v>
          </cell>
          <cell r="Z2444" t="str">
            <v>LOADSWCH</v>
          </cell>
          <cell r="AN2444" t="str">
            <v>MDO C&amp;M</v>
          </cell>
          <cell r="AO2444" t="str">
            <v>MDO INDIANA SOUTHWEST C&amp;M</v>
          </cell>
        </row>
        <row r="2445">
          <cell r="F2445">
            <v>75115</v>
          </cell>
          <cell r="Z2445" t="str">
            <v>LOADSWCH</v>
          </cell>
          <cell r="AN2445" t="str">
            <v>MDO C&amp;M</v>
          </cell>
          <cell r="AO2445" t="str">
            <v>MDO INDIANA SOUTHWEST C&amp;M</v>
          </cell>
        </row>
        <row r="2446">
          <cell r="F2446">
            <v>75115</v>
          </cell>
          <cell r="Z2446" t="str">
            <v>LOADSWCH</v>
          </cell>
          <cell r="AN2446" t="str">
            <v>MDO C&amp;M</v>
          </cell>
          <cell r="AO2446" t="str">
            <v>MDO INDIANA SOUTHWEST C&amp;M</v>
          </cell>
        </row>
        <row r="2447">
          <cell r="F2447">
            <v>75115</v>
          </cell>
          <cell r="Z2447" t="str">
            <v>LOADSWCH</v>
          </cell>
          <cell r="AN2447" t="str">
            <v>MDO C&amp;M</v>
          </cell>
          <cell r="AO2447" t="str">
            <v>MDO INDIANA SOUTHWEST C&amp;M</v>
          </cell>
        </row>
        <row r="2448">
          <cell r="F2448">
            <v>75115</v>
          </cell>
          <cell r="Z2448" t="str">
            <v>LOADSWCH</v>
          </cell>
          <cell r="AN2448" t="str">
            <v>MDO C&amp;M</v>
          </cell>
          <cell r="AO2448" t="str">
            <v>MDO INDIANA SOUTHWEST C&amp;M</v>
          </cell>
        </row>
        <row r="2449">
          <cell r="F2449">
            <v>75115</v>
          </cell>
          <cell r="Z2449" t="str">
            <v>LOADSWCH</v>
          </cell>
          <cell r="AN2449" t="str">
            <v>MDO C&amp;M</v>
          </cell>
          <cell r="AO2449" t="str">
            <v>MDO INDIANA SOUTHWEST C&amp;M</v>
          </cell>
        </row>
        <row r="2450">
          <cell r="F2450">
            <v>75115</v>
          </cell>
          <cell r="Z2450" t="str">
            <v>LOADSWCH</v>
          </cell>
          <cell r="AN2450" t="str">
            <v>MDO C&amp;M</v>
          </cell>
          <cell r="AO2450" t="str">
            <v>MDO INDIANA SOUTHWEST C&amp;M</v>
          </cell>
        </row>
        <row r="2451">
          <cell r="F2451">
            <v>75115</v>
          </cell>
          <cell r="Z2451" t="str">
            <v>LOADSWCH</v>
          </cell>
          <cell r="AN2451" t="str">
            <v>MDO C&amp;M</v>
          </cell>
          <cell r="AO2451" t="str">
            <v>MDO INDIANA SOUTHWEST C&amp;M</v>
          </cell>
        </row>
        <row r="2452">
          <cell r="F2452">
            <v>75115</v>
          </cell>
          <cell r="Z2452" t="str">
            <v>LOADSWCH</v>
          </cell>
          <cell r="AN2452" t="str">
            <v>MDO C&amp;M</v>
          </cell>
          <cell r="AO2452" t="str">
            <v>MDO INDIANA SOUTHWEST C&amp;M</v>
          </cell>
        </row>
        <row r="2453">
          <cell r="F2453">
            <v>75115</v>
          </cell>
          <cell r="Z2453" t="str">
            <v>LOADSWCH</v>
          </cell>
          <cell r="AN2453" t="str">
            <v>MDO C&amp;M</v>
          </cell>
          <cell r="AO2453" t="str">
            <v>MDO INDIANA SOUTHWEST C&amp;M</v>
          </cell>
        </row>
        <row r="2454">
          <cell r="F2454">
            <v>75115</v>
          </cell>
          <cell r="Z2454" t="str">
            <v>LOADSWCH</v>
          </cell>
          <cell r="AN2454" t="str">
            <v>MDO C&amp;M</v>
          </cell>
          <cell r="AO2454" t="str">
            <v>MDO INDIANA SOUTHWEST C&amp;M</v>
          </cell>
        </row>
        <row r="2455">
          <cell r="F2455">
            <v>75115</v>
          </cell>
          <cell r="Z2455" t="str">
            <v>LOADSWCH</v>
          </cell>
          <cell r="AN2455" t="str">
            <v>MDO C&amp;M</v>
          </cell>
          <cell r="AO2455" t="str">
            <v>MDO INDIANA SOUTHWEST C&amp;M</v>
          </cell>
        </row>
        <row r="2456">
          <cell r="F2456">
            <v>75115</v>
          </cell>
          <cell r="Z2456" t="str">
            <v>LOADSWCH</v>
          </cell>
          <cell r="AN2456" t="str">
            <v>MDO C&amp;M</v>
          </cell>
          <cell r="AO2456" t="str">
            <v>MDO INDIANA SOUTHWEST C&amp;M</v>
          </cell>
        </row>
        <row r="2457">
          <cell r="F2457">
            <v>75115</v>
          </cell>
          <cell r="Z2457" t="str">
            <v>LOADSWCH</v>
          </cell>
          <cell r="AN2457" t="str">
            <v>MDO C&amp;M</v>
          </cell>
          <cell r="AO2457" t="str">
            <v>MDO INDIANA SOUTHWEST C&amp;M</v>
          </cell>
        </row>
        <row r="2458">
          <cell r="F2458">
            <v>75115</v>
          </cell>
          <cell r="Z2458" t="str">
            <v>LOADSWCH</v>
          </cell>
          <cell r="AN2458" t="str">
            <v>MDO C&amp;M</v>
          </cell>
          <cell r="AO2458" t="str">
            <v>MDO INDIANA SOUTHWEST C&amp;M</v>
          </cell>
        </row>
        <row r="2459">
          <cell r="F2459">
            <v>75115</v>
          </cell>
          <cell r="Z2459" t="str">
            <v>LOADSWCH</v>
          </cell>
          <cell r="AN2459" t="str">
            <v>MDO C&amp;M</v>
          </cell>
          <cell r="AO2459" t="str">
            <v>MDO INDIANA SOUTHWEST C&amp;M</v>
          </cell>
        </row>
        <row r="2460">
          <cell r="F2460">
            <v>75115</v>
          </cell>
          <cell r="Z2460" t="str">
            <v>LOADSWCH</v>
          </cell>
          <cell r="AN2460" t="str">
            <v>MDO C&amp;M</v>
          </cell>
          <cell r="AO2460" t="str">
            <v>MDO INDIANA SOUTHWEST C&amp;M</v>
          </cell>
        </row>
        <row r="2461">
          <cell r="F2461">
            <v>75115</v>
          </cell>
          <cell r="Z2461" t="str">
            <v>LOADSWCH</v>
          </cell>
          <cell r="AN2461" t="str">
            <v>MDO C&amp;M</v>
          </cell>
          <cell r="AO2461" t="str">
            <v>MDO INDIANA SOUTHWEST C&amp;M</v>
          </cell>
        </row>
        <row r="2462">
          <cell r="F2462">
            <v>75115</v>
          </cell>
          <cell r="Z2462" t="str">
            <v>LOADSWCH</v>
          </cell>
          <cell r="AN2462" t="str">
            <v>MDO C&amp;M</v>
          </cell>
          <cell r="AO2462" t="str">
            <v>MDO INDIANA SOUTHWEST C&amp;M</v>
          </cell>
        </row>
        <row r="2463">
          <cell r="F2463">
            <v>75115</v>
          </cell>
          <cell r="Z2463" t="str">
            <v>LOADSWCH</v>
          </cell>
          <cell r="AN2463" t="str">
            <v>MDO C&amp;M</v>
          </cell>
          <cell r="AO2463" t="str">
            <v>MDO INDIANA SOUTHWEST C&amp;M</v>
          </cell>
        </row>
        <row r="2464">
          <cell r="F2464">
            <v>75115</v>
          </cell>
          <cell r="Z2464" t="str">
            <v>LOADSWCH</v>
          </cell>
          <cell r="AN2464" t="str">
            <v>MDO C&amp;M</v>
          </cell>
          <cell r="AO2464" t="str">
            <v>MDO INDIANA SOUTHWEST C&amp;M</v>
          </cell>
        </row>
        <row r="2465">
          <cell r="F2465">
            <v>75115</v>
          </cell>
          <cell r="Z2465" t="str">
            <v>LOADSWCH</v>
          </cell>
          <cell r="AN2465" t="str">
            <v>MDO C&amp;M</v>
          </cell>
          <cell r="AO2465" t="str">
            <v>MDO INDIANA SOUTHWEST C&amp;M</v>
          </cell>
        </row>
        <row r="2466">
          <cell r="F2466">
            <v>75115</v>
          </cell>
          <cell r="Z2466" t="str">
            <v>LOADSWCH</v>
          </cell>
          <cell r="AN2466" t="str">
            <v>MDO C&amp;M</v>
          </cell>
          <cell r="AO2466" t="str">
            <v>MDO INDIANA SOUTHWEST C&amp;M</v>
          </cell>
        </row>
        <row r="2467">
          <cell r="F2467">
            <v>75115</v>
          </cell>
          <cell r="Z2467" t="str">
            <v>LOADSWCH</v>
          </cell>
          <cell r="AN2467" t="str">
            <v>MDO C&amp;M</v>
          </cell>
          <cell r="AO2467" t="str">
            <v>MDO INDIANA SOUTHWEST C&amp;M</v>
          </cell>
        </row>
        <row r="2468">
          <cell r="F2468">
            <v>75115</v>
          </cell>
          <cell r="Z2468" t="str">
            <v>LOADSWCH</v>
          </cell>
          <cell r="AN2468" t="str">
            <v>MDO C&amp;M</v>
          </cell>
          <cell r="AO2468" t="str">
            <v>MDO INDIANA SOUTHWEST C&amp;M</v>
          </cell>
        </row>
        <row r="2469">
          <cell r="F2469">
            <v>75115</v>
          </cell>
          <cell r="Z2469" t="str">
            <v>LOADSWCH</v>
          </cell>
          <cell r="AN2469" t="str">
            <v>MDO C&amp;M</v>
          </cell>
          <cell r="AO2469" t="str">
            <v>MDO INDIANA SOUTHWEST C&amp;M</v>
          </cell>
        </row>
        <row r="2470">
          <cell r="F2470">
            <v>75115</v>
          </cell>
          <cell r="Z2470" t="str">
            <v>LOADSWCH</v>
          </cell>
          <cell r="AN2470" t="str">
            <v>MDO C&amp;M</v>
          </cell>
          <cell r="AO2470" t="str">
            <v>MDO INDIANA SOUTHWEST C&amp;M</v>
          </cell>
        </row>
        <row r="2471">
          <cell r="F2471">
            <v>75115</v>
          </cell>
          <cell r="Z2471" t="str">
            <v>LOADSWCH</v>
          </cell>
          <cell r="AN2471" t="str">
            <v>MDO C&amp;M</v>
          </cell>
          <cell r="AO2471" t="str">
            <v>MDO INDIANA SOUTHWEST C&amp;M</v>
          </cell>
        </row>
        <row r="2472">
          <cell r="F2472">
            <v>75115</v>
          </cell>
          <cell r="Z2472" t="str">
            <v>LOADSWCH</v>
          </cell>
          <cell r="AN2472" t="str">
            <v>MDO C&amp;M</v>
          </cell>
          <cell r="AO2472" t="str">
            <v>MDO INDIANA SOUTHWEST C&amp;M</v>
          </cell>
        </row>
        <row r="2473">
          <cell r="F2473">
            <v>75115</v>
          </cell>
          <cell r="Z2473" t="str">
            <v>LOADSWCH</v>
          </cell>
          <cell r="AN2473" t="str">
            <v>MDO C&amp;M</v>
          </cell>
          <cell r="AO2473" t="str">
            <v>MDO INDIANA SOUTHWEST C&amp;M</v>
          </cell>
        </row>
        <row r="2474">
          <cell r="F2474">
            <v>75115</v>
          </cell>
          <cell r="Z2474" t="str">
            <v>LOADSWCH</v>
          </cell>
          <cell r="AN2474" t="str">
            <v>MDO C&amp;M</v>
          </cell>
          <cell r="AO2474" t="str">
            <v>MDO INDIANA SOUTHWEST C&amp;M</v>
          </cell>
        </row>
        <row r="2475">
          <cell r="F2475">
            <v>75115</v>
          </cell>
          <cell r="Z2475" t="str">
            <v>LOADSWCH</v>
          </cell>
          <cell r="AN2475" t="str">
            <v>MDO C&amp;M</v>
          </cell>
          <cell r="AO2475" t="str">
            <v>MDO INDIANA SOUTHWEST C&amp;M</v>
          </cell>
        </row>
        <row r="2476">
          <cell r="F2476">
            <v>75115</v>
          </cell>
          <cell r="Z2476" t="str">
            <v>LOADSWCH</v>
          </cell>
          <cell r="AN2476" t="str">
            <v>MDO C&amp;M</v>
          </cell>
          <cell r="AO2476" t="str">
            <v>MDO INDIANA SOUTHWEST C&amp;M</v>
          </cell>
        </row>
        <row r="2477">
          <cell r="F2477">
            <v>75115</v>
          </cell>
          <cell r="Z2477" t="str">
            <v>LOADSWCH</v>
          </cell>
          <cell r="AN2477" t="str">
            <v>MDO C&amp;M</v>
          </cell>
          <cell r="AO2477" t="str">
            <v>MDO INDIANA SOUTHWEST C&amp;M</v>
          </cell>
        </row>
        <row r="2478">
          <cell r="F2478">
            <v>75115</v>
          </cell>
          <cell r="Z2478" t="str">
            <v>LOADSWCH</v>
          </cell>
          <cell r="AN2478" t="str">
            <v>MDO C&amp;M</v>
          </cell>
          <cell r="AO2478" t="str">
            <v>MDO INDIANA SOUTHWEST C&amp;M</v>
          </cell>
        </row>
        <row r="2479">
          <cell r="F2479">
            <v>75115</v>
          </cell>
          <cell r="Z2479" t="str">
            <v>LOADSWCH</v>
          </cell>
          <cell r="AN2479" t="str">
            <v>MDO C&amp;M</v>
          </cell>
          <cell r="AO2479" t="str">
            <v>MDO INDIANA SOUTHWEST C&amp;M</v>
          </cell>
        </row>
        <row r="2480">
          <cell r="F2480">
            <v>75115</v>
          </cell>
          <cell r="Z2480" t="str">
            <v>LOADSWCH</v>
          </cell>
          <cell r="AN2480" t="str">
            <v>MDO C&amp;M</v>
          </cell>
          <cell r="AO2480" t="str">
            <v>MDO INDIANA SOUTHWEST C&amp;M</v>
          </cell>
        </row>
        <row r="2481">
          <cell r="F2481">
            <v>75115</v>
          </cell>
          <cell r="Z2481" t="str">
            <v>LOADSWCH</v>
          </cell>
          <cell r="AN2481" t="str">
            <v>MDO C&amp;M</v>
          </cell>
          <cell r="AO2481" t="str">
            <v>MDO INDIANA SOUTHWEST C&amp;M</v>
          </cell>
        </row>
        <row r="2482">
          <cell r="F2482">
            <v>75115</v>
          </cell>
          <cell r="Z2482" t="str">
            <v>LOADSWCH</v>
          </cell>
          <cell r="AN2482" t="str">
            <v>MDO C&amp;M</v>
          </cell>
          <cell r="AO2482" t="str">
            <v>MDO INDIANA SOUTHWEST C&amp;M</v>
          </cell>
        </row>
        <row r="2483">
          <cell r="F2483">
            <v>75115</v>
          </cell>
          <cell r="Z2483" t="str">
            <v>LOADSWCH</v>
          </cell>
          <cell r="AN2483" t="str">
            <v>MDO C&amp;M</v>
          </cell>
          <cell r="AO2483" t="str">
            <v>MDO INDIANA SOUTHWEST C&amp;M</v>
          </cell>
        </row>
        <row r="2484">
          <cell r="F2484">
            <v>75115</v>
          </cell>
          <cell r="Z2484" t="str">
            <v>LOADSWCH</v>
          </cell>
          <cell r="AN2484" t="str">
            <v>MDO C&amp;M</v>
          </cell>
          <cell r="AO2484" t="str">
            <v>MDO INDIANA SOUTHWEST C&amp;M</v>
          </cell>
        </row>
        <row r="2485">
          <cell r="F2485">
            <v>75115</v>
          </cell>
          <cell r="Z2485" t="str">
            <v>LOADSWCH</v>
          </cell>
          <cell r="AN2485" t="str">
            <v>MDO C&amp;M</v>
          </cell>
          <cell r="AO2485" t="str">
            <v>MDO INDIANA SOUTHWEST C&amp;M</v>
          </cell>
        </row>
        <row r="2486">
          <cell r="F2486">
            <v>75115</v>
          </cell>
          <cell r="Z2486" t="str">
            <v>LOADSWCH</v>
          </cell>
          <cell r="AN2486" t="str">
            <v>MDO C&amp;M</v>
          </cell>
          <cell r="AO2486" t="str">
            <v>MDO INDIANA SOUTHWEST C&amp;M</v>
          </cell>
        </row>
        <row r="2487">
          <cell r="F2487">
            <v>75115</v>
          </cell>
          <cell r="Z2487" t="str">
            <v>LOADSWCH</v>
          </cell>
          <cell r="AN2487" t="str">
            <v>MDO C&amp;M</v>
          </cell>
          <cell r="AO2487" t="str">
            <v>MDO INDIANA SOUTHWEST C&amp;M</v>
          </cell>
        </row>
        <row r="2488">
          <cell r="F2488">
            <v>75115</v>
          </cell>
          <cell r="Z2488" t="str">
            <v>LOADSWCH</v>
          </cell>
          <cell r="AN2488" t="str">
            <v>MDO C&amp;M</v>
          </cell>
          <cell r="AO2488" t="str">
            <v>MDO INDIANA SOUTHWEST C&amp;M</v>
          </cell>
        </row>
        <row r="2489">
          <cell r="F2489">
            <v>75115</v>
          </cell>
          <cell r="Z2489" t="str">
            <v>LOADSWCH</v>
          </cell>
          <cell r="AN2489" t="str">
            <v>MDO C&amp;M</v>
          </cell>
          <cell r="AO2489" t="str">
            <v>MDO INDIANA SOUTHWEST C&amp;M</v>
          </cell>
        </row>
        <row r="2490">
          <cell r="F2490">
            <v>75115</v>
          </cell>
          <cell r="Z2490" t="str">
            <v>LOADSWCH</v>
          </cell>
          <cell r="AN2490" t="str">
            <v>MDO C&amp;M</v>
          </cell>
          <cell r="AO2490" t="str">
            <v>MDO INDIANA SOUTHWEST C&amp;M</v>
          </cell>
        </row>
        <row r="2491">
          <cell r="F2491">
            <v>75115</v>
          </cell>
          <cell r="Z2491" t="str">
            <v>LOADSWCH</v>
          </cell>
          <cell r="AN2491" t="str">
            <v>MDO C&amp;M</v>
          </cell>
          <cell r="AO2491" t="str">
            <v>MDO INDIANA SOUTHWEST C&amp;M</v>
          </cell>
        </row>
        <row r="2492">
          <cell r="F2492">
            <v>75115</v>
          </cell>
          <cell r="Z2492" t="str">
            <v>LOADSWCH</v>
          </cell>
          <cell r="AN2492" t="str">
            <v>MDO C&amp;M</v>
          </cell>
          <cell r="AO2492" t="str">
            <v>MDO INDIANA SOUTHWEST C&amp;M</v>
          </cell>
        </row>
        <row r="2493">
          <cell r="F2493">
            <v>75115</v>
          </cell>
          <cell r="Z2493" t="str">
            <v>LOADSWCH</v>
          </cell>
          <cell r="AN2493" t="str">
            <v>MDO C&amp;M</v>
          </cell>
          <cell r="AO2493" t="str">
            <v>MDO INDIANA SOUTHWEST C&amp;M</v>
          </cell>
        </row>
        <row r="2494">
          <cell r="F2494">
            <v>75115</v>
          </cell>
          <cell r="Z2494" t="str">
            <v>LOADSWCH</v>
          </cell>
          <cell r="AN2494" t="str">
            <v>MDO C&amp;M</v>
          </cell>
          <cell r="AO2494" t="str">
            <v>MDO INDIANA SOUTHWEST C&amp;M</v>
          </cell>
        </row>
        <row r="2495">
          <cell r="F2495">
            <v>75115</v>
          </cell>
          <cell r="Z2495" t="str">
            <v>LOADSWCH</v>
          </cell>
          <cell r="AN2495" t="str">
            <v>MDO C&amp;M</v>
          </cell>
          <cell r="AO2495" t="str">
            <v>MDO INDIANA SOUTHWEST C&amp;M</v>
          </cell>
        </row>
        <row r="2496">
          <cell r="F2496">
            <v>75115</v>
          </cell>
          <cell r="Z2496" t="str">
            <v>LOADSWCH</v>
          </cell>
          <cell r="AN2496" t="str">
            <v>MDO C&amp;M</v>
          </cell>
          <cell r="AO2496" t="str">
            <v>MDO INDIANA SOUTHWEST C&amp;M</v>
          </cell>
        </row>
        <row r="2497">
          <cell r="F2497">
            <v>75115</v>
          </cell>
          <cell r="Z2497" t="str">
            <v>LOADSWCH</v>
          </cell>
          <cell r="AN2497" t="str">
            <v>MDO C&amp;M</v>
          </cell>
          <cell r="AO2497" t="str">
            <v>MDO INDIANA SOUTHWEST C&amp;M</v>
          </cell>
        </row>
        <row r="2498">
          <cell r="F2498">
            <v>75115</v>
          </cell>
          <cell r="Z2498" t="str">
            <v>LOADSWCH</v>
          </cell>
          <cell r="AN2498" t="str">
            <v>MDO C&amp;M</v>
          </cell>
          <cell r="AO2498" t="str">
            <v>MDO INDIANA SOUTHWEST C&amp;M</v>
          </cell>
        </row>
        <row r="2499">
          <cell r="F2499">
            <v>75115</v>
          </cell>
          <cell r="Z2499" t="str">
            <v>LOADSWCH</v>
          </cell>
          <cell r="AN2499" t="str">
            <v>MDO C&amp;M</v>
          </cell>
          <cell r="AO2499" t="str">
            <v>MDO INDIANA SOUTHEAST C&amp;M</v>
          </cell>
        </row>
        <row r="2500">
          <cell r="F2500">
            <v>75115</v>
          </cell>
          <cell r="Z2500" t="str">
            <v>LOADSWCH</v>
          </cell>
          <cell r="AN2500" t="str">
            <v>MDO C&amp;M</v>
          </cell>
          <cell r="AO2500" t="str">
            <v>MDO INDIANA SOUTHEAST C&amp;M</v>
          </cell>
        </row>
        <row r="2501">
          <cell r="F2501">
            <v>75115</v>
          </cell>
          <cell r="Z2501" t="str">
            <v>LOADSWCH</v>
          </cell>
          <cell r="AN2501" t="str">
            <v>MDO C&amp;M</v>
          </cell>
          <cell r="AO2501" t="str">
            <v>MDO INDIANA SOUTHEAST C&amp;M</v>
          </cell>
        </row>
        <row r="2502">
          <cell r="F2502">
            <v>75115</v>
          </cell>
          <cell r="Z2502" t="str">
            <v>LOADSWCH</v>
          </cell>
          <cell r="AN2502" t="str">
            <v>MDO C&amp;M</v>
          </cell>
          <cell r="AO2502" t="str">
            <v>MDO INDIANA SOUTHEAST C&amp;M</v>
          </cell>
        </row>
        <row r="2503">
          <cell r="F2503">
            <v>75115</v>
          </cell>
          <cell r="Z2503" t="str">
            <v>LOADSWCH</v>
          </cell>
          <cell r="AN2503" t="str">
            <v>MDO C&amp;M</v>
          </cell>
          <cell r="AO2503" t="str">
            <v>MDO INDIANA SOUTHEAST C&amp;M</v>
          </cell>
        </row>
        <row r="2504">
          <cell r="F2504">
            <v>75115</v>
          </cell>
          <cell r="Z2504" t="str">
            <v>LOADSWCH</v>
          </cell>
          <cell r="AN2504" t="str">
            <v>MDO C&amp;M</v>
          </cell>
          <cell r="AO2504" t="str">
            <v>MDO INDIANA SOUTHEAST C&amp;M</v>
          </cell>
        </row>
        <row r="2505">
          <cell r="F2505">
            <v>75115</v>
          </cell>
          <cell r="Z2505" t="str">
            <v>LOADSWCH</v>
          </cell>
          <cell r="AN2505" t="str">
            <v>MDO C&amp;M</v>
          </cell>
          <cell r="AO2505" t="str">
            <v>MDO INDIANA SOUTHEAST C&amp;M</v>
          </cell>
        </row>
        <row r="2506">
          <cell r="F2506">
            <v>75115</v>
          </cell>
          <cell r="Z2506" t="str">
            <v>LOADSWCH</v>
          </cell>
          <cell r="AN2506" t="str">
            <v>MDO C&amp;M</v>
          </cell>
          <cell r="AO2506" t="str">
            <v>MDO INDIANA SOUTHEAST C&amp;M</v>
          </cell>
        </row>
        <row r="2507">
          <cell r="F2507">
            <v>75115</v>
          </cell>
          <cell r="Z2507" t="str">
            <v>LOADSWCH</v>
          </cell>
          <cell r="AN2507" t="str">
            <v>MDO C&amp;M</v>
          </cell>
          <cell r="AO2507" t="str">
            <v>MDO INDIANA SOUTHEAST C&amp;M</v>
          </cell>
        </row>
        <row r="2508">
          <cell r="F2508">
            <v>75115</v>
          </cell>
          <cell r="Z2508" t="str">
            <v>LOADSWCH</v>
          </cell>
          <cell r="AN2508" t="str">
            <v>MDO C&amp;M</v>
          </cell>
          <cell r="AO2508" t="str">
            <v>MDO INDIANA SOUTHEAST C&amp;M</v>
          </cell>
        </row>
        <row r="2509">
          <cell r="F2509">
            <v>75115</v>
          </cell>
          <cell r="Z2509" t="str">
            <v>LOADSWCH</v>
          </cell>
          <cell r="AN2509" t="str">
            <v>MDO C&amp;M</v>
          </cell>
          <cell r="AO2509" t="str">
            <v>MDO INDIANA SOUTHEAST C&amp;M</v>
          </cell>
        </row>
        <row r="2510">
          <cell r="F2510">
            <v>75115</v>
          </cell>
          <cell r="Z2510" t="str">
            <v>LOADSWCH</v>
          </cell>
          <cell r="AN2510" t="str">
            <v>MDO C&amp;M</v>
          </cell>
          <cell r="AO2510" t="str">
            <v>MDO INDIANA SOUTHEAST C&amp;M</v>
          </cell>
        </row>
        <row r="2511">
          <cell r="F2511">
            <v>75115</v>
          </cell>
          <cell r="Z2511" t="str">
            <v>LOADSWCH</v>
          </cell>
          <cell r="AN2511" t="str">
            <v>MDO C&amp;M</v>
          </cell>
          <cell r="AO2511" t="str">
            <v>MDO INDIANA SOUTHEAST C&amp;M</v>
          </cell>
        </row>
        <row r="2512">
          <cell r="F2512">
            <v>75115</v>
          </cell>
          <cell r="Z2512" t="str">
            <v>LOADSWCH</v>
          </cell>
          <cell r="AN2512" t="str">
            <v>MDO C&amp;M</v>
          </cell>
          <cell r="AO2512" t="str">
            <v>MDO INDIANA SOUTHEAST C&amp;M</v>
          </cell>
        </row>
        <row r="2513">
          <cell r="F2513">
            <v>75115</v>
          </cell>
          <cell r="Z2513" t="str">
            <v>LOADSWCH</v>
          </cell>
          <cell r="AN2513" t="str">
            <v>MDO C&amp;M</v>
          </cell>
          <cell r="AO2513" t="str">
            <v>MDO INDIANA SOUTHEAST C&amp;M</v>
          </cell>
        </row>
        <row r="2514">
          <cell r="F2514">
            <v>75115</v>
          </cell>
          <cell r="Z2514" t="str">
            <v>LOADSWCH</v>
          </cell>
          <cell r="AN2514" t="str">
            <v>MDO C&amp;M</v>
          </cell>
          <cell r="AO2514" t="str">
            <v>MDO INDIANA SOUTHEAST C&amp;M</v>
          </cell>
        </row>
        <row r="2515">
          <cell r="F2515">
            <v>75115</v>
          </cell>
          <cell r="Z2515" t="str">
            <v>LOADSWCH</v>
          </cell>
          <cell r="AN2515" t="str">
            <v>MDO C&amp;M</v>
          </cell>
          <cell r="AO2515" t="str">
            <v>MDO INDIANA SOUTHEAST C&amp;M</v>
          </cell>
        </row>
        <row r="2516">
          <cell r="F2516">
            <v>75115</v>
          </cell>
          <cell r="Z2516" t="str">
            <v>LOADSWCH</v>
          </cell>
          <cell r="AN2516" t="str">
            <v>MDO C&amp;M</v>
          </cell>
          <cell r="AO2516" t="str">
            <v>MDO INDIANA SOUTHEAST C&amp;M</v>
          </cell>
        </row>
        <row r="2517">
          <cell r="F2517">
            <v>75115</v>
          </cell>
          <cell r="Z2517" t="str">
            <v>LOADSWCH</v>
          </cell>
          <cell r="AN2517" t="str">
            <v>MDO C&amp;M</v>
          </cell>
          <cell r="AO2517" t="str">
            <v>MDO INDIANA SOUTHEAST C&amp;M</v>
          </cell>
        </row>
        <row r="2518">
          <cell r="F2518">
            <v>75115</v>
          </cell>
          <cell r="Z2518" t="str">
            <v>LOADSWCH</v>
          </cell>
          <cell r="AN2518" t="str">
            <v>MDO C&amp;M</v>
          </cell>
          <cell r="AO2518" t="str">
            <v>MDO INDIANA SOUTHEAST C&amp;M</v>
          </cell>
        </row>
        <row r="2519">
          <cell r="F2519">
            <v>75115</v>
          </cell>
          <cell r="Z2519" t="str">
            <v>LOADSWCH</v>
          </cell>
          <cell r="AN2519" t="str">
            <v>MDO C&amp;M</v>
          </cell>
          <cell r="AO2519" t="str">
            <v>MDO INDIANA SOUTHEAST C&amp;M</v>
          </cell>
        </row>
        <row r="2520">
          <cell r="F2520">
            <v>75115</v>
          </cell>
          <cell r="Z2520" t="str">
            <v>LOADSWCH</v>
          </cell>
          <cell r="AN2520" t="str">
            <v>MDO C&amp;M</v>
          </cell>
          <cell r="AO2520" t="str">
            <v>MDO INDIANA SOUTHEAST C&amp;M</v>
          </cell>
        </row>
        <row r="2521">
          <cell r="F2521">
            <v>75115</v>
          </cell>
          <cell r="Z2521" t="str">
            <v>LOADSWCH</v>
          </cell>
          <cell r="AN2521" t="str">
            <v>MDO C&amp;M</v>
          </cell>
          <cell r="AO2521" t="str">
            <v>MDO INDIANA SOUTHEAST C&amp;M</v>
          </cell>
        </row>
        <row r="2522">
          <cell r="F2522">
            <v>75115</v>
          </cell>
          <cell r="Z2522" t="str">
            <v>LOADSWCH</v>
          </cell>
          <cell r="AN2522" t="str">
            <v>MDO C&amp;M</v>
          </cell>
          <cell r="AO2522" t="str">
            <v>MDO INDIANA SOUTHEAST C&amp;M</v>
          </cell>
        </row>
        <row r="2523">
          <cell r="F2523">
            <v>75115</v>
          </cell>
          <cell r="Z2523" t="str">
            <v>LOADSWCH</v>
          </cell>
          <cell r="AN2523" t="str">
            <v>MDO C&amp;M</v>
          </cell>
          <cell r="AO2523" t="str">
            <v>MDO INDIANA SOUTHEAST C&amp;M</v>
          </cell>
        </row>
        <row r="2524">
          <cell r="F2524">
            <v>75115</v>
          </cell>
          <cell r="Z2524" t="str">
            <v>LOADSWCH</v>
          </cell>
          <cell r="AN2524" t="str">
            <v>MDO C&amp;M</v>
          </cell>
          <cell r="AO2524" t="str">
            <v>MDO INDIANA SOUTHEAST C&amp;M</v>
          </cell>
        </row>
        <row r="2525">
          <cell r="F2525">
            <v>75115</v>
          </cell>
          <cell r="Z2525" t="str">
            <v>LOADSWCH</v>
          </cell>
          <cell r="AN2525" t="str">
            <v>MDO C&amp;M</v>
          </cell>
          <cell r="AO2525" t="str">
            <v>MDO INDIANA SOUTHEAST C&amp;M</v>
          </cell>
        </row>
        <row r="2526">
          <cell r="F2526">
            <v>75115</v>
          </cell>
          <cell r="Z2526" t="str">
            <v>LOADSWCH</v>
          </cell>
          <cell r="AN2526" t="str">
            <v>MDO C&amp;M</v>
          </cell>
          <cell r="AO2526" t="str">
            <v>MDO INDIANA SOUTHEAST C&amp;M</v>
          </cell>
        </row>
        <row r="2527">
          <cell r="F2527">
            <v>75115</v>
          </cell>
          <cell r="Z2527" t="str">
            <v>LOADSWCH</v>
          </cell>
          <cell r="AN2527" t="str">
            <v>MDO C&amp;M</v>
          </cell>
          <cell r="AO2527" t="str">
            <v>MDO INDIANA SOUTHEAST C&amp;M</v>
          </cell>
        </row>
        <row r="2528">
          <cell r="F2528">
            <v>75115</v>
          </cell>
          <cell r="Z2528" t="str">
            <v>LOADSWCH</v>
          </cell>
          <cell r="AN2528" t="str">
            <v>MDO C&amp;M</v>
          </cell>
          <cell r="AO2528" t="str">
            <v>MDO INDIANA SOUTHEAST C&amp;M</v>
          </cell>
        </row>
        <row r="2529">
          <cell r="F2529">
            <v>75115</v>
          </cell>
          <cell r="Z2529" t="str">
            <v>LOADSWCH</v>
          </cell>
          <cell r="AN2529" t="str">
            <v>MDO C&amp;M</v>
          </cell>
          <cell r="AO2529" t="str">
            <v>MDO INDIANA SOUTHEAST C&amp;M</v>
          </cell>
        </row>
        <row r="2530">
          <cell r="F2530">
            <v>75115</v>
          </cell>
          <cell r="Z2530" t="str">
            <v>LOADSWCH</v>
          </cell>
          <cell r="AN2530" t="str">
            <v>MDO C&amp;M</v>
          </cell>
          <cell r="AO2530" t="str">
            <v>MDO INDIANA SOUTHEAST C&amp;M</v>
          </cell>
        </row>
        <row r="2531">
          <cell r="F2531">
            <v>75115</v>
          </cell>
          <cell r="Z2531" t="str">
            <v>LOADSWCH</v>
          </cell>
          <cell r="AN2531" t="str">
            <v>MDO C&amp;M</v>
          </cell>
          <cell r="AO2531" t="str">
            <v>MDO INDIANA SOUTHEAST C&amp;M</v>
          </cell>
        </row>
        <row r="2532">
          <cell r="F2532">
            <v>75115</v>
          </cell>
          <cell r="Z2532" t="str">
            <v>LOADSWCH</v>
          </cell>
          <cell r="AN2532" t="str">
            <v>MDO C&amp;M</v>
          </cell>
          <cell r="AO2532" t="str">
            <v>MDO INDIANA SOUTHEAST C&amp;M</v>
          </cell>
        </row>
        <row r="2533">
          <cell r="F2533">
            <v>75115</v>
          </cell>
          <cell r="Z2533" t="str">
            <v>LOADSWCH</v>
          </cell>
          <cell r="AN2533" t="str">
            <v>MDO C&amp;M</v>
          </cell>
          <cell r="AO2533" t="str">
            <v>MDO INDIANA SOUTHEAST C&amp;M</v>
          </cell>
        </row>
        <row r="2534">
          <cell r="F2534">
            <v>75115</v>
          </cell>
          <cell r="Z2534" t="str">
            <v>LOADSWCH</v>
          </cell>
          <cell r="AN2534" t="str">
            <v>MDO C&amp;M</v>
          </cell>
          <cell r="AO2534" t="str">
            <v>MDO INDIANA SOUTHEAST C&amp;M</v>
          </cell>
        </row>
        <row r="2535">
          <cell r="F2535">
            <v>75115</v>
          </cell>
          <cell r="Z2535" t="str">
            <v>LOADSWCH</v>
          </cell>
          <cell r="AN2535" t="str">
            <v>MDO C&amp;M</v>
          </cell>
          <cell r="AO2535" t="str">
            <v>MDO INDIANA SOUTHEAST C&amp;M</v>
          </cell>
        </row>
        <row r="2536">
          <cell r="F2536">
            <v>75115</v>
          </cell>
          <cell r="Z2536" t="str">
            <v>LOADSWCH</v>
          </cell>
          <cell r="AN2536" t="str">
            <v>MDO C&amp;M</v>
          </cell>
          <cell r="AO2536" t="str">
            <v>MDO INDIANA SOUTHEAST C&amp;M</v>
          </cell>
        </row>
        <row r="2537">
          <cell r="F2537">
            <v>75115</v>
          </cell>
          <cell r="Z2537" t="str">
            <v>LOADSWCH</v>
          </cell>
          <cell r="AN2537" t="str">
            <v>MDO C&amp;M</v>
          </cell>
          <cell r="AO2537" t="str">
            <v>MDO INDIANA SOUTHEAST C&amp;M</v>
          </cell>
        </row>
        <row r="2538">
          <cell r="F2538">
            <v>75115</v>
          </cell>
          <cell r="Z2538" t="str">
            <v>LOADSWCH</v>
          </cell>
          <cell r="AN2538" t="str">
            <v>MDO C&amp;M</v>
          </cell>
          <cell r="AO2538" t="str">
            <v>MDO INDIANA SOUTHEAST C&amp;M</v>
          </cell>
        </row>
        <row r="2539">
          <cell r="F2539">
            <v>75115</v>
          </cell>
          <cell r="Z2539" t="str">
            <v>LOADSWCH</v>
          </cell>
          <cell r="AN2539" t="str">
            <v>MDO C&amp;M</v>
          </cell>
          <cell r="AO2539" t="str">
            <v>MDO INDIANA SOUTHEAST C&amp;M</v>
          </cell>
        </row>
        <row r="2540">
          <cell r="F2540">
            <v>75115</v>
          </cell>
          <cell r="Z2540" t="str">
            <v>LOADSWCH</v>
          </cell>
          <cell r="AN2540" t="str">
            <v>MDO C&amp;M</v>
          </cell>
          <cell r="AO2540" t="str">
            <v>MDO INDIANA SOUTHEAST C&amp;M</v>
          </cell>
        </row>
        <row r="2541">
          <cell r="F2541">
            <v>75115</v>
          </cell>
          <cell r="Z2541" t="str">
            <v>LOADSWCH</v>
          </cell>
          <cell r="AN2541" t="str">
            <v>MDO C&amp;M</v>
          </cell>
          <cell r="AO2541" t="str">
            <v>MDO INDIANA SOUTHEAST C&amp;M</v>
          </cell>
        </row>
        <row r="2542">
          <cell r="F2542">
            <v>75115</v>
          </cell>
          <cell r="Z2542" t="str">
            <v>LOADSWCH</v>
          </cell>
          <cell r="AN2542" t="str">
            <v>MDO C&amp;M</v>
          </cell>
          <cell r="AO2542" t="str">
            <v>MDO INDIANA SOUTHEAST C&amp;M</v>
          </cell>
        </row>
        <row r="2543">
          <cell r="F2543">
            <v>75115</v>
          </cell>
          <cell r="Z2543" t="str">
            <v>LOADSWCH</v>
          </cell>
          <cell r="AN2543" t="str">
            <v>MDO C&amp;M</v>
          </cell>
          <cell r="AO2543" t="str">
            <v>MDO INDIANA SOUTHEAST C&amp;M</v>
          </cell>
        </row>
        <row r="2544">
          <cell r="F2544">
            <v>75115</v>
          </cell>
          <cell r="Z2544" t="str">
            <v>LOADSWCH</v>
          </cell>
          <cell r="AN2544" t="str">
            <v>MDO C&amp;M</v>
          </cell>
          <cell r="AO2544" t="str">
            <v>MDO INDIANA SOUTHEAST C&amp;M</v>
          </cell>
        </row>
        <row r="2545">
          <cell r="F2545">
            <v>75115</v>
          </cell>
          <cell r="Z2545" t="str">
            <v>LOADSWCH</v>
          </cell>
          <cell r="AN2545" t="str">
            <v>MDO C&amp;M</v>
          </cell>
          <cell r="AO2545" t="str">
            <v>MDO INDIANA SOUTHEAST C&amp;M</v>
          </cell>
        </row>
        <row r="2546">
          <cell r="F2546">
            <v>75115</v>
          </cell>
          <cell r="Z2546" t="str">
            <v>LOADSWCH</v>
          </cell>
          <cell r="AN2546" t="str">
            <v>MDO C&amp;M</v>
          </cell>
          <cell r="AO2546" t="str">
            <v>MDO INDIANA SOUTHEAST C&amp;M</v>
          </cell>
        </row>
        <row r="2547">
          <cell r="F2547">
            <v>75115</v>
          </cell>
          <cell r="Z2547" t="str">
            <v>LOADSWCH</v>
          </cell>
          <cell r="AN2547" t="str">
            <v>MDO C&amp;M</v>
          </cell>
          <cell r="AO2547" t="str">
            <v>MDO INDIANA SOUTHEAST C&amp;M</v>
          </cell>
        </row>
        <row r="2548">
          <cell r="F2548">
            <v>75115</v>
          </cell>
          <cell r="Z2548" t="str">
            <v>LOADSWCH</v>
          </cell>
          <cell r="AN2548" t="str">
            <v>MDO C&amp;M</v>
          </cell>
          <cell r="AO2548" t="str">
            <v>MDO INDIANA SOUTHEAST C&amp;M</v>
          </cell>
        </row>
        <row r="2549">
          <cell r="F2549">
            <v>75115</v>
          </cell>
          <cell r="Z2549" t="str">
            <v>LOADSWCH</v>
          </cell>
          <cell r="AN2549" t="str">
            <v>MDO C&amp;M</v>
          </cell>
          <cell r="AO2549" t="str">
            <v>MDO INDIANA SOUTHEAST C&amp;M</v>
          </cell>
        </row>
        <row r="2550">
          <cell r="F2550">
            <v>75115</v>
          </cell>
          <cell r="Z2550" t="str">
            <v>LOADSWCH</v>
          </cell>
          <cell r="AN2550" t="str">
            <v>MDO C&amp;M</v>
          </cell>
          <cell r="AO2550" t="str">
            <v>MDO INDIANA SOUTHEAST C&amp;M</v>
          </cell>
        </row>
        <row r="2551">
          <cell r="F2551">
            <v>75115</v>
          </cell>
          <cell r="Z2551" t="str">
            <v>LOADSWCH</v>
          </cell>
          <cell r="AN2551" t="str">
            <v>MDO C&amp;M</v>
          </cell>
          <cell r="AO2551" t="str">
            <v>MDO INDIANA SOUTHEAST C&amp;M</v>
          </cell>
        </row>
        <row r="2552">
          <cell r="F2552">
            <v>75115</v>
          </cell>
          <cell r="Z2552" t="str">
            <v>LOADSWCH</v>
          </cell>
          <cell r="AN2552" t="str">
            <v>MDO C&amp;M</v>
          </cell>
          <cell r="AO2552" t="str">
            <v>MDO INDIANA SOUTHEAST C&amp;M</v>
          </cell>
        </row>
        <row r="2553">
          <cell r="F2553">
            <v>75115</v>
          </cell>
          <cell r="Z2553" t="str">
            <v>LOADSWCH</v>
          </cell>
          <cell r="AN2553" t="str">
            <v>MDO C&amp;M</v>
          </cell>
          <cell r="AO2553" t="str">
            <v>MDO INDIANA SOUTHEAST C&amp;M</v>
          </cell>
        </row>
        <row r="2554">
          <cell r="F2554">
            <v>75115</v>
          </cell>
          <cell r="Z2554" t="str">
            <v>LOADSWCH</v>
          </cell>
          <cell r="AN2554" t="str">
            <v>MDO C&amp;M</v>
          </cell>
          <cell r="AO2554" t="str">
            <v>MDO INDIANA SOUTHEAST C&amp;M</v>
          </cell>
        </row>
        <row r="2555">
          <cell r="F2555">
            <v>75115</v>
          </cell>
          <cell r="Z2555" t="str">
            <v>LOADSWCH</v>
          </cell>
          <cell r="AN2555" t="str">
            <v>MDO C&amp;M</v>
          </cell>
          <cell r="AO2555" t="str">
            <v>MDO INDIANA SOUTHEAST C&amp;M</v>
          </cell>
        </row>
        <row r="2556">
          <cell r="F2556">
            <v>75115</v>
          </cell>
          <cell r="Z2556" t="str">
            <v>LOADSWCH</v>
          </cell>
          <cell r="AN2556" t="str">
            <v>MDO C&amp;M</v>
          </cell>
          <cell r="AO2556" t="str">
            <v>MDO INDIANA SOUTHEAST C&amp;M</v>
          </cell>
        </row>
        <row r="2557">
          <cell r="F2557">
            <v>75115</v>
          </cell>
          <cell r="Z2557" t="str">
            <v>LOADSWCH</v>
          </cell>
          <cell r="AN2557" t="str">
            <v>MDO C&amp;M</v>
          </cell>
          <cell r="AO2557" t="str">
            <v>MDO INDIANA SOUTHEAST C&amp;M</v>
          </cell>
        </row>
        <row r="2558">
          <cell r="F2558">
            <v>75115</v>
          </cell>
          <cell r="Z2558" t="str">
            <v>LOADSWCH</v>
          </cell>
          <cell r="AN2558" t="str">
            <v>MDO C&amp;M</v>
          </cell>
          <cell r="AO2558" t="str">
            <v>MDO INDIANA SOUTHEAST C&amp;M</v>
          </cell>
        </row>
        <row r="2559">
          <cell r="F2559">
            <v>75115</v>
          </cell>
          <cell r="Z2559" t="str">
            <v>LOADSWCH</v>
          </cell>
          <cell r="AN2559" t="str">
            <v>MDO C&amp;M</v>
          </cell>
          <cell r="AO2559" t="str">
            <v>MDO INDIANA SOUTHEAST C&amp;M</v>
          </cell>
        </row>
        <row r="2560">
          <cell r="F2560">
            <v>75115</v>
          </cell>
          <cell r="Z2560" t="str">
            <v>LOADSWCH</v>
          </cell>
          <cell r="AN2560" t="str">
            <v>MDO C&amp;M</v>
          </cell>
          <cell r="AO2560" t="str">
            <v>MDO INDIANA SOUTHEAST C&amp;M</v>
          </cell>
        </row>
        <row r="2561">
          <cell r="F2561">
            <v>75115</v>
          </cell>
          <cell r="Z2561" t="str">
            <v>LOADSWCH</v>
          </cell>
          <cell r="AN2561" t="str">
            <v>MDO C&amp;M</v>
          </cell>
          <cell r="AO2561" t="str">
            <v>MDO INDIANA SOUTHEAST C&amp;M</v>
          </cell>
        </row>
        <row r="2562">
          <cell r="F2562">
            <v>75115</v>
          </cell>
          <cell r="Z2562" t="str">
            <v>LOADSWCH</v>
          </cell>
          <cell r="AN2562" t="str">
            <v>MDO C&amp;M</v>
          </cell>
          <cell r="AO2562" t="str">
            <v>MDO INDIANA SOUTHEAST C&amp;M</v>
          </cell>
        </row>
        <row r="2563">
          <cell r="F2563">
            <v>75115</v>
          </cell>
          <cell r="Z2563" t="str">
            <v>LOADSWCH</v>
          </cell>
          <cell r="AN2563" t="str">
            <v>MDO C&amp;M</v>
          </cell>
          <cell r="AO2563" t="str">
            <v>MDO INDIANA SOUTHEAST C&amp;M</v>
          </cell>
        </row>
        <row r="2564">
          <cell r="F2564">
            <v>75115</v>
          </cell>
          <cell r="Z2564" t="str">
            <v>LOADSWCH</v>
          </cell>
          <cell r="AN2564" t="str">
            <v>MDO C&amp;M</v>
          </cell>
          <cell r="AO2564" t="str">
            <v>MDO INDIANA SOUTHEAST C&amp;M</v>
          </cell>
        </row>
        <row r="2565">
          <cell r="F2565">
            <v>75115</v>
          </cell>
          <cell r="Z2565" t="str">
            <v>LOADSWCH</v>
          </cell>
          <cell r="AN2565" t="str">
            <v>MDO C&amp;M</v>
          </cell>
          <cell r="AO2565" t="str">
            <v>MDO INDIANA NORTH C&amp;M</v>
          </cell>
        </row>
        <row r="2566">
          <cell r="F2566">
            <v>75115</v>
          </cell>
          <cell r="Z2566" t="str">
            <v>LOADSWCH</v>
          </cell>
          <cell r="AN2566" t="str">
            <v>MDO C&amp;M</v>
          </cell>
          <cell r="AO2566" t="str">
            <v>MDO INDIANA NORTH C&amp;M</v>
          </cell>
        </row>
        <row r="2567">
          <cell r="F2567">
            <v>75115</v>
          </cell>
          <cell r="Z2567" t="str">
            <v>LOADSWCH</v>
          </cell>
          <cell r="AN2567" t="str">
            <v>MDO C&amp;M</v>
          </cell>
          <cell r="AO2567" t="str">
            <v>MDO INDIANA NORTH C&amp;M</v>
          </cell>
        </row>
        <row r="2568">
          <cell r="F2568">
            <v>75115</v>
          </cell>
          <cell r="Z2568" t="str">
            <v>LOADSWCH</v>
          </cell>
          <cell r="AN2568" t="str">
            <v>MDO C&amp;M</v>
          </cell>
          <cell r="AO2568" t="str">
            <v>MDO INDIANA NORTH C&amp;M</v>
          </cell>
        </row>
        <row r="2569">
          <cell r="F2569">
            <v>75115</v>
          </cell>
          <cell r="Z2569" t="str">
            <v>LOADSWCH</v>
          </cell>
          <cell r="AN2569" t="str">
            <v>MDO C&amp;M</v>
          </cell>
          <cell r="AO2569" t="str">
            <v>MDO INDIANA NORTH C&amp;M</v>
          </cell>
        </row>
        <row r="2570">
          <cell r="F2570">
            <v>75115</v>
          </cell>
          <cell r="Z2570" t="str">
            <v>LOADSWCH</v>
          </cell>
          <cell r="AN2570" t="str">
            <v>MDO C&amp;M</v>
          </cell>
          <cell r="AO2570" t="str">
            <v>MDO INDIANA NORTH C&amp;M</v>
          </cell>
        </row>
        <row r="2571">
          <cell r="F2571">
            <v>75115</v>
          </cell>
          <cell r="Z2571" t="str">
            <v>LOADSWCH</v>
          </cell>
          <cell r="AN2571" t="str">
            <v>MDO C&amp;M</v>
          </cell>
          <cell r="AO2571" t="str">
            <v>MDO INDIANA NORTH C&amp;M</v>
          </cell>
        </row>
        <row r="2572">
          <cell r="F2572">
            <v>75115</v>
          </cell>
          <cell r="Z2572" t="str">
            <v>LOADSWCH</v>
          </cell>
          <cell r="AN2572" t="str">
            <v>MDO C&amp;M</v>
          </cell>
          <cell r="AO2572" t="str">
            <v>MDO INDIANA NORTH C&amp;M</v>
          </cell>
        </row>
        <row r="2573">
          <cell r="F2573">
            <v>75115</v>
          </cell>
          <cell r="Z2573" t="str">
            <v>LOADSWCH</v>
          </cell>
          <cell r="AN2573" t="str">
            <v>MDO C&amp;M</v>
          </cell>
          <cell r="AO2573" t="str">
            <v>MDO INDIANA NORTH C&amp;M</v>
          </cell>
        </row>
        <row r="2574">
          <cell r="F2574">
            <v>75115</v>
          </cell>
          <cell r="Z2574" t="str">
            <v>LOADSWCH</v>
          </cell>
          <cell r="AN2574" t="str">
            <v>MDO C&amp;M</v>
          </cell>
          <cell r="AO2574" t="str">
            <v>MDO INDIANA NORTH C&amp;M</v>
          </cell>
        </row>
        <row r="2575">
          <cell r="F2575">
            <v>75115</v>
          </cell>
          <cell r="Z2575" t="str">
            <v>LOADSWCH</v>
          </cell>
          <cell r="AN2575" t="str">
            <v>MDO C&amp;M</v>
          </cell>
          <cell r="AO2575" t="str">
            <v>MDO INDIANA NORTH C&amp;M</v>
          </cell>
        </row>
        <row r="2576">
          <cell r="F2576">
            <v>75115</v>
          </cell>
          <cell r="Z2576" t="str">
            <v>LOADSWCH</v>
          </cell>
          <cell r="AN2576" t="str">
            <v>MDO C&amp;M</v>
          </cell>
          <cell r="AO2576" t="str">
            <v>MDO INDIANA NORTH C&amp;M</v>
          </cell>
        </row>
        <row r="2577">
          <cell r="F2577">
            <v>75115</v>
          </cell>
          <cell r="Z2577" t="str">
            <v>LOADSWCH</v>
          </cell>
          <cell r="AN2577" t="str">
            <v>MDO C&amp;M</v>
          </cell>
          <cell r="AO2577" t="str">
            <v>MDO INDIANA NORTH C&amp;M</v>
          </cell>
        </row>
        <row r="2578">
          <cell r="F2578">
            <v>75115</v>
          </cell>
          <cell r="Z2578" t="str">
            <v>LOADSWCH</v>
          </cell>
          <cell r="AN2578" t="str">
            <v>MDO C&amp;M</v>
          </cell>
          <cell r="AO2578" t="str">
            <v>MDO INDIANA NORTH C&amp;M</v>
          </cell>
        </row>
        <row r="2579">
          <cell r="F2579">
            <v>75115</v>
          </cell>
          <cell r="Z2579" t="str">
            <v>LOADSWCH</v>
          </cell>
          <cell r="AN2579" t="str">
            <v>MDO C&amp;M</v>
          </cell>
          <cell r="AO2579" t="str">
            <v>MDO INDIANA NORTH C&amp;M</v>
          </cell>
        </row>
        <row r="2580">
          <cell r="F2580">
            <v>75115</v>
          </cell>
          <cell r="Z2580" t="str">
            <v>LOADSWCH</v>
          </cell>
          <cell r="AN2580" t="str">
            <v>MDO C&amp;M</v>
          </cell>
          <cell r="AO2580" t="str">
            <v>MDO INDIANA NORTH C&amp;M</v>
          </cell>
        </row>
        <row r="2581">
          <cell r="F2581">
            <v>75115</v>
          </cell>
          <cell r="Z2581" t="str">
            <v>LOADSWCH</v>
          </cell>
          <cell r="AN2581" t="str">
            <v>MDO C&amp;M</v>
          </cell>
          <cell r="AO2581" t="str">
            <v>MDO INDIANA NORTH C&amp;M</v>
          </cell>
        </row>
        <row r="2582">
          <cell r="F2582">
            <v>75115</v>
          </cell>
          <cell r="Z2582" t="str">
            <v>LOADSWCH</v>
          </cell>
          <cell r="AN2582" t="str">
            <v>MDO C&amp;M</v>
          </cell>
          <cell r="AO2582" t="str">
            <v>MDO INDIANA NORTH C&amp;M</v>
          </cell>
        </row>
        <row r="2583">
          <cell r="F2583">
            <v>75115</v>
          </cell>
          <cell r="Z2583" t="str">
            <v>LOADSWCH</v>
          </cell>
          <cell r="AN2583" t="str">
            <v>MDO C&amp;M</v>
          </cell>
          <cell r="AO2583" t="str">
            <v>MDO INDIANA NORTH C&amp;M</v>
          </cell>
        </row>
        <row r="2584">
          <cell r="F2584">
            <v>75115</v>
          </cell>
          <cell r="Z2584" t="str">
            <v>LOADSWCH</v>
          </cell>
          <cell r="AN2584" t="str">
            <v>MDO C&amp;M</v>
          </cell>
          <cell r="AO2584" t="str">
            <v>MDO INDIANA NORTH C&amp;M</v>
          </cell>
        </row>
        <row r="2585">
          <cell r="F2585">
            <v>75115</v>
          </cell>
          <cell r="Z2585" t="str">
            <v>LOADSWCH</v>
          </cell>
          <cell r="AN2585" t="str">
            <v>MDO C&amp;M</v>
          </cell>
          <cell r="AO2585" t="str">
            <v>MDO INDIANA NORTH C&amp;M</v>
          </cell>
        </row>
        <row r="2586">
          <cell r="F2586">
            <v>75115</v>
          </cell>
          <cell r="Z2586" t="str">
            <v>LOADSWCH</v>
          </cell>
          <cell r="AN2586" t="str">
            <v>MDO C&amp;M</v>
          </cell>
          <cell r="AO2586" t="str">
            <v>MDO INDIANA NORTH C&amp;M</v>
          </cell>
        </row>
        <row r="2587">
          <cell r="F2587">
            <v>75115</v>
          </cell>
          <cell r="Z2587" t="str">
            <v>LOADSWCH</v>
          </cell>
          <cell r="AN2587" t="str">
            <v>MDO C&amp;M</v>
          </cell>
          <cell r="AO2587" t="str">
            <v>MDO INDIANA NORTH C&amp;M</v>
          </cell>
        </row>
        <row r="2588">
          <cell r="F2588">
            <v>75115</v>
          </cell>
          <cell r="Z2588" t="str">
            <v>LOADSWCH</v>
          </cell>
          <cell r="AN2588" t="str">
            <v>MDO C&amp;M</v>
          </cell>
          <cell r="AO2588" t="str">
            <v>MDO INDIANA NORTH C&amp;M</v>
          </cell>
        </row>
        <row r="2589">
          <cell r="F2589">
            <v>75115</v>
          </cell>
          <cell r="Z2589" t="str">
            <v>LOADSWCH</v>
          </cell>
          <cell r="AN2589" t="str">
            <v>MDO C&amp;M</v>
          </cell>
          <cell r="AO2589" t="str">
            <v>MDO INDIANA NORTH C&amp;M</v>
          </cell>
        </row>
        <row r="2590">
          <cell r="F2590">
            <v>75115</v>
          </cell>
          <cell r="Z2590" t="str">
            <v>LOADSWCH</v>
          </cell>
          <cell r="AN2590" t="str">
            <v>MDO C&amp;M</v>
          </cell>
          <cell r="AO2590" t="str">
            <v>MDO INDIANA NORTH C&amp;M</v>
          </cell>
        </row>
        <row r="2591">
          <cell r="F2591">
            <v>75115</v>
          </cell>
          <cell r="Z2591" t="str">
            <v>LOADSWCH</v>
          </cell>
          <cell r="AN2591" t="str">
            <v>MDO C&amp;M</v>
          </cell>
          <cell r="AO2591" t="str">
            <v>MDO INDIANA NORTH C&amp;M</v>
          </cell>
        </row>
        <row r="2592">
          <cell r="F2592">
            <v>75115</v>
          </cell>
          <cell r="Z2592" t="str">
            <v>LOADSWCH</v>
          </cell>
          <cell r="AN2592" t="str">
            <v>MDO C&amp;M</v>
          </cell>
          <cell r="AO2592" t="str">
            <v>MDO INDIANA NORTH C&amp;M</v>
          </cell>
        </row>
        <row r="2593">
          <cell r="F2593">
            <v>75115</v>
          </cell>
          <cell r="Z2593" t="str">
            <v>LOADSWCH</v>
          </cell>
          <cell r="AN2593" t="str">
            <v>MDO C&amp;M</v>
          </cell>
          <cell r="AO2593" t="str">
            <v>MDO INDIANA NORTH C&amp;M</v>
          </cell>
        </row>
        <row r="2594">
          <cell r="F2594">
            <v>75115</v>
          </cell>
          <cell r="Z2594" t="str">
            <v>LOADSWCH</v>
          </cell>
          <cell r="AN2594" t="str">
            <v>MDO C&amp;M</v>
          </cell>
          <cell r="AO2594" t="str">
            <v>MDO INDIANA NORTH C&amp;M</v>
          </cell>
        </row>
        <row r="2595">
          <cell r="F2595">
            <v>75115</v>
          </cell>
          <cell r="Z2595" t="str">
            <v>LOADSWCH</v>
          </cell>
          <cell r="AN2595" t="str">
            <v>MDO C&amp;M</v>
          </cell>
          <cell r="AO2595" t="str">
            <v>MDO INDIANA NORTH C&amp;M</v>
          </cell>
        </row>
        <row r="2596">
          <cell r="F2596">
            <v>75115</v>
          </cell>
          <cell r="Z2596" t="str">
            <v>LOADSWCH</v>
          </cell>
          <cell r="AN2596" t="str">
            <v>MDO C&amp;M</v>
          </cell>
          <cell r="AO2596" t="str">
            <v>MDO INDIANA NORTH C&amp;M</v>
          </cell>
        </row>
        <row r="2597">
          <cell r="F2597">
            <v>75115</v>
          </cell>
          <cell r="Z2597" t="str">
            <v>LOADSWCH</v>
          </cell>
          <cell r="AN2597" t="str">
            <v>MDO C&amp;M</v>
          </cell>
          <cell r="AO2597" t="str">
            <v>MDO INDIANA NORTH C&amp;M</v>
          </cell>
        </row>
        <row r="2598">
          <cell r="F2598">
            <v>75115</v>
          </cell>
          <cell r="Z2598" t="str">
            <v>LOADSWCH</v>
          </cell>
          <cell r="AN2598" t="str">
            <v>MDO C&amp;M</v>
          </cell>
          <cell r="AO2598" t="str">
            <v>MDO INDIANA NORTH C&amp;M</v>
          </cell>
        </row>
        <row r="2599">
          <cell r="F2599">
            <v>75115</v>
          </cell>
          <cell r="Z2599" t="str">
            <v>LOADSWCH</v>
          </cell>
          <cell r="AN2599" t="str">
            <v>MDO C&amp;M</v>
          </cell>
          <cell r="AO2599" t="str">
            <v>MDO INDIANA NORTH C&amp;M</v>
          </cell>
        </row>
        <row r="2600">
          <cell r="F2600">
            <v>75115</v>
          </cell>
          <cell r="Z2600" t="str">
            <v>LOADSWCH</v>
          </cell>
          <cell r="AN2600" t="str">
            <v>MDO C&amp;M</v>
          </cell>
          <cell r="AO2600" t="str">
            <v>MDO INDIANA NORTH C&amp;M</v>
          </cell>
        </row>
        <row r="2601">
          <cell r="F2601">
            <v>75115</v>
          </cell>
          <cell r="Z2601" t="str">
            <v>LOADSWCH</v>
          </cell>
          <cell r="AN2601" t="str">
            <v>MDO C&amp;M</v>
          </cell>
          <cell r="AO2601" t="str">
            <v>MDO INDIANA NORTH C&amp;M</v>
          </cell>
        </row>
        <row r="2602">
          <cell r="F2602">
            <v>75115</v>
          </cell>
          <cell r="Z2602" t="str">
            <v>LOADSWCH</v>
          </cell>
          <cell r="AN2602" t="str">
            <v>MDO C&amp;M</v>
          </cell>
          <cell r="AO2602" t="str">
            <v>MDO INDIANA NORTH C&amp;M</v>
          </cell>
        </row>
        <row r="2603">
          <cell r="F2603">
            <v>75115</v>
          </cell>
          <cell r="Z2603" t="str">
            <v>LOADSWCH</v>
          </cell>
          <cell r="AN2603" t="str">
            <v>MDO C&amp;M</v>
          </cell>
          <cell r="AO2603" t="str">
            <v>MDO INDIANA NORTH C&amp;M</v>
          </cell>
        </row>
        <row r="2604">
          <cell r="F2604">
            <v>75115</v>
          </cell>
          <cell r="Z2604" t="str">
            <v>LOADSWCH</v>
          </cell>
          <cell r="AN2604" t="str">
            <v>MDO C&amp;M</v>
          </cell>
          <cell r="AO2604" t="str">
            <v>MDO INDIANA NORTH C&amp;M</v>
          </cell>
        </row>
        <row r="2605">
          <cell r="F2605">
            <v>75115</v>
          </cell>
          <cell r="Z2605" t="str">
            <v>LOADSWCH</v>
          </cell>
          <cell r="AN2605" t="str">
            <v>MDO C&amp;M</v>
          </cell>
          <cell r="AO2605" t="str">
            <v>MDO INDIANA NORTH C&amp;M</v>
          </cell>
        </row>
        <row r="2606">
          <cell r="F2606">
            <v>75115</v>
          </cell>
          <cell r="Z2606" t="str">
            <v>LOADSWCH</v>
          </cell>
          <cell r="AN2606" t="str">
            <v>MDO C&amp;M</v>
          </cell>
          <cell r="AO2606" t="str">
            <v>MDO INDIANA NORTH C&amp;M</v>
          </cell>
        </row>
        <row r="2607">
          <cell r="F2607">
            <v>75115</v>
          </cell>
          <cell r="Z2607" t="str">
            <v>LOADSWCH</v>
          </cell>
          <cell r="AN2607" t="str">
            <v>MDO C&amp;M</v>
          </cell>
          <cell r="AO2607" t="str">
            <v>MDO INDIANA NORTH C&amp;M</v>
          </cell>
        </row>
        <row r="2608">
          <cell r="F2608">
            <v>75115</v>
          </cell>
          <cell r="Z2608" t="str">
            <v>LOADSWCH</v>
          </cell>
          <cell r="AN2608" t="str">
            <v>MDO C&amp;M</v>
          </cell>
          <cell r="AO2608" t="str">
            <v>MDO INDIANA NORTH C&amp;M</v>
          </cell>
        </row>
        <row r="2609">
          <cell r="F2609">
            <v>75115</v>
          </cell>
          <cell r="Z2609" t="str">
            <v>LOADSWCH</v>
          </cell>
          <cell r="AN2609" t="str">
            <v>MDO C&amp;M</v>
          </cell>
          <cell r="AO2609" t="str">
            <v>MDO INDIANA NORTH C&amp;M</v>
          </cell>
        </row>
        <row r="2610">
          <cell r="F2610">
            <v>75115</v>
          </cell>
          <cell r="Z2610" t="str">
            <v>LOADSWCH</v>
          </cell>
          <cell r="AN2610" t="str">
            <v>MDO C&amp;M</v>
          </cell>
          <cell r="AO2610" t="str">
            <v>MDO INDIANA NORTH C&amp;M</v>
          </cell>
        </row>
        <row r="2611">
          <cell r="F2611">
            <v>75115</v>
          </cell>
          <cell r="Z2611" t="str">
            <v>LOADSWCH</v>
          </cell>
          <cell r="AN2611" t="str">
            <v>MDO C&amp;M</v>
          </cell>
          <cell r="AO2611" t="str">
            <v>MDO INDIANA NORTH C&amp;M</v>
          </cell>
        </row>
        <row r="2612">
          <cell r="F2612">
            <v>75115</v>
          </cell>
          <cell r="Z2612" t="str">
            <v>LOADSWCH</v>
          </cell>
          <cell r="AN2612" t="str">
            <v>MDO C&amp;M</v>
          </cell>
          <cell r="AO2612" t="str">
            <v>MDO INDIANA NORTH C&amp;M</v>
          </cell>
        </row>
        <row r="2613">
          <cell r="F2613">
            <v>75115</v>
          </cell>
          <cell r="Z2613" t="str">
            <v>LOADSWCH</v>
          </cell>
          <cell r="AN2613" t="str">
            <v>MDO C&amp;M</v>
          </cell>
          <cell r="AO2613" t="str">
            <v>MDO INDIANA NORTH C&amp;M</v>
          </cell>
        </row>
        <row r="2614">
          <cell r="F2614">
            <v>75115</v>
          </cell>
          <cell r="Z2614" t="str">
            <v>LOADSWCH</v>
          </cell>
          <cell r="AN2614" t="str">
            <v>MDO C&amp;M</v>
          </cell>
          <cell r="AO2614" t="str">
            <v>MDO INDIANA NORTH C&amp;M</v>
          </cell>
        </row>
        <row r="2615">
          <cell r="F2615">
            <v>75115</v>
          </cell>
          <cell r="Z2615" t="str">
            <v>LOADSWCH</v>
          </cell>
          <cell r="AN2615" t="str">
            <v>MDO C&amp;M</v>
          </cell>
          <cell r="AO2615" t="str">
            <v>MDO INDIANA NORTH C&amp;M</v>
          </cell>
        </row>
        <row r="2616">
          <cell r="F2616">
            <v>75115</v>
          </cell>
          <cell r="Z2616" t="str">
            <v>LOADSWCH</v>
          </cell>
          <cell r="AN2616" t="str">
            <v>MDO C&amp;M</v>
          </cell>
          <cell r="AO2616" t="str">
            <v>MDO INDIANA NORTH C&amp;M</v>
          </cell>
        </row>
        <row r="2617">
          <cell r="F2617">
            <v>75115</v>
          </cell>
          <cell r="Z2617" t="str">
            <v>LOADSWCH</v>
          </cell>
          <cell r="AN2617" t="str">
            <v>MDO C&amp;M</v>
          </cell>
          <cell r="AO2617" t="str">
            <v>MDO INDIANA NORTH C&amp;M</v>
          </cell>
        </row>
        <row r="2618">
          <cell r="F2618">
            <v>75115</v>
          </cell>
          <cell r="Z2618" t="str">
            <v>LOADSWCH</v>
          </cell>
          <cell r="AN2618" t="str">
            <v>MDO C&amp;M</v>
          </cell>
          <cell r="AO2618" t="str">
            <v>MDO INDIANA NORTH C&amp;M</v>
          </cell>
        </row>
        <row r="2619">
          <cell r="F2619">
            <v>75115</v>
          </cell>
          <cell r="Z2619" t="str">
            <v>LOADSWCH</v>
          </cell>
          <cell r="AN2619" t="str">
            <v>MDO C&amp;M</v>
          </cell>
          <cell r="AO2619" t="str">
            <v>MDO INDIANA NORTH C&amp;M</v>
          </cell>
        </row>
        <row r="2620">
          <cell r="F2620">
            <v>75115</v>
          </cell>
          <cell r="Z2620" t="str">
            <v>LOADSWCH</v>
          </cell>
          <cell r="AN2620" t="str">
            <v>MDO C&amp;M</v>
          </cell>
          <cell r="AO2620" t="str">
            <v>MDO INDIANA NORTH C&amp;M</v>
          </cell>
        </row>
        <row r="2621">
          <cell r="F2621">
            <v>75115</v>
          </cell>
          <cell r="Z2621" t="str">
            <v>LOADSWCH</v>
          </cell>
          <cell r="AN2621" t="str">
            <v>MDO C&amp;M</v>
          </cell>
          <cell r="AO2621" t="str">
            <v>MDO INDIANA NORTH C&amp;M</v>
          </cell>
        </row>
        <row r="2622">
          <cell r="F2622">
            <v>75115</v>
          </cell>
          <cell r="Z2622" t="str">
            <v>LOADSWCH</v>
          </cell>
          <cell r="AN2622" t="str">
            <v>MDO C&amp;M</v>
          </cell>
          <cell r="AO2622" t="str">
            <v>MDO INDIANA NORTH C&amp;M</v>
          </cell>
        </row>
        <row r="2623">
          <cell r="F2623">
            <v>75115</v>
          </cell>
          <cell r="Z2623" t="str">
            <v>LOADSWCH</v>
          </cell>
          <cell r="AN2623" t="str">
            <v>MDO C&amp;M</v>
          </cell>
          <cell r="AO2623" t="str">
            <v>MDO INDIANA NORTH C&amp;M</v>
          </cell>
        </row>
        <row r="2624">
          <cell r="F2624">
            <v>75115</v>
          </cell>
          <cell r="Z2624" t="str">
            <v>LOADSWCH</v>
          </cell>
          <cell r="AN2624" t="str">
            <v>MDO C&amp;M</v>
          </cell>
          <cell r="AO2624" t="str">
            <v>MDO INDIANA NORTH C&amp;M</v>
          </cell>
        </row>
        <row r="2625">
          <cell r="F2625">
            <v>75115</v>
          </cell>
          <cell r="Z2625" t="str">
            <v>LOADSWCH</v>
          </cell>
          <cell r="AN2625" t="str">
            <v>MDO C&amp;M</v>
          </cell>
          <cell r="AO2625" t="str">
            <v>MDO INDIANA NORTH C&amp;M</v>
          </cell>
        </row>
        <row r="2626">
          <cell r="F2626">
            <v>75115</v>
          </cell>
          <cell r="Z2626" t="str">
            <v>LOADSWCH</v>
          </cell>
          <cell r="AN2626" t="str">
            <v>MDO C&amp;M</v>
          </cell>
          <cell r="AO2626" t="str">
            <v>MDO INDIANA NORTH C&amp;M</v>
          </cell>
        </row>
        <row r="2627">
          <cell r="F2627">
            <v>75115</v>
          </cell>
          <cell r="Z2627" t="str">
            <v>LOADSWCH</v>
          </cell>
          <cell r="AN2627" t="str">
            <v>MDO C&amp;M</v>
          </cell>
          <cell r="AO2627" t="str">
            <v>MDO INDIANA NORTH C&amp;M</v>
          </cell>
        </row>
        <row r="2628">
          <cell r="F2628">
            <v>75115</v>
          </cell>
          <cell r="Z2628" t="str">
            <v>LOADSWCH</v>
          </cell>
          <cell r="AN2628" t="str">
            <v>MDO C&amp;M</v>
          </cell>
          <cell r="AO2628" t="str">
            <v>MDO INDIANA NORTH C&amp;M</v>
          </cell>
        </row>
        <row r="2629">
          <cell r="F2629">
            <v>75115</v>
          </cell>
          <cell r="Z2629" t="str">
            <v>LOADSWCH</v>
          </cell>
          <cell r="AN2629" t="str">
            <v>MDO C&amp;M</v>
          </cell>
          <cell r="AO2629" t="str">
            <v>MDO INDIANA NORTH C&amp;M</v>
          </cell>
        </row>
        <row r="2630">
          <cell r="F2630">
            <v>75115</v>
          </cell>
          <cell r="Z2630" t="str">
            <v>LOADSWCH</v>
          </cell>
          <cell r="AN2630" t="str">
            <v>MDO C&amp;M</v>
          </cell>
          <cell r="AO2630" t="str">
            <v>MDO INDIANA NORTH C&amp;M</v>
          </cell>
        </row>
        <row r="2631">
          <cell r="F2631">
            <v>75115</v>
          </cell>
          <cell r="Z2631" t="str">
            <v>LOADSWCH</v>
          </cell>
          <cell r="AN2631" t="str">
            <v>MDO C&amp;M</v>
          </cell>
          <cell r="AO2631" t="str">
            <v>MDO INDIANA NORTH C&amp;M</v>
          </cell>
        </row>
        <row r="2632">
          <cell r="F2632">
            <v>75115</v>
          </cell>
          <cell r="Z2632" t="str">
            <v>LOADSWCH</v>
          </cell>
          <cell r="AN2632" t="str">
            <v>MDO C&amp;M</v>
          </cell>
          <cell r="AO2632" t="str">
            <v>MDO INDIANA NORTH C&amp;M</v>
          </cell>
        </row>
        <row r="2633">
          <cell r="F2633">
            <v>75115</v>
          </cell>
          <cell r="Z2633" t="str">
            <v>LOADSWCH</v>
          </cell>
          <cell r="AN2633" t="str">
            <v>MDO C&amp;M</v>
          </cell>
          <cell r="AO2633" t="str">
            <v>MDO INDIANA NORTH C&amp;M</v>
          </cell>
        </row>
        <row r="2634">
          <cell r="F2634">
            <v>75115</v>
          </cell>
          <cell r="Z2634" t="str">
            <v>LOADSWCH</v>
          </cell>
          <cell r="AN2634" t="str">
            <v>MDO C&amp;M</v>
          </cell>
          <cell r="AO2634" t="str">
            <v>MDO INDIANA NORTH C&amp;M</v>
          </cell>
        </row>
        <row r="2635">
          <cell r="F2635">
            <v>75115</v>
          </cell>
          <cell r="Z2635" t="str">
            <v>LOADSWCH</v>
          </cell>
          <cell r="AN2635" t="str">
            <v>MDO C&amp;M</v>
          </cell>
          <cell r="AO2635" t="str">
            <v>MDO INDIANA NORTH C&amp;M</v>
          </cell>
        </row>
        <row r="2636">
          <cell r="F2636">
            <v>75115</v>
          </cell>
          <cell r="Z2636" t="str">
            <v>LOADSWCH</v>
          </cell>
          <cell r="AN2636" t="str">
            <v>MDO C&amp;M</v>
          </cell>
          <cell r="AO2636" t="str">
            <v>MDO INDIANA NORTH C&amp;M</v>
          </cell>
        </row>
        <row r="2637">
          <cell r="F2637">
            <v>75115</v>
          </cell>
          <cell r="Z2637" t="str">
            <v>LOADSWCH</v>
          </cell>
          <cell r="AN2637" t="str">
            <v>MDO C&amp;M</v>
          </cell>
          <cell r="AO2637" t="str">
            <v>MDO INDIANA NORTH C&amp;M</v>
          </cell>
        </row>
        <row r="2638">
          <cell r="F2638">
            <v>75115</v>
          </cell>
          <cell r="Z2638" t="str">
            <v>LOADSWCH</v>
          </cell>
          <cell r="AN2638" t="str">
            <v>MDO C&amp;M</v>
          </cell>
          <cell r="AO2638" t="str">
            <v>MDO INDIANA NORTH C&amp;M</v>
          </cell>
        </row>
        <row r="2639">
          <cell r="F2639">
            <v>75115</v>
          </cell>
          <cell r="Z2639" t="str">
            <v>LOADSWCH</v>
          </cell>
          <cell r="AN2639" t="str">
            <v>MDO C&amp;M</v>
          </cell>
          <cell r="AO2639" t="str">
            <v>MDO INDIANA NORTH C&amp;M</v>
          </cell>
        </row>
        <row r="2640">
          <cell r="F2640">
            <v>75115</v>
          </cell>
          <cell r="Z2640" t="str">
            <v>LOADSWCH</v>
          </cell>
          <cell r="AN2640" t="str">
            <v>MDO C&amp;M</v>
          </cell>
          <cell r="AO2640" t="str">
            <v>MDO INDIANA NORTH C&amp;M</v>
          </cell>
        </row>
        <row r="2641">
          <cell r="F2641">
            <v>75115</v>
          </cell>
          <cell r="Z2641" t="str">
            <v>LOADSWCH</v>
          </cell>
          <cell r="AN2641" t="str">
            <v>MDO C&amp;M</v>
          </cell>
          <cell r="AO2641" t="str">
            <v>MDO INDIANA NORTH C&amp;M</v>
          </cell>
        </row>
        <row r="2642">
          <cell r="F2642">
            <v>75115</v>
          </cell>
          <cell r="Z2642" t="str">
            <v>LOADSWCH</v>
          </cell>
          <cell r="AN2642" t="str">
            <v>MDO C&amp;M</v>
          </cell>
          <cell r="AO2642" t="str">
            <v>MDO INDIANA NORTH C&amp;M</v>
          </cell>
        </row>
        <row r="2643">
          <cell r="F2643">
            <v>75115</v>
          </cell>
          <cell r="Z2643" t="str">
            <v>LOADSWCH</v>
          </cell>
          <cell r="AN2643" t="str">
            <v>MDO C&amp;M</v>
          </cell>
          <cell r="AO2643" t="str">
            <v>MDO INDIANA NORTH C&amp;M</v>
          </cell>
        </row>
        <row r="2644">
          <cell r="F2644">
            <v>75115</v>
          </cell>
          <cell r="Z2644" t="str">
            <v>LOADSWCH</v>
          </cell>
          <cell r="AN2644" t="str">
            <v>MDO C&amp;M</v>
          </cell>
          <cell r="AO2644" t="str">
            <v>MDO INDIANA NORTH C&amp;M</v>
          </cell>
        </row>
        <row r="2645">
          <cell r="F2645">
            <v>75115</v>
          </cell>
          <cell r="Z2645" t="str">
            <v>LOADSWCH</v>
          </cell>
          <cell r="AN2645" t="str">
            <v>MDO C&amp;M</v>
          </cell>
          <cell r="AO2645" t="str">
            <v>MDO INDIANA NORTH C&amp;M</v>
          </cell>
        </row>
        <row r="2646">
          <cell r="F2646">
            <v>75115</v>
          </cell>
          <cell r="Z2646" t="str">
            <v>LOADSWCH</v>
          </cell>
          <cell r="AN2646" t="str">
            <v>MDO C&amp;M</v>
          </cell>
          <cell r="AO2646" t="str">
            <v>MDO INDIANA NORTH C&amp;M</v>
          </cell>
        </row>
        <row r="2647">
          <cell r="F2647">
            <v>75115</v>
          </cell>
          <cell r="Z2647" t="str">
            <v>LOADSWCH</v>
          </cell>
          <cell r="AN2647" t="str">
            <v>MDO C&amp;M</v>
          </cell>
          <cell r="AO2647" t="str">
            <v>MDO INDIANA NORTH C&amp;M</v>
          </cell>
        </row>
        <row r="2648">
          <cell r="F2648">
            <v>75115</v>
          </cell>
          <cell r="Z2648" t="str">
            <v>LOADSWCH</v>
          </cell>
          <cell r="AN2648" t="str">
            <v>MDO C&amp;M</v>
          </cell>
          <cell r="AO2648" t="str">
            <v>MDO INDIANA NORTH C&amp;M</v>
          </cell>
        </row>
        <row r="2649">
          <cell r="F2649">
            <v>75115</v>
          </cell>
          <cell r="Z2649" t="str">
            <v>LOADSWCH</v>
          </cell>
          <cell r="AN2649" t="str">
            <v>MDO C&amp;M</v>
          </cell>
          <cell r="AO2649" t="str">
            <v>MDO INDIANA NORTH C&amp;M</v>
          </cell>
        </row>
        <row r="2650">
          <cell r="F2650">
            <v>75115</v>
          </cell>
          <cell r="Z2650" t="str">
            <v>LOADSWCH</v>
          </cell>
          <cell r="AN2650" t="str">
            <v>MDO C&amp;M</v>
          </cell>
          <cell r="AO2650" t="str">
            <v>MDO INDIANA NORTH C&amp;M</v>
          </cell>
        </row>
        <row r="2651">
          <cell r="F2651">
            <v>75115</v>
          </cell>
          <cell r="Z2651" t="str">
            <v>LOADSWCH</v>
          </cell>
          <cell r="AN2651" t="str">
            <v>MDO C&amp;M</v>
          </cell>
          <cell r="AO2651" t="str">
            <v>MDO INDIANA NORTH C&amp;M</v>
          </cell>
        </row>
        <row r="2652">
          <cell r="F2652">
            <v>75115</v>
          </cell>
          <cell r="Z2652" t="str">
            <v>LOADSWCH</v>
          </cell>
          <cell r="AN2652" t="str">
            <v>MDO C&amp;M</v>
          </cell>
          <cell r="AO2652" t="str">
            <v>MDO INDIANA NORTH C&amp;M</v>
          </cell>
        </row>
        <row r="2653">
          <cell r="F2653">
            <v>75115</v>
          </cell>
          <cell r="Z2653" t="str">
            <v>LOADSWCH</v>
          </cell>
          <cell r="AN2653" t="str">
            <v>MDO C&amp;M</v>
          </cell>
          <cell r="AO2653" t="str">
            <v>MDO INDIANA NORTH C&amp;M</v>
          </cell>
        </row>
        <row r="2654">
          <cell r="F2654">
            <v>75115</v>
          </cell>
          <cell r="Z2654" t="str">
            <v>LOADSWCH</v>
          </cell>
          <cell r="AN2654" t="str">
            <v>MDO C&amp;M</v>
          </cell>
          <cell r="AO2654" t="str">
            <v>MDO INDIANA NORTH C&amp;M</v>
          </cell>
        </row>
        <row r="2655">
          <cell r="F2655">
            <v>75115</v>
          </cell>
          <cell r="Z2655" t="str">
            <v>LOADSWCH</v>
          </cell>
          <cell r="AN2655" t="str">
            <v>MDO C&amp;M</v>
          </cell>
          <cell r="AO2655" t="str">
            <v>MDO INDIANA NORTH C&amp;M</v>
          </cell>
        </row>
        <row r="2656">
          <cell r="F2656">
            <v>75115</v>
          </cell>
          <cell r="Z2656" t="str">
            <v>LOADSWCH</v>
          </cell>
          <cell r="AN2656" t="str">
            <v>MDO C&amp;M</v>
          </cell>
          <cell r="AO2656" t="str">
            <v>MDO INDIANA NORTH C&amp;M</v>
          </cell>
        </row>
        <row r="2657">
          <cell r="F2657">
            <v>75115</v>
          </cell>
          <cell r="Z2657" t="str">
            <v>LOADSWCH</v>
          </cell>
          <cell r="AN2657" t="str">
            <v>MDO C&amp;M</v>
          </cell>
          <cell r="AO2657" t="str">
            <v>MDO INDIANA NORTH C&amp;M</v>
          </cell>
        </row>
        <row r="2658">
          <cell r="F2658">
            <v>75115</v>
          </cell>
          <cell r="Z2658" t="str">
            <v>LOADSWCH</v>
          </cell>
          <cell r="AN2658" t="str">
            <v>MDO C&amp;M</v>
          </cell>
          <cell r="AO2658" t="str">
            <v>MDO INDIANA NORTH C&amp;M</v>
          </cell>
        </row>
        <row r="2659">
          <cell r="F2659">
            <v>75115</v>
          </cell>
          <cell r="Z2659" t="str">
            <v>LOADSWCH</v>
          </cell>
          <cell r="AN2659" t="str">
            <v>MDO C&amp;M</v>
          </cell>
          <cell r="AO2659" t="str">
            <v>MDO INDIANA NORTH C&amp;M</v>
          </cell>
        </row>
        <row r="2660">
          <cell r="F2660">
            <v>75115</v>
          </cell>
          <cell r="Z2660" t="str">
            <v>LOADSWCH</v>
          </cell>
          <cell r="AN2660" t="str">
            <v>MDO C&amp;M</v>
          </cell>
          <cell r="AO2660" t="str">
            <v>MDO INDIANA NORTH C&amp;M</v>
          </cell>
        </row>
        <row r="2661">
          <cell r="F2661">
            <v>75115</v>
          </cell>
          <cell r="Z2661" t="str">
            <v>LOADSWCH</v>
          </cell>
          <cell r="AN2661" t="str">
            <v>MDO C&amp;M</v>
          </cell>
          <cell r="AO2661" t="str">
            <v>MDO INDIANA NORTH C&amp;M</v>
          </cell>
        </row>
        <row r="2662">
          <cell r="F2662">
            <v>75115</v>
          </cell>
          <cell r="Z2662" t="str">
            <v>LOADSWCH</v>
          </cell>
          <cell r="AN2662" t="str">
            <v>MDO C&amp;M</v>
          </cell>
          <cell r="AO2662" t="str">
            <v>MDO INDIANA NORTH C&amp;M</v>
          </cell>
        </row>
        <row r="2663">
          <cell r="F2663">
            <v>75115</v>
          </cell>
          <cell r="Z2663" t="str">
            <v>LOADSWCH</v>
          </cell>
          <cell r="AN2663" t="str">
            <v>MDO C&amp;M</v>
          </cell>
          <cell r="AO2663" t="str">
            <v>MDO INDIANA NORTH C&amp;M</v>
          </cell>
        </row>
        <row r="2664">
          <cell r="F2664">
            <v>75115</v>
          </cell>
          <cell r="Z2664" t="str">
            <v>LOADSWCH</v>
          </cell>
          <cell r="AN2664" t="str">
            <v>MDO C&amp;M</v>
          </cell>
          <cell r="AO2664" t="str">
            <v>MDO INDIANA NORTH C&amp;M</v>
          </cell>
        </row>
        <row r="2665">
          <cell r="F2665">
            <v>75023</v>
          </cell>
          <cell r="Z2665" t="str">
            <v>RECOM</v>
          </cell>
          <cell r="AN2665" t="str">
            <v>MDO C&amp;M</v>
          </cell>
          <cell r="AO2665" t="str">
            <v>MDO OH/KEN C&amp;M</v>
          </cell>
        </row>
        <row r="2666">
          <cell r="F2666">
            <v>75023</v>
          </cell>
          <cell r="Z2666" t="str">
            <v>RECOM</v>
          </cell>
          <cell r="AN2666" t="str">
            <v>MDO C&amp;M</v>
          </cell>
          <cell r="AO2666" t="str">
            <v>MDO OH/KEN C&amp;M</v>
          </cell>
        </row>
        <row r="2667">
          <cell r="F2667">
            <v>75023</v>
          </cell>
          <cell r="Z2667" t="str">
            <v>RECOM</v>
          </cell>
          <cell r="AN2667" t="str">
            <v>MDO C&amp;M</v>
          </cell>
          <cell r="AO2667" t="str">
            <v>MDO OH/KEN C&amp;M</v>
          </cell>
        </row>
        <row r="2668">
          <cell r="F2668">
            <v>75023</v>
          </cell>
          <cell r="Z2668" t="str">
            <v>RECOM</v>
          </cell>
          <cell r="AN2668" t="str">
            <v>MDO C&amp;M</v>
          </cell>
          <cell r="AO2668" t="str">
            <v>MDO OH/KEN C&amp;M</v>
          </cell>
        </row>
        <row r="2669">
          <cell r="F2669">
            <v>75023</v>
          </cell>
          <cell r="Z2669" t="str">
            <v>RECOM</v>
          </cell>
          <cell r="AN2669" t="str">
            <v>MDO C&amp;M</v>
          </cell>
          <cell r="AO2669" t="str">
            <v>MDO OH/KEN C&amp;M</v>
          </cell>
        </row>
        <row r="2670">
          <cell r="F2670">
            <v>75023</v>
          </cell>
          <cell r="Z2670" t="str">
            <v>RECOM</v>
          </cell>
          <cell r="AN2670" t="str">
            <v>MDO C&amp;M</v>
          </cell>
          <cell r="AO2670" t="str">
            <v>MDO OH/KEN C&amp;M</v>
          </cell>
        </row>
        <row r="2671">
          <cell r="F2671">
            <v>75023</v>
          </cell>
          <cell r="Z2671" t="str">
            <v>RECOM</v>
          </cell>
          <cell r="AN2671" t="str">
            <v>MDO C&amp;M</v>
          </cell>
          <cell r="AO2671" t="str">
            <v>MDO OH/KEN C&amp;M</v>
          </cell>
        </row>
        <row r="2672">
          <cell r="F2672">
            <v>75023</v>
          </cell>
          <cell r="Z2672" t="str">
            <v>RECOM</v>
          </cell>
          <cell r="AN2672" t="str">
            <v>MDO C&amp;M</v>
          </cell>
          <cell r="AO2672" t="str">
            <v>MDO OH/KEN C&amp;M</v>
          </cell>
        </row>
        <row r="2673">
          <cell r="F2673">
            <v>75023</v>
          </cell>
          <cell r="Z2673" t="str">
            <v>RECOM</v>
          </cell>
          <cell r="AN2673" t="str">
            <v>MDO C&amp;M</v>
          </cell>
          <cell r="AO2673" t="str">
            <v>MDO OH/KEN C&amp;M</v>
          </cell>
        </row>
        <row r="2674">
          <cell r="F2674">
            <v>75023</v>
          </cell>
          <cell r="Z2674" t="str">
            <v>RECOM</v>
          </cell>
          <cell r="AN2674" t="str">
            <v>MDO C&amp;M</v>
          </cell>
          <cell r="AO2674" t="str">
            <v>MDO OH/KEN C&amp;M</v>
          </cell>
        </row>
        <row r="2675">
          <cell r="F2675">
            <v>75023</v>
          </cell>
          <cell r="Z2675" t="str">
            <v>RECOM</v>
          </cell>
          <cell r="AN2675" t="str">
            <v>MDO C&amp;M</v>
          </cell>
          <cell r="AO2675" t="str">
            <v>MDO OH/KEN C&amp;M</v>
          </cell>
        </row>
        <row r="2676">
          <cell r="F2676">
            <v>75023</v>
          </cell>
          <cell r="Z2676" t="str">
            <v>RECOM</v>
          </cell>
          <cell r="AN2676" t="str">
            <v>MDO C&amp;M</v>
          </cell>
          <cell r="AO2676" t="str">
            <v>MDO OH/KEN C&amp;M</v>
          </cell>
        </row>
        <row r="2677">
          <cell r="F2677">
            <v>75023</v>
          </cell>
          <cell r="Z2677" t="str">
            <v>RECOM</v>
          </cell>
          <cell r="AN2677" t="str">
            <v>MDO C&amp;M</v>
          </cell>
          <cell r="AO2677" t="str">
            <v>MDO OH/KEN C&amp;M</v>
          </cell>
        </row>
        <row r="2678">
          <cell r="F2678">
            <v>75023</v>
          </cell>
          <cell r="Z2678" t="str">
            <v>RECOM</v>
          </cell>
          <cell r="AN2678" t="str">
            <v>MDO C&amp;M</v>
          </cell>
          <cell r="AO2678" t="str">
            <v>MDO OH/KEN C&amp;M</v>
          </cell>
        </row>
        <row r="2679">
          <cell r="F2679">
            <v>75023</v>
          </cell>
          <cell r="Z2679" t="str">
            <v>RECOM</v>
          </cell>
          <cell r="AN2679" t="str">
            <v>MDO C&amp;M</v>
          </cell>
          <cell r="AO2679" t="str">
            <v>MDO OH/KEN C&amp;M</v>
          </cell>
        </row>
        <row r="2680">
          <cell r="F2680">
            <v>75023</v>
          </cell>
          <cell r="Z2680" t="str">
            <v>RECOM</v>
          </cell>
          <cell r="AN2680" t="str">
            <v>MDO C&amp;M</v>
          </cell>
          <cell r="AO2680" t="str">
            <v>MDO OH/KEN C&amp;M</v>
          </cell>
        </row>
        <row r="2681">
          <cell r="F2681">
            <v>75023</v>
          </cell>
          <cell r="Z2681" t="str">
            <v>RECOM</v>
          </cell>
          <cell r="AN2681" t="str">
            <v>MDO C&amp;M</v>
          </cell>
          <cell r="AO2681" t="str">
            <v>MDO OH/KEN C&amp;M</v>
          </cell>
        </row>
        <row r="2682">
          <cell r="F2682">
            <v>75023</v>
          </cell>
          <cell r="Z2682" t="str">
            <v>RECOM</v>
          </cell>
          <cell r="AN2682" t="str">
            <v>MDO C&amp;M</v>
          </cell>
          <cell r="AO2682" t="str">
            <v>MDO OH/KEN C&amp;M</v>
          </cell>
        </row>
        <row r="2683">
          <cell r="F2683">
            <v>75023</v>
          </cell>
          <cell r="Z2683" t="str">
            <v>RECOM</v>
          </cell>
          <cell r="AN2683" t="str">
            <v>MDO C&amp;M</v>
          </cell>
          <cell r="AO2683" t="str">
            <v>MDO OH/KEN C&amp;M</v>
          </cell>
        </row>
        <row r="2684">
          <cell r="F2684">
            <v>75023</v>
          </cell>
          <cell r="Z2684" t="str">
            <v>RECOM</v>
          </cell>
          <cell r="AN2684" t="str">
            <v>MDO C&amp;M</v>
          </cell>
          <cell r="AO2684" t="str">
            <v>MDO OH/KEN C&amp;M</v>
          </cell>
        </row>
        <row r="2685">
          <cell r="F2685">
            <v>75023</v>
          </cell>
          <cell r="Z2685" t="str">
            <v>RECOM</v>
          </cell>
          <cell r="AN2685" t="str">
            <v>MDO C&amp;M</v>
          </cell>
          <cell r="AO2685" t="str">
            <v>MDO OH/KEN C&amp;M</v>
          </cell>
        </row>
        <row r="2686">
          <cell r="F2686">
            <v>75023</v>
          </cell>
          <cell r="Z2686" t="str">
            <v>RECOM</v>
          </cell>
          <cell r="AN2686" t="str">
            <v>MDO C&amp;M</v>
          </cell>
          <cell r="AO2686" t="str">
            <v>MDO OH/KEN C&amp;M</v>
          </cell>
        </row>
        <row r="2687">
          <cell r="F2687">
            <v>75023</v>
          </cell>
          <cell r="Z2687" t="str">
            <v>RECOM</v>
          </cell>
          <cell r="AN2687" t="str">
            <v>MDO C&amp;M</v>
          </cell>
          <cell r="AO2687" t="str">
            <v>MDO OH/KEN C&amp;M</v>
          </cell>
        </row>
        <row r="2688">
          <cell r="F2688">
            <v>75023</v>
          </cell>
          <cell r="Z2688" t="str">
            <v>RECOM</v>
          </cell>
          <cell r="AN2688" t="str">
            <v>MDO C&amp;M</v>
          </cell>
          <cell r="AO2688" t="str">
            <v>MDO OH/KEN C&amp;M</v>
          </cell>
        </row>
        <row r="2689">
          <cell r="F2689">
            <v>75023</v>
          </cell>
          <cell r="Z2689" t="str">
            <v>RECOM</v>
          </cell>
          <cell r="AN2689" t="str">
            <v>MDO C&amp;M</v>
          </cell>
          <cell r="AO2689" t="str">
            <v>MDO OH/KEN C&amp;M</v>
          </cell>
        </row>
        <row r="2690">
          <cell r="F2690">
            <v>75023</v>
          </cell>
          <cell r="Z2690" t="str">
            <v>RECOM</v>
          </cell>
          <cell r="AN2690" t="str">
            <v>MDO C&amp;M</v>
          </cell>
          <cell r="AO2690" t="str">
            <v>MDO OH/KEN C&amp;M</v>
          </cell>
        </row>
        <row r="2691">
          <cell r="F2691">
            <v>75023</v>
          </cell>
          <cell r="Z2691" t="str">
            <v>RECOM</v>
          </cell>
          <cell r="AN2691" t="str">
            <v>MDO C&amp;M</v>
          </cell>
          <cell r="AO2691" t="str">
            <v>MDO OH/KEN C&amp;M</v>
          </cell>
        </row>
        <row r="2692">
          <cell r="F2692">
            <v>75023</v>
          </cell>
          <cell r="Z2692" t="str">
            <v>RECOM</v>
          </cell>
          <cell r="AN2692" t="str">
            <v>MDO C&amp;M</v>
          </cell>
          <cell r="AO2692" t="str">
            <v>MDO OH/KEN C&amp;M</v>
          </cell>
        </row>
        <row r="2693">
          <cell r="F2693">
            <v>75023</v>
          </cell>
          <cell r="Z2693" t="str">
            <v>RECOM</v>
          </cell>
          <cell r="AN2693" t="str">
            <v>MDO C&amp;M</v>
          </cell>
          <cell r="AO2693" t="str">
            <v>MDO OH/KEN C&amp;M</v>
          </cell>
        </row>
        <row r="2694">
          <cell r="F2694">
            <v>75023</v>
          </cell>
          <cell r="Z2694" t="str">
            <v>RECOM</v>
          </cell>
          <cell r="AN2694" t="str">
            <v>MDO C&amp;M</v>
          </cell>
          <cell r="AO2694" t="str">
            <v>MDO OH/KEN C&amp;M</v>
          </cell>
        </row>
        <row r="2695">
          <cell r="F2695">
            <v>75023</v>
          </cell>
          <cell r="Z2695" t="str">
            <v>RECOM</v>
          </cell>
          <cell r="AN2695" t="str">
            <v>MDO C&amp;M</v>
          </cell>
          <cell r="AO2695" t="str">
            <v>MDO OH/KEN C&amp;M</v>
          </cell>
        </row>
        <row r="2696">
          <cell r="F2696">
            <v>75023</v>
          </cell>
          <cell r="Z2696" t="str">
            <v>RECOM</v>
          </cell>
          <cell r="AN2696" t="str">
            <v>MDO C&amp;M</v>
          </cell>
          <cell r="AO2696" t="str">
            <v>MDO OH/KEN C&amp;M</v>
          </cell>
        </row>
        <row r="2697">
          <cell r="F2697">
            <v>75023</v>
          </cell>
          <cell r="Z2697" t="str">
            <v>RECOM</v>
          </cell>
          <cell r="AN2697" t="str">
            <v>MDO C&amp;M</v>
          </cell>
          <cell r="AO2697" t="str">
            <v>MDO OH/KEN C&amp;M</v>
          </cell>
        </row>
        <row r="2698">
          <cell r="F2698">
            <v>75023</v>
          </cell>
          <cell r="Z2698" t="str">
            <v>RECOM</v>
          </cell>
          <cell r="AN2698" t="str">
            <v>MDO C&amp;M</v>
          </cell>
          <cell r="AO2698" t="str">
            <v>MDO OH/KEN C&amp;M</v>
          </cell>
        </row>
        <row r="2699">
          <cell r="F2699">
            <v>75023</v>
          </cell>
          <cell r="Z2699" t="str">
            <v>RECOM</v>
          </cell>
          <cell r="AN2699" t="str">
            <v>MDO C&amp;M</v>
          </cell>
          <cell r="AO2699" t="str">
            <v>MDO OH/KEN C&amp;M</v>
          </cell>
        </row>
        <row r="2700">
          <cell r="F2700">
            <v>75023</v>
          </cell>
          <cell r="Z2700" t="str">
            <v>RECOM</v>
          </cell>
          <cell r="AN2700" t="str">
            <v>MDO C&amp;M</v>
          </cell>
          <cell r="AO2700" t="str">
            <v>MDO OH/KEN C&amp;M</v>
          </cell>
        </row>
        <row r="2701">
          <cell r="F2701">
            <v>75023</v>
          </cell>
          <cell r="Z2701" t="str">
            <v>RECOM</v>
          </cell>
          <cell r="AN2701" t="str">
            <v>MDO C&amp;M</v>
          </cell>
          <cell r="AO2701" t="str">
            <v>MDO OH/KEN C&amp;M</v>
          </cell>
        </row>
        <row r="2702">
          <cell r="F2702">
            <v>75023</v>
          </cell>
          <cell r="Z2702" t="str">
            <v>RECOM</v>
          </cell>
          <cell r="AN2702" t="str">
            <v>MDO C&amp;M</v>
          </cell>
          <cell r="AO2702" t="str">
            <v>MDO OH/KEN C&amp;M</v>
          </cell>
        </row>
        <row r="2703">
          <cell r="F2703">
            <v>75023</v>
          </cell>
          <cell r="Z2703" t="str">
            <v>RECOM</v>
          </cell>
          <cell r="AN2703" t="str">
            <v>MDO C&amp;M</v>
          </cell>
          <cell r="AO2703" t="str">
            <v>MDO OH/KEN C&amp;M</v>
          </cell>
        </row>
        <row r="2704">
          <cell r="F2704">
            <v>75023</v>
          </cell>
          <cell r="Z2704" t="str">
            <v>RECOM</v>
          </cell>
          <cell r="AN2704" t="str">
            <v>MDO C&amp;M</v>
          </cell>
          <cell r="AO2704" t="str">
            <v>MDO OH/KEN C&amp;M</v>
          </cell>
        </row>
        <row r="2705">
          <cell r="F2705">
            <v>75023</v>
          </cell>
          <cell r="Z2705" t="str">
            <v>RECOM</v>
          </cell>
          <cell r="AN2705" t="str">
            <v>MDO C&amp;M</v>
          </cell>
          <cell r="AO2705" t="str">
            <v>MDO OH/KEN C&amp;M</v>
          </cell>
        </row>
        <row r="2706">
          <cell r="F2706">
            <v>75023</v>
          </cell>
          <cell r="Z2706" t="str">
            <v>RECOM</v>
          </cell>
          <cell r="AN2706" t="str">
            <v>MDO C&amp;M</v>
          </cell>
          <cell r="AO2706" t="str">
            <v>MDO OH/KEN C&amp;M</v>
          </cell>
        </row>
        <row r="2707">
          <cell r="F2707">
            <v>75023</v>
          </cell>
          <cell r="Z2707" t="str">
            <v>RECOM</v>
          </cell>
          <cell r="AN2707" t="str">
            <v>MDO C&amp;M</v>
          </cell>
          <cell r="AO2707" t="str">
            <v>MDO OH/KEN C&amp;M</v>
          </cell>
        </row>
        <row r="2708">
          <cell r="F2708">
            <v>75023</v>
          </cell>
          <cell r="Z2708" t="str">
            <v>RECOM</v>
          </cell>
          <cell r="AN2708" t="str">
            <v>MDO C&amp;M</v>
          </cell>
          <cell r="AO2708" t="str">
            <v>MDO OH/KEN C&amp;M</v>
          </cell>
        </row>
        <row r="2709">
          <cell r="F2709">
            <v>75023</v>
          </cell>
          <cell r="Z2709" t="str">
            <v>RECOM</v>
          </cell>
          <cell r="AN2709" t="str">
            <v>MDO C&amp;M</v>
          </cell>
          <cell r="AO2709" t="str">
            <v>MDO OH/KEN C&amp;M</v>
          </cell>
        </row>
        <row r="2710">
          <cell r="F2710">
            <v>75084</v>
          </cell>
          <cell r="Z2710" t="str">
            <v>RECOM</v>
          </cell>
          <cell r="AN2710" t="str">
            <v>MDO C&amp;M</v>
          </cell>
          <cell r="AO2710" t="str">
            <v>MDO OH/KEN C&amp;M</v>
          </cell>
        </row>
        <row r="2711">
          <cell r="F2711">
            <v>75084</v>
          </cell>
          <cell r="Z2711" t="str">
            <v>RECOM</v>
          </cell>
          <cell r="AN2711" t="str">
            <v>MDO C&amp;M</v>
          </cell>
          <cell r="AO2711" t="str">
            <v>MDO OH/KEN C&amp;M</v>
          </cell>
        </row>
        <row r="2712">
          <cell r="F2712">
            <v>75084</v>
          </cell>
          <cell r="Z2712" t="str">
            <v>RECOM</v>
          </cell>
          <cell r="AN2712" t="str">
            <v>MDO C&amp;M</v>
          </cell>
          <cell r="AO2712" t="str">
            <v>MDO OH/KEN C&amp;M</v>
          </cell>
        </row>
        <row r="2713">
          <cell r="F2713">
            <v>75084</v>
          </cell>
          <cell r="Z2713" t="str">
            <v>RECOM</v>
          </cell>
          <cell r="AN2713" t="str">
            <v>MDO C&amp;M</v>
          </cell>
          <cell r="AO2713" t="str">
            <v>MDO OH/KEN C&amp;M</v>
          </cell>
        </row>
        <row r="2714">
          <cell r="F2714">
            <v>75084</v>
          </cell>
          <cell r="Z2714" t="str">
            <v>RECOM</v>
          </cell>
          <cell r="AN2714" t="str">
            <v>MDO C&amp;M</v>
          </cell>
          <cell r="AO2714" t="str">
            <v>MDO OH/KEN C&amp;M</v>
          </cell>
        </row>
        <row r="2715">
          <cell r="F2715">
            <v>75115</v>
          </cell>
          <cell r="Z2715" t="str">
            <v>RECOM</v>
          </cell>
          <cell r="AN2715" t="str">
            <v>MDO C&amp;M</v>
          </cell>
          <cell r="AO2715" t="str">
            <v>MDO INDIANA SOUTHWEST C&amp;M</v>
          </cell>
        </row>
        <row r="2716">
          <cell r="F2716">
            <v>75115</v>
          </cell>
          <cell r="Z2716" t="str">
            <v>RECOM</v>
          </cell>
          <cell r="AN2716" t="str">
            <v>MDO C&amp;M</v>
          </cell>
          <cell r="AO2716" t="str">
            <v>MDO INDIANA SOUTHWEST C&amp;M</v>
          </cell>
        </row>
        <row r="2717">
          <cell r="F2717">
            <v>75115</v>
          </cell>
          <cell r="Z2717" t="str">
            <v>RECOM</v>
          </cell>
          <cell r="AN2717" t="str">
            <v>MDO C&amp;M</v>
          </cell>
          <cell r="AO2717" t="str">
            <v>MDO INDIANA SOUTHWEST C&amp;M</v>
          </cell>
        </row>
        <row r="2718">
          <cell r="F2718">
            <v>75115</v>
          </cell>
          <cell r="Z2718" t="str">
            <v>RECOM</v>
          </cell>
          <cell r="AN2718" t="str">
            <v>MDO C&amp;M</v>
          </cell>
          <cell r="AO2718" t="str">
            <v>MDO INDIANA SOUTHWEST C&amp;M</v>
          </cell>
        </row>
        <row r="2719">
          <cell r="F2719">
            <v>75115</v>
          </cell>
          <cell r="Z2719" t="str">
            <v>RECOM</v>
          </cell>
          <cell r="AN2719" t="str">
            <v>MDO C&amp;M</v>
          </cell>
          <cell r="AO2719" t="str">
            <v>MDO INDIANA SOUTHWEST C&amp;M</v>
          </cell>
        </row>
        <row r="2720">
          <cell r="F2720">
            <v>75115</v>
          </cell>
          <cell r="Z2720" t="str">
            <v>RECOM</v>
          </cell>
          <cell r="AN2720" t="str">
            <v>MDO C&amp;M</v>
          </cell>
          <cell r="AO2720" t="str">
            <v>MDO INDIANA SOUTHWEST C&amp;M</v>
          </cell>
        </row>
        <row r="2721">
          <cell r="F2721">
            <v>75115</v>
          </cell>
          <cell r="Z2721" t="str">
            <v>RECOM</v>
          </cell>
          <cell r="AN2721" t="str">
            <v>MDO C&amp;M</v>
          </cell>
          <cell r="AO2721" t="str">
            <v>MDO INDIANA SOUTHWEST C&amp;M</v>
          </cell>
        </row>
        <row r="2722">
          <cell r="F2722">
            <v>75115</v>
          </cell>
          <cell r="Z2722" t="str">
            <v>RECOM</v>
          </cell>
          <cell r="AN2722" t="str">
            <v>MDO C&amp;M</v>
          </cell>
          <cell r="AO2722" t="str">
            <v>MDO INDIANA SOUTHWEST C&amp;M</v>
          </cell>
        </row>
        <row r="2723">
          <cell r="F2723">
            <v>75115</v>
          </cell>
          <cell r="Z2723" t="str">
            <v>RECOM</v>
          </cell>
          <cell r="AN2723" t="str">
            <v>MDO C&amp;M</v>
          </cell>
          <cell r="AO2723" t="str">
            <v>MDO INDIANA SOUTHWEST C&amp;M</v>
          </cell>
        </row>
        <row r="2724">
          <cell r="F2724">
            <v>75115</v>
          </cell>
          <cell r="Z2724" t="str">
            <v>RECOM</v>
          </cell>
          <cell r="AN2724" t="str">
            <v>MDO C&amp;M</v>
          </cell>
          <cell r="AO2724" t="str">
            <v>MDO INDIANA SOUTHWEST C&amp;M</v>
          </cell>
        </row>
        <row r="2725">
          <cell r="F2725">
            <v>75115</v>
          </cell>
          <cell r="Z2725" t="str">
            <v>RECOM</v>
          </cell>
          <cell r="AN2725" t="str">
            <v>MDO C&amp;M</v>
          </cell>
          <cell r="AO2725" t="str">
            <v>MDO INDIANA SOUTHWEST C&amp;M</v>
          </cell>
        </row>
        <row r="2726">
          <cell r="F2726">
            <v>75115</v>
          </cell>
          <cell r="Z2726" t="str">
            <v>RECOM</v>
          </cell>
          <cell r="AN2726" t="str">
            <v>MDO C&amp;M</v>
          </cell>
          <cell r="AO2726" t="str">
            <v>MDO INDIANA SOUTHWEST C&amp;M</v>
          </cell>
        </row>
        <row r="2727">
          <cell r="F2727">
            <v>75115</v>
          </cell>
          <cell r="Z2727" t="str">
            <v>RECOM</v>
          </cell>
          <cell r="AN2727" t="str">
            <v>MDO C&amp;M</v>
          </cell>
          <cell r="AO2727" t="str">
            <v>MDO INDIANA SOUTHWEST C&amp;M</v>
          </cell>
        </row>
        <row r="2728">
          <cell r="F2728">
            <v>75115</v>
          </cell>
          <cell r="Z2728" t="str">
            <v>RECOM</v>
          </cell>
          <cell r="AN2728" t="str">
            <v>MDO C&amp;M</v>
          </cell>
          <cell r="AO2728" t="str">
            <v>MDO INDIANA SOUTHWEST C&amp;M</v>
          </cell>
        </row>
        <row r="2729">
          <cell r="F2729">
            <v>75115</v>
          </cell>
          <cell r="Z2729" t="str">
            <v>RECOM</v>
          </cell>
          <cell r="AN2729" t="str">
            <v>MDO C&amp;M</v>
          </cell>
          <cell r="AO2729" t="str">
            <v>MDO INDIANA SOUTHWEST C&amp;M</v>
          </cell>
        </row>
        <row r="2730">
          <cell r="F2730">
            <v>75115</v>
          </cell>
          <cell r="Z2730" t="str">
            <v>RECOM</v>
          </cell>
          <cell r="AN2730" t="str">
            <v>MDO C&amp;M</v>
          </cell>
          <cell r="AO2730" t="str">
            <v>MDO INDIANA SOUTHEAST C&amp;M</v>
          </cell>
        </row>
        <row r="2731">
          <cell r="F2731">
            <v>75115</v>
          </cell>
          <cell r="Z2731" t="str">
            <v>RECOM</v>
          </cell>
          <cell r="AN2731" t="str">
            <v>MDO C&amp;M</v>
          </cell>
          <cell r="AO2731" t="str">
            <v>MDO INDIANA SOUTHEAST C&amp;M</v>
          </cell>
        </row>
        <row r="2732">
          <cell r="F2732">
            <v>75115</v>
          </cell>
          <cell r="Z2732" t="str">
            <v>RECOM</v>
          </cell>
          <cell r="AN2732" t="str">
            <v>MDO C&amp;M</v>
          </cell>
          <cell r="AO2732" t="str">
            <v>MDO INDIANA SOUTHEAST C&amp;M</v>
          </cell>
        </row>
        <row r="2733">
          <cell r="F2733">
            <v>75115</v>
          </cell>
          <cell r="Z2733" t="str">
            <v>RECOM</v>
          </cell>
          <cell r="AN2733" t="str">
            <v>MDO C&amp;M</v>
          </cell>
          <cell r="AO2733" t="str">
            <v>MDO INDIANA SOUTHEAST C&amp;M</v>
          </cell>
        </row>
        <row r="2734">
          <cell r="F2734">
            <v>75115</v>
          </cell>
          <cell r="Z2734" t="str">
            <v>RECOM</v>
          </cell>
          <cell r="AN2734" t="str">
            <v>MDO C&amp;M</v>
          </cell>
          <cell r="AO2734" t="str">
            <v>MDO INDIANA SOUTHEAST C&amp;M</v>
          </cell>
        </row>
        <row r="2735">
          <cell r="F2735">
            <v>75115</v>
          </cell>
          <cell r="Z2735" t="str">
            <v>RECOM</v>
          </cell>
          <cell r="AN2735" t="str">
            <v>MDO C&amp;M</v>
          </cell>
          <cell r="AO2735" t="str">
            <v>MDO INDIANA SOUTHEAST C&amp;M</v>
          </cell>
        </row>
        <row r="2736">
          <cell r="F2736">
            <v>75115</v>
          </cell>
          <cell r="Z2736" t="str">
            <v>RECOM</v>
          </cell>
          <cell r="AN2736" t="str">
            <v>MDO C&amp;M</v>
          </cell>
          <cell r="AO2736" t="str">
            <v>MDO INDIANA SOUTHEAST C&amp;M</v>
          </cell>
        </row>
        <row r="2737">
          <cell r="F2737">
            <v>75115</v>
          </cell>
          <cell r="Z2737" t="str">
            <v>RECOM</v>
          </cell>
          <cell r="AN2737" t="str">
            <v>MDO C&amp;M</v>
          </cell>
          <cell r="AO2737" t="str">
            <v>MDO INDIANA SOUTHEAST C&amp;M</v>
          </cell>
        </row>
        <row r="2738">
          <cell r="F2738">
            <v>75115</v>
          </cell>
          <cell r="Z2738" t="str">
            <v>RECOM</v>
          </cell>
          <cell r="AN2738" t="str">
            <v>MDO C&amp;M</v>
          </cell>
          <cell r="AO2738" t="str">
            <v>MDO INDIANA SOUTHEAST C&amp;M</v>
          </cell>
        </row>
        <row r="2739">
          <cell r="F2739">
            <v>75115</v>
          </cell>
          <cell r="Z2739" t="str">
            <v>RECOM</v>
          </cell>
          <cell r="AN2739" t="str">
            <v>MDO C&amp;M</v>
          </cell>
          <cell r="AO2739" t="str">
            <v>MDO INDIANA NORTH C&amp;M</v>
          </cell>
        </row>
        <row r="2740">
          <cell r="F2740">
            <v>75115</v>
          </cell>
          <cell r="Z2740" t="str">
            <v>RECOM</v>
          </cell>
          <cell r="AN2740" t="str">
            <v>MDO C&amp;M</v>
          </cell>
          <cell r="AO2740" t="str">
            <v>MDO INDIANA NORTH C&amp;M</v>
          </cell>
        </row>
        <row r="2741">
          <cell r="F2741">
            <v>75115</v>
          </cell>
          <cell r="Z2741" t="str">
            <v>RECOM</v>
          </cell>
          <cell r="AN2741" t="str">
            <v>MDO C&amp;M</v>
          </cell>
          <cell r="AO2741" t="str">
            <v>MDO INDIANA NORTH C&amp;M</v>
          </cell>
        </row>
        <row r="2742">
          <cell r="F2742">
            <v>75115</v>
          </cell>
          <cell r="Z2742" t="str">
            <v>RECOM</v>
          </cell>
          <cell r="AN2742" t="str">
            <v>MDO C&amp;M</v>
          </cell>
          <cell r="AO2742" t="str">
            <v>MDO INDIANA NORTH C&amp;M</v>
          </cell>
        </row>
        <row r="2743">
          <cell r="F2743">
            <v>75115</v>
          </cell>
          <cell r="Z2743" t="str">
            <v>RECOM</v>
          </cell>
          <cell r="AN2743" t="str">
            <v>MDO C&amp;M</v>
          </cell>
          <cell r="AO2743" t="str">
            <v>MDO INDIANA NORTH C&amp;M</v>
          </cell>
        </row>
        <row r="2744">
          <cell r="F2744">
            <v>75115</v>
          </cell>
          <cell r="Z2744" t="str">
            <v>RECOM</v>
          </cell>
          <cell r="AN2744" t="str">
            <v>MDO C&amp;M</v>
          </cell>
          <cell r="AO2744" t="str">
            <v>MDO INDIANA NORTH C&amp;M</v>
          </cell>
        </row>
        <row r="2745">
          <cell r="F2745">
            <v>75115</v>
          </cell>
          <cell r="Z2745" t="str">
            <v>RECOM</v>
          </cell>
          <cell r="AN2745" t="str">
            <v>MDO C&amp;M</v>
          </cell>
          <cell r="AO2745" t="str">
            <v>MDO INDIANA NORTH C&amp;M</v>
          </cell>
        </row>
        <row r="2746">
          <cell r="F2746">
            <v>75115</v>
          </cell>
          <cell r="Z2746" t="str">
            <v>RECOM</v>
          </cell>
          <cell r="AN2746" t="str">
            <v>MDO C&amp;M</v>
          </cell>
          <cell r="AO2746" t="str">
            <v>MDO INDIANA NORTH C&amp;M</v>
          </cell>
        </row>
        <row r="2747">
          <cell r="F2747">
            <v>75115</v>
          </cell>
          <cell r="Z2747" t="str">
            <v>RECOM</v>
          </cell>
          <cell r="AN2747" t="str">
            <v>MDO C&amp;M</v>
          </cell>
          <cell r="AO2747" t="str">
            <v>MDO INDIANA NORTH C&amp;M</v>
          </cell>
        </row>
        <row r="2748">
          <cell r="F2748">
            <v>75115</v>
          </cell>
          <cell r="Z2748" t="str">
            <v>RECOM</v>
          </cell>
          <cell r="AN2748" t="str">
            <v>MDO C&amp;M</v>
          </cell>
          <cell r="AO2748" t="str">
            <v>MDO INDIANA NORTH C&amp;M</v>
          </cell>
        </row>
        <row r="2749">
          <cell r="F2749">
            <v>75115</v>
          </cell>
          <cell r="Z2749" t="str">
            <v>RECOM</v>
          </cell>
          <cell r="AN2749" t="str">
            <v>MDO C&amp;M</v>
          </cell>
          <cell r="AO2749" t="str">
            <v>MDO INDIANA NORTH C&amp;M</v>
          </cell>
        </row>
        <row r="2750">
          <cell r="F2750">
            <v>75115</v>
          </cell>
          <cell r="Z2750" t="str">
            <v>RECOM</v>
          </cell>
          <cell r="AN2750" t="str">
            <v>MDO C&amp;M</v>
          </cell>
          <cell r="AO2750" t="str">
            <v>MDO INDIANA NORTH C&amp;M</v>
          </cell>
        </row>
        <row r="2751">
          <cell r="F2751">
            <v>75115</v>
          </cell>
          <cell r="Z2751" t="str">
            <v>RECOM</v>
          </cell>
          <cell r="AN2751" t="str">
            <v>MDO C&amp;M</v>
          </cell>
          <cell r="AO2751" t="str">
            <v>MDO INDIANA NORTH C&amp;M</v>
          </cell>
        </row>
        <row r="2752">
          <cell r="F2752">
            <v>75115</v>
          </cell>
          <cell r="Z2752" t="str">
            <v>RECOM</v>
          </cell>
          <cell r="AN2752" t="str">
            <v>MDO C&amp;M</v>
          </cell>
          <cell r="AO2752" t="str">
            <v>MDO INDIANA NORTH C&amp;M</v>
          </cell>
        </row>
        <row r="2753">
          <cell r="F2753">
            <v>75115</v>
          </cell>
          <cell r="Z2753" t="str">
            <v>RECOM</v>
          </cell>
          <cell r="AN2753" t="str">
            <v>MDO C&amp;M</v>
          </cell>
          <cell r="AO2753" t="str">
            <v>MDO INDIANA NORTH C&amp;M</v>
          </cell>
        </row>
        <row r="2754">
          <cell r="F2754">
            <v>75115</v>
          </cell>
          <cell r="Z2754" t="str">
            <v>RECOM</v>
          </cell>
          <cell r="AN2754" t="str">
            <v>MDO C&amp;M</v>
          </cell>
          <cell r="AO2754" t="str">
            <v>MDO INDIANA NORTH C&amp;M</v>
          </cell>
        </row>
        <row r="2755">
          <cell r="F2755">
            <v>75115</v>
          </cell>
          <cell r="Z2755" t="str">
            <v>RECOM</v>
          </cell>
          <cell r="AN2755" t="str">
            <v>MDO C&amp;M</v>
          </cell>
          <cell r="AO2755" t="str">
            <v>MDO INDIANA NORTH C&amp;M</v>
          </cell>
        </row>
        <row r="2756">
          <cell r="F2756">
            <v>75115</v>
          </cell>
          <cell r="Z2756" t="str">
            <v>RECOM</v>
          </cell>
          <cell r="AN2756" t="str">
            <v>MDO C&amp;M</v>
          </cell>
          <cell r="AO2756" t="str">
            <v>MDO INDIANA NORTH C&amp;M</v>
          </cell>
        </row>
        <row r="2757">
          <cell r="F2757">
            <v>75115</v>
          </cell>
          <cell r="Z2757" t="str">
            <v>RECOM</v>
          </cell>
          <cell r="AN2757" t="str">
            <v>MDO C&amp;M</v>
          </cell>
          <cell r="AO2757" t="str">
            <v>MDO INDIANA NORTH C&amp;M</v>
          </cell>
        </row>
        <row r="2758">
          <cell r="F2758">
            <v>75115</v>
          </cell>
          <cell r="Z2758" t="str">
            <v>RECOM</v>
          </cell>
          <cell r="AN2758" t="str">
            <v>MDO C&amp;M</v>
          </cell>
          <cell r="AO2758" t="str">
            <v>MDO INDIANA NORTH C&amp;M</v>
          </cell>
        </row>
        <row r="2759">
          <cell r="F2759">
            <v>75115</v>
          </cell>
          <cell r="Z2759" t="str">
            <v>RECOM</v>
          </cell>
          <cell r="AN2759" t="str">
            <v>MDO C&amp;M</v>
          </cell>
          <cell r="AO2759" t="str">
            <v>MDO INDIANA NORTH C&amp;M</v>
          </cell>
        </row>
        <row r="2760">
          <cell r="F2760">
            <v>75023</v>
          </cell>
          <cell r="Z2760" t="str">
            <v>REGOM</v>
          </cell>
          <cell r="AN2760" t="str">
            <v>MDO C&amp;M</v>
          </cell>
          <cell r="AO2760" t="str">
            <v>MDO OH/KEN C&amp;M</v>
          </cell>
        </row>
        <row r="2761">
          <cell r="F2761">
            <v>75023</v>
          </cell>
          <cell r="Z2761" t="str">
            <v>REGOM</v>
          </cell>
          <cell r="AN2761" t="str">
            <v>MDO C&amp;M</v>
          </cell>
          <cell r="AO2761" t="str">
            <v>MDO OH/KEN C&amp;M</v>
          </cell>
        </row>
        <row r="2762">
          <cell r="F2762">
            <v>75023</v>
          </cell>
          <cell r="Z2762" t="str">
            <v>REGOM</v>
          </cell>
          <cell r="AN2762" t="str">
            <v>MDO C&amp;M</v>
          </cell>
          <cell r="AO2762" t="str">
            <v>MDO OH/KEN C&amp;M</v>
          </cell>
        </row>
        <row r="2763">
          <cell r="F2763">
            <v>75023</v>
          </cell>
          <cell r="Z2763" t="str">
            <v>REGOM</v>
          </cell>
          <cell r="AN2763" t="str">
            <v>MDO C&amp;M</v>
          </cell>
          <cell r="AO2763" t="str">
            <v>MDO OH/KEN C&amp;M</v>
          </cell>
        </row>
        <row r="2764">
          <cell r="F2764">
            <v>75023</v>
          </cell>
          <cell r="Z2764" t="str">
            <v>REGOM</v>
          </cell>
          <cell r="AN2764" t="str">
            <v>MDO C&amp;M</v>
          </cell>
          <cell r="AO2764" t="str">
            <v>MDO OH/KEN C&amp;M</v>
          </cell>
        </row>
        <row r="2765">
          <cell r="F2765">
            <v>75023</v>
          </cell>
          <cell r="Z2765" t="str">
            <v>REGOM</v>
          </cell>
          <cell r="AN2765" t="str">
            <v>MDO C&amp;M</v>
          </cell>
          <cell r="AO2765" t="str">
            <v>MDO OH/KEN C&amp;M</v>
          </cell>
        </row>
        <row r="2766">
          <cell r="F2766">
            <v>75023</v>
          </cell>
          <cell r="Z2766" t="str">
            <v>REGOM</v>
          </cell>
          <cell r="AN2766" t="str">
            <v>MDO C&amp;M</v>
          </cell>
          <cell r="AO2766" t="str">
            <v>MDO OH/KEN C&amp;M</v>
          </cell>
        </row>
        <row r="2767">
          <cell r="F2767">
            <v>75023</v>
          </cell>
          <cell r="Z2767" t="str">
            <v>REGOM</v>
          </cell>
          <cell r="AN2767" t="str">
            <v>MDO C&amp;M</v>
          </cell>
          <cell r="AO2767" t="str">
            <v>MDO OH/KEN C&amp;M</v>
          </cell>
        </row>
        <row r="2768">
          <cell r="F2768">
            <v>75023</v>
          </cell>
          <cell r="Z2768" t="str">
            <v>REGOM</v>
          </cell>
          <cell r="AN2768" t="str">
            <v>MDO C&amp;M</v>
          </cell>
          <cell r="AO2768" t="str">
            <v>MDO OH/KEN C&amp;M</v>
          </cell>
        </row>
        <row r="2769">
          <cell r="F2769">
            <v>75023</v>
          </cell>
          <cell r="Z2769" t="str">
            <v>REGOM</v>
          </cell>
          <cell r="AN2769" t="str">
            <v>MDO C&amp;M</v>
          </cell>
          <cell r="AO2769" t="str">
            <v>MDO OH/KEN C&amp;M</v>
          </cell>
        </row>
        <row r="2770">
          <cell r="F2770">
            <v>75023</v>
          </cell>
          <cell r="Z2770" t="str">
            <v>REGOM</v>
          </cell>
          <cell r="AN2770" t="str">
            <v>MDO C&amp;M</v>
          </cell>
          <cell r="AO2770" t="str">
            <v>MDO OH/KEN C&amp;M</v>
          </cell>
        </row>
        <row r="2771">
          <cell r="F2771">
            <v>75023</v>
          </cell>
          <cell r="Z2771" t="str">
            <v>REGOM</v>
          </cell>
          <cell r="AN2771" t="str">
            <v>MDO C&amp;M</v>
          </cell>
          <cell r="AO2771" t="str">
            <v>MDO OH/KEN C&amp;M</v>
          </cell>
        </row>
        <row r="2772">
          <cell r="F2772">
            <v>75023</v>
          </cell>
          <cell r="Z2772" t="str">
            <v>REGOM</v>
          </cell>
          <cell r="AN2772" t="str">
            <v>MDO C&amp;M</v>
          </cell>
          <cell r="AO2772" t="str">
            <v>MDO OH/KEN C&amp;M</v>
          </cell>
        </row>
        <row r="2773">
          <cell r="F2773">
            <v>75023</v>
          </cell>
          <cell r="Z2773" t="str">
            <v>REGOM</v>
          </cell>
          <cell r="AN2773" t="str">
            <v>MDO C&amp;M</v>
          </cell>
          <cell r="AO2773" t="str">
            <v>MDO OH/KEN C&amp;M</v>
          </cell>
        </row>
        <row r="2774">
          <cell r="F2774">
            <v>75084</v>
          </cell>
          <cell r="Z2774" t="str">
            <v>REGOM</v>
          </cell>
          <cell r="AN2774" t="str">
            <v>MDO C&amp;M</v>
          </cell>
          <cell r="AO2774" t="str">
            <v>MDO OH/KEN C&amp;M</v>
          </cell>
        </row>
        <row r="2775">
          <cell r="F2775">
            <v>75084</v>
          </cell>
          <cell r="Z2775" t="str">
            <v>REGOM</v>
          </cell>
          <cell r="AN2775" t="str">
            <v>MDO C&amp;M</v>
          </cell>
          <cell r="AO2775" t="str">
            <v>MDO OH/KEN C&amp;M</v>
          </cell>
        </row>
        <row r="2776">
          <cell r="F2776">
            <v>75084</v>
          </cell>
          <cell r="Z2776" t="str">
            <v>REGOM</v>
          </cell>
          <cell r="AN2776" t="str">
            <v>MDO C&amp;M</v>
          </cell>
          <cell r="AO2776" t="str">
            <v>MDO OH/KEN C&amp;M</v>
          </cell>
        </row>
        <row r="2777">
          <cell r="F2777">
            <v>75084</v>
          </cell>
          <cell r="Z2777" t="str">
            <v>REGOM</v>
          </cell>
          <cell r="AN2777" t="str">
            <v>MDO C&amp;M</v>
          </cell>
          <cell r="AO2777" t="str">
            <v>MDO OH/KEN C&amp;M</v>
          </cell>
        </row>
        <row r="2778">
          <cell r="F2778">
            <v>75084</v>
          </cell>
          <cell r="Z2778" t="str">
            <v>REGOM</v>
          </cell>
          <cell r="AN2778" t="str">
            <v>MDO C&amp;M</v>
          </cell>
          <cell r="AO2778" t="str">
            <v>MDO OH/KEN C&amp;M</v>
          </cell>
        </row>
        <row r="2779">
          <cell r="F2779">
            <v>75115</v>
          </cell>
          <cell r="Z2779" t="str">
            <v>REGOM</v>
          </cell>
          <cell r="AN2779" t="str">
            <v>MDO C&amp;M</v>
          </cell>
          <cell r="AO2779" t="str">
            <v>MDO INDIANA SOUTHWEST C&amp;M</v>
          </cell>
        </row>
        <row r="2780">
          <cell r="F2780">
            <v>75115</v>
          </cell>
          <cell r="Z2780" t="str">
            <v>REGOM</v>
          </cell>
          <cell r="AN2780" t="str">
            <v>MDO C&amp;M</v>
          </cell>
          <cell r="AO2780" t="str">
            <v>MDO INDIANA SOUTHWEST C&amp;M</v>
          </cell>
        </row>
        <row r="2781">
          <cell r="F2781">
            <v>75115</v>
          </cell>
          <cell r="Z2781" t="str">
            <v>REGOM</v>
          </cell>
          <cell r="AN2781" t="str">
            <v>MDO C&amp;M</v>
          </cell>
          <cell r="AO2781" t="str">
            <v>MDO INDIANA SOUTHWEST C&amp;M</v>
          </cell>
        </row>
        <row r="2782">
          <cell r="F2782">
            <v>75115</v>
          </cell>
          <cell r="Z2782" t="str">
            <v>REGOM</v>
          </cell>
          <cell r="AN2782" t="str">
            <v>MDO C&amp;M</v>
          </cell>
          <cell r="AO2782" t="str">
            <v>MDO INDIANA SOUTHWEST C&amp;M</v>
          </cell>
        </row>
        <row r="2783">
          <cell r="F2783">
            <v>75115</v>
          </cell>
          <cell r="Z2783" t="str">
            <v>REGOM</v>
          </cell>
          <cell r="AN2783" t="str">
            <v>MDO C&amp;M</v>
          </cell>
          <cell r="AO2783" t="str">
            <v>MDO INDIANA SOUTHWEST C&amp;M</v>
          </cell>
        </row>
        <row r="2784">
          <cell r="F2784">
            <v>75115</v>
          </cell>
          <cell r="Z2784" t="str">
            <v>REGOM</v>
          </cell>
          <cell r="AN2784" t="str">
            <v>MDO C&amp;M</v>
          </cell>
          <cell r="AO2784" t="str">
            <v>MDO INDIANA SOUTHWEST C&amp;M</v>
          </cell>
        </row>
        <row r="2785">
          <cell r="F2785">
            <v>75115</v>
          </cell>
          <cell r="Z2785" t="str">
            <v>REGOM</v>
          </cell>
          <cell r="AN2785" t="str">
            <v>MDO C&amp;M</v>
          </cell>
          <cell r="AO2785" t="str">
            <v>MDO INDIANA SOUTHWEST C&amp;M</v>
          </cell>
        </row>
        <row r="2786">
          <cell r="F2786">
            <v>75115</v>
          </cell>
          <cell r="Z2786" t="str">
            <v>REGOM</v>
          </cell>
          <cell r="AN2786" t="str">
            <v>MDO C&amp;M</v>
          </cell>
          <cell r="AO2786" t="str">
            <v>MDO INDIANA SOUTHWEST C&amp;M</v>
          </cell>
        </row>
        <row r="2787">
          <cell r="F2787">
            <v>75115</v>
          </cell>
          <cell r="Z2787" t="str">
            <v>REGOM</v>
          </cell>
          <cell r="AN2787" t="str">
            <v>MDO C&amp;M</v>
          </cell>
          <cell r="AO2787" t="str">
            <v>MDO INDIANA SOUTHWEST C&amp;M</v>
          </cell>
        </row>
        <row r="2788">
          <cell r="F2788">
            <v>75115</v>
          </cell>
          <cell r="Z2788" t="str">
            <v>REGOM</v>
          </cell>
          <cell r="AN2788" t="str">
            <v>MDO C&amp;M</v>
          </cell>
          <cell r="AO2788" t="str">
            <v>MDO INDIANA SOUTHWEST C&amp;M</v>
          </cell>
        </row>
        <row r="2789">
          <cell r="F2789">
            <v>75115</v>
          </cell>
          <cell r="Z2789" t="str">
            <v>REGOM</v>
          </cell>
          <cell r="AN2789" t="str">
            <v>MDO C&amp;M</v>
          </cell>
          <cell r="AO2789" t="str">
            <v>MDO INDIANA SOUTHWEST C&amp;M</v>
          </cell>
        </row>
        <row r="2790">
          <cell r="F2790">
            <v>75115</v>
          </cell>
          <cell r="Z2790" t="str">
            <v>REGOM</v>
          </cell>
          <cell r="AN2790" t="str">
            <v>MDO C&amp;M</v>
          </cell>
          <cell r="AO2790" t="str">
            <v>MDO INDIANA SOUTHWEST C&amp;M</v>
          </cell>
        </row>
        <row r="2791">
          <cell r="F2791">
            <v>75115</v>
          </cell>
          <cell r="Z2791" t="str">
            <v>REGOM</v>
          </cell>
          <cell r="AN2791" t="str">
            <v>MDO C&amp;M</v>
          </cell>
          <cell r="AO2791" t="str">
            <v>MDO INDIANA SOUTHWEST C&amp;M</v>
          </cell>
        </row>
        <row r="2792">
          <cell r="F2792">
            <v>75115</v>
          </cell>
          <cell r="Z2792" t="str">
            <v>REGOM</v>
          </cell>
          <cell r="AN2792" t="str">
            <v>MDO C&amp;M</v>
          </cell>
          <cell r="AO2792" t="str">
            <v>MDO INDIANA SOUTHWEST C&amp;M</v>
          </cell>
        </row>
        <row r="2793">
          <cell r="F2793">
            <v>75115</v>
          </cell>
          <cell r="Z2793" t="str">
            <v>REGOM</v>
          </cell>
          <cell r="AN2793" t="str">
            <v>MDO C&amp;M</v>
          </cell>
          <cell r="AO2793" t="str">
            <v>MDO INDIANA SOUTHWEST C&amp;M</v>
          </cell>
        </row>
        <row r="2794">
          <cell r="F2794">
            <v>75115</v>
          </cell>
          <cell r="Z2794" t="str">
            <v>REGOM</v>
          </cell>
          <cell r="AN2794" t="str">
            <v>MDO C&amp;M</v>
          </cell>
          <cell r="AO2794" t="str">
            <v>MDO INDIANA SOUTHWEST C&amp;M</v>
          </cell>
        </row>
        <row r="2795">
          <cell r="F2795">
            <v>75115</v>
          </cell>
          <cell r="Z2795" t="str">
            <v>REGOM</v>
          </cell>
          <cell r="AN2795" t="str">
            <v>MDO C&amp;M</v>
          </cell>
          <cell r="AO2795" t="str">
            <v>MDO INDIANA SOUTHWEST C&amp;M</v>
          </cell>
        </row>
        <row r="2796">
          <cell r="F2796">
            <v>75115</v>
          </cell>
          <cell r="Z2796" t="str">
            <v>REGOM</v>
          </cell>
          <cell r="AN2796" t="str">
            <v>MDO C&amp;M</v>
          </cell>
          <cell r="AO2796" t="str">
            <v>MDO INDIANA SOUTHWEST C&amp;M</v>
          </cell>
        </row>
        <row r="2797">
          <cell r="F2797">
            <v>75115</v>
          </cell>
          <cell r="Z2797" t="str">
            <v>REGOM</v>
          </cell>
          <cell r="AN2797" t="str">
            <v>MDO C&amp;M</v>
          </cell>
          <cell r="AO2797" t="str">
            <v>MDO INDIANA SOUTHWEST C&amp;M</v>
          </cell>
        </row>
        <row r="2798">
          <cell r="F2798">
            <v>75115</v>
          </cell>
          <cell r="Z2798" t="str">
            <v>REGOM</v>
          </cell>
          <cell r="AN2798" t="str">
            <v>MDO C&amp;M</v>
          </cell>
          <cell r="AO2798" t="str">
            <v>MDO INDIANA SOUTHWEST C&amp;M</v>
          </cell>
        </row>
        <row r="2799">
          <cell r="F2799">
            <v>75115</v>
          </cell>
          <cell r="Z2799" t="str">
            <v>REGOM</v>
          </cell>
          <cell r="AN2799" t="str">
            <v>MDO C&amp;M</v>
          </cell>
          <cell r="AO2799" t="str">
            <v>MDO INDIANA SOUTHEAST C&amp;M</v>
          </cell>
        </row>
        <row r="2800">
          <cell r="F2800">
            <v>75115</v>
          </cell>
          <cell r="Z2800" t="str">
            <v>REGOM</v>
          </cell>
          <cell r="AN2800" t="str">
            <v>MDO C&amp;M</v>
          </cell>
          <cell r="AO2800" t="str">
            <v>MDO INDIANA SOUTHEAST C&amp;M</v>
          </cell>
        </row>
        <row r="2801">
          <cell r="F2801">
            <v>75115</v>
          </cell>
          <cell r="Z2801" t="str">
            <v>REGOM</v>
          </cell>
          <cell r="AN2801" t="str">
            <v>MDO C&amp;M</v>
          </cell>
          <cell r="AO2801" t="str">
            <v>MDO INDIANA SOUTHEAST C&amp;M</v>
          </cell>
        </row>
        <row r="2802">
          <cell r="F2802">
            <v>75115</v>
          </cell>
          <cell r="Z2802" t="str">
            <v>REGOM</v>
          </cell>
          <cell r="AN2802" t="str">
            <v>MDO C&amp;M</v>
          </cell>
          <cell r="AO2802" t="str">
            <v>MDO INDIANA SOUTHEAST C&amp;M</v>
          </cell>
        </row>
        <row r="2803">
          <cell r="F2803">
            <v>75115</v>
          </cell>
          <cell r="Z2803" t="str">
            <v>REGOM</v>
          </cell>
          <cell r="AN2803" t="str">
            <v>MDO C&amp;M</v>
          </cell>
          <cell r="AO2803" t="str">
            <v>MDO INDIANA SOUTHEAST C&amp;M</v>
          </cell>
        </row>
        <row r="2804">
          <cell r="F2804">
            <v>75115</v>
          </cell>
          <cell r="Z2804" t="str">
            <v>REGOM</v>
          </cell>
          <cell r="AN2804" t="str">
            <v>MDO C&amp;M</v>
          </cell>
          <cell r="AO2804" t="str">
            <v>MDO INDIANA SOUTHEAST C&amp;M</v>
          </cell>
        </row>
        <row r="2805">
          <cell r="F2805">
            <v>75115</v>
          </cell>
          <cell r="Z2805" t="str">
            <v>REGOM</v>
          </cell>
          <cell r="AN2805" t="str">
            <v>MDO C&amp;M</v>
          </cell>
          <cell r="AO2805" t="str">
            <v>MDO INDIANA SOUTHEAST C&amp;M</v>
          </cell>
        </row>
        <row r="2806">
          <cell r="F2806">
            <v>75115</v>
          </cell>
          <cell r="Z2806" t="str">
            <v>REGOM</v>
          </cell>
          <cell r="AN2806" t="str">
            <v>MDO C&amp;M</v>
          </cell>
          <cell r="AO2806" t="str">
            <v>MDO INDIANA SOUTHEAST C&amp;M</v>
          </cell>
        </row>
        <row r="2807">
          <cell r="F2807">
            <v>75115</v>
          </cell>
          <cell r="Z2807" t="str">
            <v>REGOM</v>
          </cell>
          <cell r="AN2807" t="str">
            <v>MDO C&amp;M</v>
          </cell>
          <cell r="AO2807" t="str">
            <v>MDO INDIANA SOUTHEAST C&amp;M</v>
          </cell>
        </row>
        <row r="2808">
          <cell r="F2808">
            <v>75115</v>
          </cell>
          <cell r="Z2808" t="str">
            <v>REGOM</v>
          </cell>
          <cell r="AN2808" t="str">
            <v>MDO C&amp;M</v>
          </cell>
          <cell r="AO2808" t="str">
            <v>MDO INDIANA SOUTHEAST C&amp;M</v>
          </cell>
        </row>
        <row r="2809">
          <cell r="F2809">
            <v>75115</v>
          </cell>
          <cell r="Z2809" t="str">
            <v>REGOM</v>
          </cell>
          <cell r="AN2809" t="str">
            <v>MDO C&amp;M</v>
          </cell>
          <cell r="AO2809" t="str">
            <v>MDO INDIANA SOUTHEAST C&amp;M</v>
          </cell>
        </row>
        <row r="2810">
          <cell r="F2810">
            <v>75115</v>
          </cell>
          <cell r="Z2810" t="str">
            <v>REGOM</v>
          </cell>
          <cell r="AN2810" t="str">
            <v>MDO C&amp;M</v>
          </cell>
          <cell r="AO2810" t="str">
            <v>MDO INDIANA SOUTHEAST C&amp;M</v>
          </cell>
        </row>
        <row r="2811">
          <cell r="F2811">
            <v>75115</v>
          </cell>
          <cell r="Z2811" t="str">
            <v>REGOM</v>
          </cell>
          <cell r="AN2811" t="str">
            <v>MDO C&amp;M</v>
          </cell>
          <cell r="AO2811" t="str">
            <v>MDO INDIANA SOUTHEAST C&amp;M</v>
          </cell>
        </row>
        <row r="2812">
          <cell r="F2812">
            <v>75115</v>
          </cell>
          <cell r="Z2812" t="str">
            <v>REGOM</v>
          </cell>
          <cell r="AN2812" t="str">
            <v>MDO C&amp;M</v>
          </cell>
          <cell r="AO2812" t="str">
            <v>MDO INDIANA SOUTHEAST C&amp;M</v>
          </cell>
        </row>
        <row r="2813">
          <cell r="F2813">
            <v>75115</v>
          </cell>
          <cell r="Z2813" t="str">
            <v>REGOM</v>
          </cell>
          <cell r="AN2813" t="str">
            <v>MDO C&amp;M</v>
          </cell>
          <cell r="AO2813" t="str">
            <v>MDO INDIANA SOUTHEAST C&amp;M</v>
          </cell>
        </row>
        <row r="2814">
          <cell r="F2814">
            <v>75115</v>
          </cell>
          <cell r="Z2814" t="str">
            <v>REGOM</v>
          </cell>
          <cell r="AN2814" t="str">
            <v>MDO C&amp;M</v>
          </cell>
          <cell r="AO2814" t="str">
            <v>MDO INDIANA NORTH C&amp;M</v>
          </cell>
        </row>
        <row r="2815">
          <cell r="F2815">
            <v>75115</v>
          </cell>
          <cell r="Z2815" t="str">
            <v>REGOM</v>
          </cell>
          <cell r="AN2815" t="str">
            <v>MDO C&amp;M</v>
          </cell>
          <cell r="AO2815" t="str">
            <v>MDO INDIANA NORTH C&amp;M</v>
          </cell>
        </row>
        <row r="2816">
          <cell r="F2816">
            <v>75115</v>
          </cell>
          <cell r="Z2816" t="str">
            <v>REGOM</v>
          </cell>
          <cell r="AN2816" t="str">
            <v>MDO C&amp;M</v>
          </cell>
          <cell r="AO2816" t="str">
            <v>MDO INDIANA NORTH C&amp;M</v>
          </cell>
        </row>
        <row r="2817">
          <cell r="F2817">
            <v>75115</v>
          </cell>
          <cell r="Z2817" t="str">
            <v>REGOM</v>
          </cell>
          <cell r="AN2817" t="str">
            <v>MDO C&amp;M</v>
          </cell>
          <cell r="AO2817" t="str">
            <v>MDO INDIANA NORTH C&amp;M</v>
          </cell>
        </row>
        <row r="2818">
          <cell r="F2818">
            <v>75115</v>
          </cell>
          <cell r="Z2818" t="str">
            <v>REGOM</v>
          </cell>
          <cell r="AN2818" t="str">
            <v>MDO C&amp;M</v>
          </cell>
          <cell r="AO2818" t="str">
            <v>MDO INDIANA NORTH C&amp;M</v>
          </cell>
        </row>
        <row r="2819">
          <cell r="F2819">
            <v>75115</v>
          </cell>
          <cell r="Z2819" t="str">
            <v>REGOM</v>
          </cell>
          <cell r="AN2819" t="str">
            <v>MDO C&amp;M</v>
          </cell>
          <cell r="AO2819" t="str">
            <v>MDO INDIANA NORTH C&amp;M</v>
          </cell>
        </row>
        <row r="2820">
          <cell r="F2820">
            <v>75115</v>
          </cell>
          <cell r="Z2820" t="str">
            <v>REGOM</v>
          </cell>
          <cell r="AN2820" t="str">
            <v>MDO C&amp;M</v>
          </cell>
          <cell r="AO2820" t="str">
            <v>MDO INDIANA NORTH C&amp;M</v>
          </cell>
        </row>
        <row r="2821">
          <cell r="F2821">
            <v>75115</v>
          </cell>
          <cell r="Z2821" t="str">
            <v>REGOM</v>
          </cell>
          <cell r="AN2821" t="str">
            <v>MDO C&amp;M</v>
          </cell>
          <cell r="AO2821" t="str">
            <v>MDO INDIANA NORTH C&amp;M</v>
          </cell>
        </row>
        <row r="2822">
          <cell r="F2822">
            <v>75115</v>
          </cell>
          <cell r="Z2822" t="str">
            <v>REGOM</v>
          </cell>
          <cell r="AN2822" t="str">
            <v>MDO C&amp;M</v>
          </cell>
          <cell r="AO2822" t="str">
            <v>MDO INDIANA NORTH C&amp;M</v>
          </cell>
        </row>
        <row r="2823">
          <cell r="F2823">
            <v>75115</v>
          </cell>
          <cell r="Z2823" t="str">
            <v>REGOM</v>
          </cell>
          <cell r="AN2823" t="str">
            <v>MDO C&amp;M</v>
          </cell>
          <cell r="AO2823" t="str">
            <v>MDO INDIANA NORTH C&amp;M</v>
          </cell>
        </row>
        <row r="2824">
          <cell r="F2824">
            <v>75115</v>
          </cell>
          <cell r="Z2824" t="str">
            <v>OUTAGES</v>
          </cell>
          <cell r="AN2824" t="str">
            <v>MDO C&amp;M</v>
          </cell>
          <cell r="AO2824" t="str">
            <v>MDO INDIANA NORTH C&amp;M</v>
          </cell>
        </row>
        <row r="2825">
          <cell r="F2825">
            <v>75115</v>
          </cell>
          <cell r="Z2825" t="str">
            <v>OUTAGES</v>
          </cell>
          <cell r="AN2825" t="str">
            <v>MDO C&amp;M</v>
          </cell>
          <cell r="AO2825" t="str">
            <v>MDO INDIANA NORTH C&amp;M</v>
          </cell>
        </row>
        <row r="2826">
          <cell r="F2826">
            <v>75023</v>
          </cell>
          <cell r="Z2826" t="str">
            <v>SMEIPF</v>
          </cell>
          <cell r="AN2826" t="str">
            <v>MDO C&amp;M</v>
          </cell>
          <cell r="AO2826" t="str">
            <v>MDO OH/KEN C&amp;M</v>
          </cell>
        </row>
        <row r="2827">
          <cell r="F2827">
            <v>75023</v>
          </cell>
          <cell r="Z2827" t="str">
            <v>SMEIPF</v>
          </cell>
          <cell r="AN2827" t="str">
            <v>MDO C&amp;M</v>
          </cell>
          <cell r="AO2827" t="str">
            <v>MDO OH/KEN C&amp;M</v>
          </cell>
        </row>
        <row r="2828">
          <cell r="F2828">
            <v>75023</v>
          </cell>
          <cell r="Z2828" t="str">
            <v>SMEIPF</v>
          </cell>
          <cell r="AN2828" t="str">
            <v>MDO C&amp;M</v>
          </cell>
          <cell r="AO2828" t="str">
            <v>MDO OH/KEN C&amp;M</v>
          </cell>
        </row>
        <row r="2829">
          <cell r="F2829">
            <v>75023</v>
          </cell>
          <cell r="Z2829" t="str">
            <v>SMEIPF</v>
          </cell>
          <cell r="AN2829" t="str">
            <v>MDO C&amp;M</v>
          </cell>
          <cell r="AO2829" t="str">
            <v>MDO OH/KEN C&amp;M</v>
          </cell>
        </row>
        <row r="2830">
          <cell r="F2830">
            <v>75023</v>
          </cell>
          <cell r="Z2830" t="str">
            <v>SMEIPF</v>
          </cell>
          <cell r="AN2830" t="str">
            <v>MDO C&amp;M</v>
          </cell>
          <cell r="AO2830" t="str">
            <v>MDO OH/KEN C&amp;M</v>
          </cell>
        </row>
        <row r="2831">
          <cell r="F2831">
            <v>75023</v>
          </cell>
          <cell r="Z2831" t="str">
            <v>SMEIPF</v>
          </cell>
          <cell r="AN2831" t="str">
            <v>MDO C&amp;M</v>
          </cell>
          <cell r="AO2831" t="str">
            <v>MDO OH/KEN C&amp;M</v>
          </cell>
        </row>
        <row r="2832">
          <cell r="F2832">
            <v>75023</v>
          </cell>
          <cell r="Z2832" t="str">
            <v>SMEIPF</v>
          </cell>
          <cell r="AN2832" t="str">
            <v>MDO C&amp;M</v>
          </cell>
          <cell r="AO2832" t="str">
            <v>MDO OH/KEN C&amp;M</v>
          </cell>
        </row>
        <row r="2833">
          <cell r="F2833">
            <v>75023</v>
          </cell>
          <cell r="Z2833" t="str">
            <v>SMEIPF</v>
          </cell>
          <cell r="AN2833" t="str">
            <v>MDO C&amp;M</v>
          </cell>
          <cell r="AO2833" t="str">
            <v>MDO OH/KEN C&amp;M</v>
          </cell>
        </row>
        <row r="2834">
          <cell r="F2834">
            <v>75023</v>
          </cell>
          <cell r="Z2834" t="str">
            <v>SMEIPF</v>
          </cell>
          <cell r="AN2834" t="str">
            <v>MDO C&amp;M</v>
          </cell>
          <cell r="AO2834" t="str">
            <v>MDO OH/KEN C&amp;M</v>
          </cell>
        </row>
        <row r="2835">
          <cell r="F2835">
            <v>75023</v>
          </cell>
          <cell r="Z2835" t="str">
            <v>SMEIPF</v>
          </cell>
          <cell r="AN2835" t="str">
            <v>MDO C&amp;M</v>
          </cell>
          <cell r="AO2835" t="str">
            <v>MDO OH/KEN C&amp;M</v>
          </cell>
        </row>
        <row r="2836">
          <cell r="F2836">
            <v>75023</v>
          </cell>
          <cell r="Z2836" t="str">
            <v>SMEIPF</v>
          </cell>
          <cell r="AN2836" t="str">
            <v>MDO C&amp;M</v>
          </cell>
          <cell r="AO2836" t="str">
            <v>MDO OH/KEN C&amp;M</v>
          </cell>
        </row>
        <row r="2837">
          <cell r="F2837">
            <v>75023</v>
          </cell>
          <cell r="Z2837" t="str">
            <v>SMEIPF</v>
          </cell>
          <cell r="AN2837" t="str">
            <v>MDO C&amp;M</v>
          </cell>
          <cell r="AO2837" t="str">
            <v>MDO OH/KEN C&amp;M</v>
          </cell>
        </row>
        <row r="2838">
          <cell r="F2838">
            <v>75023</v>
          </cell>
          <cell r="Z2838" t="str">
            <v>SMEIPF</v>
          </cell>
          <cell r="AN2838" t="str">
            <v>MDO C&amp;M</v>
          </cell>
          <cell r="AO2838" t="str">
            <v>MDO OH/KEN C&amp;M</v>
          </cell>
        </row>
        <row r="2839">
          <cell r="F2839">
            <v>75023</v>
          </cell>
          <cell r="Z2839" t="str">
            <v>SMEIPF</v>
          </cell>
          <cell r="AN2839" t="str">
            <v>MDO C&amp;M</v>
          </cell>
          <cell r="AO2839" t="str">
            <v>MDO OH/KEN C&amp;M</v>
          </cell>
        </row>
        <row r="2840">
          <cell r="F2840">
            <v>75023</v>
          </cell>
          <cell r="Z2840" t="str">
            <v>SMEIPF</v>
          </cell>
          <cell r="AN2840" t="str">
            <v>MDO C&amp;M</v>
          </cell>
          <cell r="AO2840" t="str">
            <v>MDO OH/KEN C&amp;M</v>
          </cell>
        </row>
        <row r="2841">
          <cell r="F2841">
            <v>75023</v>
          </cell>
          <cell r="Z2841" t="str">
            <v>SMEIPF</v>
          </cell>
          <cell r="AN2841" t="str">
            <v>MDO C&amp;M</v>
          </cell>
          <cell r="AO2841" t="str">
            <v>MDO OH/KEN C&amp;M</v>
          </cell>
        </row>
        <row r="2842">
          <cell r="F2842">
            <v>75023</v>
          </cell>
          <cell r="Z2842" t="str">
            <v>SMEIPF</v>
          </cell>
          <cell r="AN2842" t="str">
            <v>MDO C&amp;M</v>
          </cell>
          <cell r="AO2842" t="str">
            <v>MDO OH/KEN C&amp;M</v>
          </cell>
        </row>
        <row r="2843">
          <cell r="F2843">
            <v>75023</v>
          </cell>
          <cell r="Z2843" t="str">
            <v>SMEIPF</v>
          </cell>
          <cell r="AN2843" t="str">
            <v>MDO C&amp;M</v>
          </cell>
          <cell r="AO2843" t="str">
            <v>MDO OH/KEN C&amp;M</v>
          </cell>
        </row>
        <row r="2844">
          <cell r="F2844">
            <v>75023</v>
          </cell>
          <cell r="Z2844" t="str">
            <v>SMEIPF</v>
          </cell>
          <cell r="AN2844" t="str">
            <v>MDO C&amp;M</v>
          </cell>
          <cell r="AO2844" t="str">
            <v>MDO OH/KEN C&amp;M</v>
          </cell>
        </row>
        <row r="2845">
          <cell r="F2845">
            <v>75023</v>
          </cell>
          <cell r="Z2845" t="str">
            <v>SMEIPF</v>
          </cell>
          <cell r="AN2845" t="str">
            <v>MDO C&amp;M</v>
          </cell>
          <cell r="AO2845" t="str">
            <v>MDO OH/KEN C&amp;M</v>
          </cell>
        </row>
        <row r="2846">
          <cell r="F2846">
            <v>75023</v>
          </cell>
          <cell r="Z2846" t="str">
            <v>SMEIPF</v>
          </cell>
          <cell r="AN2846" t="str">
            <v>MDO C&amp;M</v>
          </cell>
          <cell r="AO2846" t="str">
            <v>MDO OH/KEN C&amp;M</v>
          </cell>
        </row>
        <row r="2847">
          <cell r="F2847">
            <v>75023</v>
          </cell>
          <cell r="Z2847" t="str">
            <v>SMEIPF</v>
          </cell>
          <cell r="AN2847" t="str">
            <v>MDO C&amp;M</v>
          </cell>
          <cell r="AO2847" t="str">
            <v>MDO OH/KEN C&amp;M</v>
          </cell>
        </row>
        <row r="2848">
          <cell r="F2848">
            <v>75023</v>
          </cell>
          <cell r="Z2848" t="str">
            <v>SMEIPF</v>
          </cell>
          <cell r="AN2848" t="str">
            <v>MDO C&amp;M</v>
          </cell>
          <cell r="AO2848" t="str">
            <v>MDO OH/KEN C&amp;M</v>
          </cell>
        </row>
        <row r="2849">
          <cell r="F2849">
            <v>75023</v>
          </cell>
          <cell r="Z2849" t="str">
            <v>SMEIPF</v>
          </cell>
          <cell r="AN2849" t="str">
            <v>MDO C&amp;M</v>
          </cell>
          <cell r="AO2849" t="str">
            <v>MDO OH/KEN C&amp;M</v>
          </cell>
        </row>
        <row r="2850">
          <cell r="F2850">
            <v>75023</v>
          </cell>
          <cell r="Z2850" t="str">
            <v>SMEIPF</v>
          </cell>
          <cell r="AN2850" t="str">
            <v>MDO C&amp;M</v>
          </cell>
          <cell r="AO2850" t="str">
            <v>MDO OH/KEN C&amp;M</v>
          </cell>
        </row>
        <row r="2851">
          <cell r="F2851">
            <v>75023</v>
          </cell>
          <cell r="Z2851" t="str">
            <v>SMEIPF</v>
          </cell>
          <cell r="AN2851" t="str">
            <v>MDO C&amp;M</v>
          </cell>
          <cell r="AO2851" t="str">
            <v>MDO OH/KEN C&amp;M</v>
          </cell>
        </row>
        <row r="2852">
          <cell r="F2852">
            <v>75023</v>
          </cell>
          <cell r="Z2852" t="str">
            <v>SMEIPF</v>
          </cell>
          <cell r="AN2852" t="str">
            <v>MDO C&amp;M</v>
          </cell>
          <cell r="AO2852" t="str">
            <v>MDO OH/KEN C&amp;M</v>
          </cell>
        </row>
        <row r="2853">
          <cell r="F2853">
            <v>75023</v>
          </cell>
          <cell r="Z2853" t="str">
            <v>SMEIPF</v>
          </cell>
          <cell r="AN2853" t="str">
            <v>MDO C&amp;M</v>
          </cell>
          <cell r="AO2853" t="str">
            <v>MDO OH/KEN C&amp;M</v>
          </cell>
        </row>
        <row r="2854">
          <cell r="F2854">
            <v>75023</v>
          </cell>
          <cell r="Z2854" t="str">
            <v>SMEIPF</v>
          </cell>
          <cell r="AN2854" t="str">
            <v>MDO C&amp;M</v>
          </cell>
          <cell r="AO2854" t="str">
            <v>MDO OH/KEN C&amp;M</v>
          </cell>
        </row>
        <row r="2855">
          <cell r="F2855">
            <v>75023</v>
          </cell>
          <cell r="Z2855" t="str">
            <v>SMEIPF</v>
          </cell>
          <cell r="AN2855" t="str">
            <v>MDO C&amp;M</v>
          </cell>
          <cell r="AO2855" t="str">
            <v>MDO OH/KEN C&amp;M</v>
          </cell>
        </row>
        <row r="2856">
          <cell r="F2856">
            <v>75023</v>
          </cell>
          <cell r="Z2856" t="str">
            <v>SMEIPF</v>
          </cell>
          <cell r="AN2856" t="str">
            <v>MDO C&amp;M</v>
          </cell>
          <cell r="AO2856" t="str">
            <v>MDO OH/KEN C&amp;M</v>
          </cell>
        </row>
        <row r="2857">
          <cell r="F2857">
            <v>75023</v>
          </cell>
          <cell r="Z2857" t="str">
            <v>SMEIPF</v>
          </cell>
          <cell r="AN2857" t="str">
            <v>MDO C&amp;M</v>
          </cell>
          <cell r="AO2857" t="str">
            <v>MDO OH/KEN C&amp;M</v>
          </cell>
        </row>
        <row r="2858">
          <cell r="F2858">
            <v>75023</v>
          </cell>
          <cell r="Z2858" t="str">
            <v>SMEIPF</v>
          </cell>
          <cell r="AN2858" t="str">
            <v>MDO C&amp;M</v>
          </cell>
          <cell r="AO2858" t="str">
            <v>MDO OH/KEN C&amp;M</v>
          </cell>
        </row>
        <row r="2859">
          <cell r="F2859">
            <v>75023</v>
          </cell>
          <cell r="Z2859" t="str">
            <v>SMEIPF</v>
          </cell>
          <cell r="AN2859" t="str">
            <v>MDO C&amp;M</v>
          </cell>
          <cell r="AO2859" t="str">
            <v>MDO OH/KEN C&amp;M</v>
          </cell>
        </row>
        <row r="2860">
          <cell r="F2860">
            <v>75023</v>
          </cell>
          <cell r="Z2860" t="str">
            <v>SMEIPF</v>
          </cell>
          <cell r="AN2860" t="str">
            <v>MDO C&amp;M</v>
          </cell>
          <cell r="AO2860" t="str">
            <v>MDO OH/KEN C&amp;M</v>
          </cell>
        </row>
        <row r="2861">
          <cell r="F2861">
            <v>75023</v>
          </cell>
          <cell r="Z2861" t="str">
            <v>SMEIPF</v>
          </cell>
          <cell r="AN2861" t="str">
            <v>MDO C&amp;M</v>
          </cell>
          <cell r="AO2861" t="str">
            <v>MDO OH/KEN C&amp;M</v>
          </cell>
        </row>
        <row r="2862">
          <cell r="F2862">
            <v>75023</v>
          </cell>
          <cell r="Z2862" t="str">
            <v>SMEIPF</v>
          </cell>
          <cell r="AN2862" t="str">
            <v>MDO C&amp;M</v>
          </cell>
          <cell r="AO2862" t="str">
            <v>MDO OH/KEN C&amp;M</v>
          </cell>
        </row>
        <row r="2863">
          <cell r="F2863">
            <v>75023</v>
          </cell>
          <cell r="Z2863" t="str">
            <v>SMEIPF</v>
          </cell>
          <cell r="AN2863" t="str">
            <v>MDO C&amp;M</v>
          </cell>
          <cell r="AO2863" t="str">
            <v>MDO OH/KEN C&amp;M</v>
          </cell>
        </row>
        <row r="2864">
          <cell r="F2864">
            <v>75023</v>
          </cell>
          <cell r="Z2864" t="str">
            <v>SMEIPF</v>
          </cell>
          <cell r="AN2864" t="str">
            <v>MDO C&amp;M</v>
          </cell>
          <cell r="AO2864" t="str">
            <v>MDO OH/KEN C&amp;M</v>
          </cell>
        </row>
        <row r="2865">
          <cell r="F2865">
            <v>75023</v>
          </cell>
          <cell r="Z2865" t="str">
            <v>SMEIPF</v>
          </cell>
          <cell r="AN2865" t="str">
            <v>MDO C&amp;M</v>
          </cell>
          <cell r="AO2865" t="str">
            <v>MDO OH/KEN C&amp;M</v>
          </cell>
        </row>
        <row r="2866">
          <cell r="F2866">
            <v>75023</v>
          </cell>
          <cell r="Z2866" t="str">
            <v>SMEIPF</v>
          </cell>
          <cell r="AN2866" t="str">
            <v>MDO C&amp;M</v>
          </cell>
          <cell r="AO2866" t="str">
            <v>MDO OH/KEN C&amp;M</v>
          </cell>
        </row>
        <row r="2867">
          <cell r="F2867">
            <v>75023</v>
          </cell>
          <cell r="Z2867" t="str">
            <v>SMEIPF</v>
          </cell>
          <cell r="AN2867" t="str">
            <v>MDO C&amp;M</v>
          </cell>
          <cell r="AO2867" t="str">
            <v>MDO OH/KEN C&amp;M</v>
          </cell>
        </row>
        <row r="2868">
          <cell r="F2868">
            <v>75023</v>
          </cell>
          <cell r="Z2868" t="str">
            <v>SMEIPF</v>
          </cell>
          <cell r="AN2868" t="str">
            <v>MDO C&amp;M</v>
          </cell>
          <cell r="AO2868" t="str">
            <v>MDO OH/KEN C&amp;M</v>
          </cell>
        </row>
        <row r="2869">
          <cell r="F2869">
            <v>75023</v>
          </cell>
          <cell r="Z2869" t="str">
            <v>SMEIPF</v>
          </cell>
          <cell r="AN2869" t="str">
            <v>MDO C&amp;M</v>
          </cell>
          <cell r="AO2869" t="str">
            <v>MDO OH/KEN C&amp;M</v>
          </cell>
        </row>
        <row r="2870">
          <cell r="F2870">
            <v>75023</v>
          </cell>
          <cell r="Z2870" t="str">
            <v>SMEIPF</v>
          </cell>
          <cell r="AN2870" t="str">
            <v>MDO C&amp;M</v>
          </cell>
          <cell r="AO2870" t="str">
            <v>MDO OH/KEN C&amp;M</v>
          </cell>
        </row>
        <row r="2871">
          <cell r="F2871">
            <v>75023</v>
          </cell>
          <cell r="Z2871" t="str">
            <v>SMEIPF</v>
          </cell>
          <cell r="AN2871" t="str">
            <v>MDO C&amp;M</v>
          </cell>
          <cell r="AO2871" t="str">
            <v>MDO OH/KEN C&amp;M</v>
          </cell>
        </row>
        <row r="2872">
          <cell r="F2872">
            <v>75023</v>
          </cell>
          <cell r="Z2872" t="str">
            <v>SMEIPF</v>
          </cell>
          <cell r="AN2872" t="str">
            <v>MDO C&amp;M</v>
          </cell>
          <cell r="AO2872" t="str">
            <v>MDO OH/KEN C&amp;M</v>
          </cell>
        </row>
        <row r="2873">
          <cell r="F2873">
            <v>75023</v>
          </cell>
          <cell r="Z2873" t="str">
            <v>SMEIPF</v>
          </cell>
          <cell r="AN2873" t="str">
            <v>MDO C&amp;M</v>
          </cell>
          <cell r="AO2873" t="str">
            <v>MDO OH/KEN C&amp;M</v>
          </cell>
        </row>
        <row r="2874">
          <cell r="F2874">
            <v>75023</v>
          </cell>
          <cell r="Z2874" t="str">
            <v>SMEIPF</v>
          </cell>
          <cell r="AN2874" t="str">
            <v>MDO C&amp;M</v>
          </cell>
          <cell r="AO2874" t="str">
            <v>MDO OH/KEN C&amp;M</v>
          </cell>
        </row>
        <row r="2875">
          <cell r="F2875">
            <v>75023</v>
          </cell>
          <cell r="Z2875" t="str">
            <v>SMEIPF</v>
          </cell>
          <cell r="AN2875" t="str">
            <v>MDO C&amp;M</v>
          </cell>
          <cell r="AO2875" t="str">
            <v>MDO OH/KEN C&amp;M</v>
          </cell>
        </row>
        <row r="2876">
          <cell r="F2876">
            <v>75023</v>
          </cell>
          <cell r="Z2876" t="str">
            <v>SMEIPF</v>
          </cell>
          <cell r="AN2876" t="str">
            <v>MDO C&amp;M</v>
          </cell>
          <cell r="AO2876" t="str">
            <v>MDO OH/KEN C&amp;M</v>
          </cell>
        </row>
        <row r="2877">
          <cell r="F2877">
            <v>75023</v>
          </cell>
          <cell r="Z2877" t="str">
            <v>SMEIPF</v>
          </cell>
          <cell r="AN2877" t="str">
            <v>MDO C&amp;M</v>
          </cell>
          <cell r="AO2877" t="str">
            <v>MDO OH/KEN C&amp;M</v>
          </cell>
        </row>
        <row r="2878">
          <cell r="F2878">
            <v>75023</v>
          </cell>
          <cell r="Z2878" t="str">
            <v>SMEIPF</v>
          </cell>
          <cell r="AN2878" t="str">
            <v>MDO C&amp;M</v>
          </cell>
          <cell r="AO2878" t="str">
            <v>MDO OH/KEN C&amp;M</v>
          </cell>
        </row>
        <row r="2879">
          <cell r="F2879">
            <v>75023</v>
          </cell>
          <cell r="Z2879" t="str">
            <v>SMEIPF</v>
          </cell>
          <cell r="AN2879" t="str">
            <v>MDO C&amp;M</v>
          </cell>
          <cell r="AO2879" t="str">
            <v>MDO OH/KEN C&amp;M</v>
          </cell>
        </row>
        <row r="2880">
          <cell r="F2880">
            <v>75023</v>
          </cell>
          <cell r="Z2880" t="str">
            <v>SMEIPF</v>
          </cell>
          <cell r="AN2880" t="str">
            <v>MDO C&amp;M</v>
          </cell>
          <cell r="AO2880" t="str">
            <v>MDO OH/KEN C&amp;M</v>
          </cell>
        </row>
        <row r="2881">
          <cell r="F2881">
            <v>75023</v>
          </cell>
          <cell r="Z2881" t="str">
            <v>SMEIPF</v>
          </cell>
          <cell r="AN2881" t="str">
            <v>MDO C&amp;M</v>
          </cell>
          <cell r="AO2881" t="str">
            <v>MDO OH/KEN C&amp;M</v>
          </cell>
        </row>
        <row r="2882">
          <cell r="F2882">
            <v>75023</v>
          </cell>
          <cell r="Z2882" t="str">
            <v>SMEIPF</v>
          </cell>
          <cell r="AN2882" t="str">
            <v>MDO C&amp;M</v>
          </cell>
          <cell r="AO2882" t="str">
            <v>MDO OH/KEN C&amp;M</v>
          </cell>
        </row>
        <row r="2883">
          <cell r="F2883">
            <v>75023</v>
          </cell>
          <cell r="Z2883" t="str">
            <v>SMEIPF</v>
          </cell>
          <cell r="AN2883" t="str">
            <v>MDO C&amp;M</v>
          </cell>
          <cell r="AO2883" t="str">
            <v>MDO OH/KEN C&amp;M</v>
          </cell>
        </row>
        <row r="2884">
          <cell r="F2884">
            <v>75023</v>
          </cell>
          <cell r="Z2884" t="str">
            <v>SMEIPF</v>
          </cell>
          <cell r="AN2884" t="str">
            <v>MDO C&amp;M</v>
          </cell>
          <cell r="AO2884" t="str">
            <v>MDO OH/KEN C&amp;M</v>
          </cell>
        </row>
        <row r="2885">
          <cell r="F2885">
            <v>75023</v>
          </cell>
          <cell r="Z2885" t="str">
            <v>SMEIPF</v>
          </cell>
          <cell r="AN2885" t="str">
            <v>MDO C&amp;M</v>
          </cell>
          <cell r="AO2885" t="str">
            <v>MDO OH/KEN C&amp;M</v>
          </cell>
        </row>
        <row r="2886">
          <cell r="F2886">
            <v>75023</v>
          </cell>
          <cell r="Z2886" t="str">
            <v>SMEIPF</v>
          </cell>
          <cell r="AN2886" t="str">
            <v>MDO C&amp;M</v>
          </cell>
          <cell r="AO2886" t="str">
            <v>MDO OH/KEN C&amp;M</v>
          </cell>
        </row>
        <row r="2887">
          <cell r="F2887">
            <v>75023</v>
          </cell>
          <cell r="Z2887" t="str">
            <v>SMEIPF</v>
          </cell>
          <cell r="AN2887" t="str">
            <v>MDO C&amp;M</v>
          </cell>
          <cell r="AO2887" t="str">
            <v>MDO OH/KEN C&amp;M</v>
          </cell>
        </row>
        <row r="2888">
          <cell r="F2888">
            <v>75023</v>
          </cell>
          <cell r="Z2888" t="str">
            <v>SMEIPF</v>
          </cell>
          <cell r="AN2888" t="str">
            <v>MDO C&amp;M</v>
          </cell>
          <cell r="AO2888" t="str">
            <v>MDO OH/KEN C&amp;M</v>
          </cell>
        </row>
        <row r="2889">
          <cell r="F2889">
            <v>75023</v>
          </cell>
          <cell r="Z2889" t="str">
            <v>SMEIPF</v>
          </cell>
          <cell r="AN2889" t="str">
            <v>MDO C&amp;M</v>
          </cell>
          <cell r="AO2889" t="str">
            <v>MDO OH/KEN C&amp;M</v>
          </cell>
        </row>
        <row r="2890">
          <cell r="F2890">
            <v>75023</v>
          </cell>
          <cell r="Z2890" t="str">
            <v>SMEIPF</v>
          </cell>
          <cell r="AN2890" t="str">
            <v>MDO C&amp;M</v>
          </cell>
          <cell r="AO2890" t="str">
            <v>MDO OH/KEN C&amp;M</v>
          </cell>
        </row>
        <row r="2891">
          <cell r="F2891">
            <v>75023</v>
          </cell>
          <cell r="Z2891" t="str">
            <v>SMEIPF</v>
          </cell>
          <cell r="AN2891" t="str">
            <v>MDO C&amp;M</v>
          </cell>
          <cell r="AO2891" t="str">
            <v>MDO OH/KEN C&amp;M</v>
          </cell>
        </row>
        <row r="2892">
          <cell r="F2892">
            <v>75023</v>
          </cell>
          <cell r="Z2892" t="str">
            <v>SMEIPF</v>
          </cell>
          <cell r="AN2892" t="str">
            <v>MDO C&amp;M</v>
          </cell>
          <cell r="AO2892" t="str">
            <v>MDO OH/KEN C&amp;M</v>
          </cell>
        </row>
        <row r="2893">
          <cell r="F2893">
            <v>75023</v>
          </cell>
          <cell r="Z2893" t="str">
            <v>SMEIPF</v>
          </cell>
          <cell r="AN2893" t="str">
            <v>MDO C&amp;M</v>
          </cell>
          <cell r="AO2893" t="str">
            <v>MDO OH/KEN C&amp;M</v>
          </cell>
        </row>
        <row r="2894">
          <cell r="F2894">
            <v>75023</v>
          </cell>
          <cell r="Z2894" t="str">
            <v>SMEIPF</v>
          </cell>
          <cell r="AN2894" t="str">
            <v>MDO C&amp;M</v>
          </cell>
          <cell r="AO2894" t="str">
            <v>MDO OH/KEN C&amp;M</v>
          </cell>
        </row>
        <row r="2895">
          <cell r="F2895">
            <v>75023</v>
          </cell>
          <cell r="Z2895" t="str">
            <v>SMEIPF</v>
          </cell>
          <cell r="AN2895" t="str">
            <v>MDO C&amp;M</v>
          </cell>
          <cell r="AO2895" t="str">
            <v>MDO OH/KEN C&amp;M</v>
          </cell>
        </row>
        <row r="2896">
          <cell r="F2896">
            <v>75023</v>
          </cell>
          <cell r="Z2896" t="str">
            <v>SMEIPF</v>
          </cell>
          <cell r="AN2896" t="str">
            <v>MDO C&amp;M</v>
          </cell>
          <cell r="AO2896" t="str">
            <v>MDO OH/KEN C&amp;M</v>
          </cell>
        </row>
        <row r="2897">
          <cell r="F2897">
            <v>75023</v>
          </cell>
          <cell r="Z2897" t="str">
            <v>SMEIPF</v>
          </cell>
          <cell r="AN2897" t="str">
            <v>MDO C&amp;M</v>
          </cell>
          <cell r="AO2897" t="str">
            <v>MDO OH/KEN C&amp;M</v>
          </cell>
        </row>
        <row r="2898">
          <cell r="F2898">
            <v>75023</v>
          </cell>
          <cell r="Z2898" t="str">
            <v>SMEIPF</v>
          </cell>
          <cell r="AN2898" t="str">
            <v>MDO C&amp;M</v>
          </cell>
          <cell r="AO2898" t="str">
            <v>MDO OH/KEN C&amp;M</v>
          </cell>
        </row>
        <row r="2899">
          <cell r="F2899">
            <v>75023</v>
          </cell>
          <cell r="Z2899" t="str">
            <v>SMEIPF</v>
          </cell>
          <cell r="AN2899" t="str">
            <v>MDO C&amp;M</v>
          </cell>
          <cell r="AO2899" t="str">
            <v>MDO OH/KEN C&amp;M</v>
          </cell>
        </row>
        <row r="2900">
          <cell r="F2900">
            <v>75023</v>
          </cell>
          <cell r="Z2900" t="str">
            <v>SMEIPF</v>
          </cell>
          <cell r="AN2900" t="str">
            <v>MDO C&amp;M</v>
          </cell>
          <cell r="AO2900" t="str">
            <v>MDO OH/KEN C&amp;M</v>
          </cell>
        </row>
        <row r="2901">
          <cell r="F2901">
            <v>75023</v>
          </cell>
          <cell r="Z2901" t="str">
            <v>SMEIPF</v>
          </cell>
          <cell r="AN2901" t="str">
            <v>MDO C&amp;M</v>
          </cell>
          <cell r="AO2901" t="str">
            <v>MDO OH/KEN C&amp;M</v>
          </cell>
        </row>
        <row r="2902">
          <cell r="F2902">
            <v>75023</v>
          </cell>
          <cell r="Z2902" t="str">
            <v>SMEIPF</v>
          </cell>
          <cell r="AN2902" t="str">
            <v>MDO C&amp;M</v>
          </cell>
          <cell r="AO2902" t="str">
            <v>MDO OH/KEN C&amp;M</v>
          </cell>
        </row>
        <row r="2903">
          <cell r="F2903">
            <v>75023</v>
          </cell>
          <cell r="Z2903" t="str">
            <v>SMEIPF</v>
          </cell>
          <cell r="AN2903" t="str">
            <v>MDO C&amp;M</v>
          </cell>
          <cell r="AO2903" t="str">
            <v>MDO OH/KEN C&amp;M</v>
          </cell>
        </row>
        <row r="2904">
          <cell r="F2904">
            <v>75023</v>
          </cell>
          <cell r="Z2904" t="str">
            <v>SMEIPF</v>
          </cell>
          <cell r="AN2904" t="str">
            <v>MDO C&amp;M</v>
          </cell>
          <cell r="AO2904" t="str">
            <v>MDO OH/KEN C&amp;M</v>
          </cell>
        </row>
        <row r="2905">
          <cell r="F2905">
            <v>75023</v>
          </cell>
          <cell r="Z2905" t="str">
            <v>SMEIPF</v>
          </cell>
          <cell r="AN2905" t="str">
            <v>MDO C&amp;M</v>
          </cell>
          <cell r="AO2905" t="str">
            <v>MDO OH/KEN C&amp;M</v>
          </cell>
        </row>
        <row r="2906">
          <cell r="F2906">
            <v>75023</v>
          </cell>
          <cell r="Z2906" t="str">
            <v>SMEIPF</v>
          </cell>
          <cell r="AN2906" t="str">
            <v>MDO C&amp;M</v>
          </cell>
          <cell r="AO2906" t="str">
            <v>MDO OH/KEN C&amp;M</v>
          </cell>
        </row>
        <row r="2907">
          <cell r="F2907">
            <v>75023</v>
          </cell>
          <cell r="Z2907" t="str">
            <v>SMEIPF</v>
          </cell>
          <cell r="AN2907" t="str">
            <v>MDO C&amp;M</v>
          </cell>
          <cell r="AO2907" t="str">
            <v>MDO OH/KEN C&amp;M</v>
          </cell>
        </row>
        <row r="2908">
          <cell r="F2908">
            <v>75023</v>
          </cell>
          <cell r="Z2908" t="str">
            <v>SMEIPF</v>
          </cell>
          <cell r="AN2908" t="str">
            <v>MDO C&amp;M</v>
          </cell>
          <cell r="AO2908" t="str">
            <v>MDO OH/KEN C&amp;M</v>
          </cell>
        </row>
        <row r="2909">
          <cell r="F2909">
            <v>75023</v>
          </cell>
          <cell r="Z2909" t="str">
            <v>SMEIPF</v>
          </cell>
          <cell r="AN2909" t="str">
            <v>MDO C&amp;M</v>
          </cell>
          <cell r="AO2909" t="str">
            <v>MDO OH/KEN C&amp;M</v>
          </cell>
        </row>
        <row r="2910">
          <cell r="F2910">
            <v>75023</v>
          </cell>
          <cell r="Z2910" t="str">
            <v>SMEIPF</v>
          </cell>
          <cell r="AN2910" t="str">
            <v>MDO C&amp;M</v>
          </cell>
          <cell r="AO2910" t="str">
            <v>MDO OH/KEN C&amp;M</v>
          </cell>
        </row>
        <row r="2911">
          <cell r="F2911">
            <v>75023</v>
          </cell>
          <cell r="Z2911" t="str">
            <v>SMEIPF</v>
          </cell>
          <cell r="AN2911" t="str">
            <v>MDO C&amp;M</v>
          </cell>
          <cell r="AO2911" t="str">
            <v>MDO OH/KEN C&amp;M</v>
          </cell>
        </row>
        <row r="2912">
          <cell r="F2912">
            <v>75023</v>
          </cell>
          <cell r="Z2912" t="str">
            <v>SMEIPF</v>
          </cell>
          <cell r="AN2912" t="str">
            <v>MDO C&amp;M</v>
          </cell>
          <cell r="AO2912" t="str">
            <v>MDO OH/KEN C&amp;M</v>
          </cell>
        </row>
        <row r="2913">
          <cell r="F2913">
            <v>75023</v>
          </cell>
          <cell r="Z2913" t="str">
            <v>SMEIPF</v>
          </cell>
          <cell r="AN2913" t="str">
            <v>MDO C&amp;M</v>
          </cell>
          <cell r="AO2913" t="str">
            <v>MDO OH/KEN C&amp;M</v>
          </cell>
        </row>
        <row r="2914">
          <cell r="F2914">
            <v>75023</v>
          </cell>
          <cell r="Z2914" t="str">
            <v>SMEIPF</v>
          </cell>
          <cell r="AN2914" t="str">
            <v>MDO C&amp;M</v>
          </cell>
          <cell r="AO2914" t="str">
            <v>MDO OH/KEN C&amp;M</v>
          </cell>
        </row>
        <row r="2915">
          <cell r="F2915">
            <v>75023</v>
          </cell>
          <cell r="Z2915" t="str">
            <v>SMEIPF</v>
          </cell>
          <cell r="AN2915" t="str">
            <v>MDO C&amp;M</v>
          </cell>
          <cell r="AO2915" t="str">
            <v>MDO OH/KEN C&amp;M</v>
          </cell>
        </row>
        <row r="2916">
          <cell r="F2916">
            <v>75023</v>
          </cell>
          <cell r="Z2916" t="str">
            <v>SMEIPF</v>
          </cell>
          <cell r="AN2916" t="str">
            <v>MDO C&amp;M</v>
          </cell>
          <cell r="AO2916" t="str">
            <v>MDO OH/KEN C&amp;M</v>
          </cell>
        </row>
        <row r="2917">
          <cell r="F2917">
            <v>75023</v>
          </cell>
          <cell r="Z2917" t="str">
            <v>SMEIPF</v>
          </cell>
          <cell r="AN2917" t="str">
            <v>MDO C&amp;M</v>
          </cell>
          <cell r="AO2917" t="str">
            <v>MDO OH/KEN C&amp;M</v>
          </cell>
        </row>
        <row r="2918">
          <cell r="F2918">
            <v>75023</v>
          </cell>
          <cell r="Z2918" t="str">
            <v>SMEIPF</v>
          </cell>
          <cell r="AN2918" t="str">
            <v>MDO C&amp;M</v>
          </cell>
          <cell r="AO2918" t="str">
            <v>MDO OH/KEN C&amp;M</v>
          </cell>
        </row>
        <row r="2919">
          <cell r="F2919">
            <v>75023</v>
          </cell>
          <cell r="Z2919" t="str">
            <v>SMEIPF</v>
          </cell>
          <cell r="AN2919" t="str">
            <v>MDO C&amp;M</v>
          </cell>
          <cell r="AO2919" t="str">
            <v>MDO OH/KEN C&amp;M</v>
          </cell>
        </row>
        <row r="2920">
          <cell r="F2920">
            <v>75023</v>
          </cell>
          <cell r="Z2920" t="str">
            <v>SMEIPF</v>
          </cell>
          <cell r="AN2920" t="str">
            <v>MDO C&amp;M</v>
          </cell>
          <cell r="AO2920" t="str">
            <v>MDO OH/KEN C&amp;M</v>
          </cell>
        </row>
        <row r="2921">
          <cell r="F2921">
            <v>75023</v>
          </cell>
          <cell r="Z2921" t="str">
            <v>SMEIPF</v>
          </cell>
          <cell r="AN2921" t="str">
            <v>MDO C&amp;M</v>
          </cell>
          <cell r="AO2921" t="str">
            <v>MDO OH/KEN C&amp;M</v>
          </cell>
        </row>
        <row r="2922">
          <cell r="F2922">
            <v>75023</v>
          </cell>
          <cell r="Z2922" t="str">
            <v>SMEIPF</v>
          </cell>
          <cell r="AN2922" t="str">
            <v>MDO C&amp;M</v>
          </cell>
          <cell r="AO2922" t="str">
            <v>MDO OH/KEN C&amp;M</v>
          </cell>
        </row>
        <row r="2923">
          <cell r="F2923">
            <v>75023</v>
          </cell>
          <cell r="Z2923" t="str">
            <v>SMEIPF</v>
          </cell>
          <cell r="AN2923" t="str">
            <v>MDO C&amp;M</v>
          </cell>
          <cell r="AO2923" t="str">
            <v>MDO OH/KEN C&amp;M</v>
          </cell>
        </row>
        <row r="2924">
          <cell r="F2924">
            <v>75023</v>
          </cell>
          <cell r="Z2924" t="str">
            <v>SMEIPF</v>
          </cell>
          <cell r="AN2924" t="str">
            <v>MDO C&amp;M</v>
          </cell>
          <cell r="AO2924" t="str">
            <v>MDO OH/KEN C&amp;M</v>
          </cell>
        </row>
        <row r="2925">
          <cell r="F2925">
            <v>75023</v>
          </cell>
          <cell r="Z2925" t="str">
            <v>SMEIPF</v>
          </cell>
          <cell r="AN2925" t="str">
            <v>MDO C&amp;M</v>
          </cell>
          <cell r="AO2925" t="str">
            <v>MDO OH/KEN C&amp;M</v>
          </cell>
        </row>
        <row r="2926">
          <cell r="F2926">
            <v>75023</v>
          </cell>
          <cell r="Z2926" t="str">
            <v>SMEIPF</v>
          </cell>
          <cell r="AN2926" t="str">
            <v>MDO C&amp;M</v>
          </cell>
          <cell r="AO2926" t="str">
            <v>MDO OH/KEN C&amp;M</v>
          </cell>
        </row>
        <row r="2927">
          <cell r="F2927">
            <v>75023</v>
          </cell>
          <cell r="Z2927" t="str">
            <v>SMEIPF</v>
          </cell>
          <cell r="AN2927" t="str">
            <v>MDO C&amp;M</v>
          </cell>
          <cell r="AO2927" t="str">
            <v>MDO OH/KEN C&amp;M</v>
          </cell>
        </row>
        <row r="2928">
          <cell r="F2928">
            <v>75023</v>
          </cell>
          <cell r="Z2928" t="str">
            <v>SMEIPF</v>
          </cell>
          <cell r="AN2928" t="str">
            <v>MDO C&amp;M</v>
          </cell>
          <cell r="AO2928" t="str">
            <v>MDO OH/KEN C&amp;M</v>
          </cell>
        </row>
        <row r="2929">
          <cell r="F2929">
            <v>75023</v>
          </cell>
          <cell r="Z2929" t="str">
            <v>SMEIPF</v>
          </cell>
          <cell r="AN2929" t="str">
            <v>MDO C&amp;M</v>
          </cell>
          <cell r="AO2929" t="str">
            <v>MDO OH/KEN C&amp;M</v>
          </cell>
        </row>
        <row r="2930">
          <cell r="F2930">
            <v>75023</v>
          </cell>
          <cell r="Z2930" t="str">
            <v>SMEIPF</v>
          </cell>
          <cell r="AN2930" t="str">
            <v>MDO C&amp;M</v>
          </cell>
          <cell r="AO2930" t="str">
            <v>MDO OH/KEN C&amp;M</v>
          </cell>
        </row>
        <row r="2931">
          <cell r="F2931">
            <v>75023</v>
          </cell>
          <cell r="Z2931" t="str">
            <v>SMEIPF</v>
          </cell>
          <cell r="AN2931" t="str">
            <v>MDO C&amp;M</v>
          </cell>
          <cell r="AO2931" t="str">
            <v>MDO OH/KEN C&amp;M</v>
          </cell>
        </row>
        <row r="2932">
          <cell r="F2932">
            <v>75023</v>
          </cell>
          <cell r="Z2932" t="str">
            <v>SMEIPF</v>
          </cell>
          <cell r="AN2932" t="str">
            <v>MDO C&amp;M</v>
          </cell>
          <cell r="AO2932" t="str">
            <v>MDO OH/KEN C&amp;M</v>
          </cell>
        </row>
        <row r="2933">
          <cell r="F2933">
            <v>75023</v>
          </cell>
          <cell r="Z2933" t="str">
            <v>SMEIPF</v>
          </cell>
          <cell r="AN2933" t="str">
            <v>MDO C&amp;M</v>
          </cell>
          <cell r="AO2933" t="str">
            <v>MDO OH/KEN C&amp;M</v>
          </cell>
        </row>
        <row r="2934">
          <cell r="F2934">
            <v>75023</v>
          </cell>
          <cell r="Z2934" t="str">
            <v>SMEIPF</v>
          </cell>
          <cell r="AN2934" t="str">
            <v>MDO C&amp;M</v>
          </cell>
          <cell r="AO2934" t="str">
            <v>MDO OH/KEN C&amp;M</v>
          </cell>
        </row>
        <row r="2935">
          <cell r="F2935">
            <v>75023</v>
          </cell>
          <cell r="Z2935" t="str">
            <v>SMEIPF</v>
          </cell>
          <cell r="AN2935" t="str">
            <v>MDO C&amp;M</v>
          </cell>
          <cell r="AO2935" t="str">
            <v>MDO OH/KEN C&amp;M</v>
          </cell>
        </row>
        <row r="2936">
          <cell r="F2936">
            <v>75023</v>
          </cell>
          <cell r="Z2936" t="str">
            <v>SMEIPF</v>
          </cell>
          <cell r="AN2936" t="str">
            <v>MDO C&amp;M</v>
          </cell>
          <cell r="AO2936" t="str">
            <v>MDO OH/KEN C&amp;M</v>
          </cell>
        </row>
        <row r="2937">
          <cell r="F2937">
            <v>75023</v>
          </cell>
          <cell r="Z2937" t="str">
            <v>SMEIPF</v>
          </cell>
          <cell r="AN2937" t="str">
            <v>MDO C&amp;M</v>
          </cell>
          <cell r="AO2937" t="str">
            <v>MDO OH/KEN C&amp;M</v>
          </cell>
        </row>
        <row r="2938">
          <cell r="F2938">
            <v>75023</v>
          </cell>
          <cell r="Z2938" t="str">
            <v>SMEIPF</v>
          </cell>
          <cell r="AN2938" t="str">
            <v>MDO C&amp;M</v>
          </cell>
          <cell r="AO2938" t="str">
            <v>MDO OH/KEN C&amp;M</v>
          </cell>
        </row>
        <row r="2939">
          <cell r="F2939">
            <v>75023</v>
          </cell>
          <cell r="Z2939" t="str">
            <v>SMEIPF</v>
          </cell>
          <cell r="AN2939" t="str">
            <v>MDO C&amp;M</v>
          </cell>
          <cell r="AO2939" t="str">
            <v>MDO OH/KEN C&amp;M</v>
          </cell>
        </row>
        <row r="2940">
          <cell r="F2940">
            <v>75023</v>
          </cell>
          <cell r="Z2940" t="str">
            <v>SMEIPF</v>
          </cell>
          <cell r="AN2940" t="str">
            <v>MDO C&amp;M</v>
          </cell>
          <cell r="AO2940" t="str">
            <v>MDO OH/KEN C&amp;M</v>
          </cell>
        </row>
        <row r="2941">
          <cell r="F2941">
            <v>75023</v>
          </cell>
          <cell r="Z2941" t="str">
            <v>SMEIPF</v>
          </cell>
          <cell r="AN2941" t="str">
            <v>MDO C&amp;M</v>
          </cell>
          <cell r="AO2941" t="str">
            <v>MDO OH/KEN C&amp;M</v>
          </cell>
        </row>
        <row r="2942">
          <cell r="F2942">
            <v>75023</v>
          </cell>
          <cell r="Z2942" t="str">
            <v>SMEIPF</v>
          </cell>
          <cell r="AN2942" t="str">
            <v>MDO C&amp;M</v>
          </cell>
          <cell r="AO2942" t="str">
            <v>MDO OH/KEN C&amp;M</v>
          </cell>
        </row>
        <row r="2943">
          <cell r="F2943">
            <v>75023</v>
          </cell>
          <cell r="Z2943" t="str">
            <v>SMEIPF</v>
          </cell>
          <cell r="AN2943" t="str">
            <v>MDO C&amp;M</v>
          </cell>
          <cell r="AO2943" t="str">
            <v>MDO OH/KEN C&amp;M</v>
          </cell>
        </row>
        <row r="2944">
          <cell r="F2944">
            <v>75023</v>
          </cell>
          <cell r="Z2944" t="str">
            <v>SMEIPF</v>
          </cell>
          <cell r="AN2944" t="str">
            <v>MDO C&amp;M</v>
          </cell>
          <cell r="AO2944" t="str">
            <v>MDO OH/KEN C&amp;M</v>
          </cell>
        </row>
        <row r="2945">
          <cell r="F2945">
            <v>75023</v>
          </cell>
          <cell r="Z2945" t="str">
            <v>SMEIPF</v>
          </cell>
          <cell r="AN2945" t="str">
            <v>MDO C&amp;M</v>
          </cell>
          <cell r="AO2945" t="str">
            <v>MDO OH/KEN C&amp;M</v>
          </cell>
        </row>
        <row r="2946">
          <cell r="F2946">
            <v>75023</v>
          </cell>
          <cell r="Z2946" t="str">
            <v>SMEIPF</v>
          </cell>
          <cell r="AN2946" t="str">
            <v>MDO C&amp;M</v>
          </cell>
          <cell r="AO2946" t="str">
            <v>MDO OH/KEN C&amp;M</v>
          </cell>
        </row>
        <row r="2947">
          <cell r="F2947">
            <v>75023</v>
          </cell>
          <cell r="Z2947" t="str">
            <v>SMEIPF</v>
          </cell>
          <cell r="AN2947" t="str">
            <v>MDO C&amp;M</v>
          </cell>
          <cell r="AO2947" t="str">
            <v>MDO OH/KEN C&amp;M</v>
          </cell>
        </row>
        <row r="2948">
          <cell r="F2948">
            <v>75023</v>
          </cell>
          <cell r="Z2948" t="str">
            <v>SMEIPF</v>
          </cell>
          <cell r="AN2948" t="str">
            <v>MDO C&amp;M</v>
          </cell>
          <cell r="AO2948" t="str">
            <v>MDO OH/KEN C&amp;M</v>
          </cell>
        </row>
        <row r="2949">
          <cell r="F2949">
            <v>75023</v>
          </cell>
          <cell r="Z2949" t="str">
            <v>SMEIPF</v>
          </cell>
          <cell r="AN2949" t="str">
            <v>MDO C&amp;M</v>
          </cell>
          <cell r="AO2949" t="str">
            <v>MDO OH/KEN C&amp;M</v>
          </cell>
        </row>
        <row r="2950">
          <cell r="F2950">
            <v>75023</v>
          </cell>
          <cell r="Z2950" t="str">
            <v>SMEIPF</v>
          </cell>
          <cell r="AN2950" t="str">
            <v>MDO C&amp;M</v>
          </cell>
          <cell r="AO2950" t="str">
            <v>MDO OH/KEN C&amp;M</v>
          </cell>
        </row>
        <row r="2951">
          <cell r="F2951">
            <v>75023</v>
          </cell>
          <cell r="Z2951" t="str">
            <v>SMEIPF</v>
          </cell>
          <cell r="AN2951" t="str">
            <v>MDO C&amp;M</v>
          </cell>
          <cell r="AO2951" t="str">
            <v>MDO OH/KEN C&amp;M</v>
          </cell>
        </row>
        <row r="2952">
          <cell r="F2952">
            <v>75023</v>
          </cell>
          <cell r="Z2952" t="str">
            <v>SMEIPF</v>
          </cell>
          <cell r="AN2952" t="str">
            <v>MDO C&amp;M</v>
          </cell>
          <cell r="AO2952" t="str">
            <v>MDO OH/KEN C&amp;M</v>
          </cell>
        </row>
        <row r="2953">
          <cell r="F2953">
            <v>75023</v>
          </cell>
          <cell r="Z2953" t="str">
            <v>SMEIPF</v>
          </cell>
          <cell r="AN2953" t="str">
            <v>MDO C&amp;M</v>
          </cell>
          <cell r="AO2953" t="str">
            <v>MDO OH/KEN C&amp;M</v>
          </cell>
        </row>
        <row r="2954">
          <cell r="F2954">
            <v>75023</v>
          </cell>
          <cell r="Z2954" t="str">
            <v>SMEIPF</v>
          </cell>
          <cell r="AN2954" t="str">
            <v>MDO C&amp;M</v>
          </cell>
          <cell r="AO2954" t="str">
            <v>MDO OH/KEN C&amp;M</v>
          </cell>
        </row>
        <row r="2955">
          <cell r="F2955">
            <v>75023</v>
          </cell>
          <cell r="Z2955" t="str">
            <v>SMEIPF</v>
          </cell>
          <cell r="AN2955" t="str">
            <v>MDO C&amp;M</v>
          </cell>
          <cell r="AO2955" t="str">
            <v>MDO OH/KEN C&amp;M</v>
          </cell>
        </row>
        <row r="2956">
          <cell r="F2956">
            <v>75023</v>
          </cell>
          <cell r="Z2956" t="str">
            <v>SMEIPF</v>
          </cell>
          <cell r="AN2956" t="str">
            <v>MDO C&amp;M</v>
          </cell>
          <cell r="AO2956" t="str">
            <v>MDO OH/KEN C&amp;M</v>
          </cell>
        </row>
        <row r="2957">
          <cell r="F2957">
            <v>75023</v>
          </cell>
          <cell r="Z2957" t="str">
            <v>SMEIPF</v>
          </cell>
          <cell r="AN2957" t="str">
            <v>MDO C&amp;M</v>
          </cell>
          <cell r="AO2957" t="str">
            <v>MDO OH/KEN C&amp;M</v>
          </cell>
        </row>
        <row r="2958">
          <cell r="F2958">
            <v>75023</v>
          </cell>
          <cell r="Z2958" t="str">
            <v>SMEIPF</v>
          </cell>
          <cell r="AN2958" t="str">
            <v>MDO C&amp;M</v>
          </cell>
          <cell r="AO2958" t="str">
            <v>MDO OH/KEN C&amp;M</v>
          </cell>
        </row>
        <row r="2959">
          <cell r="F2959">
            <v>75023</v>
          </cell>
          <cell r="Z2959" t="str">
            <v>SMEIPF</v>
          </cell>
          <cell r="AN2959" t="str">
            <v>MDO C&amp;M</v>
          </cell>
          <cell r="AO2959" t="str">
            <v>MDO OH/KEN C&amp;M</v>
          </cell>
        </row>
        <row r="2960">
          <cell r="F2960">
            <v>75023</v>
          </cell>
          <cell r="Z2960" t="str">
            <v>SMEIPF</v>
          </cell>
          <cell r="AN2960" t="str">
            <v>MDO C&amp;M</v>
          </cell>
          <cell r="AO2960" t="str">
            <v>MDO OH/KEN C&amp;M</v>
          </cell>
        </row>
        <row r="2961">
          <cell r="F2961">
            <v>75023</v>
          </cell>
          <cell r="Z2961" t="str">
            <v>SMEIPF</v>
          </cell>
          <cell r="AN2961" t="str">
            <v>MDO C&amp;M</v>
          </cell>
          <cell r="AO2961" t="str">
            <v>MDO OH/KEN C&amp;M</v>
          </cell>
        </row>
        <row r="2962">
          <cell r="F2962">
            <v>75023</v>
          </cell>
          <cell r="Z2962" t="str">
            <v>SMEIPF</v>
          </cell>
          <cell r="AN2962" t="str">
            <v>MDO C&amp;M</v>
          </cell>
          <cell r="AO2962" t="str">
            <v>MDO OH/KEN C&amp;M</v>
          </cell>
        </row>
        <row r="2963">
          <cell r="F2963">
            <v>75023</v>
          </cell>
          <cell r="Z2963" t="str">
            <v>SMEIPF</v>
          </cell>
          <cell r="AN2963" t="str">
            <v>MDO C&amp;M</v>
          </cell>
          <cell r="AO2963" t="str">
            <v>MDO OH/KEN C&amp;M</v>
          </cell>
        </row>
        <row r="2964">
          <cell r="F2964">
            <v>75023</v>
          </cell>
          <cell r="Z2964" t="str">
            <v>SMEIPF</v>
          </cell>
          <cell r="AN2964" t="str">
            <v>MDO C&amp;M</v>
          </cell>
          <cell r="AO2964" t="str">
            <v>MDO OH/KEN C&amp;M</v>
          </cell>
        </row>
        <row r="2965">
          <cell r="F2965">
            <v>75023</v>
          </cell>
          <cell r="Z2965" t="str">
            <v>SMEIPF</v>
          </cell>
          <cell r="AN2965" t="str">
            <v>MDO C&amp;M</v>
          </cell>
          <cell r="AO2965" t="str">
            <v>MDO OH/KEN C&amp;M</v>
          </cell>
        </row>
        <row r="2966">
          <cell r="F2966">
            <v>75023</v>
          </cell>
          <cell r="Z2966" t="str">
            <v>SMEIPF</v>
          </cell>
          <cell r="AN2966" t="str">
            <v>MDO C&amp;M</v>
          </cell>
          <cell r="AO2966" t="str">
            <v>MDO OH/KEN C&amp;M</v>
          </cell>
        </row>
        <row r="2967">
          <cell r="F2967">
            <v>75023</v>
          </cell>
          <cell r="Z2967" t="str">
            <v>SMEIPF</v>
          </cell>
          <cell r="AN2967" t="str">
            <v>MDO C&amp;M</v>
          </cell>
          <cell r="AO2967" t="str">
            <v>MDO OH/KEN C&amp;M</v>
          </cell>
        </row>
        <row r="2968">
          <cell r="F2968">
            <v>75023</v>
          </cell>
          <cell r="Z2968" t="str">
            <v>SMEIPF</v>
          </cell>
          <cell r="AN2968" t="str">
            <v>MDO C&amp;M</v>
          </cell>
          <cell r="AO2968" t="str">
            <v>MDO OH/KEN C&amp;M</v>
          </cell>
        </row>
        <row r="2969">
          <cell r="F2969">
            <v>75023</v>
          </cell>
          <cell r="Z2969" t="str">
            <v>SMEIPF</v>
          </cell>
          <cell r="AN2969" t="str">
            <v>MDO C&amp;M</v>
          </cell>
          <cell r="AO2969" t="str">
            <v>MDO OH/KEN C&amp;M</v>
          </cell>
        </row>
        <row r="2970">
          <cell r="F2970">
            <v>75023</v>
          </cell>
          <cell r="Z2970" t="str">
            <v>SMEIPF</v>
          </cell>
          <cell r="AN2970" t="str">
            <v>MDO C&amp;M</v>
          </cell>
          <cell r="AO2970" t="str">
            <v>MDO OH/KEN C&amp;M</v>
          </cell>
        </row>
        <row r="2971">
          <cell r="F2971">
            <v>75023</v>
          </cell>
          <cell r="Z2971" t="str">
            <v>SMEIPF</v>
          </cell>
          <cell r="AN2971" t="str">
            <v>MDO C&amp;M</v>
          </cell>
          <cell r="AO2971" t="str">
            <v>MDO OH/KEN C&amp;M</v>
          </cell>
        </row>
        <row r="2972">
          <cell r="F2972">
            <v>75023</v>
          </cell>
          <cell r="Z2972" t="str">
            <v>SMEIPF</v>
          </cell>
          <cell r="AN2972" t="str">
            <v>MDO C&amp;M</v>
          </cell>
          <cell r="AO2972" t="str">
            <v>MDO OH/KEN C&amp;M</v>
          </cell>
        </row>
        <row r="2973">
          <cell r="F2973">
            <v>75023</v>
          </cell>
          <cell r="Z2973" t="str">
            <v>SMEIPF</v>
          </cell>
          <cell r="AN2973" t="str">
            <v>MDO C&amp;M</v>
          </cell>
          <cell r="AO2973" t="str">
            <v>MDO OH/KEN C&amp;M</v>
          </cell>
        </row>
        <row r="2974">
          <cell r="F2974">
            <v>75023</v>
          </cell>
          <cell r="Z2974" t="str">
            <v>SMEIPF</v>
          </cell>
          <cell r="AN2974" t="str">
            <v>MDO C&amp;M</v>
          </cell>
          <cell r="AO2974" t="str">
            <v>MDO OH/KEN C&amp;M</v>
          </cell>
        </row>
        <row r="2975">
          <cell r="F2975">
            <v>75023</v>
          </cell>
          <cell r="Z2975" t="str">
            <v>SMEIPF</v>
          </cell>
          <cell r="AN2975" t="str">
            <v>MDO C&amp;M</v>
          </cell>
          <cell r="AO2975" t="str">
            <v>MDO OH/KEN C&amp;M</v>
          </cell>
        </row>
        <row r="2976">
          <cell r="F2976">
            <v>75023</v>
          </cell>
          <cell r="Z2976" t="str">
            <v>SMEIPF</v>
          </cell>
          <cell r="AN2976" t="str">
            <v>MDO C&amp;M</v>
          </cell>
          <cell r="AO2976" t="str">
            <v>MDO OH/KEN C&amp;M</v>
          </cell>
        </row>
        <row r="2977">
          <cell r="F2977">
            <v>75023</v>
          </cell>
          <cell r="Z2977" t="str">
            <v>SMEIPF</v>
          </cell>
          <cell r="AN2977" t="str">
            <v>MDO C&amp;M</v>
          </cell>
          <cell r="AO2977" t="str">
            <v>MDO OH/KEN C&amp;M</v>
          </cell>
        </row>
        <row r="2978">
          <cell r="F2978">
            <v>75023</v>
          </cell>
          <cell r="Z2978" t="str">
            <v>SMEIPF</v>
          </cell>
          <cell r="AN2978" t="str">
            <v>MDO C&amp;M</v>
          </cell>
          <cell r="AO2978" t="str">
            <v>MDO OH/KEN C&amp;M</v>
          </cell>
        </row>
        <row r="2979">
          <cell r="F2979">
            <v>75023</v>
          </cell>
          <cell r="Z2979" t="str">
            <v>SMEIPF</v>
          </cell>
          <cell r="AN2979" t="str">
            <v>MDO C&amp;M</v>
          </cell>
          <cell r="AO2979" t="str">
            <v>MDO OH/KEN C&amp;M</v>
          </cell>
        </row>
        <row r="2980">
          <cell r="F2980">
            <v>75023</v>
          </cell>
          <cell r="Z2980" t="str">
            <v>SMEIPF</v>
          </cell>
          <cell r="AN2980" t="str">
            <v>MDO C&amp;M</v>
          </cell>
          <cell r="AO2980" t="str">
            <v>MDO OH/KEN C&amp;M</v>
          </cell>
        </row>
        <row r="2981">
          <cell r="F2981">
            <v>75023</v>
          </cell>
          <cell r="Z2981" t="str">
            <v>SMEIPF</v>
          </cell>
          <cell r="AN2981" t="str">
            <v>MDO C&amp;M</v>
          </cell>
          <cell r="AO2981" t="str">
            <v>MDO OH/KEN C&amp;M</v>
          </cell>
        </row>
        <row r="2982">
          <cell r="F2982">
            <v>75023</v>
          </cell>
          <cell r="Z2982" t="str">
            <v>SMEIPF</v>
          </cell>
          <cell r="AN2982" t="str">
            <v>MDO C&amp;M</v>
          </cell>
          <cell r="AO2982" t="str">
            <v>MDO OH/KEN C&amp;M</v>
          </cell>
        </row>
        <row r="2983">
          <cell r="F2983">
            <v>75023</v>
          </cell>
          <cell r="Z2983" t="str">
            <v>SMEIPF</v>
          </cell>
          <cell r="AN2983" t="str">
            <v>MDO C&amp;M</v>
          </cell>
          <cell r="AO2983" t="str">
            <v>MDO OH/KEN C&amp;M</v>
          </cell>
        </row>
        <row r="2984">
          <cell r="F2984">
            <v>75023</v>
          </cell>
          <cell r="Z2984" t="str">
            <v>SMEIPF</v>
          </cell>
          <cell r="AN2984" t="str">
            <v>MDO C&amp;M</v>
          </cell>
          <cell r="AO2984" t="str">
            <v>MDO OH/KEN C&amp;M</v>
          </cell>
        </row>
        <row r="2985">
          <cell r="F2985">
            <v>75023</v>
          </cell>
          <cell r="Z2985" t="str">
            <v>SMEIPF</v>
          </cell>
          <cell r="AN2985" t="str">
            <v>MDO C&amp;M</v>
          </cell>
          <cell r="AO2985" t="str">
            <v>MDO OH/KEN C&amp;M</v>
          </cell>
        </row>
        <row r="2986">
          <cell r="F2986">
            <v>75023</v>
          </cell>
          <cell r="Z2986" t="str">
            <v>SMEIPF</v>
          </cell>
          <cell r="AN2986" t="str">
            <v>MDO C&amp;M</v>
          </cell>
          <cell r="AO2986" t="str">
            <v>MDO OH/KEN C&amp;M</v>
          </cell>
        </row>
        <row r="2987">
          <cell r="F2987">
            <v>75023</v>
          </cell>
          <cell r="Z2987" t="str">
            <v>SMEIPF</v>
          </cell>
          <cell r="AN2987" t="str">
            <v>MDO C&amp;M</v>
          </cell>
          <cell r="AO2987" t="str">
            <v>MDO OH/KEN C&amp;M</v>
          </cell>
        </row>
        <row r="2988">
          <cell r="F2988">
            <v>75023</v>
          </cell>
          <cell r="Z2988" t="str">
            <v>SMEIPF</v>
          </cell>
          <cell r="AN2988" t="str">
            <v>MDO C&amp;M</v>
          </cell>
          <cell r="AO2988" t="str">
            <v>MDO OH/KEN C&amp;M</v>
          </cell>
        </row>
        <row r="2989">
          <cell r="F2989">
            <v>75023</v>
          </cell>
          <cell r="Z2989" t="str">
            <v>SMEIPF</v>
          </cell>
          <cell r="AN2989" t="str">
            <v>MDO C&amp;M</v>
          </cell>
          <cell r="AO2989" t="str">
            <v>MDO OH/KEN C&amp;M</v>
          </cell>
        </row>
        <row r="2990">
          <cell r="F2990">
            <v>75023</v>
          </cell>
          <cell r="Z2990" t="str">
            <v>SMEIPF</v>
          </cell>
          <cell r="AN2990" t="str">
            <v>MDO C&amp;M</v>
          </cell>
          <cell r="AO2990" t="str">
            <v>MDO OH/KEN C&amp;M</v>
          </cell>
        </row>
        <row r="2991">
          <cell r="F2991">
            <v>75023</v>
          </cell>
          <cell r="Z2991" t="str">
            <v>SMEIPF</v>
          </cell>
          <cell r="AN2991" t="str">
            <v>MDO C&amp;M</v>
          </cell>
          <cell r="AO2991" t="str">
            <v>MDO OH/KEN C&amp;M</v>
          </cell>
        </row>
        <row r="2992">
          <cell r="F2992">
            <v>75023</v>
          </cell>
          <cell r="Z2992" t="str">
            <v>SMEIPF</v>
          </cell>
          <cell r="AN2992" t="str">
            <v>MDO C&amp;M</v>
          </cell>
          <cell r="AO2992" t="str">
            <v>MDO OH/KEN C&amp;M</v>
          </cell>
        </row>
        <row r="2993">
          <cell r="F2993">
            <v>75023</v>
          </cell>
          <cell r="Z2993" t="str">
            <v>SMEIPF</v>
          </cell>
          <cell r="AN2993" t="str">
            <v>MDO C&amp;M</v>
          </cell>
          <cell r="AO2993" t="str">
            <v>MDO OH/KEN C&amp;M</v>
          </cell>
        </row>
        <row r="2994">
          <cell r="F2994">
            <v>75023</v>
          </cell>
          <cell r="Z2994" t="str">
            <v>SMEIPF</v>
          </cell>
          <cell r="AN2994" t="str">
            <v>MDO C&amp;M</v>
          </cell>
          <cell r="AO2994" t="str">
            <v>MDO OH/KEN C&amp;M</v>
          </cell>
        </row>
        <row r="2995">
          <cell r="F2995">
            <v>75023</v>
          </cell>
          <cell r="Z2995" t="str">
            <v>SMEIPF</v>
          </cell>
          <cell r="AN2995" t="str">
            <v>MDO C&amp;M</v>
          </cell>
          <cell r="AO2995" t="str">
            <v>MDO OH/KEN C&amp;M</v>
          </cell>
        </row>
        <row r="2996">
          <cell r="F2996">
            <v>75023</v>
          </cell>
          <cell r="Z2996" t="str">
            <v>SMEIPF</v>
          </cell>
          <cell r="AN2996" t="str">
            <v>MDO C&amp;M</v>
          </cell>
          <cell r="AO2996" t="str">
            <v>MDO Contractor Mgt - OH/KY</v>
          </cell>
        </row>
        <row r="2997">
          <cell r="F2997">
            <v>75084</v>
          </cell>
          <cell r="Z2997" t="str">
            <v>SMEIPF</v>
          </cell>
          <cell r="AN2997" t="str">
            <v>MDO C&amp;M</v>
          </cell>
          <cell r="AO2997" t="str">
            <v>MDO OH/KEN C&amp;M</v>
          </cell>
        </row>
        <row r="2998">
          <cell r="F2998">
            <v>75084</v>
          </cell>
          <cell r="Z2998" t="str">
            <v>SMEIPF</v>
          </cell>
          <cell r="AN2998" t="str">
            <v>MDO C&amp;M</v>
          </cell>
          <cell r="AO2998" t="str">
            <v>MDO OH/KEN C&amp;M</v>
          </cell>
        </row>
        <row r="2999">
          <cell r="F2999">
            <v>75084</v>
          </cell>
          <cell r="Z2999" t="str">
            <v>SMEIPF</v>
          </cell>
          <cell r="AN2999" t="str">
            <v>MDO C&amp;M</v>
          </cell>
          <cell r="AO2999" t="str">
            <v>MDO OH/KEN C&amp;M</v>
          </cell>
        </row>
        <row r="3000">
          <cell r="F3000">
            <v>75084</v>
          </cell>
          <cell r="Z3000" t="str">
            <v>SMEIPF</v>
          </cell>
          <cell r="AN3000" t="str">
            <v>MDO C&amp;M</v>
          </cell>
          <cell r="AO3000" t="str">
            <v>MDO OH/KEN C&amp;M</v>
          </cell>
        </row>
        <row r="3001">
          <cell r="F3001">
            <v>75084</v>
          </cell>
          <cell r="Z3001" t="str">
            <v>SMEIPF</v>
          </cell>
          <cell r="AN3001" t="str">
            <v>MDO C&amp;M</v>
          </cell>
          <cell r="AO3001" t="str">
            <v>MDO OH/KEN C&amp;M</v>
          </cell>
        </row>
        <row r="3002">
          <cell r="F3002">
            <v>75084</v>
          </cell>
          <cell r="Z3002" t="str">
            <v>SMEIPF</v>
          </cell>
          <cell r="AN3002" t="str">
            <v>MDO C&amp;M</v>
          </cell>
          <cell r="AO3002" t="str">
            <v>MDO OH/KEN C&amp;M</v>
          </cell>
        </row>
        <row r="3003">
          <cell r="F3003">
            <v>75084</v>
          </cell>
          <cell r="Z3003" t="str">
            <v>SMEIPF</v>
          </cell>
          <cell r="AN3003" t="str">
            <v>MDO C&amp;M</v>
          </cell>
          <cell r="AO3003" t="str">
            <v>MDO OH/KEN C&amp;M</v>
          </cell>
        </row>
        <row r="3004">
          <cell r="F3004">
            <v>75084</v>
          </cell>
          <cell r="Z3004" t="str">
            <v>SMEIPF</v>
          </cell>
          <cell r="AN3004" t="str">
            <v>MDO C&amp;M</v>
          </cell>
          <cell r="AO3004" t="str">
            <v>MDO OH/KEN C&amp;M</v>
          </cell>
        </row>
        <row r="3005">
          <cell r="F3005">
            <v>75084</v>
          </cell>
          <cell r="Z3005" t="str">
            <v>SMEIPF</v>
          </cell>
          <cell r="AN3005" t="str">
            <v>MDO C&amp;M</v>
          </cell>
          <cell r="AO3005" t="str">
            <v>MDO OH/KEN C&amp;M</v>
          </cell>
        </row>
        <row r="3006">
          <cell r="F3006">
            <v>75084</v>
          </cell>
          <cell r="Z3006" t="str">
            <v>SMEIPF</v>
          </cell>
          <cell r="AN3006" t="str">
            <v>MDO C&amp;M</v>
          </cell>
          <cell r="AO3006" t="str">
            <v>MDO OH/KEN C&amp;M</v>
          </cell>
        </row>
        <row r="3007">
          <cell r="F3007">
            <v>75084</v>
          </cell>
          <cell r="Z3007" t="str">
            <v>SMEIPF</v>
          </cell>
          <cell r="AN3007" t="str">
            <v>MDO C&amp;M</v>
          </cell>
          <cell r="AO3007" t="str">
            <v>MDO OH/KEN C&amp;M</v>
          </cell>
        </row>
        <row r="3008">
          <cell r="F3008">
            <v>75084</v>
          </cell>
          <cell r="Z3008" t="str">
            <v>SMEIPF</v>
          </cell>
          <cell r="AN3008" t="str">
            <v>MDO C&amp;M</v>
          </cell>
          <cell r="AO3008" t="str">
            <v>MDO OH/KEN C&amp;M</v>
          </cell>
        </row>
        <row r="3009">
          <cell r="F3009">
            <v>75084</v>
          </cell>
          <cell r="Z3009" t="str">
            <v>SMEIPF</v>
          </cell>
          <cell r="AN3009" t="str">
            <v>MDO C&amp;M</v>
          </cell>
          <cell r="AO3009" t="str">
            <v>MDO OH/KEN C&amp;M</v>
          </cell>
        </row>
        <row r="3010">
          <cell r="F3010">
            <v>75084</v>
          </cell>
          <cell r="Z3010" t="str">
            <v>SMEIPF</v>
          </cell>
          <cell r="AN3010" t="str">
            <v>MDO C&amp;M</v>
          </cell>
          <cell r="AO3010" t="str">
            <v>MDO OH/KEN C&amp;M</v>
          </cell>
        </row>
        <row r="3011">
          <cell r="F3011">
            <v>75084</v>
          </cell>
          <cell r="Z3011" t="str">
            <v>SMEIPF</v>
          </cell>
          <cell r="AN3011" t="str">
            <v>MDO C&amp;M</v>
          </cell>
          <cell r="AO3011" t="str">
            <v>MDO OH/KEN C&amp;M</v>
          </cell>
        </row>
        <row r="3012">
          <cell r="F3012">
            <v>75084</v>
          </cell>
          <cell r="Z3012" t="str">
            <v>SMEIPF</v>
          </cell>
          <cell r="AN3012" t="str">
            <v>MDO C&amp;M</v>
          </cell>
          <cell r="AO3012" t="str">
            <v>MDO OH/KEN C&amp;M</v>
          </cell>
        </row>
        <row r="3013">
          <cell r="F3013">
            <v>75084</v>
          </cell>
          <cell r="Z3013" t="str">
            <v>SMEIPF</v>
          </cell>
          <cell r="AN3013" t="str">
            <v>MDO C&amp;M</v>
          </cell>
          <cell r="AO3013" t="str">
            <v>MDO OH/KEN C&amp;M</v>
          </cell>
        </row>
        <row r="3014">
          <cell r="F3014">
            <v>75084</v>
          </cell>
          <cell r="Z3014" t="str">
            <v>SMEIPF</v>
          </cell>
          <cell r="AN3014" t="str">
            <v>MDO C&amp;M</v>
          </cell>
          <cell r="AO3014" t="str">
            <v>MDO OH/KEN C&amp;M</v>
          </cell>
        </row>
        <row r="3015">
          <cell r="F3015">
            <v>75084</v>
          </cell>
          <cell r="Z3015" t="str">
            <v>SMEIPF</v>
          </cell>
          <cell r="AN3015" t="str">
            <v>MDO C&amp;M</v>
          </cell>
          <cell r="AO3015" t="str">
            <v>MDO OH/KEN C&amp;M</v>
          </cell>
        </row>
        <row r="3016">
          <cell r="F3016">
            <v>75084</v>
          </cell>
          <cell r="Z3016" t="str">
            <v>SMEIPF</v>
          </cell>
          <cell r="AN3016" t="str">
            <v>MDO C&amp;M</v>
          </cell>
          <cell r="AO3016" t="str">
            <v>MDO OH/KEN C&amp;M</v>
          </cell>
        </row>
        <row r="3017">
          <cell r="F3017">
            <v>75084</v>
          </cell>
          <cell r="Z3017" t="str">
            <v>SMEIPF</v>
          </cell>
          <cell r="AN3017" t="str">
            <v>MDO C&amp;M</v>
          </cell>
          <cell r="AO3017" t="str">
            <v>MDO OH/KEN C&amp;M</v>
          </cell>
        </row>
        <row r="3018">
          <cell r="F3018">
            <v>75084</v>
          </cell>
          <cell r="Z3018" t="str">
            <v>SMEIPF</v>
          </cell>
          <cell r="AN3018" t="str">
            <v>MDO C&amp;M</v>
          </cell>
          <cell r="AO3018" t="str">
            <v>MDO OH/KEN C&amp;M</v>
          </cell>
        </row>
        <row r="3019">
          <cell r="F3019">
            <v>75084</v>
          </cell>
          <cell r="Z3019" t="str">
            <v>SMEIPF</v>
          </cell>
          <cell r="AN3019" t="str">
            <v>MDO C&amp;M</v>
          </cell>
          <cell r="AO3019" t="str">
            <v>MDO OH/KEN C&amp;M</v>
          </cell>
        </row>
        <row r="3020">
          <cell r="F3020">
            <v>75084</v>
          </cell>
          <cell r="Z3020" t="str">
            <v>SMEIPF</v>
          </cell>
          <cell r="AN3020" t="str">
            <v>MDO C&amp;M</v>
          </cell>
          <cell r="AO3020" t="str">
            <v>MDO OH/KEN C&amp;M</v>
          </cell>
        </row>
        <row r="3021">
          <cell r="F3021">
            <v>75084</v>
          </cell>
          <cell r="Z3021" t="str">
            <v>SMEIPF</v>
          </cell>
          <cell r="AN3021" t="str">
            <v>MDO C&amp;M</v>
          </cell>
          <cell r="AO3021" t="str">
            <v>MDO OH/KEN C&amp;M</v>
          </cell>
        </row>
        <row r="3022">
          <cell r="F3022">
            <v>75084</v>
          </cell>
          <cell r="Z3022" t="str">
            <v>SMEIPF</v>
          </cell>
          <cell r="AN3022" t="str">
            <v>MDO C&amp;M</v>
          </cell>
          <cell r="AO3022" t="str">
            <v>MDO OH/KEN C&amp;M</v>
          </cell>
        </row>
        <row r="3023">
          <cell r="F3023">
            <v>75084</v>
          </cell>
          <cell r="Z3023" t="str">
            <v>SMEIPF</v>
          </cell>
          <cell r="AN3023" t="str">
            <v>MDO C&amp;M</v>
          </cell>
          <cell r="AO3023" t="str">
            <v>MDO OH/KEN C&amp;M</v>
          </cell>
        </row>
        <row r="3024">
          <cell r="F3024">
            <v>75084</v>
          </cell>
          <cell r="Z3024" t="str">
            <v>SMEIPF</v>
          </cell>
          <cell r="AN3024" t="str">
            <v>MDO C&amp;M</v>
          </cell>
          <cell r="AO3024" t="str">
            <v>MDO OH/KEN C&amp;M</v>
          </cell>
        </row>
        <row r="3025">
          <cell r="F3025">
            <v>75115</v>
          </cell>
          <cell r="Z3025" t="str">
            <v>SMEHIPROF</v>
          </cell>
          <cell r="AN3025" t="str">
            <v>MDO C&amp;M</v>
          </cell>
          <cell r="AO3025" t="str">
            <v>MDO INDIANA NORTH C&amp;M</v>
          </cell>
        </row>
        <row r="3026">
          <cell r="F3026">
            <v>75115</v>
          </cell>
          <cell r="Z3026" t="str">
            <v>SMEHIPROF</v>
          </cell>
          <cell r="AN3026" t="str">
            <v>MDO C&amp;M</v>
          </cell>
          <cell r="AO3026" t="str">
            <v>MDO INDIANA NORTH C&amp;M</v>
          </cell>
        </row>
        <row r="3027">
          <cell r="F3027">
            <v>75115</v>
          </cell>
          <cell r="Z3027" t="str">
            <v>SMEHIPROF</v>
          </cell>
          <cell r="AN3027" t="str">
            <v>MDO C&amp;M</v>
          </cell>
          <cell r="AO3027" t="str">
            <v>MDO INDIANA NORTH C&amp;M</v>
          </cell>
        </row>
        <row r="3028">
          <cell r="F3028">
            <v>75115</v>
          </cell>
          <cell r="Z3028" t="str">
            <v>SMEHIPROF</v>
          </cell>
          <cell r="AN3028" t="str">
            <v>MDO C&amp;M</v>
          </cell>
          <cell r="AO3028" t="str">
            <v>MDO INDIANA NORTH C&amp;M</v>
          </cell>
        </row>
        <row r="3029">
          <cell r="F3029">
            <v>75115</v>
          </cell>
          <cell r="Z3029" t="str">
            <v>SMEHIPROF</v>
          </cell>
          <cell r="AN3029" t="str">
            <v>MDO C&amp;M</v>
          </cell>
          <cell r="AO3029" t="str">
            <v>MDO INDIANA NORTH C&amp;M</v>
          </cell>
        </row>
        <row r="3030">
          <cell r="F3030">
            <v>75023</v>
          </cell>
          <cell r="Z3030" t="str">
            <v>DULMRPR</v>
          </cell>
          <cell r="AN3030" t="str">
            <v>MDO C&amp;M</v>
          </cell>
          <cell r="AO3030" t="str">
            <v>MDO OH/KEN C&amp;M</v>
          </cell>
        </row>
        <row r="3031">
          <cell r="F3031">
            <v>75023</v>
          </cell>
          <cell r="Z3031" t="str">
            <v>DULMRPR</v>
          </cell>
          <cell r="AN3031" t="str">
            <v>MDO C&amp;M</v>
          </cell>
          <cell r="AO3031" t="str">
            <v>MDO OH/KEN C&amp;M</v>
          </cell>
        </row>
        <row r="3032">
          <cell r="F3032">
            <v>75023</v>
          </cell>
          <cell r="Z3032" t="str">
            <v>DULMRPR</v>
          </cell>
          <cell r="AN3032" t="str">
            <v>MDO C&amp;M</v>
          </cell>
          <cell r="AO3032" t="str">
            <v>MDO OH/KEN C&amp;M</v>
          </cell>
        </row>
        <row r="3033">
          <cell r="F3033">
            <v>75023</v>
          </cell>
          <cell r="Z3033" t="str">
            <v>DULMRPR</v>
          </cell>
          <cell r="AN3033" t="str">
            <v>MDO C&amp;M</v>
          </cell>
          <cell r="AO3033" t="str">
            <v>MDO OH/KEN C&amp;M</v>
          </cell>
        </row>
        <row r="3034">
          <cell r="F3034">
            <v>75023</v>
          </cell>
          <cell r="Z3034" t="str">
            <v>DULMRPR</v>
          </cell>
          <cell r="AN3034" t="str">
            <v>MDO C&amp;M</v>
          </cell>
          <cell r="AO3034" t="str">
            <v>MDO OH/KEN C&amp;M</v>
          </cell>
        </row>
        <row r="3035">
          <cell r="F3035">
            <v>75023</v>
          </cell>
          <cell r="Z3035" t="str">
            <v>DULMRPR</v>
          </cell>
          <cell r="AN3035" t="str">
            <v>MDO C&amp;M</v>
          </cell>
          <cell r="AO3035" t="str">
            <v>MDO OH/KEN C&amp;M</v>
          </cell>
        </row>
        <row r="3036">
          <cell r="F3036">
            <v>75023</v>
          </cell>
          <cell r="Z3036" t="str">
            <v>DULMRPR</v>
          </cell>
          <cell r="AN3036" t="str">
            <v>MDO C&amp;M</v>
          </cell>
          <cell r="AO3036" t="str">
            <v>MDO OH/KEN C&amp;M</v>
          </cell>
        </row>
        <row r="3037">
          <cell r="F3037">
            <v>75023</v>
          </cell>
          <cell r="Z3037" t="str">
            <v>DULMRPR</v>
          </cell>
          <cell r="AN3037" t="str">
            <v>MDO C&amp;M</v>
          </cell>
          <cell r="AO3037" t="str">
            <v>MDO OH/KEN C&amp;M</v>
          </cell>
        </row>
        <row r="3038">
          <cell r="F3038">
            <v>75023</v>
          </cell>
          <cell r="Z3038" t="str">
            <v>DULMRPR</v>
          </cell>
          <cell r="AN3038" t="str">
            <v>MDO C&amp;M</v>
          </cell>
          <cell r="AO3038" t="str">
            <v>MDO OH/KEN C&amp;M</v>
          </cell>
        </row>
        <row r="3039">
          <cell r="F3039">
            <v>75023</v>
          </cell>
          <cell r="Z3039" t="str">
            <v>DULMRPR</v>
          </cell>
          <cell r="AN3039" t="str">
            <v>MDO C&amp;M</v>
          </cell>
          <cell r="AO3039" t="str">
            <v>MDO OH/KEN C&amp;M</v>
          </cell>
        </row>
        <row r="3040">
          <cell r="F3040">
            <v>75023</v>
          </cell>
          <cell r="Z3040" t="str">
            <v>DULMRPR</v>
          </cell>
          <cell r="AN3040" t="str">
            <v>MDO C&amp;M</v>
          </cell>
          <cell r="AO3040" t="str">
            <v>MDO OH/KEN C&amp;M</v>
          </cell>
        </row>
        <row r="3041">
          <cell r="F3041">
            <v>75023</v>
          </cell>
          <cell r="Z3041" t="str">
            <v>DULMRPR</v>
          </cell>
          <cell r="AN3041" t="str">
            <v>MDO C&amp;M</v>
          </cell>
          <cell r="AO3041" t="str">
            <v>MDO OH/KEN C&amp;M</v>
          </cell>
        </row>
        <row r="3042">
          <cell r="F3042">
            <v>75023</v>
          </cell>
          <cell r="Z3042" t="str">
            <v>DULMRPR</v>
          </cell>
          <cell r="AN3042" t="str">
            <v>MDO C&amp;M</v>
          </cell>
          <cell r="AO3042" t="str">
            <v>MDO OH/KEN C&amp;M</v>
          </cell>
        </row>
        <row r="3043">
          <cell r="F3043">
            <v>75023</v>
          </cell>
          <cell r="Z3043" t="str">
            <v>DULMRPR</v>
          </cell>
          <cell r="AN3043" t="str">
            <v>MDO C&amp;M</v>
          </cell>
          <cell r="AO3043" t="str">
            <v>MDO OH/KEN C&amp;M</v>
          </cell>
        </row>
        <row r="3044">
          <cell r="F3044">
            <v>75023</v>
          </cell>
          <cell r="Z3044" t="str">
            <v>DULMRPR</v>
          </cell>
          <cell r="AN3044" t="str">
            <v>MDO C&amp;M</v>
          </cell>
          <cell r="AO3044" t="str">
            <v>MDO OH/KEN C&amp;M</v>
          </cell>
        </row>
        <row r="3045">
          <cell r="F3045">
            <v>75023</v>
          </cell>
          <cell r="Z3045" t="str">
            <v>DULMRPR</v>
          </cell>
          <cell r="AN3045" t="str">
            <v>MDO C&amp;M</v>
          </cell>
          <cell r="AO3045" t="str">
            <v>MDO OH/KEN C&amp;M</v>
          </cell>
        </row>
        <row r="3046">
          <cell r="F3046">
            <v>75023</v>
          </cell>
          <cell r="Z3046" t="str">
            <v>DULMRPR</v>
          </cell>
          <cell r="AN3046" t="str">
            <v>MDO C&amp;M</v>
          </cell>
          <cell r="AO3046" t="str">
            <v>MDO OH/KEN C&amp;M</v>
          </cell>
        </row>
        <row r="3047">
          <cell r="F3047">
            <v>75023</v>
          </cell>
          <cell r="Z3047" t="str">
            <v>DULMRPR</v>
          </cell>
          <cell r="AN3047" t="str">
            <v>MDO C&amp;M</v>
          </cell>
          <cell r="AO3047" t="str">
            <v>MDO OH/KEN C&amp;M</v>
          </cell>
        </row>
        <row r="3048">
          <cell r="F3048">
            <v>75023</v>
          </cell>
          <cell r="Z3048" t="str">
            <v>DULMRPR</v>
          </cell>
          <cell r="AN3048" t="str">
            <v>MDO C&amp;M</v>
          </cell>
          <cell r="AO3048" t="str">
            <v>MDO OH/KEN C&amp;M</v>
          </cell>
        </row>
        <row r="3049">
          <cell r="F3049">
            <v>75023</v>
          </cell>
          <cell r="Z3049" t="str">
            <v>DULMRPR</v>
          </cell>
          <cell r="AN3049" t="str">
            <v>MDO C&amp;M</v>
          </cell>
          <cell r="AO3049" t="str">
            <v>MDO OH/KEN C&amp;M</v>
          </cell>
        </row>
        <row r="3050">
          <cell r="F3050">
            <v>75023</v>
          </cell>
          <cell r="Z3050" t="str">
            <v>DULMRPR</v>
          </cell>
          <cell r="AN3050" t="str">
            <v>MDO C&amp;M</v>
          </cell>
          <cell r="AO3050" t="str">
            <v>MDO OH/KEN C&amp;M</v>
          </cell>
        </row>
        <row r="3051">
          <cell r="F3051">
            <v>75023</v>
          </cell>
          <cell r="Z3051" t="str">
            <v>DULMRPR</v>
          </cell>
          <cell r="AN3051" t="str">
            <v>MDO C&amp;M</v>
          </cell>
          <cell r="AO3051" t="str">
            <v>MDO OH/KEN C&amp;M</v>
          </cell>
        </row>
        <row r="3052">
          <cell r="F3052">
            <v>75023</v>
          </cell>
          <cell r="Z3052" t="str">
            <v>DULMRPR</v>
          </cell>
          <cell r="AN3052" t="str">
            <v>MDO C&amp;M</v>
          </cell>
          <cell r="AO3052" t="str">
            <v>MDO OH/KEN C&amp;M</v>
          </cell>
        </row>
        <row r="3053">
          <cell r="F3053">
            <v>75023</v>
          </cell>
          <cell r="Z3053" t="str">
            <v>DULMRPR</v>
          </cell>
          <cell r="AN3053" t="str">
            <v>MDO C&amp;M</v>
          </cell>
          <cell r="AO3053" t="str">
            <v>MDO OH/KEN C&amp;M</v>
          </cell>
        </row>
        <row r="3054">
          <cell r="F3054">
            <v>75023</v>
          </cell>
          <cell r="Z3054" t="str">
            <v>DULMRPR</v>
          </cell>
          <cell r="AN3054" t="str">
            <v>MDO C&amp;M</v>
          </cell>
          <cell r="AO3054" t="str">
            <v>MDO OH/KEN C&amp;M</v>
          </cell>
        </row>
        <row r="3055">
          <cell r="F3055">
            <v>75023</v>
          </cell>
          <cell r="Z3055" t="str">
            <v>DULMRPR</v>
          </cell>
          <cell r="AN3055" t="str">
            <v>MDO C&amp;M</v>
          </cell>
          <cell r="AO3055" t="str">
            <v>MDO OH/KEN C&amp;M</v>
          </cell>
        </row>
        <row r="3056">
          <cell r="F3056">
            <v>75023</v>
          </cell>
          <cell r="Z3056" t="str">
            <v>DULMRPR</v>
          </cell>
          <cell r="AN3056" t="str">
            <v>MDO C&amp;M</v>
          </cell>
          <cell r="AO3056" t="str">
            <v>MDO OH/KEN C&amp;M</v>
          </cell>
        </row>
        <row r="3057">
          <cell r="F3057">
            <v>75023</v>
          </cell>
          <cell r="Z3057" t="str">
            <v>DULMRPR</v>
          </cell>
          <cell r="AN3057" t="str">
            <v>MDO C&amp;M</v>
          </cell>
          <cell r="AO3057" t="str">
            <v>MDO OH/KEN C&amp;M</v>
          </cell>
        </row>
        <row r="3058">
          <cell r="F3058">
            <v>75023</v>
          </cell>
          <cell r="Z3058" t="str">
            <v>DULMRPR</v>
          </cell>
          <cell r="AN3058" t="str">
            <v>MDO C&amp;M</v>
          </cell>
          <cell r="AO3058" t="str">
            <v>MDO OH/KEN C&amp;M</v>
          </cell>
        </row>
        <row r="3059">
          <cell r="F3059">
            <v>75023</v>
          </cell>
          <cell r="Z3059" t="str">
            <v>DULMRPR</v>
          </cell>
          <cell r="AN3059" t="str">
            <v>MDO C&amp;M</v>
          </cell>
          <cell r="AO3059" t="str">
            <v>MDO OH/KEN C&amp;M</v>
          </cell>
        </row>
        <row r="3060">
          <cell r="F3060">
            <v>75023</v>
          </cell>
          <cell r="Z3060" t="str">
            <v>DULMRPR</v>
          </cell>
          <cell r="AN3060" t="str">
            <v>MDO C&amp;M</v>
          </cell>
          <cell r="AO3060" t="str">
            <v>MDO OH/KEN C&amp;M</v>
          </cell>
        </row>
        <row r="3061">
          <cell r="F3061">
            <v>75023</v>
          </cell>
          <cell r="Z3061" t="str">
            <v>DULMRPR</v>
          </cell>
          <cell r="AN3061" t="str">
            <v>MDO C&amp;M</v>
          </cell>
          <cell r="AO3061" t="str">
            <v>MDO OH/KEN C&amp;M</v>
          </cell>
        </row>
        <row r="3062">
          <cell r="F3062">
            <v>75023</v>
          </cell>
          <cell r="Z3062" t="str">
            <v>DULMRPR</v>
          </cell>
          <cell r="AN3062" t="str">
            <v>MDO C&amp;M</v>
          </cell>
          <cell r="AO3062" t="str">
            <v>MDO OH/KEN C&amp;M</v>
          </cell>
        </row>
        <row r="3063">
          <cell r="F3063">
            <v>75023</v>
          </cell>
          <cell r="Z3063" t="str">
            <v>DULMRPR</v>
          </cell>
          <cell r="AN3063" t="str">
            <v>MDO C&amp;M</v>
          </cell>
          <cell r="AO3063" t="str">
            <v>MDO OH/KEN C&amp;M</v>
          </cell>
        </row>
        <row r="3064">
          <cell r="F3064">
            <v>75023</v>
          </cell>
          <cell r="Z3064" t="str">
            <v>DULMRPR</v>
          </cell>
          <cell r="AN3064" t="str">
            <v>MDO C&amp;M</v>
          </cell>
          <cell r="AO3064" t="str">
            <v>MDO OH/KEN C&amp;M</v>
          </cell>
        </row>
        <row r="3065">
          <cell r="F3065">
            <v>75023</v>
          </cell>
          <cell r="Z3065" t="str">
            <v>DULMRPR</v>
          </cell>
          <cell r="AN3065" t="str">
            <v>MDO C&amp;M</v>
          </cell>
          <cell r="AO3065" t="str">
            <v>MDO OH/KEN C&amp;M</v>
          </cell>
        </row>
        <row r="3066">
          <cell r="F3066">
            <v>75023</v>
          </cell>
          <cell r="Z3066" t="str">
            <v>DULMRPR</v>
          </cell>
          <cell r="AN3066" t="str">
            <v>MDO C&amp;M</v>
          </cell>
          <cell r="AO3066" t="str">
            <v>MDO OH/KEN C&amp;M</v>
          </cell>
        </row>
        <row r="3067">
          <cell r="F3067">
            <v>75023</v>
          </cell>
          <cell r="Z3067" t="str">
            <v>DULMRPR</v>
          </cell>
          <cell r="AN3067" t="str">
            <v>MDO C&amp;M</v>
          </cell>
          <cell r="AO3067" t="str">
            <v>MDO OH/KEN C&amp;M</v>
          </cell>
        </row>
        <row r="3068">
          <cell r="F3068">
            <v>75023</v>
          </cell>
          <cell r="Z3068" t="str">
            <v>DULMRPR</v>
          </cell>
          <cell r="AN3068" t="str">
            <v>MDO C&amp;M</v>
          </cell>
          <cell r="AO3068" t="str">
            <v>MDO OH/KEN C&amp;M</v>
          </cell>
        </row>
        <row r="3069">
          <cell r="F3069">
            <v>75023</v>
          </cell>
          <cell r="Z3069" t="str">
            <v>DULMRPR</v>
          </cell>
          <cell r="AN3069" t="str">
            <v>MDO C&amp;M</v>
          </cell>
          <cell r="AO3069" t="str">
            <v>MDO OH/KEN C&amp;M</v>
          </cell>
        </row>
        <row r="3070">
          <cell r="F3070">
            <v>75023</v>
          </cell>
          <cell r="Z3070" t="str">
            <v>DULMRPR</v>
          </cell>
          <cell r="AN3070" t="str">
            <v>MDO C&amp;M</v>
          </cell>
          <cell r="AO3070" t="str">
            <v>MDO OH/KEN C&amp;M</v>
          </cell>
        </row>
        <row r="3071">
          <cell r="F3071">
            <v>75023</v>
          </cell>
          <cell r="Z3071" t="str">
            <v>DULMRPR</v>
          </cell>
          <cell r="AN3071" t="str">
            <v>MDO C&amp;M</v>
          </cell>
          <cell r="AO3071" t="str">
            <v>MDO OH/KEN C&amp;M</v>
          </cell>
        </row>
        <row r="3072">
          <cell r="F3072">
            <v>75023</v>
          </cell>
          <cell r="Z3072" t="str">
            <v>DULMRPR</v>
          </cell>
          <cell r="AN3072" t="str">
            <v>MDO C&amp;M</v>
          </cell>
          <cell r="AO3072" t="str">
            <v>MDO OH/KEN C&amp;M</v>
          </cell>
        </row>
        <row r="3073">
          <cell r="F3073">
            <v>75023</v>
          </cell>
          <cell r="Z3073" t="str">
            <v>DULMRPR</v>
          </cell>
          <cell r="AN3073" t="str">
            <v>MDO C&amp;M</v>
          </cell>
          <cell r="AO3073" t="str">
            <v>MDO OH/KEN C&amp;M</v>
          </cell>
        </row>
        <row r="3074">
          <cell r="F3074">
            <v>75023</v>
          </cell>
          <cell r="Z3074" t="str">
            <v>DULMRPR</v>
          </cell>
          <cell r="AN3074" t="str">
            <v>MDO C&amp;M</v>
          </cell>
          <cell r="AO3074" t="str">
            <v>MDO OH/KEN C&amp;M</v>
          </cell>
        </row>
        <row r="3075">
          <cell r="F3075">
            <v>75023</v>
          </cell>
          <cell r="Z3075" t="str">
            <v>DULMRPR</v>
          </cell>
          <cell r="AN3075" t="str">
            <v>MDO C&amp;M</v>
          </cell>
          <cell r="AO3075" t="str">
            <v>MDO OH/KEN C&amp;M</v>
          </cell>
        </row>
        <row r="3076">
          <cell r="F3076">
            <v>75023</v>
          </cell>
          <cell r="Z3076" t="str">
            <v>DULMRPR</v>
          </cell>
          <cell r="AN3076" t="str">
            <v>MDO C&amp;M</v>
          </cell>
          <cell r="AO3076" t="str">
            <v>MDO OH/KEN C&amp;M</v>
          </cell>
        </row>
        <row r="3077">
          <cell r="F3077">
            <v>75023</v>
          </cell>
          <cell r="Z3077" t="str">
            <v>DULMRPR</v>
          </cell>
          <cell r="AN3077" t="str">
            <v>MDO C&amp;M</v>
          </cell>
          <cell r="AO3077" t="str">
            <v>MDO OH/KEN C&amp;M</v>
          </cell>
        </row>
        <row r="3078">
          <cell r="F3078">
            <v>75023</v>
          </cell>
          <cell r="Z3078" t="str">
            <v>DULMRPR</v>
          </cell>
          <cell r="AN3078" t="str">
            <v>MDO C&amp;M</v>
          </cell>
          <cell r="AO3078" t="str">
            <v>MDO OH/KEN C&amp;M</v>
          </cell>
        </row>
        <row r="3079">
          <cell r="F3079">
            <v>75023</v>
          </cell>
          <cell r="Z3079" t="str">
            <v>DULMRPR</v>
          </cell>
          <cell r="AN3079" t="str">
            <v>MDO C&amp;M</v>
          </cell>
          <cell r="AO3079" t="str">
            <v>MDO OH/KEN C&amp;M</v>
          </cell>
        </row>
        <row r="3080">
          <cell r="F3080">
            <v>75023</v>
          </cell>
          <cell r="Z3080" t="str">
            <v>DULMRPR</v>
          </cell>
          <cell r="AN3080" t="str">
            <v>MDO C&amp;M</v>
          </cell>
          <cell r="AO3080" t="str">
            <v>MDO OH/KEN C&amp;M</v>
          </cell>
        </row>
        <row r="3081">
          <cell r="F3081">
            <v>75023</v>
          </cell>
          <cell r="Z3081" t="str">
            <v>DULMRPR</v>
          </cell>
          <cell r="AN3081" t="str">
            <v>MDO C&amp;M</v>
          </cell>
          <cell r="AO3081" t="str">
            <v>MDO OH/KEN C&amp;M</v>
          </cell>
        </row>
        <row r="3082">
          <cell r="F3082">
            <v>75023</v>
          </cell>
          <cell r="Z3082" t="str">
            <v>DULMRPR</v>
          </cell>
          <cell r="AN3082" t="str">
            <v>MDO C&amp;M</v>
          </cell>
          <cell r="AO3082" t="str">
            <v>MDO OH/KEN C&amp;M</v>
          </cell>
        </row>
        <row r="3083">
          <cell r="F3083">
            <v>75023</v>
          </cell>
          <cell r="Z3083" t="str">
            <v>DULMRPR</v>
          </cell>
          <cell r="AN3083" t="str">
            <v>MDO C&amp;M</v>
          </cell>
          <cell r="AO3083" t="str">
            <v>MDO OH/KEN C&amp;M</v>
          </cell>
        </row>
        <row r="3084">
          <cell r="F3084">
            <v>75023</v>
          </cell>
          <cell r="Z3084" t="str">
            <v>DULMRPR</v>
          </cell>
          <cell r="AN3084" t="str">
            <v>MDO C&amp;M</v>
          </cell>
          <cell r="AO3084" t="str">
            <v>MDO OH/KEN C&amp;M</v>
          </cell>
        </row>
        <row r="3085">
          <cell r="F3085">
            <v>75023</v>
          </cell>
          <cell r="Z3085" t="str">
            <v>DULMRPR</v>
          </cell>
          <cell r="AN3085" t="str">
            <v>MDO C&amp;M</v>
          </cell>
          <cell r="AO3085" t="str">
            <v>MDO OH/KEN C&amp;M</v>
          </cell>
        </row>
        <row r="3086">
          <cell r="F3086">
            <v>75023</v>
          </cell>
          <cell r="Z3086" t="str">
            <v>DULMRPR</v>
          </cell>
          <cell r="AN3086" t="str">
            <v>MDO C&amp;M</v>
          </cell>
          <cell r="AO3086" t="str">
            <v>MDO OH/KEN C&amp;M</v>
          </cell>
        </row>
        <row r="3087">
          <cell r="F3087">
            <v>75084</v>
          </cell>
          <cell r="Z3087" t="str">
            <v>DULMRPR</v>
          </cell>
          <cell r="AN3087" t="str">
            <v>MDO C&amp;M</v>
          </cell>
          <cell r="AO3087" t="str">
            <v>MDO OH/KEN C&amp;M</v>
          </cell>
        </row>
        <row r="3088">
          <cell r="F3088">
            <v>75084</v>
          </cell>
          <cell r="Z3088" t="str">
            <v>DULMRPR</v>
          </cell>
          <cell r="AN3088" t="str">
            <v>MDO C&amp;M</v>
          </cell>
          <cell r="AO3088" t="str">
            <v>MDO OH/KEN C&amp;M</v>
          </cell>
        </row>
        <row r="3089">
          <cell r="F3089">
            <v>75084</v>
          </cell>
          <cell r="Z3089" t="str">
            <v>DULMRPR</v>
          </cell>
          <cell r="AN3089" t="str">
            <v>MDO C&amp;M</v>
          </cell>
          <cell r="AO3089" t="str">
            <v>MDO OH/KEN C&amp;M</v>
          </cell>
        </row>
        <row r="3090">
          <cell r="F3090">
            <v>75084</v>
          </cell>
          <cell r="Z3090" t="str">
            <v>DULMRPR</v>
          </cell>
          <cell r="AN3090" t="str">
            <v>MDO C&amp;M</v>
          </cell>
          <cell r="AO3090" t="str">
            <v>MDO OH/KEN C&amp;M</v>
          </cell>
        </row>
        <row r="3091">
          <cell r="F3091">
            <v>75084</v>
          </cell>
          <cell r="Z3091" t="str">
            <v>DULMRPR</v>
          </cell>
          <cell r="AN3091" t="str">
            <v>MDO C&amp;M</v>
          </cell>
          <cell r="AO3091" t="str">
            <v>MDO OH/KEN C&amp;M</v>
          </cell>
        </row>
        <row r="3092">
          <cell r="F3092">
            <v>75084</v>
          </cell>
          <cell r="Z3092" t="str">
            <v>DULMRPR</v>
          </cell>
          <cell r="AN3092" t="str">
            <v>MDO C&amp;M</v>
          </cell>
          <cell r="AO3092" t="str">
            <v>MDO OH/KEN C&amp;M</v>
          </cell>
        </row>
        <row r="3093">
          <cell r="F3093">
            <v>75084</v>
          </cell>
          <cell r="Z3093" t="str">
            <v>DULMRPR</v>
          </cell>
          <cell r="AN3093" t="str">
            <v>MDO C&amp;M</v>
          </cell>
          <cell r="AO3093" t="str">
            <v>MDO OH/KEN C&amp;M</v>
          </cell>
        </row>
        <row r="3094">
          <cell r="F3094">
            <v>75084</v>
          </cell>
          <cell r="Z3094" t="str">
            <v>DULMRPR</v>
          </cell>
          <cell r="AN3094" t="str">
            <v>MDO C&amp;M</v>
          </cell>
          <cell r="AO3094" t="str">
            <v>MDO OH/KEN C&amp;M</v>
          </cell>
        </row>
        <row r="3095">
          <cell r="F3095">
            <v>75084</v>
          </cell>
          <cell r="Z3095" t="str">
            <v>DULMRPR</v>
          </cell>
          <cell r="AN3095" t="str">
            <v>MDO C&amp;M</v>
          </cell>
          <cell r="AO3095" t="str">
            <v>MDO OH/KEN C&amp;M</v>
          </cell>
        </row>
        <row r="3096">
          <cell r="F3096">
            <v>75084</v>
          </cell>
          <cell r="Z3096" t="str">
            <v>DULMRPR</v>
          </cell>
          <cell r="AN3096" t="str">
            <v>MDO C&amp;M</v>
          </cell>
          <cell r="AO3096" t="str">
            <v>MDO OH/KEN C&amp;M</v>
          </cell>
        </row>
        <row r="3097">
          <cell r="F3097">
            <v>75115</v>
          </cell>
          <cell r="Z3097" t="str">
            <v>DULMRPR</v>
          </cell>
          <cell r="AN3097" t="str">
            <v>MDO C&amp;M</v>
          </cell>
          <cell r="AO3097" t="str">
            <v>MDO INDIANA SOUTHWEST C&amp;M</v>
          </cell>
        </row>
        <row r="3098">
          <cell r="F3098">
            <v>75115</v>
          </cell>
          <cell r="Z3098" t="str">
            <v>DULMRPR</v>
          </cell>
          <cell r="AN3098" t="str">
            <v>MDO C&amp;M</v>
          </cell>
          <cell r="AO3098" t="str">
            <v>MDO INDIANA SOUTHWEST C&amp;M</v>
          </cell>
        </row>
        <row r="3099">
          <cell r="F3099">
            <v>75115</v>
          </cell>
          <cell r="Z3099" t="str">
            <v>DULMRPR</v>
          </cell>
          <cell r="AN3099" t="str">
            <v>MDO C&amp;M</v>
          </cell>
          <cell r="AO3099" t="str">
            <v>MDO INDIANA SOUTHWEST C&amp;M</v>
          </cell>
        </row>
        <row r="3100">
          <cell r="F3100">
            <v>75115</v>
          </cell>
          <cell r="Z3100" t="str">
            <v>DULMRPR</v>
          </cell>
          <cell r="AN3100" t="str">
            <v>MDO C&amp;M</v>
          </cell>
          <cell r="AO3100" t="str">
            <v>MDO INDIANA SOUTHWEST C&amp;M</v>
          </cell>
        </row>
        <row r="3101">
          <cell r="F3101">
            <v>75115</v>
          </cell>
          <cell r="Z3101" t="str">
            <v>DULMRPR</v>
          </cell>
          <cell r="AN3101" t="str">
            <v>MDO C&amp;M</v>
          </cell>
          <cell r="AO3101" t="str">
            <v>MDO INDIANA SOUTHWEST C&amp;M</v>
          </cell>
        </row>
        <row r="3102">
          <cell r="F3102">
            <v>75115</v>
          </cell>
          <cell r="Z3102" t="str">
            <v>DULMRPR</v>
          </cell>
          <cell r="AN3102" t="str">
            <v>MDO C&amp;M</v>
          </cell>
          <cell r="AO3102" t="str">
            <v>MDO INDIANA SOUTHWEST C&amp;M</v>
          </cell>
        </row>
        <row r="3103">
          <cell r="F3103">
            <v>75115</v>
          </cell>
          <cell r="Z3103" t="str">
            <v>DULMRPR</v>
          </cell>
          <cell r="AN3103" t="str">
            <v>MDO C&amp;M</v>
          </cell>
          <cell r="AO3103" t="str">
            <v>MDO INDIANA SOUTHWEST C&amp;M</v>
          </cell>
        </row>
        <row r="3104">
          <cell r="F3104">
            <v>75115</v>
          </cell>
          <cell r="Z3104" t="str">
            <v>DULMRPR</v>
          </cell>
          <cell r="AN3104" t="str">
            <v>MDO C&amp;M</v>
          </cell>
          <cell r="AO3104" t="str">
            <v>MDO INDIANA SOUTHWEST C&amp;M</v>
          </cell>
        </row>
        <row r="3105">
          <cell r="F3105">
            <v>75115</v>
          </cell>
          <cell r="Z3105" t="str">
            <v>DULMRPR</v>
          </cell>
          <cell r="AN3105" t="str">
            <v>MDO C&amp;M</v>
          </cell>
          <cell r="AO3105" t="str">
            <v>MDO INDIANA SOUTHWEST C&amp;M</v>
          </cell>
        </row>
        <row r="3106">
          <cell r="F3106">
            <v>75115</v>
          </cell>
          <cell r="Z3106" t="str">
            <v>DULMRPR</v>
          </cell>
          <cell r="AN3106" t="str">
            <v>MDO C&amp;M</v>
          </cell>
          <cell r="AO3106" t="str">
            <v>MDO INDIANA SOUTHWEST C&amp;M</v>
          </cell>
        </row>
        <row r="3107">
          <cell r="F3107">
            <v>75115</v>
          </cell>
          <cell r="Z3107" t="str">
            <v>DULMRPR</v>
          </cell>
          <cell r="AN3107" t="str">
            <v>MDO C&amp;M</v>
          </cell>
          <cell r="AO3107" t="str">
            <v>MDO INDIANA SOUTHWEST C&amp;M</v>
          </cell>
        </row>
        <row r="3108">
          <cell r="F3108">
            <v>75115</v>
          </cell>
          <cell r="Z3108" t="str">
            <v>DULMRPR</v>
          </cell>
          <cell r="AN3108" t="str">
            <v>MDO C&amp;M</v>
          </cell>
          <cell r="AO3108" t="str">
            <v>MDO INDIANA SOUTHWEST C&amp;M</v>
          </cell>
        </row>
        <row r="3109">
          <cell r="F3109">
            <v>75115</v>
          </cell>
          <cell r="Z3109" t="str">
            <v>DULMRPR</v>
          </cell>
          <cell r="AN3109" t="str">
            <v>MDO C&amp;M</v>
          </cell>
          <cell r="AO3109" t="str">
            <v>MDO INDIANA SOUTHWEST C&amp;M</v>
          </cell>
        </row>
        <row r="3110">
          <cell r="F3110">
            <v>75115</v>
          </cell>
          <cell r="Z3110" t="str">
            <v>DULMRPR</v>
          </cell>
          <cell r="AN3110" t="str">
            <v>MDO C&amp;M</v>
          </cell>
          <cell r="AO3110" t="str">
            <v>MDO INDIANA SOUTHWEST C&amp;M</v>
          </cell>
        </row>
        <row r="3111">
          <cell r="F3111">
            <v>75115</v>
          </cell>
          <cell r="Z3111" t="str">
            <v>DULMRPR</v>
          </cell>
          <cell r="AN3111" t="str">
            <v>MDO C&amp;M</v>
          </cell>
          <cell r="AO3111" t="str">
            <v>MDO INDIANA SOUTHWEST C&amp;M</v>
          </cell>
        </row>
        <row r="3112">
          <cell r="F3112">
            <v>75115</v>
          </cell>
          <cell r="Z3112" t="str">
            <v>DULMRPR</v>
          </cell>
          <cell r="AN3112" t="str">
            <v>MDO C&amp;M</v>
          </cell>
          <cell r="AO3112" t="str">
            <v>MDO INDIANA SOUTHWEST C&amp;M</v>
          </cell>
        </row>
        <row r="3113">
          <cell r="F3113">
            <v>75115</v>
          </cell>
          <cell r="Z3113" t="str">
            <v>DULMRPR</v>
          </cell>
          <cell r="AN3113" t="str">
            <v>MDO C&amp;M</v>
          </cell>
          <cell r="AO3113" t="str">
            <v>MDO INDIANA SOUTHWEST C&amp;M</v>
          </cell>
        </row>
        <row r="3114">
          <cell r="F3114">
            <v>75115</v>
          </cell>
          <cell r="Z3114" t="str">
            <v>DULMRPR</v>
          </cell>
          <cell r="AN3114" t="str">
            <v>MDO C&amp;M</v>
          </cell>
          <cell r="AO3114" t="str">
            <v>MDO INDIANA SOUTHWEST C&amp;M</v>
          </cell>
        </row>
        <row r="3115">
          <cell r="F3115">
            <v>75115</v>
          </cell>
          <cell r="Z3115" t="str">
            <v>DULMRPR</v>
          </cell>
          <cell r="AN3115" t="str">
            <v>MDO C&amp;M</v>
          </cell>
          <cell r="AO3115" t="str">
            <v>MDO INDIANA SOUTHWEST C&amp;M</v>
          </cell>
        </row>
        <row r="3116">
          <cell r="F3116">
            <v>75115</v>
          </cell>
          <cell r="Z3116" t="str">
            <v>DULMRPR</v>
          </cell>
          <cell r="AN3116" t="str">
            <v>MDO C&amp;M</v>
          </cell>
          <cell r="AO3116" t="str">
            <v>MDO INDIANA SOUTHWEST C&amp;M</v>
          </cell>
        </row>
        <row r="3117">
          <cell r="F3117">
            <v>75115</v>
          </cell>
          <cell r="Z3117" t="str">
            <v>DULMRPR</v>
          </cell>
          <cell r="AN3117" t="str">
            <v>MDO C&amp;M</v>
          </cell>
          <cell r="AO3117" t="str">
            <v>MDO INDIANA SOUTHWEST C&amp;M</v>
          </cell>
        </row>
        <row r="3118">
          <cell r="F3118">
            <v>75115</v>
          </cell>
          <cell r="Z3118" t="str">
            <v>DULMRPR</v>
          </cell>
          <cell r="AN3118" t="str">
            <v>MDO C&amp;M</v>
          </cell>
          <cell r="AO3118" t="str">
            <v>MDO INDIANA SOUTHWEST C&amp;M</v>
          </cell>
        </row>
        <row r="3119">
          <cell r="F3119">
            <v>75115</v>
          </cell>
          <cell r="Z3119" t="str">
            <v>DULMRPR</v>
          </cell>
          <cell r="AN3119" t="str">
            <v>MDO C&amp;M</v>
          </cell>
          <cell r="AO3119" t="str">
            <v>MDO INDIANA SOUTHWEST C&amp;M</v>
          </cell>
        </row>
        <row r="3120">
          <cell r="F3120">
            <v>75115</v>
          </cell>
          <cell r="Z3120" t="str">
            <v>DULMRPR</v>
          </cell>
          <cell r="AN3120" t="str">
            <v>MDO C&amp;M</v>
          </cell>
          <cell r="AO3120" t="str">
            <v>MDO INDIANA SOUTHWEST C&amp;M</v>
          </cell>
        </row>
        <row r="3121">
          <cell r="F3121">
            <v>75115</v>
          </cell>
          <cell r="Z3121" t="str">
            <v>DULMRPR</v>
          </cell>
          <cell r="AN3121" t="str">
            <v>MDO C&amp;M</v>
          </cell>
          <cell r="AO3121" t="str">
            <v>MDO INDIANA SOUTHWEST C&amp;M</v>
          </cell>
        </row>
        <row r="3122">
          <cell r="F3122">
            <v>75115</v>
          </cell>
          <cell r="Z3122" t="str">
            <v>DULMRPR</v>
          </cell>
          <cell r="AN3122" t="str">
            <v>MDO C&amp;M</v>
          </cell>
          <cell r="AO3122" t="str">
            <v>MDO INDIANA SOUTHWEST C&amp;M</v>
          </cell>
        </row>
        <row r="3123">
          <cell r="F3123">
            <v>75115</v>
          </cell>
          <cell r="Z3123" t="str">
            <v>DULMRPR</v>
          </cell>
          <cell r="AN3123" t="str">
            <v>MDO C&amp;M</v>
          </cell>
          <cell r="AO3123" t="str">
            <v>MDO INDIANA SOUTHWEST C&amp;M</v>
          </cell>
        </row>
        <row r="3124">
          <cell r="F3124">
            <v>75115</v>
          </cell>
          <cell r="Z3124" t="str">
            <v>DULMRPR</v>
          </cell>
          <cell r="AN3124" t="str">
            <v>MDO C&amp;M</v>
          </cell>
          <cell r="AO3124" t="str">
            <v>MDO INDIANA SOUTHWEST C&amp;M</v>
          </cell>
        </row>
        <row r="3125">
          <cell r="F3125">
            <v>75115</v>
          </cell>
          <cell r="Z3125" t="str">
            <v>DULMRPR</v>
          </cell>
          <cell r="AN3125" t="str">
            <v>MDO C&amp;M</v>
          </cell>
          <cell r="AO3125" t="str">
            <v>MDO INDIANA SOUTHWEST C&amp;M</v>
          </cell>
        </row>
        <row r="3126">
          <cell r="F3126">
            <v>75115</v>
          </cell>
          <cell r="Z3126" t="str">
            <v>DULMRPR</v>
          </cell>
          <cell r="AN3126" t="str">
            <v>MDO C&amp;M</v>
          </cell>
          <cell r="AO3126" t="str">
            <v>MDO INDIANA SOUTHWEST C&amp;M</v>
          </cell>
        </row>
        <row r="3127">
          <cell r="F3127">
            <v>75115</v>
          </cell>
          <cell r="Z3127" t="str">
            <v>DULMRPR</v>
          </cell>
          <cell r="AN3127" t="str">
            <v>MDO C&amp;M</v>
          </cell>
          <cell r="AO3127" t="str">
            <v>MDO INDIANA SOUTHWEST C&amp;M</v>
          </cell>
        </row>
        <row r="3128">
          <cell r="F3128">
            <v>75115</v>
          </cell>
          <cell r="Z3128" t="str">
            <v>DULMRPR</v>
          </cell>
          <cell r="AN3128" t="str">
            <v>MDO C&amp;M</v>
          </cell>
          <cell r="AO3128" t="str">
            <v>MDO INDIANA SOUTHWEST C&amp;M</v>
          </cell>
        </row>
        <row r="3129">
          <cell r="F3129">
            <v>75115</v>
          </cell>
          <cell r="Z3129" t="str">
            <v>DULMRPR</v>
          </cell>
          <cell r="AN3129" t="str">
            <v>MDO C&amp;M</v>
          </cell>
          <cell r="AO3129" t="str">
            <v>MDO INDIANA SOUTHWEST C&amp;M</v>
          </cell>
        </row>
        <row r="3130">
          <cell r="F3130">
            <v>75115</v>
          </cell>
          <cell r="Z3130" t="str">
            <v>DULMRPR</v>
          </cell>
          <cell r="AN3130" t="str">
            <v>MDO C&amp;M</v>
          </cell>
          <cell r="AO3130" t="str">
            <v>MDO INDIANA SOUTHWEST C&amp;M</v>
          </cell>
        </row>
        <row r="3131">
          <cell r="F3131">
            <v>75115</v>
          </cell>
          <cell r="Z3131" t="str">
            <v>DULMRPR</v>
          </cell>
          <cell r="AN3131" t="str">
            <v>MDO C&amp;M</v>
          </cell>
          <cell r="AO3131" t="str">
            <v>MDO INDIANA SOUTHWEST C&amp;M</v>
          </cell>
        </row>
        <row r="3132">
          <cell r="F3132">
            <v>75115</v>
          </cell>
          <cell r="Z3132" t="str">
            <v>DULMRPR</v>
          </cell>
          <cell r="AN3132" t="str">
            <v>MDO C&amp;M</v>
          </cell>
          <cell r="AO3132" t="str">
            <v>MDO INDIANA SOUTHWEST C&amp;M</v>
          </cell>
        </row>
        <row r="3133">
          <cell r="F3133">
            <v>75115</v>
          </cell>
          <cell r="Z3133" t="str">
            <v>DULMRPR</v>
          </cell>
          <cell r="AN3133" t="str">
            <v>MDO C&amp;M</v>
          </cell>
          <cell r="AO3133" t="str">
            <v>MDO INDIANA SOUTHWEST C&amp;M</v>
          </cell>
        </row>
        <row r="3134">
          <cell r="F3134">
            <v>75115</v>
          </cell>
          <cell r="Z3134" t="str">
            <v>DULMRPR</v>
          </cell>
          <cell r="AN3134" t="str">
            <v>MDO C&amp;M</v>
          </cell>
          <cell r="AO3134" t="str">
            <v>MDO INDIANA SOUTHWEST C&amp;M</v>
          </cell>
        </row>
        <row r="3135">
          <cell r="F3135">
            <v>75115</v>
          </cell>
          <cell r="Z3135" t="str">
            <v>DULMRPR</v>
          </cell>
          <cell r="AN3135" t="str">
            <v>MDO C&amp;M</v>
          </cell>
          <cell r="AO3135" t="str">
            <v>MDO INDIANA SOUTHWEST C&amp;M</v>
          </cell>
        </row>
        <row r="3136">
          <cell r="F3136">
            <v>75115</v>
          </cell>
          <cell r="Z3136" t="str">
            <v>DULMRPR</v>
          </cell>
          <cell r="AN3136" t="str">
            <v>MDO C&amp;M</v>
          </cell>
          <cell r="AO3136" t="str">
            <v>MDO INDIANA SOUTHWEST C&amp;M</v>
          </cell>
        </row>
        <row r="3137">
          <cell r="F3137">
            <v>75115</v>
          </cell>
          <cell r="Z3137" t="str">
            <v>DULMRPR</v>
          </cell>
          <cell r="AN3137" t="str">
            <v>MDO C&amp;M</v>
          </cell>
          <cell r="AO3137" t="str">
            <v>MDO INDIANA SOUTHWEST C&amp;M</v>
          </cell>
        </row>
        <row r="3138">
          <cell r="F3138">
            <v>75115</v>
          </cell>
          <cell r="Z3138" t="str">
            <v>DULMRPR</v>
          </cell>
          <cell r="AN3138" t="str">
            <v>MDO C&amp;M</v>
          </cell>
          <cell r="AO3138" t="str">
            <v>MDO INDIANA SOUTHWEST C&amp;M</v>
          </cell>
        </row>
        <row r="3139">
          <cell r="F3139">
            <v>75115</v>
          </cell>
          <cell r="Z3139" t="str">
            <v>DULMRPR</v>
          </cell>
          <cell r="AN3139" t="str">
            <v>MDO C&amp;M</v>
          </cell>
          <cell r="AO3139" t="str">
            <v>MDO INDIANA SOUTHWEST C&amp;M</v>
          </cell>
        </row>
        <row r="3140">
          <cell r="F3140">
            <v>75115</v>
          </cell>
          <cell r="Z3140" t="str">
            <v>DULMRPR</v>
          </cell>
          <cell r="AN3140" t="str">
            <v>MDO C&amp;M</v>
          </cell>
          <cell r="AO3140" t="str">
            <v>MDO INDIANA SOUTHWEST C&amp;M</v>
          </cell>
        </row>
        <row r="3141">
          <cell r="F3141">
            <v>75115</v>
          </cell>
          <cell r="Z3141" t="str">
            <v>DULMRPR</v>
          </cell>
          <cell r="AN3141" t="str">
            <v>MDO C&amp;M</v>
          </cell>
          <cell r="AO3141" t="str">
            <v>MDO INDIANA SOUTHWEST C&amp;M</v>
          </cell>
        </row>
        <row r="3142">
          <cell r="F3142">
            <v>75115</v>
          </cell>
          <cell r="Z3142" t="str">
            <v>DULMRPR</v>
          </cell>
          <cell r="AN3142" t="str">
            <v>MDO C&amp;M</v>
          </cell>
          <cell r="AO3142" t="str">
            <v>MDO INDIANA SOUTHWEST C&amp;M</v>
          </cell>
        </row>
        <row r="3143">
          <cell r="F3143">
            <v>75115</v>
          </cell>
          <cell r="Z3143" t="str">
            <v>DULMRPR</v>
          </cell>
          <cell r="AN3143" t="str">
            <v>MDO C&amp;M</v>
          </cell>
          <cell r="AO3143" t="str">
            <v>MDO INDIANA SOUTHWEST C&amp;M</v>
          </cell>
        </row>
        <row r="3144">
          <cell r="F3144">
            <v>75115</v>
          </cell>
          <cell r="Z3144" t="str">
            <v>DULMRPR</v>
          </cell>
          <cell r="AN3144" t="str">
            <v>MDO C&amp;M</v>
          </cell>
          <cell r="AO3144" t="str">
            <v>MDO INDIANA SOUTHWEST C&amp;M</v>
          </cell>
        </row>
        <row r="3145">
          <cell r="F3145">
            <v>75115</v>
          </cell>
          <cell r="Z3145" t="str">
            <v>DULMRPR</v>
          </cell>
          <cell r="AN3145" t="str">
            <v>MDO C&amp;M</v>
          </cell>
          <cell r="AO3145" t="str">
            <v>MDO INDIANA SOUTHWEST C&amp;M</v>
          </cell>
        </row>
        <row r="3146">
          <cell r="F3146">
            <v>75115</v>
          </cell>
          <cell r="Z3146" t="str">
            <v>DULMRPR</v>
          </cell>
          <cell r="AN3146" t="str">
            <v>MDO C&amp;M</v>
          </cell>
          <cell r="AO3146" t="str">
            <v>MDO INDIANA SOUTHWEST C&amp;M</v>
          </cell>
        </row>
        <row r="3147">
          <cell r="F3147">
            <v>75115</v>
          </cell>
          <cell r="Z3147" t="str">
            <v>DULMRPR</v>
          </cell>
          <cell r="AN3147" t="str">
            <v>MDO C&amp;M</v>
          </cell>
          <cell r="AO3147" t="str">
            <v>MDO INDIANA SOUTHWEST C&amp;M</v>
          </cell>
        </row>
        <row r="3148">
          <cell r="F3148">
            <v>75115</v>
          </cell>
          <cell r="Z3148" t="str">
            <v>DULMRPR</v>
          </cell>
          <cell r="AN3148" t="str">
            <v>MDO C&amp;M</v>
          </cell>
          <cell r="AO3148" t="str">
            <v>MDO INDIANA SOUTHWEST C&amp;M</v>
          </cell>
        </row>
        <row r="3149">
          <cell r="F3149">
            <v>75115</v>
          </cell>
          <cell r="Z3149" t="str">
            <v>DULMRPR</v>
          </cell>
          <cell r="AN3149" t="str">
            <v>MDO C&amp;M</v>
          </cell>
          <cell r="AO3149" t="str">
            <v>MDO INDIANA SOUTHWEST C&amp;M</v>
          </cell>
        </row>
        <row r="3150">
          <cell r="F3150">
            <v>75115</v>
          </cell>
          <cell r="Z3150" t="str">
            <v>DULMRPR</v>
          </cell>
          <cell r="AN3150" t="str">
            <v>MDO C&amp;M</v>
          </cell>
          <cell r="AO3150" t="str">
            <v>MDO INDIANA SOUTHWEST C&amp;M</v>
          </cell>
        </row>
        <row r="3151">
          <cell r="F3151">
            <v>75115</v>
          </cell>
          <cell r="Z3151" t="str">
            <v>DULMRPR</v>
          </cell>
          <cell r="AN3151" t="str">
            <v>MDO C&amp;M</v>
          </cell>
          <cell r="AO3151" t="str">
            <v>MDO INDIANA SOUTHWEST C&amp;M</v>
          </cell>
        </row>
        <row r="3152">
          <cell r="F3152">
            <v>75115</v>
          </cell>
          <cell r="Z3152" t="str">
            <v>DULMRPR</v>
          </cell>
          <cell r="AN3152" t="str">
            <v>MDO C&amp;M</v>
          </cell>
          <cell r="AO3152" t="str">
            <v>MDO INDIANA SOUTHWEST C&amp;M</v>
          </cell>
        </row>
        <row r="3153">
          <cell r="F3153">
            <v>75115</v>
          </cell>
          <cell r="Z3153" t="str">
            <v>DULMRPR</v>
          </cell>
          <cell r="AN3153" t="str">
            <v>MDO C&amp;M</v>
          </cell>
          <cell r="AO3153" t="str">
            <v>MDO INDIANA SOUTHWEST C&amp;M</v>
          </cell>
        </row>
        <row r="3154">
          <cell r="F3154">
            <v>75115</v>
          </cell>
          <cell r="Z3154" t="str">
            <v>DULMRPR</v>
          </cell>
          <cell r="AN3154" t="str">
            <v>MDO C&amp;M</v>
          </cell>
          <cell r="AO3154" t="str">
            <v>MDO INDIANA SOUTHWEST C&amp;M</v>
          </cell>
        </row>
        <row r="3155">
          <cell r="F3155">
            <v>75115</v>
          </cell>
          <cell r="Z3155" t="str">
            <v>DULMRPR</v>
          </cell>
          <cell r="AN3155" t="str">
            <v>MDO C&amp;M</v>
          </cell>
          <cell r="AO3155" t="str">
            <v>MDO INDIANA SOUTHWEST C&amp;M</v>
          </cell>
        </row>
        <row r="3156">
          <cell r="F3156">
            <v>75115</v>
          </cell>
          <cell r="Z3156" t="str">
            <v>DULMRPR</v>
          </cell>
          <cell r="AN3156" t="str">
            <v>MDO C&amp;M</v>
          </cell>
          <cell r="AO3156" t="str">
            <v>MDO INDIANA SOUTHWEST C&amp;M</v>
          </cell>
        </row>
        <row r="3157">
          <cell r="F3157">
            <v>75115</v>
          </cell>
          <cell r="Z3157" t="str">
            <v>DULMRPR</v>
          </cell>
          <cell r="AN3157" t="str">
            <v>MDO C&amp;M</v>
          </cell>
          <cell r="AO3157" t="str">
            <v>MDO INDIANA SOUTHWEST C&amp;M</v>
          </cell>
        </row>
        <row r="3158">
          <cell r="F3158">
            <v>75115</v>
          </cell>
          <cell r="Z3158" t="str">
            <v>DULMRPR</v>
          </cell>
          <cell r="AN3158" t="str">
            <v>MDO C&amp;M</v>
          </cell>
          <cell r="AO3158" t="str">
            <v>MDO INDIANA SOUTHWEST C&amp;M</v>
          </cell>
        </row>
        <row r="3159">
          <cell r="F3159">
            <v>75115</v>
          </cell>
          <cell r="Z3159" t="str">
            <v>DULMRPR</v>
          </cell>
          <cell r="AN3159" t="str">
            <v>MDO C&amp;M</v>
          </cell>
          <cell r="AO3159" t="str">
            <v>MDO INDIANA SOUTHWEST C&amp;M</v>
          </cell>
        </row>
        <row r="3160">
          <cell r="F3160">
            <v>75115</v>
          </cell>
          <cell r="Z3160" t="str">
            <v>DULMRPR</v>
          </cell>
          <cell r="AN3160" t="str">
            <v>MDO C&amp;M</v>
          </cell>
          <cell r="AO3160" t="str">
            <v>MDO INDIANA SOUTHWEST C&amp;M</v>
          </cell>
        </row>
        <row r="3161">
          <cell r="F3161">
            <v>75115</v>
          </cell>
          <cell r="Z3161" t="str">
            <v>DULMRPR</v>
          </cell>
          <cell r="AN3161" t="str">
            <v>MDO C&amp;M</v>
          </cell>
          <cell r="AO3161" t="str">
            <v>MDO INDIANA SOUTHWEST C&amp;M</v>
          </cell>
        </row>
        <row r="3162">
          <cell r="F3162">
            <v>75115</v>
          </cell>
          <cell r="Z3162" t="str">
            <v>DULMRPR</v>
          </cell>
          <cell r="AN3162" t="str">
            <v>MDO C&amp;M</v>
          </cell>
          <cell r="AO3162" t="str">
            <v>MDO INDIANA SOUTHWEST C&amp;M</v>
          </cell>
        </row>
        <row r="3163">
          <cell r="F3163">
            <v>75115</v>
          </cell>
          <cell r="Z3163" t="str">
            <v>DULMRPR</v>
          </cell>
          <cell r="AN3163" t="str">
            <v>MDO C&amp;M</v>
          </cell>
          <cell r="AO3163" t="str">
            <v>MDO INDIANA SOUTHWEST C&amp;M</v>
          </cell>
        </row>
        <row r="3164">
          <cell r="F3164">
            <v>75115</v>
          </cell>
          <cell r="Z3164" t="str">
            <v>DULMRPR</v>
          </cell>
          <cell r="AN3164" t="str">
            <v>MDO C&amp;M</v>
          </cell>
          <cell r="AO3164" t="str">
            <v>MDO INDIANA SOUTHWEST C&amp;M</v>
          </cell>
        </row>
        <row r="3165">
          <cell r="F3165">
            <v>75115</v>
          </cell>
          <cell r="Z3165" t="str">
            <v>DULMRPR</v>
          </cell>
          <cell r="AN3165" t="str">
            <v>MDO C&amp;M</v>
          </cell>
          <cell r="AO3165" t="str">
            <v>MDO INDIANA SOUTHWEST C&amp;M</v>
          </cell>
        </row>
        <row r="3166">
          <cell r="F3166">
            <v>75115</v>
          </cell>
          <cell r="Z3166" t="str">
            <v>DULMRPR</v>
          </cell>
          <cell r="AN3166" t="str">
            <v>MDO C&amp;M</v>
          </cell>
          <cell r="AO3166" t="str">
            <v>MDO INDIANA SOUTHWEST C&amp;M</v>
          </cell>
        </row>
        <row r="3167">
          <cell r="F3167">
            <v>75115</v>
          </cell>
          <cell r="Z3167" t="str">
            <v>DULMRPR</v>
          </cell>
          <cell r="AN3167" t="str">
            <v>MDO C&amp;M</v>
          </cell>
          <cell r="AO3167" t="str">
            <v>MDO INDIANA SOUTHWEST C&amp;M</v>
          </cell>
        </row>
        <row r="3168">
          <cell r="F3168">
            <v>75115</v>
          </cell>
          <cell r="Z3168" t="str">
            <v>DULMRPR</v>
          </cell>
          <cell r="AN3168" t="str">
            <v>MDO C&amp;M</v>
          </cell>
          <cell r="AO3168" t="str">
            <v>MDO INDIANA SOUTHWEST C&amp;M</v>
          </cell>
        </row>
        <row r="3169">
          <cell r="F3169">
            <v>75115</v>
          </cell>
          <cell r="Z3169" t="str">
            <v>DULMRPR</v>
          </cell>
          <cell r="AN3169" t="str">
            <v>MDO C&amp;M</v>
          </cell>
          <cell r="AO3169" t="str">
            <v>MDO INDIANA SOUTHWEST C&amp;M</v>
          </cell>
        </row>
        <row r="3170">
          <cell r="F3170">
            <v>75115</v>
          </cell>
          <cell r="Z3170" t="str">
            <v>DULMRPR</v>
          </cell>
          <cell r="AN3170" t="str">
            <v>MDO C&amp;M</v>
          </cell>
          <cell r="AO3170" t="str">
            <v>MDO INDIANA SOUTHWEST C&amp;M</v>
          </cell>
        </row>
        <row r="3171">
          <cell r="F3171">
            <v>75115</v>
          </cell>
          <cell r="Z3171" t="str">
            <v>DULMRPR</v>
          </cell>
          <cell r="AN3171" t="str">
            <v>MDO C&amp;M</v>
          </cell>
          <cell r="AO3171" t="str">
            <v>MDO INDIANA SOUTHWEST C&amp;M</v>
          </cell>
        </row>
        <row r="3172">
          <cell r="F3172">
            <v>75115</v>
          </cell>
          <cell r="Z3172" t="str">
            <v>DULMRPR</v>
          </cell>
          <cell r="AN3172" t="str">
            <v>MDO C&amp;M</v>
          </cell>
          <cell r="AO3172" t="str">
            <v>MDO INDIANA SOUTHWEST C&amp;M</v>
          </cell>
        </row>
        <row r="3173">
          <cell r="F3173">
            <v>75115</v>
          </cell>
          <cell r="Z3173" t="str">
            <v>DULMRPR</v>
          </cell>
          <cell r="AN3173" t="str">
            <v>MDO C&amp;M</v>
          </cell>
          <cell r="AO3173" t="str">
            <v>MDO INDIANA SOUTHWEST C&amp;M</v>
          </cell>
        </row>
        <row r="3174">
          <cell r="F3174">
            <v>75115</v>
          </cell>
          <cell r="Z3174" t="str">
            <v>DULMRPR</v>
          </cell>
          <cell r="AN3174" t="str">
            <v>MDO C&amp;M</v>
          </cell>
          <cell r="AO3174" t="str">
            <v>MDO INDIANA SOUTHWEST C&amp;M</v>
          </cell>
        </row>
        <row r="3175">
          <cell r="F3175">
            <v>75115</v>
          </cell>
          <cell r="Z3175" t="str">
            <v>DULMRPR</v>
          </cell>
          <cell r="AN3175" t="str">
            <v>MDO C&amp;M</v>
          </cell>
          <cell r="AO3175" t="str">
            <v>MDO INDIANA SOUTHWEST C&amp;M</v>
          </cell>
        </row>
        <row r="3176">
          <cell r="F3176">
            <v>75115</v>
          </cell>
          <cell r="Z3176" t="str">
            <v>DULMRPR</v>
          </cell>
          <cell r="AN3176" t="str">
            <v>MDO C&amp;M</v>
          </cell>
          <cell r="AO3176" t="str">
            <v>MDO INDIANA SOUTHWEST C&amp;M</v>
          </cell>
        </row>
        <row r="3177">
          <cell r="F3177">
            <v>75115</v>
          </cell>
          <cell r="Z3177" t="str">
            <v>DULMRPR</v>
          </cell>
          <cell r="AN3177" t="str">
            <v>MDO C&amp;M</v>
          </cell>
          <cell r="AO3177" t="str">
            <v>MDO INDIANA SOUTHWEST C&amp;M</v>
          </cell>
        </row>
        <row r="3178">
          <cell r="F3178">
            <v>75115</v>
          </cell>
          <cell r="Z3178" t="str">
            <v>DULMRPR</v>
          </cell>
          <cell r="AN3178" t="str">
            <v>MDO C&amp;M</v>
          </cell>
          <cell r="AO3178" t="str">
            <v>MDO INDIANA SOUTHWEST C&amp;M</v>
          </cell>
        </row>
        <row r="3179">
          <cell r="F3179">
            <v>75115</v>
          </cell>
          <cell r="Z3179" t="str">
            <v>DULMRPR</v>
          </cell>
          <cell r="AN3179" t="str">
            <v>MDO C&amp;M</v>
          </cell>
          <cell r="AO3179" t="str">
            <v>MDO INDIANA SOUTHWEST C&amp;M</v>
          </cell>
        </row>
        <row r="3180">
          <cell r="F3180">
            <v>75115</v>
          </cell>
          <cell r="Z3180" t="str">
            <v>DULMRPR</v>
          </cell>
          <cell r="AN3180" t="str">
            <v>MDO C&amp;M</v>
          </cell>
          <cell r="AO3180" t="str">
            <v>MDO INDIANA SOUTHWEST C&amp;M</v>
          </cell>
        </row>
        <row r="3181">
          <cell r="F3181">
            <v>75115</v>
          </cell>
          <cell r="Z3181" t="str">
            <v>DULMRPR</v>
          </cell>
          <cell r="AN3181" t="str">
            <v>MDO C&amp;M</v>
          </cell>
          <cell r="AO3181" t="str">
            <v>MDO INDIANA SOUTHWEST C&amp;M</v>
          </cell>
        </row>
        <row r="3182">
          <cell r="F3182">
            <v>75115</v>
          </cell>
          <cell r="Z3182" t="str">
            <v>DULMRPR</v>
          </cell>
          <cell r="AN3182" t="str">
            <v>MDO C&amp;M</v>
          </cell>
          <cell r="AO3182" t="str">
            <v>MDO INDIANA SOUTHWEST C&amp;M</v>
          </cell>
        </row>
        <row r="3183">
          <cell r="F3183">
            <v>75115</v>
          </cell>
          <cell r="Z3183" t="str">
            <v>DULMRPR</v>
          </cell>
          <cell r="AN3183" t="str">
            <v>MDO C&amp;M</v>
          </cell>
          <cell r="AO3183" t="str">
            <v>MDO INDIANA SOUTHEAST C&amp;M</v>
          </cell>
        </row>
        <row r="3184">
          <cell r="F3184">
            <v>75115</v>
          </cell>
          <cell r="Z3184" t="str">
            <v>DULMRPR</v>
          </cell>
          <cell r="AN3184" t="str">
            <v>MDO C&amp;M</v>
          </cell>
          <cell r="AO3184" t="str">
            <v>MDO INDIANA SOUTHEAST C&amp;M</v>
          </cell>
        </row>
        <row r="3185">
          <cell r="F3185">
            <v>75115</v>
          </cell>
          <cell r="Z3185" t="str">
            <v>DULMRPR</v>
          </cell>
          <cell r="AN3185" t="str">
            <v>MDO C&amp;M</v>
          </cell>
          <cell r="AO3185" t="str">
            <v>MDO INDIANA SOUTHEAST C&amp;M</v>
          </cell>
        </row>
        <row r="3186">
          <cell r="F3186">
            <v>75115</v>
          </cell>
          <cell r="Z3186" t="str">
            <v>DULMRPR</v>
          </cell>
          <cell r="AN3186" t="str">
            <v>MDO C&amp;M</v>
          </cell>
          <cell r="AO3186" t="str">
            <v>MDO INDIANA SOUTHEAST C&amp;M</v>
          </cell>
        </row>
        <row r="3187">
          <cell r="F3187">
            <v>75115</v>
          </cell>
          <cell r="Z3187" t="str">
            <v>DULMRPR</v>
          </cell>
          <cell r="AN3187" t="str">
            <v>MDO C&amp;M</v>
          </cell>
          <cell r="AO3187" t="str">
            <v>MDO INDIANA SOUTHEAST C&amp;M</v>
          </cell>
        </row>
        <row r="3188">
          <cell r="F3188">
            <v>75115</v>
          </cell>
          <cell r="Z3188" t="str">
            <v>DULMRPR</v>
          </cell>
          <cell r="AN3188" t="str">
            <v>MDO C&amp;M</v>
          </cell>
          <cell r="AO3188" t="str">
            <v>MDO INDIANA SOUTHEAST C&amp;M</v>
          </cell>
        </row>
        <row r="3189">
          <cell r="F3189">
            <v>75115</v>
          </cell>
          <cell r="Z3189" t="str">
            <v>DULMRPR</v>
          </cell>
          <cell r="AN3189" t="str">
            <v>MDO C&amp;M</v>
          </cell>
          <cell r="AO3189" t="str">
            <v>MDO INDIANA SOUTHEAST C&amp;M</v>
          </cell>
        </row>
        <row r="3190">
          <cell r="F3190">
            <v>75115</v>
          </cell>
          <cell r="Z3190" t="str">
            <v>DULMRPR</v>
          </cell>
          <cell r="AN3190" t="str">
            <v>MDO C&amp;M</v>
          </cell>
          <cell r="AO3190" t="str">
            <v>MDO INDIANA SOUTHEAST C&amp;M</v>
          </cell>
        </row>
        <row r="3191">
          <cell r="F3191">
            <v>75115</v>
          </cell>
          <cell r="Z3191" t="str">
            <v>DULMRPR</v>
          </cell>
          <cell r="AN3191" t="str">
            <v>MDO C&amp;M</v>
          </cell>
          <cell r="AO3191" t="str">
            <v>MDO INDIANA SOUTHEAST C&amp;M</v>
          </cell>
        </row>
        <row r="3192">
          <cell r="F3192">
            <v>75115</v>
          </cell>
          <cell r="Z3192" t="str">
            <v>DULMRPR</v>
          </cell>
          <cell r="AN3192" t="str">
            <v>MDO C&amp;M</v>
          </cell>
          <cell r="AO3192" t="str">
            <v>MDO INDIANA SOUTHEAST C&amp;M</v>
          </cell>
        </row>
        <row r="3193">
          <cell r="F3193">
            <v>75115</v>
          </cell>
          <cell r="Z3193" t="str">
            <v>DULMRPR</v>
          </cell>
          <cell r="AN3193" t="str">
            <v>MDO C&amp;M</v>
          </cell>
          <cell r="AO3193" t="str">
            <v>MDO INDIANA SOUTHEAST C&amp;M</v>
          </cell>
        </row>
        <row r="3194">
          <cell r="F3194">
            <v>75115</v>
          </cell>
          <cell r="Z3194" t="str">
            <v>DULMRPR</v>
          </cell>
          <cell r="AN3194" t="str">
            <v>MDO C&amp;M</v>
          </cell>
          <cell r="AO3194" t="str">
            <v>MDO INDIANA SOUTHEAST C&amp;M</v>
          </cell>
        </row>
        <row r="3195">
          <cell r="F3195">
            <v>75115</v>
          </cell>
          <cell r="Z3195" t="str">
            <v>DULMRPR</v>
          </cell>
          <cell r="AN3195" t="str">
            <v>MDO C&amp;M</v>
          </cell>
          <cell r="AO3195" t="str">
            <v>MDO INDIANA SOUTHEAST C&amp;M</v>
          </cell>
        </row>
        <row r="3196">
          <cell r="F3196">
            <v>75115</v>
          </cell>
          <cell r="Z3196" t="str">
            <v>DULMRPR</v>
          </cell>
          <cell r="AN3196" t="str">
            <v>MDO C&amp;M</v>
          </cell>
          <cell r="AO3196" t="str">
            <v>MDO INDIANA SOUTHEAST C&amp;M</v>
          </cell>
        </row>
        <row r="3197">
          <cell r="F3197">
            <v>75115</v>
          </cell>
          <cell r="Z3197" t="str">
            <v>DULMRPR</v>
          </cell>
          <cell r="AN3197" t="str">
            <v>MDO C&amp;M</v>
          </cell>
          <cell r="AO3197" t="str">
            <v>MDO INDIANA SOUTHEAST C&amp;M</v>
          </cell>
        </row>
        <row r="3198">
          <cell r="F3198">
            <v>75115</v>
          </cell>
          <cell r="Z3198" t="str">
            <v>DULMRPR</v>
          </cell>
          <cell r="AN3198" t="str">
            <v>MDO C&amp;M</v>
          </cell>
          <cell r="AO3198" t="str">
            <v>MDO INDIANA SOUTHEAST C&amp;M</v>
          </cell>
        </row>
        <row r="3199">
          <cell r="F3199">
            <v>75115</v>
          </cell>
          <cell r="Z3199" t="str">
            <v>DULMRPR</v>
          </cell>
          <cell r="AN3199" t="str">
            <v>MDO C&amp;M</v>
          </cell>
          <cell r="AO3199" t="str">
            <v>MDO INDIANA SOUTHEAST C&amp;M</v>
          </cell>
        </row>
        <row r="3200">
          <cell r="F3200">
            <v>75115</v>
          </cell>
          <cell r="Z3200" t="str">
            <v>DULMRPR</v>
          </cell>
          <cell r="AN3200" t="str">
            <v>MDO C&amp;M</v>
          </cell>
          <cell r="AO3200" t="str">
            <v>MDO INDIANA SOUTHEAST C&amp;M</v>
          </cell>
        </row>
        <row r="3201">
          <cell r="F3201">
            <v>75115</v>
          </cell>
          <cell r="Z3201" t="str">
            <v>DULMRPR</v>
          </cell>
          <cell r="AN3201" t="str">
            <v>MDO C&amp;M</v>
          </cell>
          <cell r="AO3201" t="str">
            <v>MDO INDIANA SOUTHEAST C&amp;M</v>
          </cell>
        </row>
        <row r="3202">
          <cell r="F3202">
            <v>75115</v>
          </cell>
          <cell r="Z3202" t="str">
            <v>DULMRPR</v>
          </cell>
          <cell r="AN3202" t="str">
            <v>MDO C&amp;M</v>
          </cell>
          <cell r="AO3202" t="str">
            <v>MDO INDIANA SOUTHEAST C&amp;M</v>
          </cell>
        </row>
        <row r="3203">
          <cell r="F3203">
            <v>75115</v>
          </cell>
          <cell r="Z3203" t="str">
            <v>DULMRPR</v>
          </cell>
          <cell r="AN3203" t="str">
            <v>MDO C&amp;M</v>
          </cell>
          <cell r="AO3203" t="str">
            <v>MDO INDIANA SOUTHEAST C&amp;M</v>
          </cell>
        </row>
        <row r="3204">
          <cell r="F3204">
            <v>75115</v>
          </cell>
          <cell r="Z3204" t="str">
            <v>DULMRPR</v>
          </cell>
          <cell r="AN3204" t="str">
            <v>MDO C&amp;M</v>
          </cell>
          <cell r="AO3204" t="str">
            <v>MDO INDIANA SOUTHEAST C&amp;M</v>
          </cell>
        </row>
        <row r="3205">
          <cell r="F3205">
            <v>75115</v>
          </cell>
          <cell r="Z3205" t="str">
            <v>DULMRPR</v>
          </cell>
          <cell r="AN3205" t="str">
            <v>MDO C&amp;M</v>
          </cell>
          <cell r="AO3205" t="str">
            <v>MDO INDIANA SOUTHEAST C&amp;M</v>
          </cell>
        </row>
        <row r="3206">
          <cell r="F3206">
            <v>75115</v>
          </cell>
          <cell r="Z3206" t="str">
            <v>DULMRPR</v>
          </cell>
          <cell r="AN3206" t="str">
            <v>MDO C&amp;M</v>
          </cell>
          <cell r="AO3206" t="str">
            <v>MDO INDIANA SOUTHEAST C&amp;M</v>
          </cell>
        </row>
        <row r="3207">
          <cell r="F3207">
            <v>75115</v>
          </cell>
          <cell r="Z3207" t="str">
            <v>DULMRPR</v>
          </cell>
          <cell r="AN3207" t="str">
            <v>MDO C&amp;M</v>
          </cell>
          <cell r="AO3207" t="str">
            <v>MDO INDIANA SOUTHEAST C&amp;M</v>
          </cell>
        </row>
        <row r="3208">
          <cell r="F3208">
            <v>75115</v>
          </cell>
          <cell r="Z3208" t="str">
            <v>DULMRPR</v>
          </cell>
          <cell r="AN3208" t="str">
            <v>MDO C&amp;M</v>
          </cell>
          <cell r="AO3208" t="str">
            <v>MDO INDIANA SOUTHEAST C&amp;M</v>
          </cell>
        </row>
        <row r="3209">
          <cell r="F3209">
            <v>75115</v>
          </cell>
          <cell r="Z3209" t="str">
            <v>DULMRPR</v>
          </cell>
          <cell r="AN3209" t="str">
            <v>MDO C&amp;M</v>
          </cell>
          <cell r="AO3209" t="str">
            <v>MDO INDIANA SOUTHEAST C&amp;M</v>
          </cell>
        </row>
        <row r="3210">
          <cell r="F3210">
            <v>75115</v>
          </cell>
          <cell r="Z3210" t="str">
            <v>DULMRPR</v>
          </cell>
          <cell r="AN3210" t="str">
            <v>MDO C&amp;M</v>
          </cell>
          <cell r="AO3210" t="str">
            <v>MDO INDIANA SOUTHEAST C&amp;M</v>
          </cell>
        </row>
        <row r="3211">
          <cell r="F3211">
            <v>75115</v>
          </cell>
          <cell r="Z3211" t="str">
            <v>DULMRPR</v>
          </cell>
          <cell r="AN3211" t="str">
            <v>MDO C&amp;M</v>
          </cell>
          <cell r="AO3211" t="str">
            <v>MDO INDIANA SOUTHEAST C&amp;M</v>
          </cell>
        </row>
        <row r="3212">
          <cell r="F3212">
            <v>75115</v>
          </cell>
          <cell r="Z3212" t="str">
            <v>DULMRPR</v>
          </cell>
          <cell r="AN3212" t="str">
            <v>MDO C&amp;M</v>
          </cell>
          <cell r="AO3212" t="str">
            <v>MDO INDIANA SOUTHEAST C&amp;M</v>
          </cell>
        </row>
        <row r="3213">
          <cell r="F3213">
            <v>75115</v>
          </cell>
          <cell r="Z3213" t="str">
            <v>DULMRPR</v>
          </cell>
          <cell r="AN3213" t="str">
            <v>MDO C&amp;M</v>
          </cell>
          <cell r="AO3213" t="str">
            <v>MDO INDIANA SOUTHEAST C&amp;M</v>
          </cell>
        </row>
        <row r="3214">
          <cell r="F3214">
            <v>75115</v>
          </cell>
          <cell r="Z3214" t="str">
            <v>DULMRPR</v>
          </cell>
          <cell r="AN3214" t="str">
            <v>MDO C&amp;M</v>
          </cell>
          <cell r="AO3214" t="str">
            <v>MDO INDIANA SOUTHEAST C&amp;M</v>
          </cell>
        </row>
        <row r="3215">
          <cell r="F3215">
            <v>75115</v>
          </cell>
          <cell r="Z3215" t="str">
            <v>DULMRPR</v>
          </cell>
          <cell r="AN3215" t="str">
            <v>MDO C&amp;M</v>
          </cell>
          <cell r="AO3215" t="str">
            <v>MDO INDIANA SOUTHEAST C&amp;M</v>
          </cell>
        </row>
        <row r="3216">
          <cell r="F3216">
            <v>75115</v>
          </cell>
          <cell r="Z3216" t="str">
            <v>DULMRPR</v>
          </cell>
          <cell r="AN3216" t="str">
            <v>MDO C&amp;M</v>
          </cell>
          <cell r="AO3216" t="str">
            <v>MDO INDIANA SOUTHEAST C&amp;M</v>
          </cell>
        </row>
        <row r="3217">
          <cell r="F3217">
            <v>75115</v>
          </cell>
          <cell r="Z3217" t="str">
            <v>DULMRPR</v>
          </cell>
          <cell r="AN3217" t="str">
            <v>MDO C&amp;M</v>
          </cell>
          <cell r="AO3217" t="str">
            <v>MDO INDIANA SOUTHEAST C&amp;M</v>
          </cell>
        </row>
        <row r="3218">
          <cell r="F3218">
            <v>75115</v>
          </cell>
          <cell r="Z3218" t="str">
            <v>DULMRPR</v>
          </cell>
          <cell r="AN3218" t="str">
            <v>MDO C&amp;M</v>
          </cell>
          <cell r="AO3218" t="str">
            <v>MDO INDIANA SOUTHEAST C&amp;M</v>
          </cell>
        </row>
        <row r="3219">
          <cell r="F3219">
            <v>75115</v>
          </cell>
          <cell r="Z3219" t="str">
            <v>DULMRPR</v>
          </cell>
          <cell r="AN3219" t="str">
            <v>MDO C&amp;M</v>
          </cell>
          <cell r="AO3219" t="str">
            <v>MDO INDIANA SOUTHEAST C&amp;M</v>
          </cell>
        </row>
        <row r="3220">
          <cell r="F3220">
            <v>75115</v>
          </cell>
          <cell r="Z3220" t="str">
            <v>DULMRPR</v>
          </cell>
          <cell r="AN3220" t="str">
            <v>MDO C&amp;M</v>
          </cell>
          <cell r="AO3220" t="str">
            <v>MDO INDIANA SOUTHEAST C&amp;M</v>
          </cell>
        </row>
        <row r="3221">
          <cell r="F3221">
            <v>75115</v>
          </cell>
          <cell r="Z3221" t="str">
            <v>DULMRPR</v>
          </cell>
          <cell r="AN3221" t="str">
            <v>MDO C&amp;M</v>
          </cell>
          <cell r="AO3221" t="str">
            <v>MDO INDIANA SOUTHEAST C&amp;M</v>
          </cell>
        </row>
        <row r="3222">
          <cell r="F3222">
            <v>75115</v>
          </cell>
          <cell r="Z3222" t="str">
            <v>DULMRPR</v>
          </cell>
          <cell r="AN3222" t="str">
            <v>MDO C&amp;M</v>
          </cell>
          <cell r="AO3222" t="str">
            <v>MDO INDIANA SOUTHEAST C&amp;M</v>
          </cell>
        </row>
        <row r="3223">
          <cell r="F3223">
            <v>75115</v>
          </cell>
          <cell r="Z3223" t="str">
            <v>DULMRPR</v>
          </cell>
          <cell r="AN3223" t="str">
            <v>MDO C&amp;M</v>
          </cell>
          <cell r="AO3223" t="str">
            <v>MDO INDIANA SOUTHEAST C&amp;M</v>
          </cell>
        </row>
        <row r="3224">
          <cell r="F3224">
            <v>75115</v>
          </cell>
          <cell r="Z3224" t="str">
            <v>DULMRPR</v>
          </cell>
          <cell r="AN3224" t="str">
            <v>MDO C&amp;M</v>
          </cell>
          <cell r="AO3224" t="str">
            <v>MDO INDIANA SOUTHEAST C&amp;M</v>
          </cell>
        </row>
        <row r="3225">
          <cell r="F3225">
            <v>75115</v>
          </cell>
          <cell r="Z3225" t="str">
            <v>DULMRPR</v>
          </cell>
          <cell r="AN3225" t="str">
            <v>MDO C&amp;M</v>
          </cell>
          <cell r="AO3225" t="str">
            <v>MDO INDIANA SOUTHEAST C&amp;M</v>
          </cell>
        </row>
        <row r="3226">
          <cell r="F3226">
            <v>75115</v>
          </cell>
          <cell r="Z3226" t="str">
            <v>DULMRPR</v>
          </cell>
          <cell r="AN3226" t="str">
            <v>MDO C&amp;M</v>
          </cell>
          <cell r="AO3226" t="str">
            <v>MDO INDIANA SOUTHEAST C&amp;M</v>
          </cell>
        </row>
        <row r="3227">
          <cell r="F3227">
            <v>75115</v>
          </cell>
          <cell r="Z3227" t="str">
            <v>DULMRPR</v>
          </cell>
          <cell r="AN3227" t="str">
            <v>MDO C&amp;M</v>
          </cell>
          <cell r="AO3227" t="str">
            <v>MDO INDIANA SOUTHEAST C&amp;M</v>
          </cell>
        </row>
        <row r="3228">
          <cell r="F3228">
            <v>75115</v>
          </cell>
          <cell r="Z3228" t="str">
            <v>DULMRPR</v>
          </cell>
          <cell r="AN3228" t="str">
            <v>MDO C&amp;M</v>
          </cell>
          <cell r="AO3228" t="str">
            <v>MDO INDIANA SOUTHEAST C&amp;M</v>
          </cell>
        </row>
        <row r="3229">
          <cell r="F3229">
            <v>75115</v>
          </cell>
          <cell r="Z3229" t="str">
            <v>DULMRPR</v>
          </cell>
          <cell r="AN3229" t="str">
            <v>MDO C&amp;M</v>
          </cell>
          <cell r="AO3229" t="str">
            <v>MDO INDIANA SOUTHEAST C&amp;M</v>
          </cell>
        </row>
        <row r="3230">
          <cell r="F3230">
            <v>75115</v>
          </cell>
          <cell r="Z3230" t="str">
            <v>DULMRPR</v>
          </cell>
          <cell r="AN3230" t="str">
            <v>MDO C&amp;M</v>
          </cell>
          <cell r="AO3230" t="str">
            <v>MDO INDIANA SOUTHEAST C&amp;M</v>
          </cell>
        </row>
        <row r="3231">
          <cell r="F3231">
            <v>75115</v>
          </cell>
          <cell r="Z3231" t="str">
            <v>DULMRPR</v>
          </cell>
          <cell r="AN3231" t="str">
            <v>MDO C&amp;M</v>
          </cell>
          <cell r="AO3231" t="str">
            <v>MDO INDIANA SOUTHEAST C&amp;M</v>
          </cell>
        </row>
        <row r="3232">
          <cell r="F3232">
            <v>75115</v>
          </cell>
          <cell r="Z3232" t="str">
            <v>DULMRPR</v>
          </cell>
          <cell r="AN3232" t="str">
            <v>MDO C&amp;M</v>
          </cell>
          <cell r="AO3232" t="str">
            <v>MDO INDIANA SOUTHEAST C&amp;M</v>
          </cell>
        </row>
        <row r="3233">
          <cell r="F3233">
            <v>75115</v>
          </cell>
          <cell r="Z3233" t="str">
            <v>DULMRPR</v>
          </cell>
          <cell r="AN3233" t="str">
            <v>MDO C&amp;M</v>
          </cell>
          <cell r="AO3233" t="str">
            <v>MDO INDIANA SOUTHEAST C&amp;M</v>
          </cell>
        </row>
        <row r="3234">
          <cell r="F3234">
            <v>75115</v>
          </cell>
          <cell r="Z3234" t="str">
            <v>DULMRPR</v>
          </cell>
          <cell r="AN3234" t="str">
            <v>MDO C&amp;M</v>
          </cell>
          <cell r="AO3234" t="str">
            <v>MDO INDIANA SOUTHEAST C&amp;M</v>
          </cell>
        </row>
        <row r="3235">
          <cell r="F3235">
            <v>75115</v>
          </cell>
          <cell r="Z3235" t="str">
            <v>DULMRPR</v>
          </cell>
          <cell r="AN3235" t="str">
            <v>MDO C&amp;M</v>
          </cell>
          <cell r="AO3235" t="str">
            <v>MDO INDIANA SOUTHEAST C&amp;M</v>
          </cell>
        </row>
        <row r="3236">
          <cell r="F3236">
            <v>75115</v>
          </cell>
          <cell r="Z3236" t="str">
            <v>DULMRPR</v>
          </cell>
          <cell r="AN3236" t="str">
            <v>MDO C&amp;M</v>
          </cell>
          <cell r="AO3236" t="str">
            <v>MDO INDIANA SOUTHEAST C&amp;M</v>
          </cell>
        </row>
        <row r="3237">
          <cell r="F3237">
            <v>75115</v>
          </cell>
          <cell r="Z3237" t="str">
            <v>DULMRPR</v>
          </cell>
          <cell r="AN3237" t="str">
            <v>MDO C&amp;M</v>
          </cell>
          <cell r="AO3237" t="str">
            <v>MDO INDIANA SOUTHEAST C&amp;M</v>
          </cell>
        </row>
        <row r="3238">
          <cell r="F3238">
            <v>75115</v>
          </cell>
          <cell r="Z3238" t="str">
            <v>DULMRPR</v>
          </cell>
          <cell r="AN3238" t="str">
            <v>MDO C&amp;M</v>
          </cell>
          <cell r="AO3238" t="str">
            <v>MDO INDIANA SOUTHEAST C&amp;M</v>
          </cell>
        </row>
        <row r="3239">
          <cell r="F3239">
            <v>75115</v>
          </cell>
          <cell r="Z3239" t="str">
            <v>DULMRPR</v>
          </cell>
          <cell r="AN3239" t="str">
            <v>MDO C&amp;M</v>
          </cell>
          <cell r="AO3239" t="str">
            <v>MDO INDIANA SOUTHEAST C&amp;M</v>
          </cell>
        </row>
        <row r="3240">
          <cell r="F3240">
            <v>75115</v>
          </cell>
          <cell r="Z3240" t="str">
            <v>DULMRPR</v>
          </cell>
          <cell r="AN3240" t="str">
            <v>MDO C&amp;M</v>
          </cell>
          <cell r="AO3240" t="str">
            <v>MDO INDIANA SOUTHEAST C&amp;M</v>
          </cell>
        </row>
        <row r="3241">
          <cell r="F3241">
            <v>75115</v>
          </cell>
          <cell r="Z3241" t="str">
            <v>DULMRPR</v>
          </cell>
          <cell r="AN3241" t="str">
            <v>MDO C&amp;M</v>
          </cell>
          <cell r="AO3241" t="str">
            <v>MDO INDIANA SOUTHEAST C&amp;M</v>
          </cell>
        </row>
        <row r="3242">
          <cell r="F3242">
            <v>75115</v>
          </cell>
          <cell r="Z3242" t="str">
            <v>DULMRPR</v>
          </cell>
          <cell r="AN3242" t="str">
            <v>MDO C&amp;M</v>
          </cell>
          <cell r="AO3242" t="str">
            <v>MDO INDIANA SOUTHEAST C&amp;M</v>
          </cell>
        </row>
        <row r="3243">
          <cell r="F3243">
            <v>75115</v>
          </cell>
          <cell r="Z3243" t="str">
            <v>DULMRPR</v>
          </cell>
          <cell r="AN3243" t="str">
            <v>MDO C&amp;M</v>
          </cell>
          <cell r="AO3243" t="str">
            <v>MDO INDIANA SOUTHEAST C&amp;M</v>
          </cell>
        </row>
        <row r="3244">
          <cell r="F3244">
            <v>75115</v>
          </cell>
          <cell r="Z3244" t="str">
            <v>DULMRPR</v>
          </cell>
          <cell r="AN3244" t="str">
            <v>MDO C&amp;M</v>
          </cell>
          <cell r="AO3244" t="str">
            <v>MDO INDIANA SOUTHEAST C&amp;M</v>
          </cell>
        </row>
        <row r="3245">
          <cell r="F3245">
            <v>75115</v>
          </cell>
          <cell r="Z3245" t="str">
            <v>DULMRPR</v>
          </cell>
          <cell r="AN3245" t="str">
            <v>MDO C&amp;M</v>
          </cell>
          <cell r="AO3245" t="str">
            <v>MDO INDIANA SOUTHEAST C&amp;M</v>
          </cell>
        </row>
        <row r="3246">
          <cell r="F3246">
            <v>75115</v>
          </cell>
          <cell r="Z3246" t="str">
            <v>DULMRPR</v>
          </cell>
          <cell r="AN3246" t="str">
            <v>MDO C&amp;M</v>
          </cell>
          <cell r="AO3246" t="str">
            <v>MDO INDIANA SOUTHEAST C&amp;M</v>
          </cell>
        </row>
        <row r="3247">
          <cell r="F3247">
            <v>75115</v>
          </cell>
          <cell r="Z3247" t="str">
            <v>DULMRPR</v>
          </cell>
          <cell r="AN3247" t="str">
            <v>MDO C&amp;M</v>
          </cell>
          <cell r="AO3247" t="str">
            <v>MDO INDIANA SOUTHEAST C&amp;M</v>
          </cell>
        </row>
        <row r="3248">
          <cell r="F3248">
            <v>75115</v>
          </cell>
          <cell r="Z3248" t="str">
            <v>DULMRPR</v>
          </cell>
          <cell r="AN3248" t="str">
            <v>MDO C&amp;M</v>
          </cell>
          <cell r="AO3248" t="str">
            <v>MDO INDIANA SOUTHEAST C&amp;M</v>
          </cell>
        </row>
        <row r="3249">
          <cell r="F3249">
            <v>75115</v>
          </cell>
          <cell r="Z3249" t="str">
            <v>DULMRPR</v>
          </cell>
          <cell r="AN3249" t="str">
            <v>MDO C&amp;M</v>
          </cell>
          <cell r="AO3249" t="str">
            <v>MDO INDIANA SOUTHEAST C&amp;M</v>
          </cell>
        </row>
        <row r="3250">
          <cell r="F3250">
            <v>75115</v>
          </cell>
          <cell r="Z3250" t="str">
            <v>DULMRPR</v>
          </cell>
          <cell r="AN3250" t="str">
            <v>MDO C&amp;M</v>
          </cell>
          <cell r="AO3250" t="str">
            <v>MDO INDIANA SOUTHEAST C&amp;M</v>
          </cell>
        </row>
        <row r="3251">
          <cell r="F3251">
            <v>75115</v>
          </cell>
          <cell r="Z3251" t="str">
            <v>DULMRPR</v>
          </cell>
          <cell r="AN3251" t="str">
            <v>MDO C&amp;M</v>
          </cell>
          <cell r="AO3251" t="str">
            <v>MDO INDIANA SOUTHEAST C&amp;M</v>
          </cell>
        </row>
        <row r="3252">
          <cell r="F3252">
            <v>75115</v>
          </cell>
          <cell r="Z3252" t="str">
            <v>DULMRPR</v>
          </cell>
          <cell r="AN3252" t="str">
            <v>MDO C&amp;M</v>
          </cell>
          <cell r="AO3252" t="str">
            <v>MDO INDIANA SOUTHEAST C&amp;M</v>
          </cell>
        </row>
        <row r="3253">
          <cell r="F3253">
            <v>75115</v>
          </cell>
          <cell r="Z3253" t="str">
            <v>DULMRPR</v>
          </cell>
          <cell r="AN3253" t="str">
            <v>MDO C&amp;M</v>
          </cell>
          <cell r="AO3253" t="str">
            <v>MDO INDIANA SOUTHEAST C&amp;M</v>
          </cell>
        </row>
        <row r="3254">
          <cell r="F3254">
            <v>75115</v>
          </cell>
          <cell r="Z3254" t="str">
            <v>DULMRPR</v>
          </cell>
          <cell r="AN3254" t="str">
            <v>MDO C&amp;M</v>
          </cell>
          <cell r="AO3254" t="str">
            <v>MDO INDIANA SOUTHEAST C&amp;M</v>
          </cell>
        </row>
        <row r="3255">
          <cell r="F3255">
            <v>75115</v>
          </cell>
          <cell r="Z3255" t="str">
            <v>DULMRPR</v>
          </cell>
          <cell r="AN3255" t="str">
            <v>MDO C&amp;M</v>
          </cell>
          <cell r="AO3255" t="str">
            <v>MDO INDIANA SOUTHEAST C&amp;M</v>
          </cell>
        </row>
        <row r="3256">
          <cell r="F3256">
            <v>75115</v>
          </cell>
          <cell r="Z3256" t="str">
            <v>DULMRPR</v>
          </cell>
          <cell r="AN3256" t="str">
            <v>MDO C&amp;M</v>
          </cell>
          <cell r="AO3256" t="str">
            <v>MDO INDIANA SOUTHEAST C&amp;M</v>
          </cell>
        </row>
        <row r="3257">
          <cell r="F3257">
            <v>75115</v>
          </cell>
          <cell r="Z3257" t="str">
            <v>DULMRPR</v>
          </cell>
          <cell r="AN3257" t="str">
            <v>MDO C&amp;M</v>
          </cell>
          <cell r="AO3257" t="str">
            <v>MDO INDIANA SOUTHEAST C&amp;M</v>
          </cell>
        </row>
        <row r="3258">
          <cell r="F3258">
            <v>75115</v>
          </cell>
          <cell r="Z3258" t="str">
            <v>DULMRPR</v>
          </cell>
          <cell r="AN3258" t="str">
            <v>MDO C&amp;M</v>
          </cell>
          <cell r="AO3258" t="str">
            <v>MDO INDIANA SOUTHEAST C&amp;M</v>
          </cell>
        </row>
        <row r="3259">
          <cell r="F3259">
            <v>75115</v>
          </cell>
          <cell r="Z3259" t="str">
            <v>DULMRPR</v>
          </cell>
          <cell r="AN3259" t="str">
            <v>MDO C&amp;M</v>
          </cell>
          <cell r="AO3259" t="str">
            <v>MDO INDIANA SOUTHEAST C&amp;M</v>
          </cell>
        </row>
        <row r="3260">
          <cell r="F3260">
            <v>75115</v>
          </cell>
          <cell r="Z3260" t="str">
            <v>DULMRPR</v>
          </cell>
          <cell r="AN3260" t="str">
            <v>MDO C&amp;M</v>
          </cell>
          <cell r="AO3260" t="str">
            <v>MDO INDIANA SOUTHEAST C&amp;M</v>
          </cell>
        </row>
        <row r="3261">
          <cell r="F3261">
            <v>75115</v>
          </cell>
          <cell r="Z3261" t="str">
            <v>DULMRPR</v>
          </cell>
          <cell r="AN3261" t="str">
            <v>MDO C&amp;M</v>
          </cell>
          <cell r="AO3261" t="str">
            <v>MDO INDIANA SOUTHEAST C&amp;M</v>
          </cell>
        </row>
        <row r="3262">
          <cell r="F3262">
            <v>75115</v>
          </cell>
          <cell r="Z3262" t="str">
            <v>DULMRPR</v>
          </cell>
          <cell r="AN3262" t="str">
            <v>MDO C&amp;M</v>
          </cell>
          <cell r="AO3262" t="str">
            <v>MDO INDIANA SOUTHEAST C&amp;M</v>
          </cell>
        </row>
        <row r="3263">
          <cell r="F3263">
            <v>75115</v>
          </cell>
          <cell r="Z3263" t="str">
            <v>DULMRPR</v>
          </cell>
          <cell r="AN3263" t="str">
            <v>MDO C&amp;M</v>
          </cell>
          <cell r="AO3263" t="str">
            <v>MDO INDIANA SOUTHEAST C&amp;M</v>
          </cell>
        </row>
        <row r="3264">
          <cell r="F3264">
            <v>75115</v>
          </cell>
          <cell r="Z3264" t="str">
            <v>DULMRPR</v>
          </cell>
          <cell r="AN3264" t="str">
            <v>MDO C&amp;M</v>
          </cell>
          <cell r="AO3264" t="str">
            <v>MDO INDIANA SOUTHEAST C&amp;M</v>
          </cell>
        </row>
        <row r="3265">
          <cell r="F3265">
            <v>75115</v>
          </cell>
          <cell r="Z3265" t="str">
            <v>DULMRPR</v>
          </cell>
          <cell r="AN3265" t="str">
            <v>MDO C&amp;M</v>
          </cell>
          <cell r="AO3265" t="str">
            <v>MDO INDIANA SOUTHEAST C&amp;M</v>
          </cell>
        </row>
        <row r="3266">
          <cell r="F3266">
            <v>75115</v>
          </cell>
          <cell r="Z3266" t="str">
            <v>DULMRPR</v>
          </cell>
          <cell r="AN3266" t="str">
            <v>MDO C&amp;M</v>
          </cell>
          <cell r="AO3266" t="str">
            <v>MDO INDIANA SOUTHEAST C&amp;M</v>
          </cell>
        </row>
        <row r="3267">
          <cell r="F3267">
            <v>75115</v>
          </cell>
          <cell r="Z3267" t="str">
            <v>DULMRPR</v>
          </cell>
          <cell r="AN3267" t="str">
            <v>MDO C&amp;M</v>
          </cell>
          <cell r="AO3267" t="str">
            <v>MDO INDIANA SOUTHEAST C&amp;M</v>
          </cell>
        </row>
        <row r="3268">
          <cell r="F3268">
            <v>75115</v>
          </cell>
          <cell r="Z3268" t="str">
            <v>DULMRPR</v>
          </cell>
          <cell r="AN3268" t="str">
            <v>MDO C&amp;M</v>
          </cell>
          <cell r="AO3268" t="str">
            <v>MDO INDIANA SOUTHEAST C&amp;M</v>
          </cell>
        </row>
        <row r="3269">
          <cell r="F3269">
            <v>75115</v>
          </cell>
          <cell r="Z3269" t="str">
            <v>DULMRPR</v>
          </cell>
          <cell r="AN3269" t="str">
            <v>MDO C&amp;M</v>
          </cell>
          <cell r="AO3269" t="str">
            <v>MDO INDIANA SOUTHEAST C&amp;M</v>
          </cell>
        </row>
        <row r="3270">
          <cell r="F3270">
            <v>75115</v>
          </cell>
          <cell r="Z3270" t="str">
            <v>DULMRPR</v>
          </cell>
          <cell r="AN3270" t="str">
            <v>MDO C&amp;M</v>
          </cell>
          <cell r="AO3270" t="str">
            <v>MDO INDIANA SOUTHEAST C&amp;M</v>
          </cell>
        </row>
        <row r="3271">
          <cell r="F3271">
            <v>75115</v>
          </cell>
          <cell r="Z3271" t="str">
            <v>DULMRPR</v>
          </cell>
          <cell r="AN3271" t="str">
            <v>MDO C&amp;M</v>
          </cell>
          <cell r="AO3271" t="str">
            <v>MDO INDIANA SOUTHEAST C&amp;M</v>
          </cell>
        </row>
        <row r="3272">
          <cell r="F3272">
            <v>75115</v>
          </cell>
          <cell r="Z3272" t="str">
            <v>DULMRPR</v>
          </cell>
          <cell r="AN3272" t="str">
            <v>MDO C&amp;M</v>
          </cell>
          <cell r="AO3272" t="str">
            <v>MDO INDIANA SOUTHEAST C&amp;M</v>
          </cell>
        </row>
        <row r="3273">
          <cell r="F3273">
            <v>75115</v>
          </cell>
          <cell r="Z3273" t="str">
            <v>DULMRPR</v>
          </cell>
          <cell r="AN3273" t="str">
            <v>MDO C&amp;M</v>
          </cell>
          <cell r="AO3273" t="str">
            <v>MDO INDIANA SOUTHEAST C&amp;M</v>
          </cell>
        </row>
        <row r="3274">
          <cell r="F3274">
            <v>75115</v>
          </cell>
          <cell r="Z3274" t="str">
            <v>DULMRPR</v>
          </cell>
          <cell r="AN3274" t="str">
            <v>MDO C&amp;M</v>
          </cell>
          <cell r="AO3274" t="str">
            <v>MDO INDIANA NORTH C&amp;M</v>
          </cell>
        </row>
        <row r="3275">
          <cell r="F3275">
            <v>75115</v>
          </cell>
          <cell r="Z3275" t="str">
            <v>DULMRPR</v>
          </cell>
          <cell r="AN3275" t="str">
            <v>MDO C&amp;M</v>
          </cell>
          <cell r="AO3275" t="str">
            <v>MDO INDIANA NORTH C&amp;M</v>
          </cell>
        </row>
        <row r="3276">
          <cell r="F3276">
            <v>75115</v>
          </cell>
          <cell r="Z3276" t="str">
            <v>DULMRPR</v>
          </cell>
          <cell r="AN3276" t="str">
            <v>MDO C&amp;M</v>
          </cell>
          <cell r="AO3276" t="str">
            <v>MDO INDIANA NORTH C&amp;M</v>
          </cell>
        </row>
        <row r="3277">
          <cell r="F3277">
            <v>75115</v>
          </cell>
          <cell r="Z3277" t="str">
            <v>DULMRPR</v>
          </cell>
          <cell r="AN3277" t="str">
            <v>MDO C&amp;M</v>
          </cell>
          <cell r="AO3277" t="str">
            <v>MDO INDIANA NORTH C&amp;M</v>
          </cell>
        </row>
        <row r="3278">
          <cell r="F3278">
            <v>75115</v>
          </cell>
          <cell r="Z3278" t="str">
            <v>DULMRPR</v>
          </cell>
          <cell r="AN3278" t="str">
            <v>MDO C&amp;M</v>
          </cell>
          <cell r="AO3278" t="str">
            <v>MDO INDIANA NORTH C&amp;M</v>
          </cell>
        </row>
        <row r="3279">
          <cell r="F3279">
            <v>75115</v>
          </cell>
          <cell r="Z3279" t="str">
            <v>DULMRPR</v>
          </cell>
          <cell r="AN3279" t="str">
            <v>MDO C&amp;M</v>
          </cell>
          <cell r="AO3279" t="str">
            <v>MDO INDIANA NORTH C&amp;M</v>
          </cell>
        </row>
        <row r="3280">
          <cell r="F3280">
            <v>75115</v>
          </cell>
          <cell r="Z3280" t="str">
            <v>DULMRPR</v>
          </cell>
          <cell r="AN3280" t="str">
            <v>MDO C&amp;M</v>
          </cell>
          <cell r="AO3280" t="str">
            <v>MDO INDIANA NORTH C&amp;M</v>
          </cell>
        </row>
        <row r="3281">
          <cell r="F3281">
            <v>75115</v>
          </cell>
          <cell r="Z3281" t="str">
            <v>DULMRPR</v>
          </cell>
          <cell r="AN3281" t="str">
            <v>MDO C&amp;M</v>
          </cell>
          <cell r="AO3281" t="str">
            <v>MDO INDIANA NORTH C&amp;M</v>
          </cell>
        </row>
        <row r="3282">
          <cell r="F3282">
            <v>75115</v>
          </cell>
          <cell r="Z3282" t="str">
            <v>DULMRPR</v>
          </cell>
          <cell r="AN3282" t="str">
            <v>MDO C&amp;M</v>
          </cell>
          <cell r="AO3282" t="str">
            <v>MDO INDIANA NORTH C&amp;M</v>
          </cell>
        </row>
        <row r="3283">
          <cell r="F3283">
            <v>75115</v>
          </cell>
          <cell r="Z3283" t="str">
            <v>DULMRPR</v>
          </cell>
          <cell r="AN3283" t="str">
            <v>MDO C&amp;M</v>
          </cell>
          <cell r="AO3283" t="str">
            <v>MDO INDIANA NORTH C&amp;M</v>
          </cell>
        </row>
        <row r="3284">
          <cell r="F3284">
            <v>75115</v>
          </cell>
          <cell r="Z3284" t="str">
            <v>DULMRPR</v>
          </cell>
          <cell r="AN3284" t="str">
            <v>MDO C&amp;M</v>
          </cell>
          <cell r="AO3284" t="str">
            <v>MDO INDIANA NORTH C&amp;M</v>
          </cell>
        </row>
        <row r="3285">
          <cell r="F3285">
            <v>75115</v>
          </cell>
          <cell r="Z3285" t="str">
            <v>DULMRPR</v>
          </cell>
          <cell r="AN3285" t="str">
            <v>MDO C&amp;M</v>
          </cell>
          <cell r="AO3285" t="str">
            <v>MDO INDIANA NORTH C&amp;M</v>
          </cell>
        </row>
        <row r="3286">
          <cell r="F3286">
            <v>75115</v>
          </cell>
          <cell r="Z3286" t="str">
            <v>DULMRPR</v>
          </cell>
          <cell r="AN3286" t="str">
            <v>MDO C&amp;M</v>
          </cell>
          <cell r="AO3286" t="str">
            <v>MDO INDIANA NORTH C&amp;M</v>
          </cell>
        </row>
        <row r="3287">
          <cell r="F3287">
            <v>75115</v>
          </cell>
          <cell r="Z3287" t="str">
            <v>DULMRPR</v>
          </cell>
          <cell r="AN3287" t="str">
            <v>MDO C&amp;M</v>
          </cell>
          <cell r="AO3287" t="str">
            <v>MDO INDIANA NORTH C&amp;M</v>
          </cell>
        </row>
        <row r="3288">
          <cell r="F3288">
            <v>75115</v>
          </cell>
          <cell r="Z3288" t="str">
            <v>DULMRPR</v>
          </cell>
          <cell r="AN3288" t="str">
            <v>MDO C&amp;M</v>
          </cell>
          <cell r="AO3288" t="str">
            <v>MDO INDIANA NORTH C&amp;M</v>
          </cell>
        </row>
        <row r="3289">
          <cell r="F3289">
            <v>75115</v>
          </cell>
          <cell r="Z3289" t="str">
            <v>DULMRPR</v>
          </cell>
          <cell r="AN3289" t="str">
            <v>MDO C&amp;M</v>
          </cell>
          <cell r="AO3289" t="str">
            <v>MDO INDIANA NORTH C&amp;M</v>
          </cell>
        </row>
        <row r="3290">
          <cell r="F3290">
            <v>75115</v>
          </cell>
          <cell r="Z3290" t="str">
            <v>DULMRPR</v>
          </cell>
          <cell r="AN3290" t="str">
            <v>MDO C&amp;M</v>
          </cell>
          <cell r="AO3290" t="str">
            <v>MDO INDIANA NORTH C&amp;M</v>
          </cell>
        </row>
        <row r="3291">
          <cell r="F3291">
            <v>75115</v>
          </cell>
          <cell r="Z3291" t="str">
            <v>DULMRPR</v>
          </cell>
          <cell r="AN3291" t="str">
            <v>MDO C&amp;M</v>
          </cell>
          <cell r="AO3291" t="str">
            <v>MDO INDIANA NORTH C&amp;M</v>
          </cell>
        </row>
        <row r="3292">
          <cell r="F3292">
            <v>75115</v>
          </cell>
          <cell r="Z3292" t="str">
            <v>DULMRPR</v>
          </cell>
          <cell r="AN3292" t="str">
            <v>MDO C&amp;M</v>
          </cell>
          <cell r="AO3292" t="str">
            <v>MDO INDIANA NORTH C&amp;M</v>
          </cell>
        </row>
        <row r="3293">
          <cell r="F3293">
            <v>75115</v>
          </cell>
          <cell r="Z3293" t="str">
            <v>DULMRPR</v>
          </cell>
          <cell r="AN3293" t="str">
            <v>MDO C&amp;M</v>
          </cell>
          <cell r="AO3293" t="str">
            <v>MDO INDIANA NORTH C&amp;M</v>
          </cell>
        </row>
        <row r="3294">
          <cell r="F3294">
            <v>75115</v>
          </cell>
          <cell r="Z3294" t="str">
            <v>DULMRPR</v>
          </cell>
          <cell r="AN3294" t="str">
            <v>MDO C&amp;M</v>
          </cell>
          <cell r="AO3294" t="str">
            <v>MDO INDIANA NORTH C&amp;M</v>
          </cell>
        </row>
        <row r="3295">
          <cell r="F3295">
            <v>75115</v>
          </cell>
          <cell r="Z3295" t="str">
            <v>DULMRPR</v>
          </cell>
          <cell r="AN3295" t="str">
            <v>MDO C&amp;M</v>
          </cell>
          <cell r="AO3295" t="str">
            <v>MDO INDIANA NORTH C&amp;M</v>
          </cell>
        </row>
        <row r="3296">
          <cell r="F3296">
            <v>75115</v>
          </cell>
          <cell r="Z3296" t="str">
            <v>DULMRPR</v>
          </cell>
          <cell r="AN3296" t="str">
            <v>MDO C&amp;M</v>
          </cell>
          <cell r="AO3296" t="str">
            <v>MDO INDIANA NORTH C&amp;M</v>
          </cell>
        </row>
        <row r="3297">
          <cell r="F3297">
            <v>75115</v>
          </cell>
          <cell r="Z3297" t="str">
            <v>DULMRPR</v>
          </cell>
          <cell r="AN3297" t="str">
            <v>MDO C&amp;M</v>
          </cell>
          <cell r="AO3297" t="str">
            <v>MDO INDIANA NORTH C&amp;M</v>
          </cell>
        </row>
        <row r="3298">
          <cell r="F3298">
            <v>75115</v>
          </cell>
          <cell r="Z3298" t="str">
            <v>DULMRPR</v>
          </cell>
          <cell r="AN3298" t="str">
            <v>MDO C&amp;M</v>
          </cell>
          <cell r="AO3298" t="str">
            <v>MDO INDIANA NORTH C&amp;M</v>
          </cell>
        </row>
        <row r="3299">
          <cell r="F3299">
            <v>75115</v>
          </cell>
          <cell r="Z3299" t="str">
            <v>DULMRPR</v>
          </cell>
          <cell r="AN3299" t="str">
            <v>MDO C&amp;M</v>
          </cell>
          <cell r="AO3299" t="str">
            <v>MDO INDIANA NORTH C&amp;M</v>
          </cell>
        </row>
        <row r="3300">
          <cell r="F3300">
            <v>75115</v>
          </cell>
          <cell r="Z3300" t="str">
            <v>DULMRPR</v>
          </cell>
          <cell r="AN3300" t="str">
            <v>MDO C&amp;M</v>
          </cell>
          <cell r="AO3300" t="str">
            <v>MDO INDIANA NORTH C&amp;M</v>
          </cell>
        </row>
        <row r="3301">
          <cell r="F3301">
            <v>75115</v>
          </cell>
          <cell r="Z3301" t="str">
            <v>DULMRPR</v>
          </cell>
          <cell r="AN3301" t="str">
            <v>MDO C&amp;M</v>
          </cell>
          <cell r="AO3301" t="str">
            <v>MDO INDIANA NORTH C&amp;M</v>
          </cell>
        </row>
        <row r="3302">
          <cell r="F3302">
            <v>75115</v>
          </cell>
          <cell r="Z3302" t="str">
            <v>DULMRPR</v>
          </cell>
          <cell r="AN3302" t="str">
            <v>MDO C&amp;M</v>
          </cell>
          <cell r="AO3302" t="str">
            <v>MDO INDIANA NORTH C&amp;M</v>
          </cell>
        </row>
        <row r="3303">
          <cell r="F3303">
            <v>75115</v>
          </cell>
          <cell r="Z3303" t="str">
            <v>DULMRPR</v>
          </cell>
          <cell r="AN3303" t="str">
            <v>MDO C&amp;M</v>
          </cell>
          <cell r="AO3303" t="str">
            <v>MDO INDIANA NORTH C&amp;M</v>
          </cell>
        </row>
        <row r="3304">
          <cell r="F3304">
            <v>75115</v>
          </cell>
          <cell r="Z3304" t="str">
            <v>DULMRPR</v>
          </cell>
          <cell r="AN3304" t="str">
            <v>MDO C&amp;M</v>
          </cell>
          <cell r="AO3304" t="str">
            <v>MDO INDIANA NORTH C&amp;M</v>
          </cell>
        </row>
        <row r="3305">
          <cell r="F3305">
            <v>75115</v>
          </cell>
          <cell r="Z3305" t="str">
            <v>DULMRPR</v>
          </cell>
          <cell r="AN3305" t="str">
            <v>MDO C&amp;M</v>
          </cell>
          <cell r="AO3305" t="str">
            <v>MDO INDIANA NORTH C&amp;M</v>
          </cell>
        </row>
        <row r="3306">
          <cell r="F3306">
            <v>75115</v>
          </cell>
          <cell r="Z3306" t="str">
            <v>DULMRPR</v>
          </cell>
          <cell r="AN3306" t="str">
            <v>MDO C&amp;M</v>
          </cell>
          <cell r="AO3306" t="str">
            <v>MDO INDIANA NORTH C&amp;M</v>
          </cell>
        </row>
        <row r="3307">
          <cell r="F3307">
            <v>75115</v>
          </cell>
          <cell r="Z3307" t="str">
            <v>DULMRPR</v>
          </cell>
          <cell r="AN3307" t="str">
            <v>MDO C&amp;M</v>
          </cell>
          <cell r="AO3307" t="str">
            <v>MDO INDIANA NORTH C&amp;M</v>
          </cell>
        </row>
        <row r="3308">
          <cell r="F3308">
            <v>75115</v>
          </cell>
          <cell r="Z3308" t="str">
            <v>DULMRPR</v>
          </cell>
          <cell r="AN3308" t="str">
            <v>MDO C&amp;M</v>
          </cell>
          <cell r="AO3308" t="str">
            <v>MDO INDIANA NORTH C&amp;M</v>
          </cell>
        </row>
        <row r="3309">
          <cell r="F3309">
            <v>75115</v>
          </cell>
          <cell r="Z3309" t="str">
            <v>DULMRPR</v>
          </cell>
          <cell r="AN3309" t="str">
            <v>MDO C&amp;M</v>
          </cell>
          <cell r="AO3309" t="str">
            <v>MDO INDIANA NORTH C&amp;M</v>
          </cell>
        </row>
        <row r="3310">
          <cell r="F3310">
            <v>75115</v>
          </cell>
          <cell r="Z3310" t="str">
            <v>DULMRPR</v>
          </cell>
          <cell r="AN3310" t="str">
            <v>MDO C&amp;M</v>
          </cell>
          <cell r="AO3310" t="str">
            <v>MDO INDIANA NORTH C&amp;M</v>
          </cell>
        </row>
        <row r="3311">
          <cell r="F3311">
            <v>75115</v>
          </cell>
          <cell r="Z3311" t="str">
            <v>DULMRPR</v>
          </cell>
          <cell r="AN3311" t="str">
            <v>MDO C&amp;M</v>
          </cell>
          <cell r="AO3311" t="str">
            <v>MDO INDIANA NORTH C&amp;M</v>
          </cell>
        </row>
        <row r="3312">
          <cell r="F3312">
            <v>75115</v>
          </cell>
          <cell r="Z3312" t="str">
            <v>DULMRPR</v>
          </cell>
          <cell r="AN3312" t="str">
            <v>MDO C&amp;M</v>
          </cell>
          <cell r="AO3312" t="str">
            <v>MDO INDIANA NORTH C&amp;M</v>
          </cell>
        </row>
        <row r="3313">
          <cell r="F3313">
            <v>75115</v>
          </cell>
          <cell r="Z3313" t="str">
            <v>DULMRPR</v>
          </cell>
          <cell r="AN3313" t="str">
            <v>MDO C&amp;M</v>
          </cell>
          <cell r="AO3313" t="str">
            <v>MDO INDIANA NORTH C&amp;M</v>
          </cell>
        </row>
        <row r="3314">
          <cell r="F3314">
            <v>75115</v>
          </cell>
          <cell r="Z3314" t="str">
            <v>DULMRPR</v>
          </cell>
          <cell r="AN3314" t="str">
            <v>MDO C&amp;M</v>
          </cell>
          <cell r="AO3314" t="str">
            <v>MDO INDIANA NORTH C&amp;M</v>
          </cell>
        </row>
        <row r="3315">
          <cell r="F3315">
            <v>75115</v>
          </cell>
          <cell r="Z3315" t="str">
            <v>DULMRPR</v>
          </cell>
          <cell r="AN3315" t="str">
            <v>MDO C&amp;M</v>
          </cell>
          <cell r="AO3315" t="str">
            <v>MDO INDIANA NORTH C&amp;M</v>
          </cell>
        </row>
        <row r="3316">
          <cell r="F3316">
            <v>75115</v>
          </cell>
          <cell r="Z3316" t="str">
            <v>DULMRPR</v>
          </cell>
          <cell r="AN3316" t="str">
            <v>MDO C&amp;M</v>
          </cell>
          <cell r="AO3316" t="str">
            <v>MDO INDIANA NORTH C&amp;M</v>
          </cell>
        </row>
        <row r="3317">
          <cell r="F3317">
            <v>75115</v>
          </cell>
          <cell r="Z3317" t="str">
            <v>DULMRPR</v>
          </cell>
          <cell r="AN3317" t="str">
            <v>MDO C&amp;M</v>
          </cell>
          <cell r="AO3317" t="str">
            <v>MDO INDIANA NORTH C&amp;M</v>
          </cell>
        </row>
        <row r="3318">
          <cell r="F3318">
            <v>75115</v>
          </cell>
          <cell r="Z3318" t="str">
            <v>DULMRPR</v>
          </cell>
          <cell r="AN3318" t="str">
            <v>MDO C&amp;M</v>
          </cell>
          <cell r="AO3318" t="str">
            <v>MDO INDIANA NORTH C&amp;M</v>
          </cell>
        </row>
        <row r="3319">
          <cell r="F3319">
            <v>75115</v>
          </cell>
          <cell r="Z3319" t="str">
            <v>DULMRPR</v>
          </cell>
          <cell r="AN3319" t="str">
            <v>MDO C&amp;M</v>
          </cell>
          <cell r="AO3319" t="str">
            <v>MDO INDIANA NORTH C&amp;M</v>
          </cell>
        </row>
        <row r="3320">
          <cell r="F3320">
            <v>75115</v>
          </cell>
          <cell r="Z3320" t="str">
            <v>DULMRPR</v>
          </cell>
          <cell r="AN3320" t="str">
            <v>MDO C&amp;M</v>
          </cell>
          <cell r="AO3320" t="str">
            <v>MDO INDIANA NORTH C&amp;M</v>
          </cell>
        </row>
        <row r="3321">
          <cell r="F3321">
            <v>75115</v>
          </cell>
          <cell r="Z3321" t="str">
            <v>DULMRPR</v>
          </cell>
          <cell r="AN3321" t="str">
            <v>MDO C&amp;M</v>
          </cell>
          <cell r="AO3321" t="str">
            <v>MDO INDIANA NORTH C&amp;M</v>
          </cell>
        </row>
        <row r="3322">
          <cell r="F3322">
            <v>75115</v>
          </cell>
          <cell r="Z3322" t="str">
            <v>DULMRPR</v>
          </cell>
          <cell r="AN3322" t="str">
            <v>MDO C&amp;M</v>
          </cell>
          <cell r="AO3322" t="str">
            <v>MDO INDIANA NORTH C&amp;M</v>
          </cell>
        </row>
        <row r="3323">
          <cell r="F3323">
            <v>75115</v>
          </cell>
          <cell r="Z3323" t="str">
            <v>DULMRPR</v>
          </cell>
          <cell r="AN3323" t="str">
            <v>MDO C&amp;M</v>
          </cell>
          <cell r="AO3323" t="str">
            <v>MDO INDIANA NORTH C&amp;M</v>
          </cell>
        </row>
        <row r="3324">
          <cell r="F3324">
            <v>75115</v>
          </cell>
          <cell r="Z3324" t="str">
            <v>DULMRPR</v>
          </cell>
          <cell r="AN3324" t="str">
            <v>MDO C&amp;M</v>
          </cell>
          <cell r="AO3324" t="str">
            <v>MDO INDIANA NORTH C&amp;M</v>
          </cell>
        </row>
        <row r="3325">
          <cell r="F3325">
            <v>75115</v>
          </cell>
          <cell r="Z3325" t="str">
            <v>DULMRPR</v>
          </cell>
          <cell r="AN3325" t="str">
            <v>MDO C&amp;M</v>
          </cell>
          <cell r="AO3325" t="str">
            <v>MDO INDIANA NORTH C&amp;M</v>
          </cell>
        </row>
        <row r="3326">
          <cell r="F3326">
            <v>75115</v>
          </cell>
          <cell r="Z3326" t="str">
            <v>DULMRPR</v>
          </cell>
          <cell r="AN3326" t="str">
            <v>MDO C&amp;M</v>
          </cell>
          <cell r="AO3326" t="str">
            <v>MDO INDIANA NORTH C&amp;M</v>
          </cell>
        </row>
        <row r="3327">
          <cell r="F3327">
            <v>75115</v>
          </cell>
          <cell r="Z3327" t="str">
            <v>DULMRPR</v>
          </cell>
          <cell r="AN3327" t="str">
            <v>MDO C&amp;M</v>
          </cell>
          <cell r="AO3327" t="str">
            <v>MDO INDIANA NORTH C&amp;M</v>
          </cell>
        </row>
        <row r="3328">
          <cell r="F3328">
            <v>75115</v>
          </cell>
          <cell r="Z3328" t="str">
            <v>DULMRPR</v>
          </cell>
          <cell r="AN3328" t="str">
            <v>MDO C&amp;M</v>
          </cell>
          <cell r="AO3328" t="str">
            <v>MDO INDIANA NORTH C&amp;M</v>
          </cell>
        </row>
        <row r="3329">
          <cell r="F3329">
            <v>75115</v>
          </cell>
          <cell r="Z3329" t="str">
            <v>DULMRPR</v>
          </cell>
          <cell r="AN3329" t="str">
            <v>MDO C&amp;M</v>
          </cell>
          <cell r="AO3329" t="str">
            <v>MDO INDIANA NORTH C&amp;M</v>
          </cell>
        </row>
        <row r="3330">
          <cell r="F3330">
            <v>75115</v>
          </cell>
          <cell r="Z3330" t="str">
            <v>DULMRPR</v>
          </cell>
          <cell r="AN3330" t="str">
            <v>MDO C&amp;M</v>
          </cell>
          <cell r="AO3330" t="str">
            <v>MDO INDIANA NORTH C&amp;M</v>
          </cell>
        </row>
        <row r="3331">
          <cell r="F3331">
            <v>75115</v>
          </cell>
          <cell r="Z3331" t="str">
            <v>DULMRPR</v>
          </cell>
          <cell r="AN3331" t="str">
            <v>MDO C&amp;M</v>
          </cell>
          <cell r="AO3331" t="str">
            <v>MDO INDIANA NORTH C&amp;M</v>
          </cell>
        </row>
        <row r="3332">
          <cell r="F3332">
            <v>75115</v>
          </cell>
          <cell r="Z3332" t="str">
            <v>DULMRPR</v>
          </cell>
          <cell r="AN3332" t="str">
            <v>MDO C&amp;M</v>
          </cell>
          <cell r="AO3332" t="str">
            <v>MDO INDIANA NORTH C&amp;M</v>
          </cell>
        </row>
        <row r="3333">
          <cell r="F3333">
            <v>75115</v>
          </cell>
          <cell r="Z3333" t="str">
            <v>DULMRPR</v>
          </cell>
          <cell r="AN3333" t="str">
            <v>MDO C&amp;M</v>
          </cell>
          <cell r="AO3333" t="str">
            <v>MDO INDIANA NORTH C&amp;M</v>
          </cell>
        </row>
        <row r="3334">
          <cell r="F3334">
            <v>75115</v>
          </cell>
          <cell r="Z3334" t="str">
            <v>DULMRPR</v>
          </cell>
          <cell r="AN3334" t="str">
            <v>MDO C&amp;M</v>
          </cell>
          <cell r="AO3334" t="str">
            <v>MDO INDIANA NORTH C&amp;M</v>
          </cell>
        </row>
        <row r="3335">
          <cell r="F3335">
            <v>75115</v>
          </cell>
          <cell r="Z3335" t="str">
            <v>DULMRPR</v>
          </cell>
          <cell r="AN3335" t="str">
            <v>MDO C&amp;M</v>
          </cell>
          <cell r="AO3335" t="str">
            <v>MDO INDIANA NORTH C&amp;M</v>
          </cell>
        </row>
        <row r="3336">
          <cell r="F3336">
            <v>75115</v>
          </cell>
          <cell r="Z3336" t="str">
            <v>DULMRPR</v>
          </cell>
          <cell r="AN3336" t="str">
            <v>MDO C&amp;M</v>
          </cell>
          <cell r="AO3336" t="str">
            <v>MDO INDIANA NORTH C&amp;M</v>
          </cell>
        </row>
        <row r="3337">
          <cell r="F3337">
            <v>75115</v>
          </cell>
          <cell r="Z3337" t="str">
            <v>DULMRPR</v>
          </cell>
          <cell r="AN3337" t="str">
            <v>MDO C&amp;M</v>
          </cell>
          <cell r="AO3337" t="str">
            <v>MDO INDIANA NORTH C&amp;M</v>
          </cell>
        </row>
        <row r="3338">
          <cell r="F3338">
            <v>75115</v>
          </cell>
          <cell r="Z3338" t="str">
            <v>DULMRPR</v>
          </cell>
          <cell r="AN3338" t="str">
            <v>MDO C&amp;M</v>
          </cell>
          <cell r="AO3338" t="str">
            <v>MDO INDIANA NORTH C&amp;M</v>
          </cell>
        </row>
        <row r="3339">
          <cell r="F3339">
            <v>75115</v>
          </cell>
          <cell r="Z3339" t="str">
            <v>DULMRPR</v>
          </cell>
          <cell r="AN3339" t="str">
            <v>MDO C&amp;M</v>
          </cell>
          <cell r="AO3339" t="str">
            <v>MDO INDIANA NORTH C&amp;M</v>
          </cell>
        </row>
        <row r="3340">
          <cell r="F3340">
            <v>75115</v>
          </cell>
          <cell r="Z3340" t="str">
            <v>DULMRPR</v>
          </cell>
          <cell r="AN3340" t="str">
            <v>MDO C&amp;M</v>
          </cell>
          <cell r="AO3340" t="str">
            <v>MDO INDIANA NORTH C&amp;M</v>
          </cell>
        </row>
        <row r="3341">
          <cell r="F3341">
            <v>75115</v>
          </cell>
          <cell r="Z3341" t="str">
            <v>DULMRPR</v>
          </cell>
          <cell r="AN3341" t="str">
            <v>MDO C&amp;M</v>
          </cell>
          <cell r="AO3341" t="str">
            <v>MDO INDIANA NORTH C&amp;M</v>
          </cell>
        </row>
        <row r="3342">
          <cell r="F3342">
            <v>75115</v>
          </cell>
          <cell r="Z3342" t="str">
            <v>DULMRPR</v>
          </cell>
          <cell r="AN3342" t="str">
            <v>MDO C&amp;M</v>
          </cell>
          <cell r="AO3342" t="str">
            <v>MDO INDIANA NORTH C&amp;M</v>
          </cell>
        </row>
        <row r="3343">
          <cell r="F3343">
            <v>75115</v>
          </cell>
          <cell r="Z3343" t="str">
            <v>DULMRPR</v>
          </cell>
          <cell r="AN3343" t="str">
            <v>MDO C&amp;M</v>
          </cell>
          <cell r="AO3343" t="str">
            <v>MDO INDIANA NORTH C&amp;M</v>
          </cell>
        </row>
        <row r="3344">
          <cell r="F3344">
            <v>75115</v>
          </cell>
          <cell r="Z3344" t="str">
            <v>DULMRPR</v>
          </cell>
          <cell r="AN3344" t="str">
            <v>MDO C&amp;M</v>
          </cell>
          <cell r="AO3344" t="str">
            <v>MDO INDIANA NORTH C&amp;M</v>
          </cell>
        </row>
        <row r="3345">
          <cell r="F3345">
            <v>75115</v>
          </cell>
          <cell r="Z3345" t="str">
            <v>DULMRPR</v>
          </cell>
          <cell r="AN3345" t="str">
            <v>MDO C&amp;M</v>
          </cell>
          <cell r="AO3345" t="str">
            <v>MDO INDIANA NORTH C&amp;M</v>
          </cell>
        </row>
        <row r="3346">
          <cell r="F3346">
            <v>75115</v>
          </cell>
          <cell r="Z3346" t="str">
            <v>DULMRPR</v>
          </cell>
          <cell r="AN3346" t="str">
            <v>MDO C&amp;M</v>
          </cell>
          <cell r="AO3346" t="str">
            <v>MDO INDIANA NORTH C&amp;M</v>
          </cell>
        </row>
        <row r="3347">
          <cell r="F3347">
            <v>75115</v>
          </cell>
          <cell r="Z3347" t="str">
            <v>DULMRPR</v>
          </cell>
          <cell r="AN3347" t="str">
            <v>MDO C&amp;M</v>
          </cell>
          <cell r="AO3347" t="str">
            <v>MDO INDIANA NORTH C&amp;M</v>
          </cell>
        </row>
        <row r="3348">
          <cell r="F3348">
            <v>75115</v>
          </cell>
          <cell r="Z3348" t="str">
            <v>DULMRPR</v>
          </cell>
          <cell r="AN3348" t="str">
            <v>MDO C&amp;M</v>
          </cell>
          <cell r="AO3348" t="str">
            <v>MDO INDIANA NORTH C&amp;M</v>
          </cell>
        </row>
        <row r="3349">
          <cell r="F3349">
            <v>75115</v>
          </cell>
          <cell r="Z3349" t="str">
            <v>DULMRPR</v>
          </cell>
          <cell r="AN3349" t="str">
            <v>MDO C&amp;M</v>
          </cell>
          <cell r="AO3349" t="str">
            <v>MDO INDIANA NORTH C&amp;M</v>
          </cell>
        </row>
        <row r="3350">
          <cell r="F3350">
            <v>75115</v>
          </cell>
          <cell r="Z3350" t="str">
            <v>DULMRPR</v>
          </cell>
          <cell r="AN3350" t="str">
            <v>MDO C&amp;M</v>
          </cell>
          <cell r="AO3350" t="str">
            <v>MDO INDIANA NORTH C&amp;M</v>
          </cell>
        </row>
        <row r="3351">
          <cell r="F3351">
            <v>75115</v>
          </cell>
          <cell r="Z3351" t="str">
            <v>DULMRPR</v>
          </cell>
          <cell r="AN3351" t="str">
            <v>MDO C&amp;M</v>
          </cell>
          <cell r="AO3351" t="str">
            <v>MDO INDIANA NORTH C&amp;M</v>
          </cell>
        </row>
        <row r="3352">
          <cell r="F3352">
            <v>75115</v>
          </cell>
          <cell r="Z3352" t="str">
            <v>DULMRPR</v>
          </cell>
          <cell r="AN3352" t="str">
            <v>MDO C&amp;M</v>
          </cell>
          <cell r="AO3352" t="str">
            <v>MDO INDIANA NORTH C&amp;M</v>
          </cell>
        </row>
        <row r="3353">
          <cell r="F3353">
            <v>75115</v>
          </cell>
          <cell r="Z3353" t="str">
            <v>DULMRPR</v>
          </cell>
          <cell r="AN3353" t="str">
            <v>MDO C&amp;M</v>
          </cell>
          <cell r="AO3353" t="str">
            <v>MDO INDIANA NORTH C&amp;M</v>
          </cell>
        </row>
        <row r="3354">
          <cell r="F3354">
            <v>75115</v>
          </cell>
          <cell r="Z3354" t="str">
            <v>DULMRPR</v>
          </cell>
          <cell r="AN3354" t="str">
            <v>MDO C&amp;M</v>
          </cell>
          <cell r="AO3354" t="str">
            <v>MDO INDIANA NORTH C&amp;M</v>
          </cell>
        </row>
        <row r="3355">
          <cell r="F3355">
            <v>75115</v>
          </cell>
          <cell r="Z3355" t="str">
            <v>DULMRPR</v>
          </cell>
          <cell r="AN3355" t="str">
            <v>MDO C&amp;M</v>
          </cell>
          <cell r="AO3355" t="str">
            <v>MDO INDIANA NORTH C&amp;M</v>
          </cell>
        </row>
        <row r="3356">
          <cell r="F3356">
            <v>75115</v>
          </cell>
          <cell r="Z3356" t="str">
            <v>DULMRPR</v>
          </cell>
          <cell r="AN3356" t="str">
            <v>MDO C&amp;M</v>
          </cell>
          <cell r="AO3356" t="str">
            <v>MDO INDIANA NORTH C&amp;M</v>
          </cell>
        </row>
        <row r="3357">
          <cell r="F3357">
            <v>75115</v>
          </cell>
          <cell r="Z3357" t="str">
            <v>DULMRPR</v>
          </cell>
          <cell r="AN3357" t="str">
            <v>MDO C&amp;M</v>
          </cell>
          <cell r="AO3357" t="str">
            <v>MDO INDIANA NORTH C&amp;M</v>
          </cell>
        </row>
        <row r="3358">
          <cell r="F3358">
            <v>75115</v>
          </cell>
          <cell r="Z3358" t="str">
            <v>DULMRPR</v>
          </cell>
          <cell r="AN3358" t="str">
            <v>MDO C&amp;M</v>
          </cell>
          <cell r="AO3358" t="str">
            <v>MDO INDIANA NORTH C&amp;M</v>
          </cell>
        </row>
        <row r="3359">
          <cell r="F3359">
            <v>75115</v>
          </cell>
          <cell r="Z3359" t="str">
            <v>DULMRPR</v>
          </cell>
          <cell r="AN3359" t="str">
            <v>MDO C&amp;M</v>
          </cell>
          <cell r="AO3359" t="str">
            <v>MDO INDIANA NORTH C&amp;M</v>
          </cell>
        </row>
        <row r="3360">
          <cell r="F3360">
            <v>75115</v>
          </cell>
          <cell r="Z3360" t="str">
            <v>DULMRPR</v>
          </cell>
          <cell r="AN3360" t="str">
            <v>MDO C&amp;M</v>
          </cell>
          <cell r="AO3360" t="str">
            <v>MDO INDIANA NORTH C&amp;M</v>
          </cell>
        </row>
        <row r="3361">
          <cell r="F3361">
            <v>75115</v>
          </cell>
          <cell r="Z3361" t="str">
            <v>DULMRPR</v>
          </cell>
          <cell r="AN3361" t="str">
            <v>MDO C&amp;M</v>
          </cell>
          <cell r="AO3361" t="str">
            <v>MDO INDIANA NORTH C&amp;M</v>
          </cell>
        </row>
        <row r="3362">
          <cell r="F3362">
            <v>75115</v>
          </cell>
          <cell r="Z3362" t="str">
            <v>DULMRPR</v>
          </cell>
          <cell r="AN3362" t="str">
            <v>MDO C&amp;M</v>
          </cell>
          <cell r="AO3362" t="str">
            <v>MDO INDIANA NORTH C&amp;M</v>
          </cell>
        </row>
        <row r="3363">
          <cell r="F3363">
            <v>75115</v>
          </cell>
          <cell r="Z3363" t="str">
            <v>DULMRPR</v>
          </cell>
          <cell r="AN3363" t="str">
            <v>MDO C&amp;M</v>
          </cell>
          <cell r="AO3363" t="str">
            <v>MDO INDIANA NORTH C&amp;M</v>
          </cell>
        </row>
        <row r="3364">
          <cell r="F3364">
            <v>75115</v>
          </cell>
          <cell r="Z3364" t="str">
            <v>DULMRPR</v>
          </cell>
          <cell r="AN3364" t="str">
            <v>MDO C&amp;M</v>
          </cell>
          <cell r="AO3364" t="str">
            <v>MDO INDIANA NORTH C&amp;M</v>
          </cell>
        </row>
        <row r="3365">
          <cell r="F3365">
            <v>75115</v>
          </cell>
          <cell r="Z3365" t="str">
            <v>DULMRPR</v>
          </cell>
          <cell r="AN3365" t="str">
            <v>MDO C&amp;M</v>
          </cell>
          <cell r="AO3365" t="str">
            <v>MDO INDIANA NORTH C&amp;M</v>
          </cell>
        </row>
        <row r="3366">
          <cell r="F3366">
            <v>75115</v>
          </cell>
          <cell r="Z3366" t="str">
            <v>DULMRPR</v>
          </cell>
          <cell r="AN3366" t="str">
            <v>MDO C&amp;M</v>
          </cell>
          <cell r="AO3366" t="str">
            <v>MDO INDIANA NORTH C&amp;M</v>
          </cell>
        </row>
        <row r="3367">
          <cell r="F3367">
            <v>75115</v>
          </cell>
          <cell r="Z3367" t="str">
            <v>DULMRPR</v>
          </cell>
          <cell r="AN3367" t="str">
            <v>MDO C&amp;M</v>
          </cell>
          <cell r="AO3367" t="str">
            <v>MDO INDIANA NORTH C&amp;M</v>
          </cell>
        </row>
        <row r="3368">
          <cell r="F3368">
            <v>75115</v>
          </cell>
          <cell r="Z3368" t="str">
            <v>SMEINS</v>
          </cell>
          <cell r="AN3368" t="str">
            <v>MDO C&amp;M</v>
          </cell>
          <cell r="AO3368" t="str">
            <v>MDO INDIANA SOUTHWEST C&amp;M</v>
          </cell>
        </row>
        <row r="3369">
          <cell r="F3369">
            <v>75115</v>
          </cell>
          <cell r="Z3369" t="str">
            <v>SMEINS</v>
          </cell>
          <cell r="AN3369" t="str">
            <v>MDO C&amp;M</v>
          </cell>
          <cell r="AO3369" t="str">
            <v>MDO INDIANA SOUTHWEST C&amp;M</v>
          </cell>
        </row>
        <row r="3370">
          <cell r="F3370">
            <v>75115</v>
          </cell>
          <cell r="Z3370" t="str">
            <v>SMEINS</v>
          </cell>
          <cell r="AN3370" t="str">
            <v>MDO C&amp;M</v>
          </cell>
          <cell r="AO3370" t="str">
            <v>MDO INDIANA SOUTHWEST C&amp;M</v>
          </cell>
        </row>
        <row r="3371">
          <cell r="F3371">
            <v>75115</v>
          </cell>
          <cell r="Z3371" t="str">
            <v>SMEINS</v>
          </cell>
          <cell r="AN3371" t="str">
            <v>MDO C&amp;M</v>
          </cell>
          <cell r="AO3371" t="str">
            <v>MDO INDIANA SOUTHWEST C&amp;M</v>
          </cell>
        </row>
        <row r="3372">
          <cell r="F3372">
            <v>75115</v>
          </cell>
          <cell r="Z3372" t="str">
            <v>SMEINS</v>
          </cell>
          <cell r="AN3372" t="str">
            <v>MDO C&amp;M</v>
          </cell>
          <cell r="AO3372" t="str">
            <v>MDO INDIANA SOUTHWEST C&amp;M</v>
          </cell>
        </row>
        <row r="3373">
          <cell r="F3373">
            <v>75115</v>
          </cell>
          <cell r="Z3373" t="str">
            <v>SMEINS</v>
          </cell>
          <cell r="AN3373" t="str">
            <v>MDO C&amp;M</v>
          </cell>
          <cell r="AO3373" t="str">
            <v>MDO INDIANA SOUTHWEST C&amp;M</v>
          </cell>
        </row>
        <row r="3374">
          <cell r="F3374">
            <v>75115</v>
          </cell>
          <cell r="Z3374" t="str">
            <v>SMEINS</v>
          </cell>
          <cell r="AN3374" t="str">
            <v>MDO C&amp;M</v>
          </cell>
          <cell r="AO3374" t="str">
            <v>MDO INDIANA SOUTHWEST C&amp;M</v>
          </cell>
        </row>
        <row r="3375">
          <cell r="F3375">
            <v>75115</v>
          </cell>
          <cell r="Z3375" t="str">
            <v>SMEINS</v>
          </cell>
          <cell r="AN3375" t="str">
            <v>MDO C&amp;M</v>
          </cell>
          <cell r="AO3375" t="str">
            <v>MDO INDIANA SOUTHWEST C&amp;M</v>
          </cell>
        </row>
        <row r="3376">
          <cell r="F3376">
            <v>75115</v>
          </cell>
          <cell r="Z3376" t="str">
            <v>SMEINS</v>
          </cell>
          <cell r="AN3376" t="str">
            <v>MDO C&amp;M</v>
          </cell>
          <cell r="AO3376" t="str">
            <v>MDO INDIANA SOUTHWEST C&amp;M</v>
          </cell>
        </row>
        <row r="3377">
          <cell r="F3377">
            <v>75115</v>
          </cell>
          <cell r="Z3377" t="str">
            <v>SMEINS</v>
          </cell>
          <cell r="AN3377" t="str">
            <v>MDO C&amp;M</v>
          </cell>
          <cell r="AO3377" t="str">
            <v>MDO INDIANA SOUTHWEST C&amp;M</v>
          </cell>
        </row>
        <row r="3378">
          <cell r="F3378">
            <v>75115</v>
          </cell>
          <cell r="Z3378" t="str">
            <v>SMEINS</v>
          </cell>
          <cell r="AN3378" t="str">
            <v>MDO C&amp;M</v>
          </cell>
          <cell r="AO3378" t="str">
            <v>MDO INDIANA SOUTHWEST C&amp;M</v>
          </cell>
        </row>
        <row r="3379">
          <cell r="F3379">
            <v>75115</v>
          </cell>
          <cell r="Z3379" t="str">
            <v>SMEINS</v>
          </cell>
          <cell r="AN3379" t="str">
            <v>MDO C&amp;M</v>
          </cell>
          <cell r="AO3379" t="str">
            <v>MDO INDIANA SOUTHWEST C&amp;M</v>
          </cell>
        </row>
        <row r="3380">
          <cell r="F3380">
            <v>75023</v>
          </cell>
          <cell r="Z3380" t="str">
            <v>SMEIP</v>
          </cell>
          <cell r="AN3380" t="str">
            <v>MDO C&amp;M</v>
          </cell>
          <cell r="AO3380" t="str">
            <v>MDO OH/KEN C&amp;M</v>
          </cell>
        </row>
        <row r="3381">
          <cell r="F3381">
            <v>75023</v>
          </cell>
          <cell r="Z3381" t="str">
            <v>SMEIP</v>
          </cell>
          <cell r="AN3381" t="str">
            <v>MDO C&amp;M</v>
          </cell>
          <cell r="AO3381" t="str">
            <v>MDO OH/KEN C&amp;M</v>
          </cell>
        </row>
        <row r="3382">
          <cell r="F3382">
            <v>75023</v>
          </cell>
          <cell r="Z3382" t="str">
            <v>SMEIP</v>
          </cell>
          <cell r="AN3382" t="str">
            <v>MDO C&amp;M</v>
          </cell>
          <cell r="AO3382" t="str">
            <v>MDO OH/KEN C&amp;M</v>
          </cell>
        </row>
        <row r="3383">
          <cell r="F3383">
            <v>75023</v>
          </cell>
          <cell r="Z3383" t="str">
            <v>SMEIP</v>
          </cell>
          <cell r="AN3383" t="str">
            <v>MDO C&amp;M</v>
          </cell>
          <cell r="AO3383" t="str">
            <v>MDO OH/KEN C&amp;M</v>
          </cell>
        </row>
        <row r="3384">
          <cell r="F3384">
            <v>75023</v>
          </cell>
          <cell r="Z3384" t="str">
            <v>SMEIP</v>
          </cell>
          <cell r="AN3384" t="str">
            <v>MDO C&amp;M</v>
          </cell>
          <cell r="AO3384" t="str">
            <v>MDO OH/KEN C&amp;M</v>
          </cell>
        </row>
        <row r="3385">
          <cell r="F3385">
            <v>75023</v>
          </cell>
          <cell r="Z3385" t="str">
            <v>SMEIP</v>
          </cell>
          <cell r="AN3385" t="str">
            <v>MDO C&amp;M</v>
          </cell>
          <cell r="AO3385" t="str">
            <v>MDO OH/KEN C&amp;M</v>
          </cell>
        </row>
        <row r="3386">
          <cell r="F3386">
            <v>75023</v>
          </cell>
          <cell r="Z3386" t="str">
            <v>SMEIP</v>
          </cell>
          <cell r="AN3386" t="str">
            <v>MDO C&amp;M</v>
          </cell>
          <cell r="AO3386" t="str">
            <v>MDO OH/KEN C&amp;M</v>
          </cell>
        </row>
        <row r="3387">
          <cell r="F3387">
            <v>75023</v>
          </cell>
          <cell r="Z3387" t="str">
            <v>SMEIP</v>
          </cell>
          <cell r="AN3387" t="str">
            <v>MDO C&amp;M</v>
          </cell>
          <cell r="AO3387" t="str">
            <v>MDO OH/KEN C&amp;M</v>
          </cell>
        </row>
        <row r="3388">
          <cell r="F3388">
            <v>75023</v>
          </cell>
          <cell r="Z3388" t="str">
            <v>SMEIP</v>
          </cell>
          <cell r="AN3388" t="str">
            <v>MDO C&amp;M</v>
          </cell>
          <cell r="AO3388" t="str">
            <v>MDO OH/KEN C&amp;M</v>
          </cell>
        </row>
        <row r="3389">
          <cell r="F3389">
            <v>75023</v>
          </cell>
          <cell r="Z3389" t="str">
            <v>SMEIP</v>
          </cell>
          <cell r="AN3389" t="str">
            <v>MDO C&amp;M</v>
          </cell>
          <cell r="AO3389" t="str">
            <v>MDO OH/KEN C&amp;M</v>
          </cell>
        </row>
        <row r="3390">
          <cell r="F3390">
            <v>75023</v>
          </cell>
          <cell r="Z3390" t="str">
            <v>SMEIP</v>
          </cell>
          <cell r="AN3390" t="str">
            <v>MDO C&amp;M</v>
          </cell>
          <cell r="AO3390" t="str">
            <v>MDO OH/KEN C&amp;M</v>
          </cell>
        </row>
        <row r="3391">
          <cell r="F3391">
            <v>75023</v>
          </cell>
          <cell r="Z3391" t="str">
            <v>SMEIP</v>
          </cell>
          <cell r="AN3391" t="str">
            <v>MDO C&amp;M</v>
          </cell>
          <cell r="AO3391" t="str">
            <v>MDO OH/KEN C&amp;M</v>
          </cell>
        </row>
        <row r="3392">
          <cell r="F3392">
            <v>75023</v>
          </cell>
          <cell r="Z3392" t="str">
            <v>SMEIP</v>
          </cell>
          <cell r="AN3392" t="str">
            <v>MDO C&amp;M</v>
          </cell>
          <cell r="AO3392" t="str">
            <v>MDO OH/KEN C&amp;M</v>
          </cell>
        </row>
        <row r="3393">
          <cell r="F3393">
            <v>75023</v>
          </cell>
          <cell r="Z3393" t="str">
            <v>SMEIP</v>
          </cell>
          <cell r="AN3393" t="str">
            <v>MDO C&amp;M</v>
          </cell>
          <cell r="AO3393" t="str">
            <v>MDO OH/KEN C&amp;M</v>
          </cell>
        </row>
        <row r="3394">
          <cell r="F3394">
            <v>75023</v>
          </cell>
          <cell r="Z3394" t="str">
            <v>SMEIP</v>
          </cell>
          <cell r="AN3394" t="str">
            <v>MDO C&amp;M</v>
          </cell>
          <cell r="AO3394" t="str">
            <v>MDO OH/KEN C&amp;M</v>
          </cell>
        </row>
        <row r="3395">
          <cell r="F3395">
            <v>75023</v>
          </cell>
          <cell r="Z3395" t="str">
            <v>SMEIP</v>
          </cell>
          <cell r="AN3395" t="str">
            <v>MDO C&amp;M</v>
          </cell>
          <cell r="AO3395" t="str">
            <v>MDO OH/KEN C&amp;M</v>
          </cell>
        </row>
        <row r="3396">
          <cell r="F3396">
            <v>75023</v>
          </cell>
          <cell r="Z3396" t="str">
            <v>SMEIP</v>
          </cell>
          <cell r="AN3396" t="str">
            <v>MDO C&amp;M</v>
          </cell>
          <cell r="AO3396" t="str">
            <v>MDO OH/KEN C&amp;M</v>
          </cell>
        </row>
        <row r="3397">
          <cell r="F3397">
            <v>75023</v>
          </cell>
          <cell r="Z3397" t="str">
            <v>SMEIP</v>
          </cell>
          <cell r="AN3397" t="str">
            <v>MDO C&amp;M</v>
          </cell>
          <cell r="AO3397" t="str">
            <v>MDO OH/KEN C&amp;M</v>
          </cell>
        </row>
        <row r="3398">
          <cell r="F3398">
            <v>75023</v>
          </cell>
          <cell r="Z3398" t="str">
            <v>SMEIP</v>
          </cell>
          <cell r="AN3398" t="str">
            <v>MDO C&amp;M</v>
          </cell>
          <cell r="AO3398" t="str">
            <v>MDO OH/KEN C&amp;M</v>
          </cell>
        </row>
        <row r="3399">
          <cell r="F3399">
            <v>75023</v>
          </cell>
          <cell r="Z3399" t="str">
            <v>SMEIP</v>
          </cell>
          <cell r="AN3399" t="str">
            <v>MDO C&amp;M</v>
          </cell>
          <cell r="AO3399" t="str">
            <v>MDO OH/KEN C&amp;M</v>
          </cell>
        </row>
        <row r="3400">
          <cell r="F3400">
            <v>75084</v>
          </cell>
          <cell r="Z3400" t="str">
            <v>SMEIP</v>
          </cell>
          <cell r="AN3400" t="str">
            <v>MDO C&amp;M</v>
          </cell>
          <cell r="AO3400" t="str">
            <v>MDO OH/KEN C&amp;M</v>
          </cell>
        </row>
        <row r="3401">
          <cell r="F3401">
            <v>75084</v>
          </cell>
          <cell r="Z3401" t="str">
            <v>SMEIP</v>
          </cell>
          <cell r="AN3401" t="str">
            <v>MDO C&amp;M</v>
          </cell>
          <cell r="AO3401" t="str">
            <v>MDO OH/KEN C&amp;M</v>
          </cell>
        </row>
        <row r="3402">
          <cell r="F3402">
            <v>75084</v>
          </cell>
          <cell r="Z3402" t="str">
            <v>SMEIP</v>
          </cell>
          <cell r="AN3402" t="str">
            <v>MDO C&amp;M</v>
          </cell>
          <cell r="AO3402" t="str">
            <v>MDO OH/KEN C&amp;M</v>
          </cell>
        </row>
        <row r="3403">
          <cell r="F3403">
            <v>75115</v>
          </cell>
          <cell r="Z3403" t="str">
            <v>SMEIP</v>
          </cell>
          <cell r="AN3403" t="str">
            <v>MDO C&amp;M</v>
          </cell>
          <cell r="AO3403" t="str">
            <v>MDO INDIANA SOUTHWEST C&amp;M</v>
          </cell>
        </row>
        <row r="3404">
          <cell r="F3404">
            <v>75115</v>
          </cell>
          <cell r="Z3404" t="str">
            <v>SMEIP</v>
          </cell>
          <cell r="AN3404" t="str">
            <v>MDO C&amp;M</v>
          </cell>
          <cell r="AO3404" t="str">
            <v>MDO INDIANA SOUTHWEST C&amp;M</v>
          </cell>
        </row>
        <row r="3405">
          <cell r="F3405">
            <v>75115</v>
          </cell>
          <cell r="Z3405" t="str">
            <v>SMEIP</v>
          </cell>
          <cell r="AN3405" t="str">
            <v>MDO C&amp;M</v>
          </cell>
          <cell r="AO3405" t="str">
            <v>MDO INDIANA SOUTHWEST C&amp;M</v>
          </cell>
        </row>
        <row r="3406">
          <cell r="F3406">
            <v>75115</v>
          </cell>
          <cell r="Z3406" t="str">
            <v>SMEIP</v>
          </cell>
          <cell r="AN3406" t="str">
            <v>MDO C&amp;M</v>
          </cell>
          <cell r="AO3406" t="str">
            <v>MDO INDIANA SOUTHWEST C&amp;M</v>
          </cell>
        </row>
        <row r="3407">
          <cell r="F3407">
            <v>75115</v>
          </cell>
          <cell r="Z3407" t="str">
            <v>SMEIP</v>
          </cell>
          <cell r="AN3407" t="str">
            <v>MDO C&amp;M</v>
          </cell>
          <cell r="AO3407" t="str">
            <v>MDO INDIANA SOUTHWEST C&amp;M</v>
          </cell>
        </row>
        <row r="3408">
          <cell r="F3408">
            <v>75115</v>
          </cell>
          <cell r="Z3408" t="str">
            <v>SMEIP</v>
          </cell>
          <cell r="AN3408" t="str">
            <v>MDO C&amp;M</v>
          </cell>
          <cell r="AO3408" t="str">
            <v>MDO INDIANA SOUTHWEST C&amp;M</v>
          </cell>
        </row>
        <row r="3409">
          <cell r="F3409">
            <v>75115</v>
          </cell>
          <cell r="Z3409" t="str">
            <v>SMEIP</v>
          </cell>
          <cell r="AN3409" t="str">
            <v>MDO C&amp;M</v>
          </cell>
          <cell r="AO3409" t="str">
            <v>MDO INDIANA SOUTHWEST C&amp;M</v>
          </cell>
        </row>
        <row r="3410">
          <cell r="F3410">
            <v>75115</v>
          </cell>
          <cell r="Z3410" t="str">
            <v>SMEIP</v>
          </cell>
          <cell r="AN3410" t="str">
            <v>MDO C&amp;M</v>
          </cell>
          <cell r="AO3410" t="str">
            <v>MDO INDIANA SOUTHWEST C&amp;M</v>
          </cell>
        </row>
        <row r="3411">
          <cell r="F3411">
            <v>75115</v>
          </cell>
          <cell r="Z3411" t="str">
            <v>SMEIP</v>
          </cell>
          <cell r="AN3411" t="str">
            <v>MDO C&amp;M</v>
          </cell>
          <cell r="AO3411" t="str">
            <v>MDO INDIANA SOUTHEAST C&amp;M</v>
          </cell>
        </row>
        <row r="3412">
          <cell r="F3412">
            <v>75115</v>
          </cell>
          <cell r="Z3412" t="str">
            <v>SMEIP</v>
          </cell>
          <cell r="AN3412" t="str">
            <v>MDO C&amp;M</v>
          </cell>
          <cell r="AO3412" t="str">
            <v>MDO INDIANA NORTH C&amp;M</v>
          </cell>
        </row>
        <row r="3413">
          <cell r="F3413">
            <v>75115</v>
          </cell>
          <cell r="Z3413" t="str">
            <v>SMEIP</v>
          </cell>
          <cell r="AN3413" t="str">
            <v>MDO C&amp;M</v>
          </cell>
          <cell r="AO3413" t="str">
            <v>MDO INDIANA NORTH C&amp;M</v>
          </cell>
        </row>
        <row r="3414">
          <cell r="F3414">
            <v>75115</v>
          </cell>
          <cell r="Z3414" t="str">
            <v>SMEIP</v>
          </cell>
          <cell r="AN3414" t="str">
            <v>MDO C&amp;M</v>
          </cell>
          <cell r="AO3414" t="str">
            <v>MDO INDIANA NORTH C&amp;M</v>
          </cell>
        </row>
        <row r="3415">
          <cell r="F3415">
            <v>75115</v>
          </cell>
          <cell r="Z3415" t="str">
            <v>SMEIP</v>
          </cell>
          <cell r="AN3415" t="str">
            <v>MDO C&amp;M</v>
          </cell>
          <cell r="AO3415" t="str">
            <v>MDO INDIANA NORTH C&amp;M</v>
          </cell>
        </row>
        <row r="3416">
          <cell r="F3416">
            <v>75115</v>
          </cell>
          <cell r="Z3416" t="str">
            <v>SMEIP</v>
          </cell>
          <cell r="AN3416" t="str">
            <v>MDO C&amp;M</v>
          </cell>
          <cell r="AO3416" t="str">
            <v>MDO INDIANA NORTH C&amp;M</v>
          </cell>
        </row>
        <row r="3417">
          <cell r="F3417">
            <v>75115</v>
          </cell>
          <cell r="Z3417" t="str">
            <v>SMEIP</v>
          </cell>
          <cell r="AN3417" t="str">
            <v>MDO C&amp;M</v>
          </cell>
          <cell r="AO3417" t="str">
            <v>MDO INDIANA NORTH C&amp;M</v>
          </cell>
        </row>
        <row r="3418">
          <cell r="F3418">
            <v>75115</v>
          </cell>
          <cell r="Z3418" t="str">
            <v>SMEIP</v>
          </cell>
          <cell r="AN3418" t="str">
            <v>MDO C&amp;M</v>
          </cell>
          <cell r="AO3418" t="str">
            <v>MDO INDIANA NORTH C&amp;M</v>
          </cell>
        </row>
        <row r="3419">
          <cell r="F3419">
            <v>75115</v>
          </cell>
          <cell r="Z3419" t="str">
            <v>SMEIP</v>
          </cell>
          <cell r="AN3419" t="str">
            <v>MDO C&amp;M</v>
          </cell>
          <cell r="AO3419" t="str">
            <v>MDO INDIANA NORTH C&amp;M</v>
          </cell>
        </row>
        <row r="3420">
          <cell r="F3420">
            <v>75115</v>
          </cell>
          <cell r="Z3420" t="str">
            <v>SMEIP</v>
          </cell>
          <cell r="AN3420" t="str">
            <v>MDO C&amp;M</v>
          </cell>
          <cell r="AO3420" t="str">
            <v>MDO INDIANA NORTH C&amp;M</v>
          </cell>
        </row>
        <row r="3421">
          <cell r="F3421">
            <v>75115</v>
          </cell>
          <cell r="Z3421" t="str">
            <v>SMEIP</v>
          </cell>
          <cell r="AN3421" t="str">
            <v>MDO C&amp;M</v>
          </cell>
          <cell r="AO3421" t="str">
            <v>MDO INDIANA NORTH C&amp;M</v>
          </cell>
        </row>
        <row r="3422">
          <cell r="F3422">
            <v>75115</v>
          </cell>
          <cell r="Z3422" t="str">
            <v>SMEIP</v>
          </cell>
          <cell r="AN3422" t="str">
            <v>MDO C&amp;M</v>
          </cell>
          <cell r="AO3422" t="str">
            <v>MDO INDIANA NORTH C&amp;M</v>
          </cell>
        </row>
        <row r="3423">
          <cell r="F3423">
            <v>75115</v>
          </cell>
          <cell r="Z3423" t="str">
            <v>SMEIPF</v>
          </cell>
          <cell r="AN3423" t="str">
            <v>MDO C&amp;M</v>
          </cell>
          <cell r="AO3423" t="str">
            <v>MDO INDIANA SOUTHWEST C&amp;M</v>
          </cell>
        </row>
        <row r="3424">
          <cell r="F3424">
            <v>75115</v>
          </cell>
          <cell r="Z3424" t="str">
            <v>SMEIPF</v>
          </cell>
          <cell r="AN3424" t="str">
            <v>MDO C&amp;M</v>
          </cell>
          <cell r="AO3424" t="str">
            <v>MDO INDIANA SOUTHWEST C&amp;M</v>
          </cell>
        </row>
        <row r="3425">
          <cell r="F3425">
            <v>75115</v>
          </cell>
          <cell r="Z3425" t="str">
            <v>SMEIPF</v>
          </cell>
          <cell r="AN3425" t="str">
            <v>MDO C&amp;M</v>
          </cell>
          <cell r="AO3425" t="str">
            <v>MDO INDIANA SOUTHWEST C&amp;M</v>
          </cell>
        </row>
        <row r="3426">
          <cell r="F3426">
            <v>75115</v>
          </cell>
          <cell r="Z3426" t="str">
            <v>SMEIPF</v>
          </cell>
          <cell r="AN3426" t="str">
            <v>MDO C&amp;M</v>
          </cell>
          <cell r="AO3426" t="str">
            <v>MDO INDIANA SOUTHWEST C&amp;M</v>
          </cell>
        </row>
        <row r="3427">
          <cell r="F3427">
            <v>75115</v>
          </cell>
          <cell r="Z3427" t="str">
            <v>SMEIPF</v>
          </cell>
          <cell r="AN3427" t="str">
            <v>MDO C&amp;M</v>
          </cell>
          <cell r="AO3427" t="str">
            <v>MDO INDIANA NORTH C&amp;M</v>
          </cell>
        </row>
        <row r="3428">
          <cell r="F3428">
            <v>75115</v>
          </cell>
          <cell r="Z3428" t="str">
            <v>SMEIPF</v>
          </cell>
          <cell r="AN3428" t="str">
            <v>MDO C&amp;M</v>
          </cell>
          <cell r="AO3428" t="str">
            <v>MDO INDIANA NORTH C&amp;M</v>
          </cell>
        </row>
        <row r="3429">
          <cell r="F3429">
            <v>75115</v>
          </cell>
          <cell r="Z3429" t="str">
            <v>SMEIPF</v>
          </cell>
          <cell r="AN3429" t="str">
            <v>MDO C&amp;M</v>
          </cell>
          <cell r="AO3429" t="str">
            <v>MDO INDIANA NORTH C&amp;M</v>
          </cell>
        </row>
        <row r="3430">
          <cell r="F3430">
            <v>75115</v>
          </cell>
          <cell r="Z3430" t="str">
            <v>SMEIPF</v>
          </cell>
          <cell r="AN3430" t="str">
            <v>MDO C&amp;M</v>
          </cell>
          <cell r="AO3430" t="str">
            <v>MDO INDIANA NORTH C&amp;M</v>
          </cell>
        </row>
        <row r="3431">
          <cell r="F3431">
            <v>75115</v>
          </cell>
          <cell r="Z3431" t="str">
            <v>SMEIPF</v>
          </cell>
          <cell r="AN3431" t="str">
            <v>MDO C&amp;M</v>
          </cell>
          <cell r="AO3431" t="str">
            <v>MDO INDIANA NORTH C&amp;M</v>
          </cell>
        </row>
        <row r="3432">
          <cell r="F3432">
            <v>75115</v>
          </cell>
          <cell r="Z3432" t="str">
            <v>SMEIPF</v>
          </cell>
          <cell r="AN3432" t="str">
            <v>MDO C&amp;M</v>
          </cell>
          <cell r="AO3432" t="str">
            <v>MDO INDIANA NORTH C&amp;M</v>
          </cell>
        </row>
        <row r="3433">
          <cell r="F3433">
            <v>75115</v>
          </cell>
          <cell r="Z3433" t="str">
            <v>SMEIPF</v>
          </cell>
          <cell r="AN3433" t="str">
            <v>MDO C&amp;M</v>
          </cell>
          <cell r="AO3433" t="str">
            <v>MDO INDIANA NORTH C&amp;M</v>
          </cell>
        </row>
        <row r="3434">
          <cell r="F3434">
            <v>75115</v>
          </cell>
          <cell r="Z3434" t="str">
            <v>SMEIPF</v>
          </cell>
          <cell r="AN3434" t="str">
            <v>MDO C&amp;M</v>
          </cell>
          <cell r="AO3434" t="str">
            <v>MDO INDIANA NORTH C&amp;M</v>
          </cell>
        </row>
        <row r="3435">
          <cell r="F3435">
            <v>75115</v>
          </cell>
          <cell r="Z3435" t="str">
            <v>SMEIPF</v>
          </cell>
          <cell r="AN3435" t="str">
            <v>MDO C&amp;M</v>
          </cell>
          <cell r="AO3435" t="str">
            <v>MDO INDIANA NORTH C&amp;M</v>
          </cell>
        </row>
        <row r="3436">
          <cell r="F3436">
            <v>75115</v>
          </cell>
          <cell r="Z3436" t="str">
            <v>SMEIPF</v>
          </cell>
          <cell r="AN3436" t="str">
            <v>MDO C&amp;M</v>
          </cell>
          <cell r="AO3436" t="str">
            <v>MDO INDIANA NORTH C&amp;M</v>
          </cell>
        </row>
        <row r="3437">
          <cell r="F3437">
            <v>75115</v>
          </cell>
          <cell r="Z3437" t="str">
            <v>SMEIPF</v>
          </cell>
          <cell r="AN3437" t="str">
            <v>MDO C&amp;M</v>
          </cell>
          <cell r="AO3437" t="str">
            <v>MDO INDIANA NORTH C&amp;M</v>
          </cell>
        </row>
        <row r="3438">
          <cell r="F3438">
            <v>75115</v>
          </cell>
          <cell r="Z3438" t="str">
            <v>SMEIPF</v>
          </cell>
          <cell r="AN3438" t="str">
            <v>MDO C&amp;M</v>
          </cell>
          <cell r="AO3438" t="str">
            <v>MDO INDIANA NORTH C&amp;M</v>
          </cell>
        </row>
        <row r="3439">
          <cell r="F3439">
            <v>75115</v>
          </cell>
          <cell r="Z3439" t="str">
            <v>SMEIPF</v>
          </cell>
          <cell r="AN3439" t="str">
            <v>MDO C&amp;M</v>
          </cell>
          <cell r="AO3439" t="str">
            <v>MDO INDIANA NORTH C&amp;M</v>
          </cell>
        </row>
        <row r="3440">
          <cell r="F3440">
            <v>75115</v>
          </cell>
          <cell r="Z3440" t="str">
            <v>SMEIPF</v>
          </cell>
          <cell r="AN3440" t="str">
            <v>MDO C&amp;M</v>
          </cell>
          <cell r="AO3440" t="str">
            <v>MDO INDIANA NORTH C&amp;M</v>
          </cell>
        </row>
        <row r="3441">
          <cell r="F3441">
            <v>75023</v>
          </cell>
          <cell r="Z3441" t="str">
            <v>PILCM</v>
          </cell>
          <cell r="AN3441" t="str">
            <v>MDO C&amp;M</v>
          </cell>
          <cell r="AO3441" t="str">
            <v>MDO OH/KEN C&amp;M</v>
          </cell>
        </row>
        <row r="3442">
          <cell r="F3442">
            <v>75023</v>
          </cell>
          <cell r="Z3442" t="str">
            <v>PILCM</v>
          </cell>
          <cell r="AN3442" t="str">
            <v>MDO C&amp;M</v>
          </cell>
          <cell r="AO3442" t="str">
            <v>MDO OH/KEN C&amp;M</v>
          </cell>
        </row>
        <row r="3443">
          <cell r="F3443">
            <v>75023</v>
          </cell>
          <cell r="Z3443" t="str">
            <v>PILCM</v>
          </cell>
          <cell r="AN3443" t="str">
            <v>MDO C&amp;M</v>
          </cell>
          <cell r="AO3443" t="str">
            <v>MDO OH/KEN C&amp;M</v>
          </cell>
        </row>
        <row r="3444">
          <cell r="F3444">
            <v>75023</v>
          </cell>
          <cell r="Z3444" t="str">
            <v>PILCM</v>
          </cell>
          <cell r="AN3444" t="str">
            <v>MDO C&amp;M</v>
          </cell>
          <cell r="AO3444" t="str">
            <v>MDO OH/KEN C&amp;M</v>
          </cell>
        </row>
        <row r="3445">
          <cell r="F3445">
            <v>75023</v>
          </cell>
          <cell r="Z3445" t="str">
            <v>PILCM</v>
          </cell>
          <cell r="AN3445" t="str">
            <v>MDO C&amp;M</v>
          </cell>
          <cell r="AO3445" t="str">
            <v>MDO OH/KEN C&amp;M</v>
          </cell>
        </row>
        <row r="3446">
          <cell r="F3446">
            <v>75023</v>
          </cell>
          <cell r="Z3446" t="str">
            <v>PILCM</v>
          </cell>
          <cell r="AN3446" t="str">
            <v>MDO C&amp;M</v>
          </cell>
          <cell r="AO3446" t="str">
            <v>MDO OH/KEN C&amp;M</v>
          </cell>
        </row>
        <row r="3447">
          <cell r="F3447">
            <v>75115</v>
          </cell>
          <cell r="Z3447" t="str">
            <v>EQCHANGE</v>
          </cell>
          <cell r="AN3447" t="str">
            <v>MDO C&amp;M</v>
          </cell>
          <cell r="AO3447" t="str">
            <v>MDO INDIANA SOUTHEAST C&amp;M</v>
          </cell>
        </row>
        <row r="3448">
          <cell r="F3448">
            <v>75115</v>
          </cell>
          <cell r="Z3448" t="str">
            <v>EQCHANGE</v>
          </cell>
          <cell r="AN3448" t="str">
            <v>MDO C&amp;M</v>
          </cell>
          <cell r="AO3448" t="str">
            <v>MDO INDIANA SOUTHEAST C&amp;M</v>
          </cell>
        </row>
        <row r="3449">
          <cell r="F3449">
            <v>75115</v>
          </cell>
          <cell r="Z3449" t="str">
            <v>EQCHANGE</v>
          </cell>
          <cell r="AN3449" t="str">
            <v>MDO C&amp;M</v>
          </cell>
          <cell r="AO3449" t="str">
            <v>MDO INDIANA SOUTHEAST C&amp;M</v>
          </cell>
        </row>
        <row r="3450">
          <cell r="F3450">
            <v>75115</v>
          </cell>
          <cell r="Z3450" t="str">
            <v>EQCHANGE</v>
          </cell>
          <cell r="AN3450" t="str">
            <v>MDO C&amp;M</v>
          </cell>
          <cell r="AO3450" t="str">
            <v>MDO INDIANA SOUTHEAST C&amp;M</v>
          </cell>
        </row>
        <row r="3451">
          <cell r="F3451">
            <v>75115</v>
          </cell>
          <cell r="Z3451" t="str">
            <v>EQCHANGE</v>
          </cell>
          <cell r="AN3451" t="str">
            <v>MDO C&amp;M</v>
          </cell>
          <cell r="AO3451" t="str">
            <v>MDO INDIANA SOUTHEAST C&amp;M</v>
          </cell>
        </row>
        <row r="3452">
          <cell r="F3452">
            <v>75115</v>
          </cell>
          <cell r="Z3452" t="str">
            <v>EQCHANGE</v>
          </cell>
          <cell r="AN3452" t="str">
            <v>MDO C&amp;M</v>
          </cell>
          <cell r="AO3452" t="str">
            <v>MDO INDIANA SOUTHEAST C&amp;M</v>
          </cell>
        </row>
        <row r="3453">
          <cell r="F3453">
            <v>75115</v>
          </cell>
          <cell r="Z3453" t="str">
            <v>EQCHANGE</v>
          </cell>
          <cell r="AN3453" t="str">
            <v>MDO C&amp;M</v>
          </cell>
          <cell r="AO3453" t="str">
            <v>MDO INDIANA SOUTHEAST C&amp;M</v>
          </cell>
        </row>
        <row r="3454">
          <cell r="F3454">
            <v>75115</v>
          </cell>
          <cell r="Z3454" t="str">
            <v>EQCHANGE</v>
          </cell>
          <cell r="AN3454" t="str">
            <v>MDO C&amp;M</v>
          </cell>
          <cell r="AO3454" t="str">
            <v>MDO INDIANA SOUTHEAST C&amp;M</v>
          </cell>
        </row>
        <row r="3455">
          <cell r="F3455">
            <v>75115</v>
          </cell>
          <cell r="Z3455" t="str">
            <v>EQCHANGE</v>
          </cell>
          <cell r="AN3455" t="str">
            <v>MDO C&amp;M</v>
          </cell>
          <cell r="AO3455" t="str">
            <v>MDO INDIANA SOUTHEAST C&amp;M</v>
          </cell>
        </row>
        <row r="3456">
          <cell r="F3456">
            <v>75115</v>
          </cell>
          <cell r="Z3456" t="str">
            <v>EQCHANGE</v>
          </cell>
          <cell r="AN3456" t="str">
            <v>MDO C&amp;M</v>
          </cell>
          <cell r="AO3456" t="str">
            <v>MDO INDIANA SOUTHEAST C&amp;M</v>
          </cell>
        </row>
        <row r="3457">
          <cell r="F3457">
            <v>75023</v>
          </cell>
          <cell r="AN3457" t="str">
            <v>MDO C&amp;M</v>
          </cell>
          <cell r="AO3457" t="str">
            <v>MDO OH/KEN C&amp;M</v>
          </cell>
        </row>
        <row r="3458">
          <cell r="F3458">
            <v>75023</v>
          </cell>
          <cell r="AN3458" t="str">
            <v>MDO C&amp;M</v>
          </cell>
          <cell r="AO3458" t="str">
            <v>MDO OH/KEN C&amp;M</v>
          </cell>
        </row>
        <row r="3459">
          <cell r="F3459">
            <v>75023</v>
          </cell>
          <cell r="AN3459" t="str">
            <v>MDO C&amp;M</v>
          </cell>
          <cell r="AO3459" t="str">
            <v>MDO OH/KEN C&amp;M</v>
          </cell>
        </row>
        <row r="3460">
          <cell r="F3460">
            <v>75023</v>
          </cell>
          <cell r="AN3460" t="str">
            <v>MDO C&amp;M</v>
          </cell>
          <cell r="AO3460" t="str">
            <v>MDO OH/KEN C&amp;M</v>
          </cell>
        </row>
        <row r="3461">
          <cell r="F3461">
            <v>75023</v>
          </cell>
          <cell r="AN3461" t="str">
            <v>MDO C&amp;M</v>
          </cell>
          <cell r="AO3461" t="str">
            <v>MDO OH/KEN C&amp;M</v>
          </cell>
        </row>
        <row r="3462">
          <cell r="F3462">
            <v>75023</v>
          </cell>
          <cell r="AN3462" t="str">
            <v>MDO C&amp;M</v>
          </cell>
          <cell r="AO3462" t="str">
            <v>MDO OH/KEN C&amp;M</v>
          </cell>
        </row>
        <row r="3463">
          <cell r="F3463">
            <v>75023</v>
          </cell>
          <cell r="AN3463" t="str">
            <v>MDO C&amp;M</v>
          </cell>
          <cell r="AO3463" t="str">
            <v>MDO OH/KEN C&amp;M</v>
          </cell>
        </row>
        <row r="3464">
          <cell r="F3464">
            <v>75023</v>
          </cell>
          <cell r="AN3464" t="str">
            <v>MDO C&amp;M</v>
          </cell>
          <cell r="AO3464" t="str">
            <v>MDO OH/KEN C&amp;M</v>
          </cell>
        </row>
        <row r="3465">
          <cell r="F3465">
            <v>75023</v>
          </cell>
          <cell r="AN3465" t="str">
            <v>MDO C&amp;M</v>
          </cell>
          <cell r="AO3465" t="str">
            <v>MDO OH/KEN C&amp;M</v>
          </cell>
        </row>
        <row r="3466">
          <cell r="F3466">
            <v>75023</v>
          </cell>
          <cell r="AN3466" t="str">
            <v>MDO C&amp;M</v>
          </cell>
          <cell r="AO3466" t="str">
            <v>MDO OH/KEN C&amp;M</v>
          </cell>
        </row>
        <row r="3467">
          <cell r="F3467">
            <v>75023</v>
          </cell>
          <cell r="AN3467" t="str">
            <v>MDO C&amp;M</v>
          </cell>
          <cell r="AO3467" t="str">
            <v>MDO OH/KEN C&amp;M</v>
          </cell>
        </row>
        <row r="3468">
          <cell r="F3468">
            <v>75023</v>
          </cell>
          <cell r="AN3468" t="str">
            <v>MDO C&amp;M</v>
          </cell>
          <cell r="AO3468" t="str">
            <v>MDO OH/KEN C&amp;M</v>
          </cell>
        </row>
        <row r="3469">
          <cell r="F3469">
            <v>75023</v>
          </cell>
          <cell r="AN3469" t="str">
            <v>MDO C&amp;M</v>
          </cell>
          <cell r="AO3469" t="str">
            <v>MDO OH/KEN C&amp;M</v>
          </cell>
        </row>
        <row r="3470">
          <cell r="F3470">
            <v>75023</v>
          </cell>
          <cell r="AN3470" t="str">
            <v>MDO C&amp;M</v>
          </cell>
          <cell r="AO3470" t="str">
            <v>MDO OH/KEN C&amp;M</v>
          </cell>
        </row>
        <row r="3471">
          <cell r="F3471">
            <v>75023</v>
          </cell>
          <cell r="AN3471" t="str">
            <v>MDO C&amp;M</v>
          </cell>
          <cell r="AO3471" t="str">
            <v>MDO OH/KEN C&amp;M</v>
          </cell>
        </row>
        <row r="3472">
          <cell r="F3472">
            <v>75023</v>
          </cell>
          <cell r="AN3472" t="str">
            <v>MDO C&amp;M</v>
          </cell>
          <cell r="AO3472" t="str">
            <v>MDO OH/KEN C&amp;M</v>
          </cell>
        </row>
        <row r="3473">
          <cell r="F3473">
            <v>75023</v>
          </cell>
          <cell r="AN3473" t="str">
            <v>MDO C&amp;M</v>
          </cell>
          <cell r="AO3473" t="str">
            <v>MDO OH/KEN C&amp;M</v>
          </cell>
        </row>
        <row r="3474">
          <cell r="F3474">
            <v>75023</v>
          </cell>
          <cell r="AN3474" t="str">
            <v>MDO C&amp;M</v>
          </cell>
          <cell r="AO3474" t="str">
            <v>MDO OH/KEN C&amp;M</v>
          </cell>
        </row>
        <row r="3475">
          <cell r="F3475">
            <v>75023</v>
          </cell>
          <cell r="AN3475" t="str">
            <v>MDO C&amp;M</v>
          </cell>
          <cell r="AO3475" t="str">
            <v>MDO OH/KEN C&amp;M</v>
          </cell>
        </row>
        <row r="3476">
          <cell r="F3476">
            <v>75023</v>
          </cell>
          <cell r="AN3476" t="str">
            <v>MDO C&amp;M</v>
          </cell>
          <cell r="AO3476" t="str">
            <v>MDO OH/KEN C&amp;M</v>
          </cell>
        </row>
        <row r="3477">
          <cell r="F3477">
            <v>75023</v>
          </cell>
          <cell r="AN3477" t="str">
            <v>MDO C&amp;M</v>
          </cell>
          <cell r="AO3477" t="str">
            <v>MDO OH/KEN C&amp;M</v>
          </cell>
        </row>
        <row r="3478">
          <cell r="F3478">
            <v>75023</v>
          </cell>
          <cell r="AN3478" t="str">
            <v>MDO C&amp;M</v>
          </cell>
          <cell r="AO3478" t="str">
            <v>MDO OH/KEN C&amp;M</v>
          </cell>
        </row>
        <row r="3479">
          <cell r="F3479">
            <v>75023</v>
          </cell>
          <cell r="AN3479" t="str">
            <v>MDO C&amp;M</v>
          </cell>
          <cell r="AO3479" t="str">
            <v>MDO OH/KEN C&amp;M</v>
          </cell>
        </row>
        <row r="3480">
          <cell r="F3480">
            <v>75023</v>
          </cell>
          <cell r="AN3480" t="str">
            <v>MDO C&amp;M</v>
          </cell>
          <cell r="AO3480" t="str">
            <v>MDO OH/KEN C&amp;M</v>
          </cell>
        </row>
        <row r="3481">
          <cell r="F3481">
            <v>75023</v>
          </cell>
          <cell r="AN3481" t="str">
            <v>MDO C&amp;M</v>
          </cell>
          <cell r="AO3481" t="str">
            <v>MDO OH/KEN C&amp;M</v>
          </cell>
        </row>
        <row r="3482">
          <cell r="F3482">
            <v>75023</v>
          </cell>
          <cell r="AN3482" t="str">
            <v>MDO C&amp;M</v>
          </cell>
          <cell r="AO3482" t="str">
            <v>MDO OH/KEN C&amp;M</v>
          </cell>
        </row>
        <row r="3483">
          <cell r="F3483">
            <v>75023</v>
          </cell>
          <cell r="AN3483" t="str">
            <v>MDO C&amp;M</v>
          </cell>
          <cell r="AO3483" t="str">
            <v>MDO OH/KEN C&amp;M</v>
          </cell>
        </row>
        <row r="3484">
          <cell r="F3484">
            <v>75023</v>
          </cell>
          <cell r="AN3484" t="str">
            <v>MDO C&amp;M</v>
          </cell>
          <cell r="AO3484" t="str">
            <v>MDO OH/KEN C&amp;M</v>
          </cell>
        </row>
        <row r="3485">
          <cell r="F3485">
            <v>75023</v>
          </cell>
          <cell r="AN3485" t="str">
            <v>MDO C&amp;M</v>
          </cell>
          <cell r="AO3485" t="str">
            <v>MDO OH/KEN C&amp;M</v>
          </cell>
        </row>
        <row r="3486">
          <cell r="F3486">
            <v>75023</v>
          </cell>
          <cell r="AN3486" t="str">
            <v>MDO C&amp;M</v>
          </cell>
          <cell r="AO3486" t="str">
            <v>MDO OH/KEN C&amp;M</v>
          </cell>
        </row>
        <row r="3487">
          <cell r="F3487">
            <v>75023</v>
          </cell>
          <cell r="AN3487" t="str">
            <v>MDO C&amp;M</v>
          </cell>
          <cell r="AO3487" t="str">
            <v>MDO OH/KEN C&amp;M</v>
          </cell>
        </row>
        <row r="3488">
          <cell r="F3488">
            <v>75023</v>
          </cell>
          <cell r="AN3488" t="str">
            <v>MDO C&amp;M</v>
          </cell>
          <cell r="AO3488" t="str">
            <v>MDO OH/KEN C&amp;M</v>
          </cell>
        </row>
        <row r="3489">
          <cell r="F3489">
            <v>75023</v>
          </cell>
          <cell r="AN3489" t="str">
            <v>MDO C&amp;M</v>
          </cell>
          <cell r="AO3489" t="str">
            <v>MDO OH/KEN C&amp;M</v>
          </cell>
        </row>
        <row r="3490">
          <cell r="F3490">
            <v>75023</v>
          </cell>
          <cell r="AN3490" t="str">
            <v>MDO C&amp;M</v>
          </cell>
          <cell r="AO3490" t="str">
            <v>MDO OH/KEN C&amp;M</v>
          </cell>
        </row>
        <row r="3491">
          <cell r="F3491">
            <v>75023</v>
          </cell>
          <cell r="AN3491" t="str">
            <v>MDO C&amp;M</v>
          </cell>
          <cell r="AO3491" t="str">
            <v>MDO OH/KEN C&amp;M</v>
          </cell>
        </row>
        <row r="3492">
          <cell r="F3492">
            <v>75023</v>
          </cell>
          <cell r="AN3492" t="str">
            <v>MDO C&amp;M</v>
          </cell>
          <cell r="AO3492" t="str">
            <v>MDO OH/KEN C&amp;M</v>
          </cell>
        </row>
        <row r="3493">
          <cell r="F3493">
            <v>75023</v>
          </cell>
          <cell r="AN3493" t="str">
            <v>MDO C&amp;M</v>
          </cell>
          <cell r="AO3493" t="str">
            <v>MDO OH/KEN C&amp;M</v>
          </cell>
        </row>
        <row r="3494">
          <cell r="F3494">
            <v>75023</v>
          </cell>
          <cell r="AN3494" t="str">
            <v>MDO C&amp;M</v>
          </cell>
          <cell r="AO3494" t="str">
            <v>MDO OH/KEN C&amp;M</v>
          </cell>
        </row>
        <row r="3495">
          <cell r="F3495">
            <v>75023</v>
          </cell>
          <cell r="AN3495" t="str">
            <v>MDO C&amp;M</v>
          </cell>
          <cell r="AO3495" t="str">
            <v>MDO OH/KEN C&amp;M</v>
          </cell>
        </row>
        <row r="3496">
          <cell r="F3496">
            <v>75023</v>
          </cell>
          <cell r="AN3496" t="str">
            <v>MDO C&amp;M</v>
          </cell>
          <cell r="AO3496" t="str">
            <v>MDO OH/KEN C&amp;M</v>
          </cell>
        </row>
        <row r="3497">
          <cell r="F3497">
            <v>75023</v>
          </cell>
          <cell r="AN3497" t="str">
            <v>MDO C&amp;M</v>
          </cell>
          <cell r="AO3497" t="str">
            <v>MDO OH/KEN C&amp;M</v>
          </cell>
        </row>
        <row r="3498">
          <cell r="F3498">
            <v>75023</v>
          </cell>
          <cell r="AN3498" t="str">
            <v>MDO C&amp;M</v>
          </cell>
          <cell r="AO3498" t="str">
            <v>MDO OH/KEN C&amp;M</v>
          </cell>
        </row>
        <row r="3499">
          <cell r="F3499">
            <v>75023</v>
          </cell>
          <cell r="AN3499" t="str">
            <v>MDO C&amp;M</v>
          </cell>
          <cell r="AO3499" t="str">
            <v>MDO OH/KEN C&amp;M</v>
          </cell>
        </row>
        <row r="3500">
          <cell r="F3500">
            <v>75023</v>
          </cell>
          <cell r="AN3500" t="str">
            <v>MDO C&amp;M</v>
          </cell>
          <cell r="AO3500" t="str">
            <v>MDO OH/KEN C&amp;M</v>
          </cell>
        </row>
        <row r="3501">
          <cell r="F3501">
            <v>75023</v>
          </cell>
          <cell r="AN3501" t="str">
            <v>MDO C&amp;M</v>
          </cell>
          <cell r="AO3501" t="str">
            <v>MDO OH/KEN C&amp;M</v>
          </cell>
        </row>
        <row r="3502">
          <cell r="F3502">
            <v>75023</v>
          </cell>
          <cell r="AN3502" t="str">
            <v>MDO C&amp;M</v>
          </cell>
          <cell r="AO3502" t="str">
            <v>MDO OH/KEN C&amp;M</v>
          </cell>
        </row>
        <row r="3503">
          <cell r="F3503">
            <v>75023</v>
          </cell>
          <cell r="AN3503" t="str">
            <v>MDO C&amp;M</v>
          </cell>
          <cell r="AO3503" t="str">
            <v>MDO OH/KEN C&amp;M</v>
          </cell>
        </row>
        <row r="3504">
          <cell r="F3504">
            <v>75023</v>
          </cell>
          <cell r="AN3504" t="str">
            <v>MDO C&amp;M</v>
          </cell>
          <cell r="AO3504" t="str">
            <v>MDO OH/KEN C&amp;M</v>
          </cell>
        </row>
        <row r="3505">
          <cell r="F3505">
            <v>75023</v>
          </cell>
          <cell r="AN3505" t="str">
            <v>MDO C&amp;M</v>
          </cell>
          <cell r="AO3505" t="str">
            <v>MDO OH/KEN C&amp;M</v>
          </cell>
        </row>
        <row r="3506">
          <cell r="F3506">
            <v>75023</v>
          </cell>
          <cell r="AN3506" t="str">
            <v>MDO C&amp;M</v>
          </cell>
          <cell r="AO3506" t="str">
            <v>MDO OH/KEN C&amp;M</v>
          </cell>
        </row>
        <row r="3507">
          <cell r="F3507">
            <v>75023</v>
          </cell>
          <cell r="AN3507" t="str">
            <v>MDO C&amp;M</v>
          </cell>
          <cell r="AO3507" t="str">
            <v>MDO OH/KEN C&amp;M</v>
          </cell>
        </row>
        <row r="3508">
          <cell r="F3508">
            <v>75023</v>
          </cell>
          <cell r="AN3508" t="str">
            <v>MDO C&amp;M</v>
          </cell>
          <cell r="AO3508" t="str">
            <v>MDO OH/KEN C&amp;M</v>
          </cell>
        </row>
        <row r="3509">
          <cell r="F3509">
            <v>75023</v>
          </cell>
          <cell r="AN3509" t="str">
            <v>MDO C&amp;M</v>
          </cell>
          <cell r="AO3509" t="str">
            <v>MDO OH/KEN C&amp;M</v>
          </cell>
        </row>
        <row r="3510">
          <cell r="F3510">
            <v>75023</v>
          </cell>
          <cell r="AN3510" t="str">
            <v>MDO C&amp;M</v>
          </cell>
          <cell r="AO3510" t="str">
            <v>MDO OH/KEN C&amp;M</v>
          </cell>
        </row>
        <row r="3511">
          <cell r="F3511">
            <v>75084</v>
          </cell>
          <cell r="AN3511" t="str">
            <v>MDO C&amp;M</v>
          </cell>
          <cell r="AO3511" t="str">
            <v>MDO OH/KEN C&amp;M</v>
          </cell>
        </row>
        <row r="3512">
          <cell r="F3512">
            <v>75084</v>
          </cell>
          <cell r="AN3512" t="str">
            <v>MDO C&amp;M</v>
          </cell>
          <cell r="AO3512" t="str">
            <v>MDO OH/KEN C&amp;M</v>
          </cell>
        </row>
        <row r="3513">
          <cell r="F3513">
            <v>75084</v>
          </cell>
          <cell r="AN3513" t="str">
            <v>MDO C&amp;M</v>
          </cell>
          <cell r="AO3513" t="str">
            <v>MDO OH/KEN C&amp;M</v>
          </cell>
        </row>
        <row r="3514">
          <cell r="F3514">
            <v>75084</v>
          </cell>
          <cell r="AN3514" t="str">
            <v>MDO C&amp;M</v>
          </cell>
          <cell r="AO3514" t="str">
            <v>MDO OH/KEN C&amp;M</v>
          </cell>
        </row>
        <row r="3515">
          <cell r="F3515">
            <v>75084</v>
          </cell>
          <cell r="AN3515" t="str">
            <v>MDO C&amp;M</v>
          </cell>
          <cell r="AO3515" t="str">
            <v>MDO OH/KEN C&amp;M</v>
          </cell>
        </row>
        <row r="3516">
          <cell r="F3516">
            <v>75084</v>
          </cell>
          <cell r="AN3516" t="str">
            <v>MDO C&amp;M</v>
          </cell>
          <cell r="AO3516" t="str">
            <v>MDO OH/KEN C&amp;M</v>
          </cell>
        </row>
        <row r="3517">
          <cell r="F3517">
            <v>75084</v>
          </cell>
          <cell r="AN3517" t="str">
            <v>MDO C&amp;M</v>
          </cell>
          <cell r="AO3517" t="str">
            <v>MDO OH/KEN C&amp;M</v>
          </cell>
        </row>
        <row r="3518">
          <cell r="F3518">
            <v>75084</v>
          </cell>
          <cell r="AN3518" t="str">
            <v>MDO C&amp;M</v>
          </cell>
          <cell r="AO3518" t="str">
            <v>MDO OH/KEN C&amp;M</v>
          </cell>
        </row>
        <row r="3519">
          <cell r="F3519">
            <v>75084</v>
          </cell>
          <cell r="AN3519" t="str">
            <v>MDO C&amp;M</v>
          </cell>
          <cell r="AO3519" t="str">
            <v>MDO OH/KEN C&amp;M</v>
          </cell>
        </row>
        <row r="3520">
          <cell r="F3520">
            <v>75084</v>
          </cell>
          <cell r="AN3520" t="str">
            <v>MDO C&amp;M</v>
          </cell>
          <cell r="AO3520" t="str">
            <v>MDO OH/KEN C&amp;M</v>
          </cell>
        </row>
        <row r="3521">
          <cell r="F3521">
            <v>75084</v>
          </cell>
          <cell r="AN3521" t="str">
            <v>MDO C&amp;M</v>
          </cell>
          <cell r="AO3521" t="str">
            <v>MDO OH/KEN C&amp;M</v>
          </cell>
        </row>
        <row r="3522">
          <cell r="F3522">
            <v>75084</v>
          </cell>
          <cell r="AN3522" t="str">
            <v>MDO C&amp;M</v>
          </cell>
          <cell r="AO3522" t="str">
            <v>MDO OH/KEN C&amp;M</v>
          </cell>
        </row>
        <row r="3523">
          <cell r="F3523">
            <v>75084</v>
          </cell>
          <cell r="AN3523" t="str">
            <v>MDO C&amp;M</v>
          </cell>
          <cell r="AO3523" t="str">
            <v>MDO OH/KEN C&amp;M</v>
          </cell>
        </row>
        <row r="3524">
          <cell r="F3524">
            <v>75084</v>
          </cell>
          <cell r="AN3524" t="str">
            <v>MDO C&amp;M</v>
          </cell>
          <cell r="AO3524" t="str">
            <v>MDO OH/KEN C&amp;M</v>
          </cell>
        </row>
        <row r="3525">
          <cell r="F3525">
            <v>75084</v>
          </cell>
          <cell r="AN3525" t="str">
            <v>MDO C&amp;M</v>
          </cell>
          <cell r="AO3525" t="str">
            <v>MDO OH/KEN C&amp;M</v>
          </cell>
        </row>
        <row r="3526">
          <cell r="F3526">
            <v>75084</v>
          </cell>
          <cell r="AN3526" t="str">
            <v>MDO C&amp;M</v>
          </cell>
          <cell r="AO3526" t="str">
            <v>MDO OH/KEN C&amp;M</v>
          </cell>
        </row>
        <row r="3527">
          <cell r="F3527">
            <v>75084</v>
          </cell>
          <cell r="AN3527" t="str">
            <v>MDO C&amp;M</v>
          </cell>
          <cell r="AO3527" t="str">
            <v>MDO OH/KEN C&amp;M</v>
          </cell>
        </row>
        <row r="3528">
          <cell r="F3528">
            <v>75084</v>
          </cell>
          <cell r="AN3528" t="str">
            <v>MDO C&amp;M</v>
          </cell>
          <cell r="AO3528" t="str">
            <v>MDO OH/KEN C&amp;M</v>
          </cell>
        </row>
        <row r="3529">
          <cell r="F3529">
            <v>75084</v>
          </cell>
          <cell r="AN3529" t="str">
            <v>MDO C&amp;M</v>
          </cell>
          <cell r="AO3529" t="str">
            <v>MDO OH/KEN C&amp;M</v>
          </cell>
        </row>
        <row r="3530">
          <cell r="F3530">
            <v>75084</v>
          </cell>
          <cell r="AN3530" t="str">
            <v>MDO C&amp;M</v>
          </cell>
          <cell r="AO3530" t="str">
            <v>MDO OH/KEN C&amp;M</v>
          </cell>
        </row>
        <row r="3531">
          <cell r="F3531">
            <v>75084</v>
          </cell>
          <cell r="AN3531" t="str">
            <v>MDO C&amp;M</v>
          </cell>
          <cell r="AO3531" t="str">
            <v>MDO OH/KEN C&amp;M</v>
          </cell>
        </row>
        <row r="3532">
          <cell r="F3532">
            <v>75084</v>
          </cell>
          <cell r="AN3532" t="str">
            <v>MDO C&amp;M</v>
          </cell>
          <cell r="AO3532" t="str">
            <v>MDO OH/KEN C&amp;M</v>
          </cell>
        </row>
        <row r="3533">
          <cell r="F3533">
            <v>75084</v>
          </cell>
          <cell r="AN3533" t="str">
            <v>MDO C&amp;M</v>
          </cell>
          <cell r="AO3533" t="str">
            <v>MDO OH/KEN C&amp;M</v>
          </cell>
        </row>
        <row r="3534">
          <cell r="F3534">
            <v>75084</v>
          </cell>
          <cell r="AN3534" t="str">
            <v>MDO C&amp;M</v>
          </cell>
          <cell r="AO3534" t="str">
            <v>MDO OH/KEN C&amp;M</v>
          </cell>
        </row>
        <row r="3535">
          <cell r="F3535">
            <v>75084</v>
          </cell>
          <cell r="AN3535" t="str">
            <v>MDO C&amp;M</v>
          </cell>
          <cell r="AO3535" t="str">
            <v>MDO OH/KEN C&amp;M</v>
          </cell>
        </row>
        <row r="3536">
          <cell r="F3536">
            <v>75084</v>
          </cell>
          <cell r="AN3536" t="str">
            <v>MDO C&amp;M</v>
          </cell>
          <cell r="AO3536" t="str">
            <v>MDO OH/KEN C&amp;M</v>
          </cell>
        </row>
        <row r="3537">
          <cell r="F3537">
            <v>75084</v>
          </cell>
          <cell r="AN3537" t="str">
            <v>MDO C&amp;M</v>
          </cell>
          <cell r="AO3537" t="str">
            <v>MDO OH/KEN C&amp;M</v>
          </cell>
        </row>
        <row r="3538">
          <cell r="F3538">
            <v>75084</v>
          </cell>
          <cell r="AN3538" t="str">
            <v>MDO C&amp;M</v>
          </cell>
          <cell r="AO3538" t="str">
            <v>MDO OH/KEN C&amp;M</v>
          </cell>
        </row>
        <row r="3539">
          <cell r="F3539">
            <v>75084</v>
          </cell>
          <cell r="AN3539" t="str">
            <v>MDO C&amp;M</v>
          </cell>
          <cell r="AO3539" t="str">
            <v>MDO OH/KEN C&amp;M</v>
          </cell>
        </row>
        <row r="3540">
          <cell r="F3540">
            <v>75084</v>
          </cell>
          <cell r="AN3540" t="str">
            <v>MDO C&amp;M</v>
          </cell>
          <cell r="AO3540" t="str">
            <v>MDO OH/KEN C&amp;M</v>
          </cell>
        </row>
        <row r="3541">
          <cell r="F3541">
            <v>75084</v>
          </cell>
          <cell r="AN3541" t="str">
            <v>MDO C&amp;M</v>
          </cell>
          <cell r="AO3541" t="str">
            <v>MDO OH/KEN C&amp;M</v>
          </cell>
        </row>
        <row r="3542">
          <cell r="F3542">
            <v>75084</v>
          </cell>
          <cell r="AN3542" t="str">
            <v>MDO C&amp;M</v>
          </cell>
          <cell r="AO3542" t="str">
            <v>MDO OH/KEN C&amp;M</v>
          </cell>
        </row>
        <row r="3543">
          <cell r="F3543">
            <v>75084</v>
          </cell>
          <cell r="AN3543" t="str">
            <v>MDO C&amp;M</v>
          </cell>
          <cell r="AO3543" t="str">
            <v>MDO OH/KEN C&amp;M</v>
          </cell>
        </row>
        <row r="3544">
          <cell r="F3544">
            <v>75084</v>
          </cell>
          <cell r="AN3544" t="str">
            <v>MDO C&amp;M</v>
          </cell>
          <cell r="AO3544" t="str">
            <v>MDO OH/KEN C&amp;M</v>
          </cell>
        </row>
        <row r="3545">
          <cell r="F3545">
            <v>75084</v>
          </cell>
          <cell r="AN3545" t="str">
            <v>MDO C&amp;M</v>
          </cell>
          <cell r="AO3545" t="str">
            <v>MDO OH/KEN C&amp;M</v>
          </cell>
        </row>
        <row r="3546">
          <cell r="F3546">
            <v>75084</v>
          </cell>
          <cell r="AN3546" t="str">
            <v>MDO C&amp;M</v>
          </cell>
          <cell r="AO3546" t="str">
            <v>MDO OH/KEN C&amp;M</v>
          </cell>
        </row>
        <row r="3547">
          <cell r="F3547">
            <v>75084</v>
          </cell>
          <cell r="AN3547" t="str">
            <v>MDO C&amp;M</v>
          </cell>
          <cell r="AO3547" t="str">
            <v>MDO OH/KEN C&amp;M</v>
          </cell>
        </row>
        <row r="3548">
          <cell r="F3548">
            <v>75084</v>
          </cell>
          <cell r="AN3548" t="str">
            <v>MDO C&amp;M</v>
          </cell>
          <cell r="AO3548" t="str">
            <v>MDO OH/KEN C&amp;M</v>
          </cell>
        </row>
        <row r="3549">
          <cell r="F3549">
            <v>75084</v>
          </cell>
          <cell r="AN3549" t="str">
            <v>MDO C&amp;M</v>
          </cell>
          <cell r="AO3549" t="str">
            <v>MDO OH/KEN C&amp;M</v>
          </cell>
        </row>
        <row r="3550">
          <cell r="F3550">
            <v>75084</v>
          </cell>
          <cell r="AN3550" t="str">
            <v>MDO C&amp;M</v>
          </cell>
          <cell r="AO3550" t="str">
            <v>MDO OH/KEN C&amp;M</v>
          </cell>
        </row>
        <row r="3551">
          <cell r="F3551">
            <v>75084</v>
          </cell>
          <cell r="AN3551" t="str">
            <v>MDO C&amp;M</v>
          </cell>
          <cell r="AO3551" t="str">
            <v>MDO OH/KEN C&amp;M</v>
          </cell>
        </row>
        <row r="3552">
          <cell r="F3552">
            <v>75084</v>
          </cell>
          <cell r="AN3552" t="str">
            <v>MDO C&amp;M</v>
          </cell>
          <cell r="AO3552" t="str">
            <v>MDO OH/KEN C&amp;M</v>
          </cell>
        </row>
        <row r="3553">
          <cell r="F3553">
            <v>75084</v>
          </cell>
          <cell r="AN3553" t="str">
            <v>MDO C&amp;M</v>
          </cell>
          <cell r="AO3553" t="str">
            <v>MDO OH/KEN C&amp;M</v>
          </cell>
        </row>
        <row r="3554">
          <cell r="F3554">
            <v>75084</v>
          </cell>
          <cell r="AN3554" t="str">
            <v>MDO C&amp;M</v>
          </cell>
          <cell r="AO3554" t="str">
            <v>MDO OH/KEN C&amp;M</v>
          </cell>
        </row>
        <row r="3555">
          <cell r="F3555">
            <v>75084</v>
          </cell>
          <cell r="AN3555" t="str">
            <v>MDO C&amp;M</v>
          </cell>
          <cell r="AO3555" t="str">
            <v>MDO OH/KEN C&amp;M</v>
          </cell>
        </row>
        <row r="3556">
          <cell r="F3556">
            <v>75084</v>
          </cell>
          <cell r="AN3556" t="str">
            <v>MDO C&amp;M</v>
          </cell>
          <cell r="AO3556" t="str">
            <v>MDO OH/KEN C&amp;M</v>
          </cell>
        </row>
        <row r="3557">
          <cell r="F3557">
            <v>75084</v>
          </cell>
          <cell r="AN3557" t="str">
            <v>MDO C&amp;M</v>
          </cell>
          <cell r="AO3557" t="str">
            <v>MDO OH/KEN C&amp;M</v>
          </cell>
        </row>
        <row r="3558">
          <cell r="F3558">
            <v>75084</v>
          </cell>
          <cell r="AN3558" t="str">
            <v>MDO C&amp;M</v>
          </cell>
          <cell r="AO3558" t="str">
            <v>MDO OH/KEN C&amp;M</v>
          </cell>
        </row>
        <row r="3559">
          <cell r="F3559">
            <v>75084</v>
          </cell>
          <cell r="AN3559" t="str">
            <v>MDO C&amp;M</v>
          </cell>
          <cell r="AO3559" t="str">
            <v>MDO OH/KEN C&amp;M</v>
          </cell>
        </row>
        <row r="3560">
          <cell r="F3560">
            <v>75084</v>
          </cell>
          <cell r="AN3560" t="str">
            <v>MDO C&amp;M</v>
          </cell>
          <cell r="AO3560" t="str">
            <v>MDO OH/KEN C&amp;M</v>
          </cell>
        </row>
        <row r="3561">
          <cell r="F3561">
            <v>75084</v>
          </cell>
          <cell r="AN3561" t="str">
            <v>MDO C&amp;M</v>
          </cell>
          <cell r="AO3561" t="str">
            <v>MDO OH/KEN C&amp;M</v>
          </cell>
        </row>
        <row r="3562">
          <cell r="F3562">
            <v>75084</v>
          </cell>
          <cell r="AN3562" t="str">
            <v>MDO C&amp;M</v>
          </cell>
          <cell r="AO3562" t="str">
            <v>MDO OH/KEN C&amp;M</v>
          </cell>
        </row>
        <row r="3563">
          <cell r="F3563">
            <v>75084</v>
          </cell>
          <cell r="AN3563" t="str">
            <v>MDO C&amp;M</v>
          </cell>
          <cell r="AO3563" t="str">
            <v>MDO OH/KEN C&amp;M</v>
          </cell>
        </row>
        <row r="3564">
          <cell r="F3564">
            <v>75084</v>
          </cell>
          <cell r="AN3564" t="str">
            <v>MDO C&amp;M</v>
          </cell>
          <cell r="AO3564" t="str">
            <v>MDO OH/KEN C&amp;M</v>
          </cell>
        </row>
        <row r="3565">
          <cell r="F3565">
            <v>75084</v>
          </cell>
          <cell r="AN3565" t="str">
            <v>MDO C&amp;M</v>
          </cell>
          <cell r="AO3565" t="str">
            <v>MDO OH/KEN C&amp;M</v>
          </cell>
        </row>
        <row r="3566">
          <cell r="F3566">
            <v>75084</v>
          </cell>
          <cell r="AN3566" t="str">
            <v>MDO C&amp;M</v>
          </cell>
          <cell r="AO3566" t="str">
            <v>MDO OH/KEN C&amp;M</v>
          </cell>
        </row>
        <row r="3567">
          <cell r="F3567">
            <v>75084</v>
          </cell>
          <cell r="AN3567" t="str">
            <v>MDO C&amp;M</v>
          </cell>
          <cell r="AO3567" t="str">
            <v>MDO OH/KEN C&amp;M</v>
          </cell>
        </row>
        <row r="3568">
          <cell r="F3568">
            <v>75084</v>
          </cell>
          <cell r="AN3568" t="str">
            <v>MDO C&amp;M</v>
          </cell>
          <cell r="AO3568" t="str">
            <v>MDO OH/KEN C&amp;M</v>
          </cell>
        </row>
        <row r="3569">
          <cell r="F3569">
            <v>75084</v>
          </cell>
          <cell r="AN3569" t="str">
            <v>MDO C&amp;M</v>
          </cell>
          <cell r="AO3569" t="str">
            <v>MDO OH/KEN C&amp;M</v>
          </cell>
        </row>
        <row r="3570">
          <cell r="F3570">
            <v>75084</v>
          </cell>
          <cell r="AN3570" t="str">
            <v>MDO C&amp;M</v>
          </cell>
          <cell r="AO3570" t="str">
            <v>MDO OH/KEN C&amp;M</v>
          </cell>
        </row>
        <row r="3571">
          <cell r="F3571">
            <v>75084</v>
          </cell>
          <cell r="AN3571" t="str">
            <v>MDO C&amp;M</v>
          </cell>
          <cell r="AO3571" t="str">
            <v>MDO OH/KEN C&amp;M</v>
          </cell>
        </row>
        <row r="3572">
          <cell r="F3572">
            <v>75084</v>
          </cell>
          <cell r="AN3572" t="str">
            <v>MDO C&amp;M</v>
          </cell>
          <cell r="AO3572" t="str">
            <v>MDO OH/KEN C&amp;M</v>
          </cell>
        </row>
        <row r="3573">
          <cell r="F3573">
            <v>75115</v>
          </cell>
          <cell r="AN3573" t="str">
            <v>MDO C&amp;M</v>
          </cell>
          <cell r="AO3573" t="str">
            <v>MDO INDIANA SOUTHWEST C&amp;M</v>
          </cell>
        </row>
        <row r="3574">
          <cell r="F3574">
            <v>75115</v>
          </cell>
          <cell r="AN3574" t="str">
            <v>MDO C&amp;M</v>
          </cell>
          <cell r="AO3574" t="str">
            <v>MDO INDIANA SOUTHWEST C&amp;M</v>
          </cell>
        </row>
        <row r="3575">
          <cell r="F3575">
            <v>75115</v>
          </cell>
          <cell r="AN3575" t="str">
            <v>MDO C&amp;M</v>
          </cell>
          <cell r="AO3575" t="str">
            <v>MDO INDIANA SOUTHWEST C&amp;M</v>
          </cell>
        </row>
        <row r="3576">
          <cell r="F3576">
            <v>75115</v>
          </cell>
          <cell r="AN3576" t="str">
            <v>MDO C&amp;M</v>
          </cell>
          <cell r="AO3576" t="str">
            <v>MDO INDIANA SOUTHWEST C&amp;M</v>
          </cell>
        </row>
        <row r="3577">
          <cell r="F3577">
            <v>75115</v>
          </cell>
          <cell r="AN3577" t="str">
            <v>MDO C&amp;M</v>
          </cell>
          <cell r="AO3577" t="str">
            <v>MDO INDIANA SOUTHWEST C&amp;M</v>
          </cell>
        </row>
        <row r="3578">
          <cell r="F3578">
            <v>75115</v>
          </cell>
          <cell r="AN3578" t="str">
            <v>MDO C&amp;M</v>
          </cell>
          <cell r="AO3578" t="str">
            <v>MDO INDIANA SOUTHWEST C&amp;M</v>
          </cell>
        </row>
        <row r="3579">
          <cell r="F3579">
            <v>75115</v>
          </cell>
          <cell r="AN3579" t="str">
            <v>MDO C&amp;M</v>
          </cell>
          <cell r="AO3579" t="str">
            <v>MDO INDIANA SOUTHWEST C&amp;M</v>
          </cell>
        </row>
        <row r="3580">
          <cell r="F3580">
            <v>75115</v>
          </cell>
          <cell r="AN3580" t="str">
            <v>MDO C&amp;M</v>
          </cell>
          <cell r="AO3580" t="str">
            <v>MDO INDIANA SOUTHWEST C&amp;M</v>
          </cell>
        </row>
        <row r="3581">
          <cell r="F3581">
            <v>75115</v>
          </cell>
          <cell r="AN3581" t="str">
            <v>MDO C&amp;M</v>
          </cell>
          <cell r="AO3581" t="str">
            <v>MDO INDIANA SOUTHWEST C&amp;M</v>
          </cell>
        </row>
        <row r="3582">
          <cell r="F3582">
            <v>75115</v>
          </cell>
          <cell r="AN3582" t="str">
            <v>MDO C&amp;M</v>
          </cell>
          <cell r="AO3582" t="str">
            <v>MDO INDIANA SOUTHWEST C&amp;M</v>
          </cell>
        </row>
        <row r="3583">
          <cell r="F3583">
            <v>75115</v>
          </cell>
          <cell r="AN3583" t="str">
            <v>MDO C&amp;M</v>
          </cell>
          <cell r="AO3583" t="str">
            <v>MDO INDIANA SOUTHWEST C&amp;M</v>
          </cell>
        </row>
        <row r="3584">
          <cell r="F3584">
            <v>75115</v>
          </cell>
          <cell r="AN3584" t="str">
            <v>MDO C&amp;M</v>
          </cell>
          <cell r="AO3584" t="str">
            <v>MDO INDIANA SOUTHWEST C&amp;M</v>
          </cell>
        </row>
        <row r="3585">
          <cell r="F3585">
            <v>75115</v>
          </cell>
          <cell r="AN3585" t="str">
            <v>MDO C&amp;M</v>
          </cell>
          <cell r="AO3585" t="str">
            <v>MDO INDIANA SOUTHWEST C&amp;M</v>
          </cell>
        </row>
        <row r="3586">
          <cell r="F3586">
            <v>75115</v>
          </cell>
          <cell r="AN3586" t="str">
            <v>MDO C&amp;M</v>
          </cell>
          <cell r="AO3586" t="str">
            <v>MDO INDIANA SOUTHWEST C&amp;M</v>
          </cell>
        </row>
        <row r="3587">
          <cell r="F3587">
            <v>75115</v>
          </cell>
          <cell r="AN3587" t="str">
            <v>MDO C&amp;M</v>
          </cell>
          <cell r="AO3587" t="str">
            <v>MDO INDIANA SOUTHWEST C&amp;M</v>
          </cell>
        </row>
        <row r="3588">
          <cell r="F3588">
            <v>75115</v>
          </cell>
          <cell r="AN3588" t="str">
            <v>MDO C&amp;M</v>
          </cell>
          <cell r="AO3588" t="str">
            <v>MDO INDIANA SOUTHWEST C&amp;M</v>
          </cell>
        </row>
        <row r="3589">
          <cell r="F3589">
            <v>75115</v>
          </cell>
          <cell r="AN3589" t="str">
            <v>MDO C&amp;M</v>
          </cell>
          <cell r="AO3589" t="str">
            <v>MDO INDIANA SOUTHWEST C&amp;M</v>
          </cell>
        </row>
        <row r="3590">
          <cell r="F3590">
            <v>75115</v>
          </cell>
          <cell r="AN3590" t="str">
            <v>MDO C&amp;M</v>
          </cell>
          <cell r="AO3590" t="str">
            <v>MDO INDIANA SOUTHEAST C&amp;M</v>
          </cell>
        </row>
        <row r="3591">
          <cell r="F3591">
            <v>75115</v>
          </cell>
          <cell r="AN3591" t="str">
            <v>MDO C&amp;M</v>
          </cell>
          <cell r="AO3591" t="str">
            <v>MDO INDIANA SOUTHEAST C&amp;M</v>
          </cell>
        </row>
        <row r="3592">
          <cell r="F3592">
            <v>75115</v>
          </cell>
          <cell r="AN3592" t="str">
            <v>MDO C&amp;M</v>
          </cell>
          <cell r="AO3592" t="str">
            <v>MDO INDIANA SOUTHEAST C&amp;M</v>
          </cell>
        </row>
        <row r="3593">
          <cell r="F3593">
            <v>75115</v>
          </cell>
          <cell r="AN3593" t="str">
            <v>MDO C&amp;M</v>
          </cell>
          <cell r="AO3593" t="str">
            <v>MDO INDIANA SOUTHEAST C&amp;M</v>
          </cell>
        </row>
        <row r="3594">
          <cell r="F3594">
            <v>75115</v>
          </cell>
          <cell r="AN3594" t="str">
            <v>MDO C&amp;M</v>
          </cell>
          <cell r="AO3594" t="str">
            <v>MDO INDIANA SOUTHEAST C&amp;M</v>
          </cell>
        </row>
        <row r="3595">
          <cell r="F3595">
            <v>75115</v>
          </cell>
          <cell r="AN3595" t="str">
            <v>MDO C&amp;M</v>
          </cell>
          <cell r="AO3595" t="str">
            <v>MDO INDIANA SOUTHEAST C&amp;M</v>
          </cell>
        </row>
        <row r="3596">
          <cell r="F3596">
            <v>75115</v>
          </cell>
          <cell r="AN3596" t="str">
            <v>MDO C&amp;M</v>
          </cell>
          <cell r="AO3596" t="str">
            <v>MDO INDIANA SOUTHEAST C&amp;M</v>
          </cell>
        </row>
        <row r="3597">
          <cell r="F3597">
            <v>75115</v>
          </cell>
          <cell r="AN3597" t="str">
            <v>MDO C&amp;M</v>
          </cell>
          <cell r="AO3597" t="str">
            <v>MDO INDIANA SOUTHEAST C&amp;M</v>
          </cell>
        </row>
        <row r="3598">
          <cell r="F3598">
            <v>75115</v>
          </cell>
          <cell r="AN3598" t="str">
            <v>MDO C&amp;M</v>
          </cell>
          <cell r="AO3598" t="str">
            <v>MDO INDIANA SOUTHEAST C&amp;M</v>
          </cell>
        </row>
        <row r="3599">
          <cell r="F3599">
            <v>75115</v>
          </cell>
          <cell r="AN3599" t="str">
            <v>MDO C&amp;M</v>
          </cell>
          <cell r="AO3599" t="str">
            <v>MDO INDIANA NORTH C&amp;M</v>
          </cell>
        </row>
        <row r="3600">
          <cell r="F3600">
            <v>75115</v>
          </cell>
          <cell r="AN3600" t="str">
            <v>MDO C&amp;M</v>
          </cell>
          <cell r="AO3600" t="str">
            <v>MDO INDIANA NORTH C&amp;M</v>
          </cell>
        </row>
        <row r="3601">
          <cell r="F3601">
            <v>75115</v>
          </cell>
          <cell r="AN3601" t="str">
            <v>MDO C&amp;M</v>
          </cell>
          <cell r="AO3601" t="str">
            <v>MDO INDIANA NORTH C&amp;M</v>
          </cell>
        </row>
        <row r="3602">
          <cell r="F3602">
            <v>75115</v>
          </cell>
          <cell r="AN3602" t="str">
            <v>MDO C&amp;M</v>
          </cell>
          <cell r="AO3602" t="str">
            <v>MDO INDIANA NORTH C&amp;M</v>
          </cell>
        </row>
        <row r="3603">
          <cell r="F3603">
            <v>75115</v>
          </cell>
          <cell r="AN3603" t="str">
            <v>MDO C&amp;M</v>
          </cell>
          <cell r="AO3603" t="str">
            <v>MDO INDIANA NORTH C&amp;M</v>
          </cell>
        </row>
        <row r="3604">
          <cell r="F3604">
            <v>75115</v>
          </cell>
          <cell r="AN3604" t="str">
            <v>MDO C&amp;M</v>
          </cell>
          <cell r="AO3604" t="str">
            <v>MDO INDIANA NORTH C&amp;M</v>
          </cell>
        </row>
        <row r="3605">
          <cell r="F3605">
            <v>75115</v>
          </cell>
          <cell r="AN3605" t="str">
            <v>MDO C&amp;M</v>
          </cell>
          <cell r="AO3605" t="str">
            <v>MDO INDIANA NORTH C&amp;M</v>
          </cell>
        </row>
        <row r="3606">
          <cell r="F3606">
            <v>75115</v>
          </cell>
          <cell r="AN3606" t="str">
            <v>MDO C&amp;M</v>
          </cell>
          <cell r="AO3606" t="str">
            <v>MDO INDIANA NORTH C&amp;M</v>
          </cell>
        </row>
        <row r="3607">
          <cell r="F3607">
            <v>75115</v>
          </cell>
          <cell r="AN3607" t="str">
            <v>MDO C&amp;M</v>
          </cell>
          <cell r="AO3607" t="str">
            <v>MDO INDIANA SOUTHWEST C&amp;M</v>
          </cell>
        </row>
        <row r="3608">
          <cell r="F3608">
            <v>75115</v>
          </cell>
          <cell r="AN3608" t="str">
            <v>MDO C&amp;M</v>
          </cell>
          <cell r="AO3608" t="str">
            <v>MDO INDIANA SOUTHWEST C&amp;M</v>
          </cell>
        </row>
        <row r="3609">
          <cell r="F3609">
            <v>75115</v>
          </cell>
          <cell r="AN3609" t="str">
            <v>MDO C&amp;M</v>
          </cell>
          <cell r="AO3609" t="str">
            <v>MDO INDIANA SOUTHWEST C&amp;M</v>
          </cell>
        </row>
        <row r="3610">
          <cell r="F3610">
            <v>75115</v>
          </cell>
          <cell r="AN3610" t="str">
            <v>MDO C&amp;M</v>
          </cell>
          <cell r="AO3610" t="str">
            <v>MDO INDIANA SOUTHWEST C&amp;M</v>
          </cell>
        </row>
        <row r="3611">
          <cell r="F3611">
            <v>75115</v>
          </cell>
          <cell r="AN3611" t="str">
            <v>MDO C&amp;M</v>
          </cell>
          <cell r="AO3611" t="str">
            <v>MDO INDIANA SOUTHWEST C&amp;M</v>
          </cell>
        </row>
        <row r="3612">
          <cell r="F3612">
            <v>75115</v>
          </cell>
          <cell r="AN3612" t="str">
            <v>MDO C&amp;M</v>
          </cell>
          <cell r="AO3612" t="str">
            <v>MDO INDIANA SOUTHWEST C&amp;M</v>
          </cell>
        </row>
        <row r="3613">
          <cell r="F3613">
            <v>75115</v>
          </cell>
          <cell r="AN3613" t="str">
            <v>MDO C&amp;M</v>
          </cell>
          <cell r="AO3613" t="str">
            <v>MDO INDIANA SOUTHWEST C&amp;M</v>
          </cell>
        </row>
        <row r="3614">
          <cell r="F3614">
            <v>75115</v>
          </cell>
          <cell r="AN3614" t="str">
            <v>MDO C&amp;M</v>
          </cell>
          <cell r="AO3614" t="str">
            <v>MDO INDIANA SOUTHEAST C&amp;M</v>
          </cell>
        </row>
        <row r="3615">
          <cell r="F3615">
            <v>75115</v>
          </cell>
          <cell r="AN3615" t="str">
            <v>MDO C&amp;M</v>
          </cell>
          <cell r="AO3615" t="str">
            <v>MDO INDIANA SOUTHWEST C&amp;M</v>
          </cell>
        </row>
        <row r="3616">
          <cell r="F3616">
            <v>75115</v>
          </cell>
          <cell r="AN3616" t="str">
            <v>MDO C&amp;M</v>
          </cell>
          <cell r="AO3616" t="str">
            <v>MDO INDIANA SOUTHWEST C&amp;M</v>
          </cell>
        </row>
        <row r="3617">
          <cell r="F3617">
            <v>75115</v>
          </cell>
          <cell r="AN3617" t="str">
            <v>MDO C&amp;M</v>
          </cell>
          <cell r="AO3617" t="str">
            <v>MDO INDIANA SOUTHWEST C&amp;M</v>
          </cell>
        </row>
        <row r="3618">
          <cell r="F3618">
            <v>75115</v>
          </cell>
          <cell r="AN3618" t="str">
            <v>MDO C&amp;M</v>
          </cell>
          <cell r="AO3618" t="str">
            <v>MDO INDIANA SOUTHWEST C&amp;M</v>
          </cell>
        </row>
        <row r="3619">
          <cell r="F3619">
            <v>75115</v>
          </cell>
          <cell r="AN3619" t="str">
            <v>MDO C&amp;M</v>
          </cell>
          <cell r="AO3619" t="str">
            <v>MDO INDIANA SOUTHWEST C&amp;M</v>
          </cell>
        </row>
        <row r="3620">
          <cell r="F3620">
            <v>75115</v>
          </cell>
          <cell r="AN3620" t="str">
            <v>MDO C&amp;M</v>
          </cell>
          <cell r="AO3620" t="str">
            <v>MDO INDIANA SOUTHEAST C&amp;M</v>
          </cell>
        </row>
        <row r="3621">
          <cell r="F3621">
            <v>75115</v>
          </cell>
          <cell r="AN3621" t="str">
            <v>MDO C&amp;M</v>
          </cell>
          <cell r="AO3621" t="str">
            <v>MDO INDIANA SOUTHEAST C&amp;M</v>
          </cell>
        </row>
        <row r="3622">
          <cell r="F3622">
            <v>75115</v>
          </cell>
          <cell r="AN3622" t="str">
            <v>MDO C&amp;M</v>
          </cell>
          <cell r="AO3622" t="str">
            <v>MDO INDIANA SOUTHEAST C&amp;M</v>
          </cell>
        </row>
        <row r="3623">
          <cell r="F3623">
            <v>75115</v>
          </cell>
          <cell r="AN3623" t="str">
            <v>MDO C&amp;M</v>
          </cell>
          <cell r="AO3623" t="str">
            <v>MDO INDIANA SOUTHEAST C&amp;M</v>
          </cell>
        </row>
        <row r="3624">
          <cell r="F3624">
            <v>75115</v>
          </cell>
          <cell r="AN3624" t="str">
            <v>MDO C&amp;M</v>
          </cell>
          <cell r="AO3624" t="str">
            <v>MDO INDIANA SOUTHEAST C&amp;M</v>
          </cell>
        </row>
        <row r="3625">
          <cell r="F3625">
            <v>75115</v>
          </cell>
          <cell r="AN3625" t="str">
            <v>MDO C&amp;M</v>
          </cell>
          <cell r="AO3625" t="str">
            <v>MDO INDIANA SOUTHEAST C&amp;M</v>
          </cell>
        </row>
        <row r="3626">
          <cell r="F3626">
            <v>75115</v>
          </cell>
          <cell r="AN3626" t="str">
            <v>MDO C&amp;M</v>
          </cell>
          <cell r="AO3626" t="str">
            <v>MDO INDIANA NORTH C&amp;M</v>
          </cell>
        </row>
        <row r="3627">
          <cell r="F3627">
            <v>75115</v>
          </cell>
          <cell r="AN3627" t="str">
            <v>MDO C&amp;M</v>
          </cell>
          <cell r="AO3627" t="str">
            <v>MDO INDIANA NORTH C&amp;M</v>
          </cell>
        </row>
        <row r="3628">
          <cell r="F3628">
            <v>75115</v>
          </cell>
          <cell r="AN3628" t="str">
            <v>MDO C&amp;M</v>
          </cell>
          <cell r="AO3628" t="str">
            <v>MDO INDIANA NORTH C&amp;M</v>
          </cell>
        </row>
        <row r="3629">
          <cell r="F3629">
            <v>75115</v>
          </cell>
          <cell r="AN3629" t="str">
            <v>MDO C&amp;M</v>
          </cell>
          <cell r="AO3629" t="str">
            <v>MDO INDIANA NORTH C&amp;M</v>
          </cell>
        </row>
        <row r="3630">
          <cell r="F3630">
            <v>75115</v>
          </cell>
          <cell r="AN3630" t="str">
            <v>MDO C&amp;M</v>
          </cell>
          <cell r="AO3630" t="str">
            <v>MDO INDIANA NORTH C&amp;M</v>
          </cell>
        </row>
        <row r="3631">
          <cell r="F3631">
            <v>75115</v>
          </cell>
          <cell r="AN3631" t="str">
            <v>MDO C&amp;M</v>
          </cell>
          <cell r="AO3631" t="str">
            <v>MDO INDIANA NORTH C&amp;M</v>
          </cell>
        </row>
        <row r="3632">
          <cell r="F3632">
            <v>75115</v>
          </cell>
          <cell r="AN3632" t="str">
            <v>MDO C&amp;M</v>
          </cell>
          <cell r="AO3632" t="str">
            <v>MDO INDIANA NORTH C&amp;M</v>
          </cell>
        </row>
        <row r="3633">
          <cell r="F3633">
            <v>75115</v>
          </cell>
          <cell r="AN3633" t="str">
            <v>MDO C&amp;M</v>
          </cell>
          <cell r="AO3633" t="str">
            <v>MDO INDIANA NORTH C&amp;M</v>
          </cell>
        </row>
        <row r="3634">
          <cell r="F3634">
            <v>75115</v>
          </cell>
          <cell r="AN3634" t="str">
            <v>MDO C&amp;M</v>
          </cell>
          <cell r="AO3634" t="str">
            <v>MDO INDIANA NORTH C&amp;M</v>
          </cell>
        </row>
        <row r="3635">
          <cell r="F3635">
            <v>75115</v>
          </cell>
          <cell r="AN3635" t="str">
            <v>MDO C&amp;M</v>
          </cell>
          <cell r="AO3635" t="str">
            <v>MDO INDIANA NORTH C&amp;M</v>
          </cell>
        </row>
        <row r="3636">
          <cell r="F3636">
            <v>75115</v>
          </cell>
          <cell r="AN3636" t="str">
            <v>MDO C&amp;M</v>
          </cell>
          <cell r="AO3636" t="str">
            <v>MDO INDIANA NORTH C&amp;M</v>
          </cell>
        </row>
        <row r="3637">
          <cell r="F3637">
            <v>75115</v>
          </cell>
          <cell r="AN3637" t="str">
            <v>MDO C&amp;M</v>
          </cell>
          <cell r="AO3637" t="str">
            <v>MDO INDIANA NORTH C&amp;M</v>
          </cell>
        </row>
        <row r="3638">
          <cell r="F3638">
            <v>75115</v>
          </cell>
          <cell r="AN3638" t="str">
            <v>MDO C&amp;M</v>
          </cell>
          <cell r="AO3638" t="str">
            <v>MDO INDIANA NORTH C&amp;M</v>
          </cell>
        </row>
        <row r="3639">
          <cell r="F3639">
            <v>75115</v>
          </cell>
          <cell r="AN3639" t="str">
            <v>MDO C&amp;M</v>
          </cell>
          <cell r="AO3639" t="str">
            <v>MDO INDIANA NORTH C&amp;M</v>
          </cell>
        </row>
        <row r="3640">
          <cell r="F3640">
            <v>75115</v>
          </cell>
          <cell r="AN3640" t="str">
            <v>MDO C&amp;M</v>
          </cell>
          <cell r="AO3640" t="str">
            <v>MDO INDIANA NORTH C&amp;M</v>
          </cell>
        </row>
        <row r="3641">
          <cell r="F3641">
            <v>75115</v>
          </cell>
          <cell r="AN3641" t="str">
            <v>MDO C&amp;M</v>
          </cell>
          <cell r="AO3641" t="str">
            <v>MDO INDIANA NORTH C&amp;M</v>
          </cell>
        </row>
        <row r="3642">
          <cell r="F3642">
            <v>75115</v>
          </cell>
          <cell r="AN3642" t="str">
            <v>MDO C&amp;M</v>
          </cell>
          <cell r="AO3642" t="str">
            <v>MDO INDIANA NORTH C&amp;M</v>
          </cell>
        </row>
        <row r="3643">
          <cell r="F3643">
            <v>75115</v>
          </cell>
          <cell r="AN3643" t="str">
            <v>MDO C&amp;M</v>
          </cell>
          <cell r="AO3643" t="str">
            <v>MDO INDIANA NORTH C&amp;M</v>
          </cell>
        </row>
        <row r="3644">
          <cell r="F3644">
            <v>75115</v>
          </cell>
          <cell r="AN3644" t="str">
            <v>MDO C&amp;M</v>
          </cell>
          <cell r="AO3644" t="str">
            <v>MDO INDIANA NORTH C&amp;M</v>
          </cell>
        </row>
        <row r="3645">
          <cell r="F3645">
            <v>75115</v>
          </cell>
          <cell r="AN3645" t="str">
            <v>MDO C&amp;M</v>
          </cell>
          <cell r="AO3645" t="str">
            <v>MDO INDIANA NORTH C&amp;M</v>
          </cell>
        </row>
        <row r="3646">
          <cell r="F3646">
            <v>75115</v>
          </cell>
          <cell r="AN3646" t="str">
            <v>MDO C&amp;M</v>
          </cell>
          <cell r="AO3646" t="str">
            <v>MDO INDIANA NORTH C&amp;M</v>
          </cell>
        </row>
        <row r="3647">
          <cell r="F3647">
            <v>75115</v>
          </cell>
          <cell r="AN3647" t="str">
            <v>MDO C&amp;M</v>
          </cell>
          <cell r="AO3647" t="str">
            <v>MDO INDIANA NORTH C&amp;M</v>
          </cell>
        </row>
        <row r="3648">
          <cell r="F3648">
            <v>75115</v>
          </cell>
          <cell r="AN3648" t="str">
            <v>MDO C&amp;M</v>
          </cell>
          <cell r="AO3648" t="str">
            <v>MDO INDIANA NORTH C&amp;M</v>
          </cell>
        </row>
        <row r="3649">
          <cell r="F3649">
            <v>75115</v>
          </cell>
          <cell r="AN3649" t="str">
            <v>MDO C&amp;M</v>
          </cell>
          <cell r="AO3649" t="str">
            <v>MDO INDIANA NORTH C&amp;M</v>
          </cell>
        </row>
        <row r="3650">
          <cell r="F3650">
            <v>75115</v>
          </cell>
          <cell r="AN3650" t="str">
            <v>MDO C&amp;M</v>
          </cell>
          <cell r="AO3650" t="str">
            <v>MDO INDIANA SOUTHEAST C&amp;M</v>
          </cell>
        </row>
        <row r="3651">
          <cell r="F3651">
            <v>75115</v>
          </cell>
          <cell r="AN3651" t="str">
            <v>MDO C&amp;M</v>
          </cell>
          <cell r="AO3651" t="str">
            <v>MDO INDIANA SOUTHEAST C&amp;M</v>
          </cell>
        </row>
        <row r="3652">
          <cell r="F3652">
            <v>75115</v>
          </cell>
          <cell r="AN3652" t="str">
            <v>MDO C&amp;M</v>
          </cell>
          <cell r="AO3652" t="str">
            <v>MDO INDIANA SOUTHEAST C&amp;M</v>
          </cell>
        </row>
        <row r="3653">
          <cell r="F3653">
            <v>75115</v>
          </cell>
          <cell r="AN3653" t="str">
            <v>MDO C&amp;M</v>
          </cell>
          <cell r="AO3653" t="str">
            <v>MDO INDIANA SOUTHEAST C&amp;M</v>
          </cell>
        </row>
        <row r="3654">
          <cell r="F3654">
            <v>75115</v>
          </cell>
          <cell r="AN3654" t="str">
            <v>MDO C&amp;M</v>
          </cell>
          <cell r="AO3654" t="str">
            <v>MDO INDIANA SOUTHEAST C&amp;M</v>
          </cell>
        </row>
        <row r="3655">
          <cell r="F3655">
            <v>75115</v>
          </cell>
          <cell r="AN3655" t="str">
            <v>MDO C&amp;M</v>
          </cell>
          <cell r="AO3655" t="str">
            <v>MDO INDIANA SOUTHEAST C&amp;M</v>
          </cell>
        </row>
        <row r="3656">
          <cell r="F3656">
            <v>75115</v>
          </cell>
          <cell r="AN3656" t="str">
            <v>MDO C&amp;M</v>
          </cell>
          <cell r="AO3656" t="str">
            <v>MDO INDIANA SOUTHEAST C&amp;M</v>
          </cell>
        </row>
        <row r="3657">
          <cell r="F3657">
            <v>75115</v>
          </cell>
          <cell r="AN3657" t="str">
            <v>MDO C&amp;M</v>
          </cell>
          <cell r="AO3657" t="str">
            <v>MDO INDIANA SOUTHEAST C&amp;M</v>
          </cell>
        </row>
        <row r="3658">
          <cell r="F3658">
            <v>75115</v>
          </cell>
          <cell r="AN3658" t="str">
            <v>MDO C&amp;M</v>
          </cell>
          <cell r="AO3658" t="str">
            <v>MDO INDIANA SOUTHEAST C&amp;M</v>
          </cell>
        </row>
        <row r="3659">
          <cell r="F3659">
            <v>75115</v>
          </cell>
          <cell r="AN3659" t="str">
            <v>MDO C&amp;M</v>
          </cell>
          <cell r="AO3659" t="str">
            <v>MDO INDIANA SOUTHEAST C&amp;M</v>
          </cell>
        </row>
        <row r="3660">
          <cell r="F3660">
            <v>75115</v>
          </cell>
          <cell r="AN3660" t="str">
            <v>MDO C&amp;M</v>
          </cell>
          <cell r="AO3660" t="str">
            <v>MDO INDIANA SOUTHEAST C&amp;M</v>
          </cell>
        </row>
        <row r="3661">
          <cell r="F3661">
            <v>75115</v>
          </cell>
          <cell r="AN3661" t="str">
            <v>MDO C&amp;M</v>
          </cell>
          <cell r="AO3661" t="str">
            <v>MDO INDIANA SOUTHEAST C&amp;M</v>
          </cell>
        </row>
        <row r="3662">
          <cell r="F3662">
            <v>75115</v>
          </cell>
          <cell r="AN3662" t="str">
            <v>MDO C&amp;M</v>
          </cell>
          <cell r="AO3662" t="str">
            <v>MDO INDIANA SOUTHEAST C&amp;M</v>
          </cell>
        </row>
        <row r="3663">
          <cell r="F3663">
            <v>75115</v>
          </cell>
          <cell r="AN3663" t="str">
            <v>MDO C&amp;M</v>
          </cell>
          <cell r="AO3663" t="str">
            <v>MDO INDIANA SOUTHEAST C&amp;M</v>
          </cell>
        </row>
        <row r="3664">
          <cell r="F3664">
            <v>75115</v>
          </cell>
          <cell r="AN3664" t="str">
            <v>MDO C&amp;M</v>
          </cell>
          <cell r="AO3664" t="str">
            <v>MDO INDIANA SOUTHEAST C&amp;M</v>
          </cell>
        </row>
        <row r="3665">
          <cell r="F3665">
            <v>75115</v>
          </cell>
          <cell r="AN3665" t="str">
            <v>MDO C&amp;M</v>
          </cell>
          <cell r="AO3665" t="str">
            <v>MDO INDIANA SOUTHEAST C&amp;M</v>
          </cell>
        </row>
        <row r="3666">
          <cell r="F3666">
            <v>75115</v>
          </cell>
          <cell r="AN3666" t="str">
            <v>MDO C&amp;M</v>
          </cell>
          <cell r="AO3666" t="str">
            <v>MDO INDIANA SOUTHEAST C&amp;M</v>
          </cell>
        </row>
        <row r="3667">
          <cell r="F3667">
            <v>75115</v>
          </cell>
          <cell r="AN3667" t="str">
            <v>MDO C&amp;M</v>
          </cell>
          <cell r="AO3667" t="str">
            <v>MDO INDIANA SOUTHEAST C&amp;M</v>
          </cell>
        </row>
        <row r="3668">
          <cell r="F3668">
            <v>75115</v>
          </cell>
          <cell r="AN3668" t="str">
            <v>MDO C&amp;M</v>
          </cell>
          <cell r="AO3668" t="str">
            <v>MDO INDIANA SOUTHEAST C&amp;M</v>
          </cell>
        </row>
        <row r="3669">
          <cell r="F3669">
            <v>75115</v>
          </cell>
          <cell r="AN3669" t="str">
            <v>MDO C&amp;M</v>
          </cell>
          <cell r="AO3669" t="str">
            <v>MDO INDIANA SOUTHEAST C&amp;M</v>
          </cell>
        </row>
        <row r="3670">
          <cell r="F3670">
            <v>75115</v>
          </cell>
          <cell r="AN3670" t="str">
            <v>MDO C&amp;M</v>
          </cell>
          <cell r="AO3670" t="str">
            <v>MDO INDIANA SOUTHEAST C&amp;M</v>
          </cell>
        </row>
        <row r="3671">
          <cell r="F3671">
            <v>75115</v>
          </cell>
          <cell r="AN3671" t="str">
            <v>MDO C&amp;M</v>
          </cell>
          <cell r="AO3671" t="str">
            <v>MDO INDIANA SOUTHWEST C&amp;M</v>
          </cell>
        </row>
        <row r="3672">
          <cell r="F3672">
            <v>75115</v>
          </cell>
          <cell r="AN3672" t="str">
            <v>MDO C&amp;M</v>
          </cell>
          <cell r="AO3672" t="str">
            <v>MDO INDIANA SOUTHWEST C&amp;M</v>
          </cell>
        </row>
        <row r="3673">
          <cell r="F3673">
            <v>75115</v>
          </cell>
          <cell r="AN3673" t="str">
            <v>MDO C&amp;M</v>
          </cell>
          <cell r="AO3673" t="str">
            <v>MDO INDIANA SOUTHWEST C&amp;M</v>
          </cell>
        </row>
        <row r="3674">
          <cell r="F3674">
            <v>75115</v>
          </cell>
          <cell r="AN3674" t="str">
            <v>MDO C&amp;M</v>
          </cell>
          <cell r="AO3674" t="str">
            <v>MDO INDIANA SOUTHWEST C&amp;M</v>
          </cell>
        </row>
        <row r="3675">
          <cell r="F3675">
            <v>75115</v>
          </cell>
          <cell r="AN3675" t="str">
            <v>MDO C&amp;M</v>
          </cell>
          <cell r="AO3675" t="str">
            <v>MDO INDIANA SOUTHWEST C&amp;M</v>
          </cell>
        </row>
        <row r="3676">
          <cell r="F3676">
            <v>75115</v>
          </cell>
          <cell r="AN3676" t="str">
            <v>MDO C&amp;M</v>
          </cell>
          <cell r="AO3676" t="str">
            <v>MDO INDIANA SOUTHWEST C&amp;M</v>
          </cell>
        </row>
        <row r="3677">
          <cell r="F3677">
            <v>75115</v>
          </cell>
          <cell r="AN3677" t="str">
            <v>MDO C&amp;M</v>
          </cell>
          <cell r="AO3677" t="str">
            <v>MDO INDIANA SOUTHWEST C&amp;M</v>
          </cell>
        </row>
        <row r="3678">
          <cell r="F3678">
            <v>75115</v>
          </cell>
          <cell r="AN3678" t="str">
            <v>MDO C&amp;M</v>
          </cell>
          <cell r="AO3678" t="str">
            <v>MDO INDIANA SOUTHWEST C&amp;M</v>
          </cell>
        </row>
        <row r="3679">
          <cell r="F3679">
            <v>75115</v>
          </cell>
          <cell r="AN3679" t="str">
            <v>MDO C&amp;M</v>
          </cell>
          <cell r="AO3679" t="str">
            <v>MDO INDIANA SOUTHWEST C&amp;M</v>
          </cell>
        </row>
        <row r="3680">
          <cell r="F3680">
            <v>75115</v>
          </cell>
          <cell r="AN3680" t="str">
            <v>MDO C&amp;M</v>
          </cell>
          <cell r="AO3680" t="str">
            <v>MDO INDIANA SOUTHWEST C&amp;M</v>
          </cell>
        </row>
        <row r="3681">
          <cell r="F3681">
            <v>75115</v>
          </cell>
          <cell r="AN3681" t="str">
            <v>MDO C&amp;M</v>
          </cell>
          <cell r="AO3681" t="str">
            <v>MDO INDIANA SOUTHWEST C&amp;M</v>
          </cell>
        </row>
        <row r="3682">
          <cell r="F3682">
            <v>75115</v>
          </cell>
          <cell r="AN3682" t="str">
            <v>MDO C&amp;M</v>
          </cell>
          <cell r="AO3682" t="str">
            <v>MDO INDIANA SOUTHWEST C&amp;M</v>
          </cell>
        </row>
        <row r="3683">
          <cell r="F3683">
            <v>75115</v>
          </cell>
          <cell r="AN3683" t="str">
            <v>MDO C&amp;M</v>
          </cell>
          <cell r="AO3683" t="str">
            <v>MDO INDIANA SOUTHWEST C&amp;M</v>
          </cell>
        </row>
        <row r="3684">
          <cell r="F3684">
            <v>75115</v>
          </cell>
          <cell r="AN3684" t="str">
            <v>MDO C&amp;M</v>
          </cell>
          <cell r="AO3684" t="str">
            <v>MDO INDIANA SOUTHWEST C&amp;M</v>
          </cell>
        </row>
        <row r="3685">
          <cell r="F3685">
            <v>75115</v>
          </cell>
          <cell r="AN3685" t="str">
            <v>MDO C&amp;M</v>
          </cell>
          <cell r="AO3685" t="str">
            <v>MDO INDIANA SOUTHWEST C&amp;M</v>
          </cell>
        </row>
        <row r="3686">
          <cell r="F3686">
            <v>75115</v>
          </cell>
          <cell r="AN3686" t="str">
            <v>MDO C&amp;M</v>
          </cell>
          <cell r="AO3686" t="str">
            <v>MDO INDIANA SOUTHWEST C&amp;M</v>
          </cell>
        </row>
        <row r="3687">
          <cell r="F3687">
            <v>75115</v>
          </cell>
          <cell r="AN3687" t="str">
            <v>MDO C&amp;M</v>
          </cell>
          <cell r="AO3687" t="str">
            <v>MDO INDIANA SOUTHWEST C&amp;M</v>
          </cell>
        </row>
        <row r="3688">
          <cell r="F3688">
            <v>75115</v>
          </cell>
          <cell r="AN3688" t="str">
            <v>MDO C&amp;M</v>
          </cell>
          <cell r="AO3688" t="str">
            <v>MDO INDIANA SOUTHWEST C&amp;M</v>
          </cell>
        </row>
        <row r="3689">
          <cell r="F3689">
            <v>75115</v>
          </cell>
          <cell r="AN3689" t="str">
            <v>MDO C&amp;M</v>
          </cell>
          <cell r="AO3689" t="str">
            <v>MDO INDIANA SOUTHWEST C&amp;M</v>
          </cell>
        </row>
        <row r="3690">
          <cell r="F3690">
            <v>75115</v>
          </cell>
          <cell r="AN3690" t="str">
            <v>MDO C&amp;M</v>
          </cell>
          <cell r="AO3690" t="str">
            <v>MDO INDIANA SOUTHEAST C&amp;M</v>
          </cell>
        </row>
        <row r="3691">
          <cell r="F3691">
            <v>75115</v>
          </cell>
          <cell r="AN3691" t="str">
            <v>MDO C&amp;M</v>
          </cell>
          <cell r="AO3691" t="str">
            <v>MDO INDIANA SOUTHWEST C&amp;M</v>
          </cell>
        </row>
        <row r="3692">
          <cell r="F3692">
            <v>75115</v>
          </cell>
          <cell r="AN3692" t="str">
            <v>MDO C&amp;M</v>
          </cell>
          <cell r="AO3692" t="str">
            <v>MDO INDIANA SOUTHWEST C&amp;M</v>
          </cell>
        </row>
        <row r="3693">
          <cell r="F3693">
            <v>75115</v>
          </cell>
          <cell r="AN3693" t="str">
            <v>MDO C&amp;M</v>
          </cell>
          <cell r="AO3693" t="str">
            <v>MDO INDIANA SOUTHWEST C&amp;M</v>
          </cell>
        </row>
        <row r="3694">
          <cell r="F3694">
            <v>75115</v>
          </cell>
          <cell r="AN3694" t="str">
            <v>MDO C&amp;M</v>
          </cell>
          <cell r="AO3694" t="str">
            <v>MDO INDIANA SOUTHWEST C&amp;M</v>
          </cell>
        </row>
        <row r="3695">
          <cell r="F3695">
            <v>75115</v>
          </cell>
          <cell r="AN3695" t="str">
            <v>MDO C&amp;M</v>
          </cell>
          <cell r="AO3695" t="str">
            <v>MDO INDIANA SOUTHWEST C&amp;M</v>
          </cell>
        </row>
        <row r="3696">
          <cell r="F3696">
            <v>75115</v>
          </cell>
          <cell r="AN3696" t="str">
            <v>MDO C&amp;M</v>
          </cell>
          <cell r="AO3696" t="str">
            <v>MDO INDIANA SOUTHWEST C&amp;M</v>
          </cell>
        </row>
        <row r="3697">
          <cell r="F3697">
            <v>75115</v>
          </cell>
          <cell r="AN3697" t="str">
            <v>MDO C&amp;M</v>
          </cell>
          <cell r="AO3697" t="str">
            <v>MDO INDIANA SOUTHWEST C&amp;M</v>
          </cell>
        </row>
        <row r="3698">
          <cell r="F3698">
            <v>75115</v>
          </cell>
          <cell r="AN3698" t="str">
            <v>MDO C&amp;M</v>
          </cell>
          <cell r="AO3698" t="str">
            <v>MDO INDIANA SOUTHWEST C&amp;M</v>
          </cell>
        </row>
        <row r="3699">
          <cell r="F3699">
            <v>75115</v>
          </cell>
          <cell r="AN3699" t="str">
            <v>MDO C&amp;M</v>
          </cell>
          <cell r="AO3699" t="str">
            <v>MDO INDIANA SOUTHWEST C&amp;M</v>
          </cell>
        </row>
        <row r="3700">
          <cell r="F3700">
            <v>75115</v>
          </cell>
          <cell r="AN3700" t="str">
            <v>MDO C&amp;M</v>
          </cell>
          <cell r="AO3700" t="str">
            <v>MDO INDIANA SOUTHWEST C&amp;M</v>
          </cell>
        </row>
        <row r="3701">
          <cell r="F3701">
            <v>75115</v>
          </cell>
          <cell r="AN3701" t="str">
            <v>MDO C&amp;M</v>
          </cell>
          <cell r="AO3701" t="str">
            <v>MDO INDIANA SOUTHWEST C&amp;M</v>
          </cell>
        </row>
        <row r="3702">
          <cell r="F3702">
            <v>75115</v>
          </cell>
          <cell r="AN3702" t="str">
            <v>MDO C&amp;M</v>
          </cell>
          <cell r="AO3702" t="str">
            <v>MDO INDIANA SOUTHWEST C&amp;M</v>
          </cell>
        </row>
        <row r="3703">
          <cell r="F3703">
            <v>75115</v>
          </cell>
          <cell r="AN3703" t="str">
            <v>MDO C&amp;M</v>
          </cell>
          <cell r="AO3703" t="str">
            <v>MDO INDIANA SOUTHWEST C&amp;M</v>
          </cell>
        </row>
        <row r="3704">
          <cell r="F3704">
            <v>75115</v>
          </cell>
          <cell r="AN3704" t="str">
            <v>MDO C&amp;M</v>
          </cell>
          <cell r="AO3704" t="str">
            <v>MDO INDIANA SOUTHWEST C&amp;M</v>
          </cell>
        </row>
        <row r="3705">
          <cell r="F3705">
            <v>75115</v>
          </cell>
          <cell r="AN3705" t="str">
            <v>MDO C&amp;M</v>
          </cell>
          <cell r="AO3705" t="str">
            <v>MDO INDIANA SOUTHWEST C&amp;M</v>
          </cell>
        </row>
        <row r="3706">
          <cell r="F3706">
            <v>75115</v>
          </cell>
          <cell r="AN3706" t="str">
            <v>MDO C&amp;M</v>
          </cell>
          <cell r="AO3706" t="str">
            <v>MDO INDIANA SOUTHWEST C&amp;M</v>
          </cell>
        </row>
        <row r="3707">
          <cell r="F3707">
            <v>75023</v>
          </cell>
          <cell r="AN3707" t="str">
            <v>MDO C&amp;M</v>
          </cell>
          <cell r="AO3707" t="str">
            <v>MDO OH/KEN C&amp;M</v>
          </cell>
        </row>
        <row r="3708">
          <cell r="F3708">
            <v>75023</v>
          </cell>
          <cell r="AN3708" t="str">
            <v>MDO C&amp;M</v>
          </cell>
          <cell r="AO3708" t="str">
            <v>MDO OH/KEN C&amp;M</v>
          </cell>
        </row>
        <row r="3709">
          <cell r="F3709">
            <v>75023</v>
          </cell>
          <cell r="AN3709" t="str">
            <v>MDO C&amp;M</v>
          </cell>
          <cell r="AO3709" t="str">
            <v>MDO OH/KEN C&amp;M</v>
          </cell>
        </row>
        <row r="3710">
          <cell r="F3710">
            <v>75023</v>
          </cell>
          <cell r="AN3710" t="str">
            <v>MDO C&amp;M</v>
          </cell>
          <cell r="AO3710" t="str">
            <v>MDO OH/KEN C&amp;M</v>
          </cell>
        </row>
        <row r="3711">
          <cell r="F3711">
            <v>75023</v>
          </cell>
          <cell r="AN3711" t="str">
            <v>MDO C&amp;M</v>
          </cell>
          <cell r="AO3711" t="str">
            <v>MDO OH/KEN C&amp;M</v>
          </cell>
        </row>
        <row r="3712">
          <cell r="F3712">
            <v>75023</v>
          </cell>
          <cell r="AN3712" t="str">
            <v>MDO C&amp;M</v>
          </cell>
          <cell r="AO3712" t="str">
            <v>MDO OH/KEN C&amp;M</v>
          </cell>
        </row>
        <row r="3713">
          <cell r="F3713">
            <v>75023</v>
          </cell>
          <cell r="AN3713" t="str">
            <v>MDO C&amp;M</v>
          </cell>
          <cell r="AO3713" t="str">
            <v>MDO OH/KEN C&amp;M</v>
          </cell>
        </row>
        <row r="3714">
          <cell r="F3714">
            <v>75023</v>
          </cell>
          <cell r="AN3714" t="str">
            <v>MDO C&amp;M</v>
          </cell>
          <cell r="AO3714" t="str">
            <v>MDO OH/KEN C&amp;M</v>
          </cell>
        </row>
        <row r="3715">
          <cell r="F3715">
            <v>75023</v>
          </cell>
          <cell r="AN3715" t="str">
            <v>MDO C&amp;M</v>
          </cell>
          <cell r="AO3715" t="str">
            <v>MDO OH/KEN C&amp;M</v>
          </cell>
        </row>
        <row r="3716">
          <cell r="F3716">
            <v>75023</v>
          </cell>
          <cell r="AN3716" t="str">
            <v>MDO C&amp;M</v>
          </cell>
          <cell r="AO3716" t="str">
            <v>MDO OH/KEN C&amp;M</v>
          </cell>
        </row>
        <row r="3717">
          <cell r="F3717">
            <v>75023</v>
          </cell>
          <cell r="AN3717" t="str">
            <v>MDO C&amp;M</v>
          </cell>
          <cell r="AO3717" t="str">
            <v>MDO OH/KEN C&amp;M</v>
          </cell>
        </row>
        <row r="3718">
          <cell r="F3718">
            <v>75023</v>
          </cell>
          <cell r="AN3718" t="str">
            <v>MDO C&amp;M</v>
          </cell>
          <cell r="AO3718" t="str">
            <v>MDO OH/KEN C&amp;M</v>
          </cell>
        </row>
        <row r="3719">
          <cell r="F3719">
            <v>75023</v>
          </cell>
          <cell r="AN3719" t="str">
            <v>MDO C&amp;M</v>
          </cell>
          <cell r="AO3719" t="str">
            <v>MDO OH/KEN C&amp;M</v>
          </cell>
        </row>
        <row r="3720">
          <cell r="F3720">
            <v>75023</v>
          </cell>
          <cell r="AN3720" t="str">
            <v>MDO C&amp;M</v>
          </cell>
          <cell r="AO3720" t="str">
            <v>MDO OH/KEN C&amp;M</v>
          </cell>
        </row>
        <row r="3721">
          <cell r="F3721">
            <v>75023</v>
          </cell>
          <cell r="AN3721" t="str">
            <v>MDO C&amp;M</v>
          </cell>
          <cell r="AO3721" t="str">
            <v>MDO OH/KEN C&amp;M</v>
          </cell>
        </row>
        <row r="3722">
          <cell r="F3722">
            <v>75023</v>
          </cell>
          <cell r="AN3722" t="str">
            <v>MDO C&amp;M</v>
          </cell>
          <cell r="AO3722" t="str">
            <v>MDO OH/KEN C&amp;M</v>
          </cell>
        </row>
        <row r="3723">
          <cell r="F3723">
            <v>75023</v>
          </cell>
          <cell r="AN3723" t="str">
            <v>MDO C&amp;M</v>
          </cell>
          <cell r="AO3723" t="str">
            <v>MDO OH/KEN C&amp;M</v>
          </cell>
        </row>
        <row r="3724">
          <cell r="F3724">
            <v>75023</v>
          </cell>
          <cell r="AN3724" t="str">
            <v>MDO C&amp;M</v>
          </cell>
          <cell r="AO3724" t="str">
            <v>MDO OH/KEN C&amp;M</v>
          </cell>
        </row>
        <row r="3725">
          <cell r="F3725">
            <v>75023</v>
          </cell>
          <cell r="AN3725" t="str">
            <v>MDO C&amp;M</v>
          </cell>
          <cell r="AO3725" t="str">
            <v>MDO OH/KEN C&amp;M</v>
          </cell>
        </row>
        <row r="3726">
          <cell r="F3726">
            <v>75023</v>
          </cell>
          <cell r="AN3726" t="str">
            <v>MDO C&amp;M</v>
          </cell>
          <cell r="AO3726" t="str">
            <v>MDO OH/KEN C&amp;M</v>
          </cell>
        </row>
        <row r="3727">
          <cell r="F3727">
            <v>75023</v>
          </cell>
          <cell r="AN3727" t="str">
            <v>MDO C&amp;M</v>
          </cell>
          <cell r="AO3727" t="str">
            <v>MDO OH/KEN C&amp;M</v>
          </cell>
        </row>
        <row r="3728">
          <cell r="F3728">
            <v>75023</v>
          </cell>
          <cell r="AN3728" t="str">
            <v>MDO C&amp;M</v>
          </cell>
          <cell r="AO3728" t="str">
            <v>MDO OH/KEN C&amp;M</v>
          </cell>
        </row>
        <row r="3729">
          <cell r="F3729">
            <v>75023</v>
          </cell>
          <cell r="AN3729" t="str">
            <v>MDO C&amp;M</v>
          </cell>
          <cell r="AO3729" t="str">
            <v>MDO OH/KEN C&amp;M</v>
          </cell>
        </row>
        <row r="3730">
          <cell r="F3730">
            <v>75023</v>
          </cell>
          <cell r="AN3730" t="str">
            <v>MDO C&amp;M</v>
          </cell>
          <cell r="AO3730" t="str">
            <v>MDO OH/KEN C&amp;M</v>
          </cell>
        </row>
        <row r="3731">
          <cell r="F3731">
            <v>75023</v>
          </cell>
          <cell r="AN3731" t="str">
            <v>MDO C&amp;M</v>
          </cell>
          <cell r="AO3731" t="str">
            <v>MDO OH/KEN C&amp;M</v>
          </cell>
        </row>
        <row r="3732">
          <cell r="F3732">
            <v>75023</v>
          </cell>
          <cell r="AN3732" t="str">
            <v>MDO C&amp;M</v>
          </cell>
          <cell r="AO3732" t="str">
            <v>MDO OH/KEN C&amp;M</v>
          </cell>
        </row>
        <row r="3733">
          <cell r="F3733">
            <v>75023</v>
          </cell>
          <cell r="AN3733" t="str">
            <v>MDO C&amp;M</v>
          </cell>
          <cell r="AO3733" t="str">
            <v>MDO OH/KEN C&amp;M</v>
          </cell>
        </row>
        <row r="3734">
          <cell r="F3734">
            <v>75023</v>
          </cell>
          <cell r="AN3734" t="str">
            <v>MDO C&amp;M</v>
          </cell>
          <cell r="AO3734" t="str">
            <v>MDO OH/KEN C&amp;M</v>
          </cell>
        </row>
        <row r="3735">
          <cell r="F3735">
            <v>75023</v>
          </cell>
          <cell r="AN3735" t="str">
            <v>MDO C&amp;M</v>
          </cell>
          <cell r="AO3735" t="str">
            <v>MDO OH/KEN C&amp;M</v>
          </cell>
        </row>
        <row r="3736">
          <cell r="F3736">
            <v>75023</v>
          </cell>
          <cell r="AN3736" t="str">
            <v>MDO C&amp;M</v>
          </cell>
          <cell r="AO3736" t="str">
            <v>MDO OH/KEN C&amp;M</v>
          </cell>
        </row>
        <row r="3737">
          <cell r="F3737">
            <v>75023</v>
          </cell>
          <cell r="AN3737" t="str">
            <v>MDO C&amp;M</v>
          </cell>
          <cell r="AO3737" t="str">
            <v>MDO OH/KEN C&amp;M</v>
          </cell>
        </row>
        <row r="3738">
          <cell r="F3738">
            <v>75023</v>
          </cell>
          <cell r="AN3738" t="str">
            <v>MDO C&amp;M</v>
          </cell>
          <cell r="AO3738" t="str">
            <v>MDO OH/KEN C&amp;M</v>
          </cell>
        </row>
        <row r="3739">
          <cell r="F3739">
            <v>75023</v>
          </cell>
          <cell r="AN3739" t="str">
            <v>MDO C&amp;M</v>
          </cell>
          <cell r="AO3739" t="str">
            <v>MDO OH/KEN C&amp;M</v>
          </cell>
        </row>
        <row r="3740">
          <cell r="F3740">
            <v>75023</v>
          </cell>
          <cell r="AN3740" t="str">
            <v>MDO C&amp;M</v>
          </cell>
          <cell r="AO3740" t="str">
            <v>MDO OH/KEN C&amp;M</v>
          </cell>
        </row>
        <row r="3741">
          <cell r="F3741">
            <v>75023</v>
          </cell>
          <cell r="AN3741" t="str">
            <v>MDO C&amp;M</v>
          </cell>
          <cell r="AO3741" t="str">
            <v>MDO OH/KEN C&amp;M</v>
          </cell>
        </row>
        <row r="3742">
          <cell r="F3742">
            <v>75023</v>
          </cell>
          <cell r="AN3742" t="str">
            <v>MDO C&amp;M</v>
          </cell>
          <cell r="AO3742" t="str">
            <v>MDO OH/KEN C&amp;M</v>
          </cell>
        </row>
        <row r="3743">
          <cell r="F3743">
            <v>75023</v>
          </cell>
          <cell r="AN3743" t="str">
            <v>MDO C&amp;M</v>
          </cell>
          <cell r="AO3743" t="str">
            <v>MDO OH/KEN C&amp;M</v>
          </cell>
        </row>
        <row r="3744">
          <cell r="F3744">
            <v>75023</v>
          </cell>
          <cell r="AN3744" t="str">
            <v>MDO C&amp;M</v>
          </cell>
          <cell r="AO3744" t="str">
            <v>MDO OH/KEN C&amp;M</v>
          </cell>
        </row>
        <row r="3745">
          <cell r="F3745">
            <v>75023</v>
          </cell>
          <cell r="AN3745" t="str">
            <v>MDO C&amp;M</v>
          </cell>
          <cell r="AO3745" t="str">
            <v>MDO OH/KEN C&amp;M</v>
          </cell>
        </row>
        <row r="3746">
          <cell r="F3746">
            <v>75023</v>
          </cell>
          <cell r="AN3746" t="str">
            <v>MDO C&amp;M</v>
          </cell>
          <cell r="AO3746" t="str">
            <v>MDO OH/KEN C&amp;M</v>
          </cell>
        </row>
        <row r="3747">
          <cell r="F3747">
            <v>75023</v>
          </cell>
          <cell r="AN3747" t="str">
            <v>MDO C&amp;M</v>
          </cell>
          <cell r="AO3747" t="str">
            <v>MDO OH/KEN C&amp;M</v>
          </cell>
        </row>
        <row r="3748">
          <cell r="F3748">
            <v>75023</v>
          </cell>
          <cell r="AN3748" t="str">
            <v>MDO C&amp;M</v>
          </cell>
          <cell r="AO3748" t="str">
            <v>MDO OH/KEN C&amp;M</v>
          </cell>
        </row>
        <row r="3749">
          <cell r="F3749">
            <v>75023</v>
          </cell>
          <cell r="AN3749" t="str">
            <v>MDO C&amp;M</v>
          </cell>
          <cell r="AO3749" t="str">
            <v>MDO OH/KEN C&amp;M</v>
          </cell>
        </row>
        <row r="3750">
          <cell r="F3750">
            <v>75023</v>
          </cell>
          <cell r="AN3750" t="str">
            <v>MDO C&amp;M</v>
          </cell>
          <cell r="AO3750" t="str">
            <v>MDO OH/KEN C&amp;M</v>
          </cell>
        </row>
        <row r="3751">
          <cell r="F3751">
            <v>75023</v>
          </cell>
          <cell r="AN3751" t="str">
            <v>MDO C&amp;M</v>
          </cell>
          <cell r="AO3751" t="str">
            <v>MDO OH/KEN C&amp;M</v>
          </cell>
        </row>
        <row r="3752">
          <cell r="F3752">
            <v>75023</v>
          </cell>
          <cell r="AN3752" t="str">
            <v>MDO C&amp;M</v>
          </cell>
          <cell r="AO3752" t="str">
            <v>MDO OH/KEN C&amp;M</v>
          </cell>
        </row>
        <row r="3753">
          <cell r="F3753">
            <v>75023</v>
          </cell>
          <cell r="AN3753" t="str">
            <v>MDO C&amp;M</v>
          </cell>
          <cell r="AO3753" t="str">
            <v>MDO OH/KEN C&amp;M</v>
          </cell>
        </row>
        <row r="3754">
          <cell r="F3754">
            <v>75023</v>
          </cell>
          <cell r="AN3754" t="str">
            <v>MDO C&amp;M</v>
          </cell>
          <cell r="AO3754" t="str">
            <v>MDO OH/KEN C&amp;M</v>
          </cell>
        </row>
        <row r="3755">
          <cell r="F3755">
            <v>75023</v>
          </cell>
          <cell r="AN3755" t="str">
            <v>MDO C&amp;M</v>
          </cell>
          <cell r="AO3755" t="str">
            <v>MDO OH/KEN C&amp;M</v>
          </cell>
        </row>
        <row r="3756">
          <cell r="F3756">
            <v>75023</v>
          </cell>
          <cell r="AN3756" t="str">
            <v>MDO C&amp;M</v>
          </cell>
          <cell r="AO3756" t="str">
            <v>MDO OH/KEN C&amp;M</v>
          </cell>
        </row>
        <row r="3757">
          <cell r="F3757">
            <v>75023</v>
          </cell>
          <cell r="AN3757" t="str">
            <v>MDO C&amp;M</v>
          </cell>
          <cell r="AO3757" t="str">
            <v>MDO OH/KEN C&amp;M</v>
          </cell>
        </row>
        <row r="3758">
          <cell r="F3758">
            <v>75023</v>
          </cell>
          <cell r="AN3758" t="str">
            <v>MDO C&amp;M</v>
          </cell>
          <cell r="AO3758" t="str">
            <v>MDO OH/KEN C&amp;M</v>
          </cell>
        </row>
        <row r="3759">
          <cell r="F3759">
            <v>75023</v>
          </cell>
          <cell r="AN3759" t="str">
            <v>MDO C&amp;M</v>
          </cell>
          <cell r="AO3759" t="str">
            <v>MDO OH/KEN C&amp;M</v>
          </cell>
        </row>
        <row r="3760">
          <cell r="F3760">
            <v>75023</v>
          </cell>
          <cell r="AN3760" t="str">
            <v>MDO C&amp;M</v>
          </cell>
          <cell r="AO3760" t="str">
            <v>MDO OH/KEN C&amp;M</v>
          </cell>
        </row>
        <row r="3761">
          <cell r="F3761">
            <v>75023</v>
          </cell>
          <cell r="AN3761" t="str">
            <v>MDO C&amp;M</v>
          </cell>
          <cell r="AO3761" t="str">
            <v>MDO OH/KEN C&amp;M</v>
          </cell>
        </row>
        <row r="3762">
          <cell r="F3762">
            <v>75023</v>
          </cell>
          <cell r="AN3762" t="str">
            <v>MDO C&amp;M</v>
          </cell>
          <cell r="AO3762" t="str">
            <v>MDO OH/KEN C&amp;M</v>
          </cell>
        </row>
        <row r="3763">
          <cell r="F3763">
            <v>75023</v>
          </cell>
          <cell r="AN3763" t="str">
            <v>MDO C&amp;M</v>
          </cell>
          <cell r="AO3763" t="str">
            <v>MDO OH/KEN C&amp;M</v>
          </cell>
        </row>
        <row r="3764">
          <cell r="F3764">
            <v>75023</v>
          </cell>
          <cell r="AN3764" t="str">
            <v>MDO C&amp;M</v>
          </cell>
          <cell r="AO3764" t="str">
            <v>MDO OH/KEN C&amp;M</v>
          </cell>
        </row>
        <row r="3765">
          <cell r="F3765">
            <v>75023</v>
          </cell>
          <cell r="AN3765" t="str">
            <v>MDO C&amp;M</v>
          </cell>
          <cell r="AO3765" t="str">
            <v>MDO OH/KEN C&amp;M</v>
          </cell>
        </row>
        <row r="3766">
          <cell r="F3766">
            <v>75023</v>
          </cell>
          <cell r="AN3766" t="str">
            <v>MDO C&amp;M</v>
          </cell>
          <cell r="AO3766" t="str">
            <v>MDO OH/KEN C&amp;M</v>
          </cell>
        </row>
        <row r="3767">
          <cell r="F3767">
            <v>75023</v>
          </cell>
          <cell r="AN3767" t="str">
            <v>MDO C&amp;M</v>
          </cell>
          <cell r="AO3767" t="str">
            <v>MDO OH/KEN C&amp;M</v>
          </cell>
        </row>
        <row r="3768">
          <cell r="F3768">
            <v>75023</v>
          </cell>
          <cell r="AN3768" t="str">
            <v>MDO C&amp;M</v>
          </cell>
          <cell r="AO3768" t="str">
            <v>MDO OH/KEN C&amp;M</v>
          </cell>
        </row>
        <row r="3769">
          <cell r="F3769">
            <v>75084</v>
          </cell>
          <cell r="AN3769" t="str">
            <v>MDO C&amp;M</v>
          </cell>
          <cell r="AO3769" t="str">
            <v>MDO OH/KEN C&amp;M</v>
          </cell>
        </row>
        <row r="3770">
          <cell r="F3770">
            <v>75084</v>
          </cell>
          <cell r="AN3770" t="str">
            <v>MDO C&amp;M</v>
          </cell>
          <cell r="AO3770" t="str">
            <v>MDO OH/KEN C&amp;M</v>
          </cell>
        </row>
        <row r="3771">
          <cell r="F3771">
            <v>75084</v>
          </cell>
          <cell r="AN3771" t="str">
            <v>MDO C&amp;M</v>
          </cell>
          <cell r="AO3771" t="str">
            <v>MDO OH/KEN C&amp;M</v>
          </cell>
        </row>
        <row r="3772">
          <cell r="F3772">
            <v>75084</v>
          </cell>
          <cell r="AN3772" t="str">
            <v>MDO C&amp;M</v>
          </cell>
          <cell r="AO3772" t="str">
            <v>MDO OH/KEN C&amp;M</v>
          </cell>
        </row>
        <row r="3773">
          <cell r="F3773">
            <v>75084</v>
          </cell>
          <cell r="AN3773" t="str">
            <v>MDO C&amp;M</v>
          </cell>
          <cell r="AO3773" t="str">
            <v>MDO OH/KEN C&amp;M</v>
          </cell>
        </row>
        <row r="3774">
          <cell r="F3774">
            <v>75084</v>
          </cell>
          <cell r="AN3774" t="str">
            <v>MDO C&amp;M</v>
          </cell>
          <cell r="AO3774" t="str">
            <v>MDO OH/KEN C&amp;M</v>
          </cell>
        </row>
        <row r="3775">
          <cell r="F3775">
            <v>75084</v>
          </cell>
          <cell r="AN3775" t="str">
            <v>MDO C&amp;M</v>
          </cell>
          <cell r="AO3775" t="str">
            <v>MDO OH/KEN C&amp;M</v>
          </cell>
        </row>
        <row r="3776">
          <cell r="F3776">
            <v>75084</v>
          </cell>
          <cell r="AN3776" t="str">
            <v>MDO C&amp;M</v>
          </cell>
          <cell r="AO3776" t="str">
            <v>MDO OH/KEN C&amp;M</v>
          </cell>
        </row>
        <row r="3777">
          <cell r="F3777">
            <v>75084</v>
          </cell>
          <cell r="AN3777" t="str">
            <v>MDO C&amp;M</v>
          </cell>
          <cell r="AO3777" t="str">
            <v>MDO OH/KEN C&amp;M</v>
          </cell>
        </row>
        <row r="3778">
          <cell r="F3778">
            <v>75084</v>
          </cell>
          <cell r="AN3778" t="str">
            <v>MDO C&amp;M</v>
          </cell>
          <cell r="AO3778" t="str">
            <v>MDO OH/KEN C&amp;M</v>
          </cell>
        </row>
        <row r="3779">
          <cell r="F3779">
            <v>75084</v>
          </cell>
          <cell r="AN3779" t="str">
            <v>MDO C&amp;M</v>
          </cell>
          <cell r="AO3779" t="str">
            <v>MDO OH/KEN C&amp;M</v>
          </cell>
        </row>
        <row r="3780">
          <cell r="F3780">
            <v>75084</v>
          </cell>
          <cell r="AN3780" t="str">
            <v>MDO C&amp;M</v>
          </cell>
          <cell r="AO3780" t="str">
            <v>MDO OH/KEN C&amp;M</v>
          </cell>
        </row>
        <row r="3781">
          <cell r="F3781">
            <v>75084</v>
          </cell>
          <cell r="AN3781" t="str">
            <v>MDO C&amp;M</v>
          </cell>
          <cell r="AO3781" t="str">
            <v>MDO OH/KEN C&amp;M</v>
          </cell>
        </row>
        <row r="3782">
          <cell r="F3782">
            <v>75084</v>
          </cell>
          <cell r="AN3782" t="str">
            <v>MDO C&amp;M</v>
          </cell>
          <cell r="AO3782" t="str">
            <v>MDO OH/KEN C&amp;M</v>
          </cell>
        </row>
        <row r="3783">
          <cell r="F3783">
            <v>75084</v>
          </cell>
          <cell r="AN3783" t="str">
            <v>MDO C&amp;M</v>
          </cell>
          <cell r="AO3783" t="str">
            <v>MDO OH/KEN C&amp;M</v>
          </cell>
        </row>
        <row r="3784">
          <cell r="F3784">
            <v>75084</v>
          </cell>
          <cell r="AN3784" t="str">
            <v>MDO C&amp;M</v>
          </cell>
          <cell r="AO3784" t="str">
            <v>MDO OH/KEN C&amp;M</v>
          </cell>
        </row>
        <row r="3785">
          <cell r="F3785">
            <v>75084</v>
          </cell>
          <cell r="AN3785" t="str">
            <v>MDO C&amp;M</v>
          </cell>
          <cell r="AO3785" t="str">
            <v>MDO OH/KEN C&amp;M</v>
          </cell>
        </row>
        <row r="3786">
          <cell r="F3786">
            <v>75084</v>
          </cell>
          <cell r="AN3786" t="str">
            <v>MDO C&amp;M</v>
          </cell>
          <cell r="AO3786" t="str">
            <v>MDO OH/KEN C&amp;M</v>
          </cell>
        </row>
        <row r="3787">
          <cell r="F3787">
            <v>75084</v>
          </cell>
          <cell r="AN3787" t="str">
            <v>MDO C&amp;M</v>
          </cell>
          <cell r="AO3787" t="str">
            <v>MDO OH/KEN C&amp;M</v>
          </cell>
        </row>
        <row r="3788">
          <cell r="F3788">
            <v>75084</v>
          </cell>
          <cell r="AN3788" t="str">
            <v>MDO C&amp;M</v>
          </cell>
          <cell r="AO3788" t="str">
            <v>MDO OH/KEN C&amp;M</v>
          </cell>
        </row>
        <row r="3789">
          <cell r="F3789">
            <v>75084</v>
          </cell>
          <cell r="AN3789" t="str">
            <v>MDO C&amp;M</v>
          </cell>
          <cell r="AO3789" t="str">
            <v>MDO OH/KEN C&amp;M</v>
          </cell>
        </row>
        <row r="3790">
          <cell r="F3790">
            <v>75084</v>
          </cell>
          <cell r="AN3790" t="str">
            <v>MDO C&amp;M</v>
          </cell>
          <cell r="AO3790" t="str">
            <v>MDO OH/KEN C&amp;M</v>
          </cell>
        </row>
        <row r="3791">
          <cell r="F3791">
            <v>75084</v>
          </cell>
          <cell r="AN3791" t="str">
            <v>MDO C&amp;M</v>
          </cell>
          <cell r="AO3791" t="str">
            <v>MDO OH/KEN C&amp;M</v>
          </cell>
        </row>
        <row r="3792">
          <cell r="F3792">
            <v>75084</v>
          </cell>
          <cell r="AN3792" t="str">
            <v>MDO C&amp;M</v>
          </cell>
          <cell r="AO3792" t="str">
            <v>MDO OH/KEN C&amp;M</v>
          </cell>
        </row>
        <row r="3793">
          <cell r="F3793">
            <v>75084</v>
          </cell>
          <cell r="AN3793" t="str">
            <v>MDO C&amp;M</v>
          </cell>
          <cell r="AO3793" t="str">
            <v>MDO OH/KEN C&amp;M</v>
          </cell>
        </row>
        <row r="3794">
          <cell r="F3794">
            <v>75084</v>
          </cell>
          <cell r="AN3794" t="str">
            <v>MDO C&amp;M</v>
          </cell>
          <cell r="AO3794" t="str">
            <v>MDO OH/KEN C&amp;M</v>
          </cell>
        </row>
        <row r="3795">
          <cell r="F3795">
            <v>75084</v>
          </cell>
          <cell r="AN3795" t="str">
            <v>MDO C&amp;M</v>
          </cell>
          <cell r="AO3795" t="str">
            <v>MDO OH/KEN C&amp;M</v>
          </cell>
        </row>
        <row r="3796">
          <cell r="F3796">
            <v>75084</v>
          </cell>
          <cell r="AN3796" t="str">
            <v>MDO C&amp;M</v>
          </cell>
          <cell r="AO3796" t="str">
            <v>MDO OH/KEN C&amp;M</v>
          </cell>
        </row>
        <row r="3797">
          <cell r="F3797">
            <v>75084</v>
          </cell>
          <cell r="AN3797" t="str">
            <v>MDO C&amp;M</v>
          </cell>
          <cell r="AO3797" t="str">
            <v>MDO OH/KEN C&amp;M</v>
          </cell>
        </row>
        <row r="3798">
          <cell r="F3798">
            <v>75084</v>
          </cell>
          <cell r="AN3798" t="str">
            <v>MDO C&amp;M</v>
          </cell>
          <cell r="AO3798" t="str">
            <v>MDO OH/KEN C&amp;M</v>
          </cell>
        </row>
        <row r="3799">
          <cell r="F3799">
            <v>75084</v>
          </cell>
          <cell r="AN3799" t="str">
            <v>MDO C&amp;M</v>
          </cell>
          <cell r="AO3799" t="str">
            <v>MDO OH/KEN C&amp;M</v>
          </cell>
        </row>
        <row r="3800">
          <cell r="F3800">
            <v>75084</v>
          </cell>
          <cell r="AN3800" t="str">
            <v>MDO C&amp;M</v>
          </cell>
          <cell r="AO3800" t="str">
            <v>MDO OH/KEN C&amp;M</v>
          </cell>
        </row>
        <row r="3801">
          <cell r="F3801">
            <v>75084</v>
          </cell>
          <cell r="AN3801" t="str">
            <v>MDO C&amp;M</v>
          </cell>
          <cell r="AO3801" t="str">
            <v>MDO OH/KEN C&amp;M</v>
          </cell>
        </row>
        <row r="3802">
          <cell r="F3802">
            <v>75084</v>
          </cell>
          <cell r="AN3802" t="str">
            <v>MDO C&amp;M</v>
          </cell>
          <cell r="AO3802" t="str">
            <v>MDO OH/KEN C&amp;M</v>
          </cell>
        </row>
        <row r="3803">
          <cell r="F3803">
            <v>75084</v>
          </cell>
          <cell r="AN3803" t="str">
            <v>MDO C&amp;M</v>
          </cell>
          <cell r="AO3803" t="str">
            <v>MDO OH/KEN C&amp;M</v>
          </cell>
        </row>
        <row r="3804">
          <cell r="F3804">
            <v>75084</v>
          </cell>
          <cell r="AN3804" t="str">
            <v>MDO C&amp;M</v>
          </cell>
          <cell r="AO3804" t="str">
            <v>MDO OH/KEN C&amp;M</v>
          </cell>
        </row>
        <row r="3805">
          <cell r="F3805">
            <v>75084</v>
          </cell>
          <cell r="AN3805" t="str">
            <v>MDO C&amp;M</v>
          </cell>
          <cell r="AO3805" t="str">
            <v>MDO OH/KEN C&amp;M</v>
          </cell>
        </row>
        <row r="3806">
          <cell r="F3806">
            <v>75084</v>
          </cell>
          <cell r="AN3806" t="str">
            <v>MDO C&amp;M</v>
          </cell>
          <cell r="AO3806" t="str">
            <v>MDO OH/KEN C&amp;M</v>
          </cell>
        </row>
        <row r="3807">
          <cell r="F3807">
            <v>75084</v>
          </cell>
          <cell r="AN3807" t="str">
            <v>MDO C&amp;M</v>
          </cell>
          <cell r="AO3807" t="str">
            <v>MDO OH/KEN C&amp;M</v>
          </cell>
        </row>
        <row r="3808">
          <cell r="F3808">
            <v>75084</v>
          </cell>
          <cell r="AN3808" t="str">
            <v>MDO C&amp;M</v>
          </cell>
          <cell r="AO3808" t="str">
            <v>MDO OH/KEN C&amp;M</v>
          </cell>
        </row>
        <row r="3809">
          <cell r="F3809">
            <v>75084</v>
          </cell>
          <cell r="AN3809" t="str">
            <v>MDO C&amp;M</v>
          </cell>
          <cell r="AO3809" t="str">
            <v>MDO OH/KEN C&amp;M</v>
          </cell>
        </row>
        <row r="3810">
          <cell r="F3810">
            <v>75084</v>
          </cell>
          <cell r="AN3810" t="str">
            <v>MDO C&amp;M</v>
          </cell>
          <cell r="AO3810" t="str">
            <v>MDO OH/KEN C&amp;M</v>
          </cell>
        </row>
        <row r="3811">
          <cell r="F3811">
            <v>75084</v>
          </cell>
          <cell r="AN3811" t="str">
            <v>MDO C&amp;M</v>
          </cell>
          <cell r="AO3811" t="str">
            <v>MDO OH/KEN C&amp;M</v>
          </cell>
        </row>
        <row r="3812">
          <cell r="F3812">
            <v>75084</v>
          </cell>
          <cell r="AN3812" t="str">
            <v>MDO C&amp;M</v>
          </cell>
          <cell r="AO3812" t="str">
            <v>MDO OH/KEN C&amp;M</v>
          </cell>
        </row>
        <row r="3813">
          <cell r="F3813">
            <v>75084</v>
          </cell>
          <cell r="AN3813" t="str">
            <v>MDO C&amp;M</v>
          </cell>
          <cell r="AO3813" t="str">
            <v>MDO OH/KEN C&amp;M</v>
          </cell>
        </row>
        <row r="3814">
          <cell r="F3814">
            <v>75084</v>
          </cell>
          <cell r="AN3814" t="str">
            <v>MDO C&amp;M</v>
          </cell>
          <cell r="AO3814" t="str">
            <v>MDO OH/KEN C&amp;M</v>
          </cell>
        </row>
        <row r="3815">
          <cell r="F3815">
            <v>75115</v>
          </cell>
          <cell r="AN3815" t="str">
            <v>MDO C&amp;M</v>
          </cell>
          <cell r="AO3815" t="str">
            <v>MDO INDIANA SOUTHWEST C&amp;M</v>
          </cell>
        </row>
        <row r="3816">
          <cell r="F3816">
            <v>75115</v>
          </cell>
          <cell r="AN3816" t="str">
            <v>MDO C&amp;M</v>
          </cell>
          <cell r="AO3816" t="str">
            <v>MDO INDIANA SOUTHWEST C&amp;M</v>
          </cell>
        </row>
        <row r="3817">
          <cell r="F3817">
            <v>75115</v>
          </cell>
          <cell r="AN3817" t="str">
            <v>MDO C&amp;M</v>
          </cell>
          <cell r="AO3817" t="str">
            <v>MDO INDIANA SOUTHWEST C&amp;M</v>
          </cell>
        </row>
        <row r="3818">
          <cell r="F3818">
            <v>75115</v>
          </cell>
          <cell r="AN3818" t="str">
            <v>MDO C&amp;M</v>
          </cell>
          <cell r="AO3818" t="str">
            <v>MDO INDIANA SOUTHWEST C&amp;M</v>
          </cell>
        </row>
        <row r="3819">
          <cell r="F3819">
            <v>75115</v>
          </cell>
          <cell r="AN3819" t="str">
            <v>MDO C&amp;M</v>
          </cell>
          <cell r="AO3819" t="str">
            <v>MDO INDIANA SOUTHWEST C&amp;M</v>
          </cell>
        </row>
        <row r="3820">
          <cell r="F3820">
            <v>75115</v>
          </cell>
          <cell r="AN3820" t="str">
            <v>MDO C&amp;M</v>
          </cell>
          <cell r="AO3820" t="str">
            <v>MDO INDIANA SOUTHWEST C&amp;M</v>
          </cell>
        </row>
        <row r="3821">
          <cell r="F3821">
            <v>75115</v>
          </cell>
          <cell r="AN3821" t="str">
            <v>MDO C&amp;M</v>
          </cell>
          <cell r="AO3821" t="str">
            <v>MDO INDIANA SOUTHWEST C&amp;M</v>
          </cell>
        </row>
        <row r="3822">
          <cell r="F3822">
            <v>75115</v>
          </cell>
          <cell r="AN3822" t="str">
            <v>MDO C&amp;M</v>
          </cell>
          <cell r="AO3822" t="str">
            <v>MDO INDIANA SOUTHWEST C&amp;M</v>
          </cell>
        </row>
        <row r="3823">
          <cell r="F3823">
            <v>75115</v>
          </cell>
          <cell r="AN3823" t="str">
            <v>MDO C&amp;M</v>
          </cell>
          <cell r="AO3823" t="str">
            <v>MDO INDIANA SOUTHWEST C&amp;M</v>
          </cell>
        </row>
        <row r="3824">
          <cell r="F3824">
            <v>75115</v>
          </cell>
          <cell r="AN3824" t="str">
            <v>MDO C&amp;M</v>
          </cell>
          <cell r="AO3824" t="str">
            <v>MDO INDIANA SOUTHWEST C&amp;M</v>
          </cell>
        </row>
        <row r="3825">
          <cell r="F3825">
            <v>75115</v>
          </cell>
          <cell r="AN3825" t="str">
            <v>MDO C&amp;M</v>
          </cell>
          <cell r="AO3825" t="str">
            <v>MDO INDIANA SOUTHWEST C&amp;M</v>
          </cell>
        </row>
        <row r="3826">
          <cell r="F3826">
            <v>75115</v>
          </cell>
          <cell r="AN3826" t="str">
            <v>MDO C&amp;M</v>
          </cell>
          <cell r="AO3826" t="str">
            <v>MDO INDIANA SOUTHEAST C&amp;M</v>
          </cell>
        </row>
        <row r="3827">
          <cell r="F3827">
            <v>75115</v>
          </cell>
          <cell r="AN3827" t="str">
            <v>MDO C&amp;M</v>
          </cell>
          <cell r="AO3827" t="str">
            <v>MDO INDIANA SOUTHEAST C&amp;M</v>
          </cell>
        </row>
        <row r="3828">
          <cell r="F3828">
            <v>75115</v>
          </cell>
          <cell r="AN3828" t="str">
            <v>MDO C&amp;M</v>
          </cell>
          <cell r="AO3828" t="str">
            <v>MDO INDIANA SOUTHEAST C&amp;M</v>
          </cell>
        </row>
        <row r="3829">
          <cell r="F3829">
            <v>75115</v>
          </cell>
          <cell r="AN3829" t="str">
            <v>MDO C&amp;M</v>
          </cell>
          <cell r="AO3829" t="str">
            <v>MDO INDIANA SOUTHEAST C&amp;M</v>
          </cell>
        </row>
        <row r="3830">
          <cell r="F3830">
            <v>75115</v>
          </cell>
          <cell r="AN3830" t="str">
            <v>MDO C&amp;M</v>
          </cell>
          <cell r="AO3830" t="str">
            <v>MDO INDIANA SOUTHEAST C&amp;M</v>
          </cell>
        </row>
        <row r="3831">
          <cell r="F3831">
            <v>75115</v>
          </cell>
          <cell r="AN3831" t="str">
            <v>MDO C&amp;M</v>
          </cell>
          <cell r="AO3831" t="str">
            <v>MDO INDIANA SOUTHEAST C&amp;M</v>
          </cell>
        </row>
        <row r="3832">
          <cell r="F3832">
            <v>75115</v>
          </cell>
          <cell r="AN3832" t="str">
            <v>MDO C&amp;M</v>
          </cell>
          <cell r="AO3832" t="str">
            <v>MDO INDIANA SOUTHEAST C&amp;M</v>
          </cell>
        </row>
        <row r="3833">
          <cell r="F3833">
            <v>75115</v>
          </cell>
          <cell r="AN3833" t="str">
            <v>MDO C&amp;M</v>
          </cell>
          <cell r="AO3833" t="str">
            <v>MDO INDIANA SOUTHEAST C&amp;M</v>
          </cell>
        </row>
        <row r="3834">
          <cell r="F3834">
            <v>75115</v>
          </cell>
          <cell r="AN3834" t="str">
            <v>MDO C&amp;M</v>
          </cell>
          <cell r="AO3834" t="str">
            <v>MDO INDIANA SOUTHEAST C&amp;M</v>
          </cell>
        </row>
        <row r="3835">
          <cell r="F3835">
            <v>75115</v>
          </cell>
          <cell r="AN3835" t="str">
            <v>MDO C&amp;M</v>
          </cell>
          <cell r="AO3835" t="str">
            <v>MDO INDIANA SOUTHEAST C&amp;M</v>
          </cell>
        </row>
        <row r="3836">
          <cell r="F3836">
            <v>75115</v>
          </cell>
          <cell r="AN3836" t="str">
            <v>MDO C&amp;M</v>
          </cell>
          <cell r="AO3836" t="str">
            <v>MDO INDIANA SOUTHEAST C&amp;M</v>
          </cell>
        </row>
        <row r="3837">
          <cell r="F3837">
            <v>75115</v>
          </cell>
          <cell r="AN3837" t="str">
            <v>MDO C&amp;M</v>
          </cell>
          <cell r="AO3837" t="str">
            <v>MDO INDIANA NORTH C&amp;M</v>
          </cell>
        </row>
        <row r="3838">
          <cell r="F3838">
            <v>75115</v>
          </cell>
          <cell r="AN3838" t="str">
            <v>MDO C&amp;M</v>
          </cell>
          <cell r="AO3838" t="str">
            <v>MDO INDIANA NORTH C&amp;M</v>
          </cell>
        </row>
        <row r="3839">
          <cell r="F3839">
            <v>75115</v>
          </cell>
          <cell r="AN3839" t="str">
            <v>MDO C&amp;M</v>
          </cell>
          <cell r="AO3839" t="str">
            <v>MDO INDIANA NORTH C&amp;M</v>
          </cell>
        </row>
        <row r="3840">
          <cell r="F3840">
            <v>75115</v>
          </cell>
          <cell r="AN3840" t="str">
            <v>MDO C&amp;M</v>
          </cell>
          <cell r="AO3840" t="str">
            <v>MDO INDIANA NORTH C&amp;M</v>
          </cell>
        </row>
        <row r="3841">
          <cell r="F3841">
            <v>75115</v>
          </cell>
          <cell r="AN3841" t="str">
            <v>MDO C&amp;M</v>
          </cell>
          <cell r="AO3841" t="str">
            <v>MDO INDIANA NORTH C&amp;M</v>
          </cell>
        </row>
        <row r="3842">
          <cell r="F3842">
            <v>75115</v>
          </cell>
          <cell r="AN3842" t="str">
            <v>MDO C&amp;M</v>
          </cell>
          <cell r="AO3842" t="str">
            <v>MDO INDIANA NORTH C&amp;M</v>
          </cell>
        </row>
        <row r="3843">
          <cell r="F3843">
            <v>75115</v>
          </cell>
          <cell r="AN3843" t="str">
            <v>MDO C&amp;M</v>
          </cell>
          <cell r="AO3843" t="str">
            <v>MDO INDIANA NORTH C&amp;M</v>
          </cell>
        </row>
        <row r="3844">
          <cell r="F3844">
            <v>75115</v>
          </cell>
          <cell r="AN3844" t="str">
            <v>MDO C&amp;M</v>
          </cell>
          <cell r="AO3844" t="str">
            <v>MDO INDIANA NORTH C&amp;M</v>
          </cell>
        </row>
        <row r="3845">
          <cell r="F3845">
            <v>75115</v>
          </cell>
          <cell r="AN3845" t="str">
            <v>MDO C&amp;M</v>
          </cell>
          <cell r="AO3845" t="str">
            <v>MDO INDIANA NORTH C&amp;M</v>
          </cell>
        </row>
        <row r="3846">
          <cell r="F3846">
            <v>75115</v>
          </cell>
          <cell r="AN3846" t="str">
            <v>MDO C&amp;M</v>
          </cell>
          <cell r="AO3846" t="str">
            <v>MDO INDIANA NORTH C&amp;M</v>
          </cell>
        </row>
        <row r="3847">
          <cell r="F3847">
            <v>75115</v>
          </cell>
          <cell r="AN3847" t="str">
            <v>MDO C&amp;M</v>
          </cell>
          <cell r="AO3847" t="str">
            <v>MDO INDIANA NORTH C&amp;M</v>
          </cell>
        </row>
        <row r="3848">
          <cell r="F3848">
            <v>75115</v>
          </cell>
          <cell r="AN3848" t="str">
            <v>MDO C&amp;M</v>
          </cell>
          <cell r="AO3848" t="str">
            <v>MDO INDIANA SOUTHWEST C&amp;M</v>
          </cell>
        </row>
        <row r="3849">
          <cell r="F3849">
            <v>75115</v>
          </cell>
          <cell r="AN3849" t="str">
            <v>MDO C&amp;M</v>
          </cell>
          <cell r="AO3849" t="str">
            <v>MDO INDIANA SOUTHEAST C&amp;M</v>
          </cell>
        </row>
        <row r="3850">
          <cell r="F3850">
            <v>75115</v>
          </cell>
          <cell r="AN3850" t="str">
            <v>MDO C&amp;M</v>
          </cell>
          <cell r="AO3850" t="str">
            <v>MDO INDIANA NORTH C&amp;M</v>
          </cell>
        </row>
        <row r="3851">
          <cell r="F3851">
            <v>75115</v>
          </cell>
          <cell r="AN3851" t="str">
            <v>MDO C&amp;M</v>
          </cell>
          <cell r="AO3851" t="str">
            <v>MDO INDIANA SOUTHWEST C&amp;M</v>
          </cell>
        </row>
        <row r="3852">
          <cell r="F3852">
            <v>75115</v>
          </cell>
          <cell r="AN3852" t="str">
            <v>MDO C&amp;M</v>
          </cell>
          <cell r="AO3852" t="str">
            <v>MDO INDIANA SOUTHWEST C&amp;M</v>
          </cell>
        </row>
        <row r="3853">
          <cell r="F3853">
            <v>75115</v>
          </cell>
          <cell r="AN3853" t="str">
            <v>MDO C&amp;M</v>
          </cell>
          <cell r="AO3853" t="str">
            <v>MDO INDIANA SOUTHWEST C&amp;M</v>
          </cell>
        </row>
        <row r="3854">
          <cell r="F3854">
            <v>75115</v>
          </cell>
          <cell r="AN3854" t="str">
            <v>MDO C&amp;M</v>
          </cell>
          <cell r="AO3854" t="str">
            <v>MDO INDIANA SOUTHWEST C&amp;M</v>
          </cell>
        </row>
        <row r="3855">
          <cell r="F3855">
            <v>75115</v>
          </cell>
          <cell r="AN3855" t="str">
            <v>MDO C&amp;M</v>
          </cell>
          <cell r="AO3855" t="str">
            <v>MDO INDIANA SOUTHWEST C&amp;M</v>
          </cell>
        </row>
        <row r="3856">
          <cell r="F3856">
            <v>75115</v>
          </cell>
          <cell r="AN3856" t="str">
            <v>MDO C&amp;M</v>
          </cell>
          <cell r="AO3856" t="str">
            <v>MDO INDIANA SOUTHWEST C&amp;M</v>
          </cell>
        </row>
        <row r="3857">
          <cell r="F3857">
            <v>75115</v>
          </cell>
          <cell r="AN3857" t="str">
            <v>MDO C&amp;M</v>
          </cell>
          <cell r="AO3857" t="str">
            <v>MDO INDIANA SOUTHWEST C&amp;M</v>
          </cell>
        </row>
        <row r="3858">
          <cell r="F3858">
            <v>75115</v>
          </cell>
          <cell r="AN3858" t="str">
            <v>MDO C&amp;M</v>
          </cell>
          <cell r="AO3858" t="str">
            <v>MDO INDIANA SOUTHEAST C&amp;M</v>
          </cell>
        </row>
        <row r="3859">
          <cell r="F3859">
            <v>75115</v>
          </cell>
          <cell r="AN3859" t="str">
            <v>MDO C&amp;M</v>
          </cell>
          <cell r="AO3859" t="str">
            <v>MDO INDIANA SOUTHEAST C&amp;M</v>
          </cell>
        </row>
        <row r="3860">
          <cell r="F3860">
            <v>75115</v>
          </cell>
          <cell r="AN3860" t="str">
            <v>MDO C&amp;M</v>
          </cell>
          <cell r="AO3860" t="str">
            <v>MDO INDIANA SOUTHEAST C&amp;M</v>
          </cell>
        </row>
        <row r="3861">
          <cell r="F3861">
            <v>75115</v>
          </cell>
          <cell r="AN3861" t="str">
            <v>MDO C&amp;M</v>
          </cell>
          <cell r="AO3861" t="str">
            <v>MDO INDIANA SOUTHEAST C&amp;M</v>
          </cell>
        </row>
        <row r="3862">
          <cell r="F3862">
            <v>75115</v>
          </cell>
          <cell r="AN3862" t="str">
            <v>MDO C&amp;M</v>
          </cell>
          <cell r="AO3862" t="str">
            <v>MDO INDIANA SOUTHEAST C&amp;M</v>
          </cell>
        </row>
        <row r="3863">
          <cell r="F3863">
            <v>75115</v>
          </cell>
          <cell r="AN3863" t="str">
            <v>MDO C&amp;M</v>
          </cell>
          <cell r="AO3863" t="str">
            <v>MDO INDIANA SOUTHEAST C&amp;M</v>
          </cell>
        </row>
        <row r="3864">
          <cell r="F3864">
            <v>75115</v>
          </cell>
          <cell r="AN3864" t="str">
            <v>MDO C&amp;M</v>
          </cell>
          <cell r="AO3864" t="str">
            <v>MDO INDIANA SOUTHEAST C&amp;M</v>
          </cell>
        </row>
        <row r="3865">
          <cell r="F3865">
            <v>75115</v>
          </cell>
          <cell r="AN3865" t="str">
            <v>MDO C&amp;M</v>
          </cell>
          <cell r="AO3865" t="str">
            <v>MDO INDIANA NORTH C&amp;M</v>
          </cell>
        </row>
        <row r="3866">
          <cell r="F3866">
            <v>75115</v>
          </cell>
          <cell r="AN3866" t="str">
            <v>MDO C&amp;M</v>
          </cell>
          <cell r="AO3866" t="str">
            <v>MDO INDIANA NORTH C&amp;M</v>
          </cell>
        </row>
        <row r="3867">
          <cell r="F3867">
            <v>75115</v>
          </cell>
          <cell r="AN3867" t="str">
            <v>MDO C&amp;M</v>
          </cell>
          <cell r="AO3867" t="str">
            <v>MDO INDIANA NORTH C&amp;M</v>
          </cell>
        </row>
        <row r="3868">
          <cell r="F3868">
            <v>75115</v>
          </cell>
          <cell r="AN3868" t="str">
            <v>MDO C&amp;M</v>
          </cell>
          <cell r="AO3868" t="str">
            <v>MDO INDIANA NORTH C&amp;M</v>
          </cell>
        </row>
        <row r="3869">
          <cell r="F3869">
            <v>75115</v>
          </cell>
          <cell r="AN3869" t="str">
            <v>MDO C&amp;M</v>
          </cell>
          <cell r="AO3869" t="str">
            <v>MDO INDIANA NORTH C&amp;M</v>
          </cell>
        </row>
        <row r="3870">
          <cell r="F3870">
            <v>75115</v>
          </cell>
          <cell r="AN3870" t="str">
            <v>MDO C&amp;M</v>
          </cell>
          <cell r="AO3870" t="str">
            <v>MDO INDIANA NORTH C&amp;M</v>
          </cell>
        </row>
        <row r="3871">
          <cell r="F3871">
            <v>75115</v>
          </cell>
          <cell r="AN3871" t="str">
            <v>MDO C&amp;M</v>
          </cell>
          <cell r="AO3871" t="str">
            <v>MDO INDIANA NORTH C&amp;M</v>
          </cell>
        </row>
        <row r="3872">
          <cell r="F3872">
            <v>75115</v>
          </cell>
          <cell r="AN3872" t="str">
            <v>MDO C&amp;M</v>
          </cell>
          <cell r="AO3872" t="str">
            <v>MDO INDIANA NORTH C&amp;M</v>
          </cell>
        </row>
        <row r="3873">
          <cell r="F3873">
            <v>75115</v>
          </cell>
          <cell r="AN3873" t="str">
            <v>MDO C&amp;M</v>
          </cell>
          <cell r="AO3873" t="str">
            <v>MDO INDIANA NORTH C&amp;M</v>
          </cell>
        </row>
        <row r="3874">
          <cell r="F3874">
            <v>75115</v>
          </cell>
          <cell r="AN3874" t="str">
            <v>MDO C&amp;M</v>
          </cell>
          <cell r="AO3874" t="str">
            <v>MDO INDIANA NORTH C&amp;M</v>
          </cell>
        </row>
        <row r="3875">
          <cell r="F3875">
            <v>75115</v>
          </cell>
          <cell r="AN3875" t="str">
            <v>MDO C&amp;M</v>
          </cell>
          <cell r="AO3875" t="str">
            <v>MDO INDIANA NORTH C&amp;M</v>
          </cell>
        </row>
        <row r="3876">
          <cell r="F3876">
            <v>75115</v>
          </cell>
          <cell r="AN3876" t="str">
            <v>MDO C&amp;M</v>
          </cell>
          <cell r="AO3876" t="str">
            <v>MDO INDIANA NORTH C&amp;M</v>
          </cell>
        </row>
        <row r="3877">
          <cell r="F3877">
            <v>75115</v>
          </cell>
          <cell r="AN3877" t="str">
            <v>MDO C&amp;M</v>
          </cell>
          <cell r="AO3877" t="str">
            <v>MDO INDIANA NORTH C&amp;M</v>
          </cell>
        </row>
        <row r="3878">
          <cell r="F3878">
            <v>75115</v>
          </cell>
          <cell r="AN3878" t="str">
            <v>MDO C&amp;M</v>
          </cell>
          <cell r="AO3878" t="str">
            <v>MDO INDIANA NORTH C&amp;M</v>
          </cell>
        </row>
        <row r="3879">
          <cell r="F3879">
            <v>75115</v>
          </cell>
          <cell r="AN3879" t="str">
            <v>MDO C&amp;M</v>
          </cell>
          <cell r="AO3879" t="str">
            <v>MDO INDIANA NORTH C&amp;M</v>
          </cell>
        </row>
        <row r="3880">
          <cell r="F3880">
            <v>75115</v>
          </cell>
          <cell r="AN3880" t="str">
            <v>MDO C&amp;M</v>
          </cell>
          <cell r="AO3880" t="str">
            <v>MDO INDIANA NORTH C&amp;M</v>
          </cell>
        </row>
        <row r="3881">
          <cell r="F3881">
            <v>75115</v>
          </cell>
          <cell r="AN3881" t="str">
            <v>MDO C&amp;M</v>
          </cell>
          <cell r="AO3881" t="str">
            <v>MDO INDIANA NORTH C&amp;M</v>
          </cell>
        </row>
        <row r="3882">
          <cell r="F3882">
            <v>75115</v>
          </cell>
          <cell r="AN3882" t="str">
            <v>MDO C&amp;M</v>
          </cell>
          <cell r="AO3882" t="str">
            <v>MDO INDIANA NORTH C&amp;M</v>
          </cell>
        </row>
        <row r="3883">
          <cell r="F3883">
            <v>75115</v>
          </cell>
          <cell r="AN3883" t="str">
            <v>MDO C&amp;M</v>
          </cell>
          <cell r="AO3883" t="str">
            <v>MDO INDIANA NORTH C&amp;M</v>
          </cell>
        </row>
        <row r="3884">
          <cell r="F3884">
            <v>75115</v>
          </cell>
          <cell r="AN3884" t="str">
            <v>MDO C&amp;M</v>
          </cell>
          <cell r="AO3884" t="str">
            <v>MDO INDIANA NORTH C&amp;M</v>
          </cell>
        </row>
        <row r="3885">
          <cell r="F3885">
            <v>75115</v>
          </cell>
          <cell r="AN3885" t="str">
            <v>MDO C&amp;M</v>
          </cell>
          <cell r="AO3885" t="str">
            <v>MDO INDIANA NORTH C&amp;M</v>
          </cell>
        </row>
        <row r="3886">
          <cell r="F3886">
            <v>75115</v>
          </cell>
          <cell r="AN3886" t="str">
            <v>MDO C&amp;M</v>
          </cell>
          <cell r="AO3886" t="str">
            <v>MDO INDIANA NORTH C&amp;M</v>
          </cell>
        </row>
        <row r="3887">
          <cell r="F3887">
            <v>75115</v>
          </cell>
          <cell r="AN3887" t="str">
            <v>MDO C&amp;M</v>
          </cell>
          <cell r="AO3887" t="str">
            <v>MDO INDIANA NORTH C&amp;M</v>
          </cell>
        </row>
        <row r="3888">
          <cell r="F3888">
            <v>75115</v>
          </cell>
          <cell r="AN3888" t="str">
            <v>MDO C&amp;M</v>
          </cell>
          <cell r="AO3888" t="str">
            <v>MDO INDIANA NORTH C&amp;M</v>
          </cell>
        </row>
        <row r="3889">
          <cell r="F3889">
            <v>75115</v>
          </cell>
          <cell r="AN3889" t="str">
            <v>MDO C&amp;M</v>
          </cell>
          <cell r="AO3889" t="str">
            <v>MDO INDIANA NORTH C&amp;M</v>
          </cell>
        </row>
        <row r="3890">
          <cell r="F3890">
            <v>75115</v>
          </cell>
          <cell r="AN3890" t="str">
            <v>MDO C&amp;M</v>
          </cell>
          <cell r="AO3890" t="str">
            <v>MDO INDIANA NORTH C&amp;M</v>
          </cell>
        </row>
        <row r="3891">
          <cell r="F3891">
            <v>75115</v>
          </cell>
          <cell r="AN3891" t="str">
            <v>MDO C&amp;M</v>
          </cell>
          <cell r="AO3891" t="str">
            <v>MDO INDIANA NORTH C&amp;M</v>
          </cell>
        </row>
        <row r="3892">
          <cell r="F3892">
            <v>75115</v>
          </cell>
          <cell r="AN3892" t="str">
            <v>MDO C&amp;M</v>
          </cell>
          <cell r="AO3892" t="str">
            <v>MDO INDIANA NORTH C&amp;M</v>
          </cell>
        </row>
        <row r="3893">
          <cell r="F3893">
            <v>75115</v>
          </cell>
          <cell r="AN3893" t="str">
            <v>MDO C&amp;M</v>
          </cell>
          <cell r="AO3893" t="str">
            <v>MDO INDIANA NORTH C&amp;M</v>
          </cell>
        </row>
        <row r="3894">
          <cell r="F3894">
            <v>75115</v>
          </cell>
          <cell r="AN3894" t="str">
            <v>MDO C&amp;M</v>
          </cell>
          <cell r="AO3894" t="str">
            <v>MDO INDIANA NORTH C&amp;M</v>
          </cell>
        </row>
        <row r="3895">
          <cell r="F3895">
            <v>75115</v>
          </cell>
          <cell r="AN3895" t="str">
            <v>MDO C&amp;M</v>
          </cell>
          <cell r="AO3895" t="str">
            <v>MDO INDIANA NORTH C&amp;M</v>
          </cell>
        </row>
        <row r="3896">
          <cell r="F3896">
            <v>75115</v>
          </cell>
          <cell r="AN3896" t="str">
            <v>MDO C&amp;M</v>
          </cell>
          <cell r="AO3896" t="str">
            <v>MDO INDIANA SOUTHEAST C&amp;M</v>
          </cell>
        </row>
        <row r="3897">
          <cell r="F3897">
            <v>75115</v>
          </cell>
          <cell r="AN3897" t="str">
            <v>MDO C&amp;M</v>
          </cell>
          <cell r="AO3897" t="str">
            <v>MDO INDIANA SOUTHEAST C&amp;M</v>
          </cell>
        </row>
        <row r="3898">
          <cell r="F3898">
            <v>75115</v>
          </cell>
          <cell r="AN3898" t="str">
            <v>MDO C&amp;M</v>
          </cell>
          <cell r="AO3898" t="str">
            <v>MDO INDIANA SOUTHEAST C&amp;M</v>
          </cell>
        </row>
        <row r="3899">
          <cell r="F3899">
            <v>75115</v>
          </cell>
          <cell r="AN3899" t="str">
            <v>MDO C&amp;M</v>
          </cell>
          <cell r="AO3899" t="str">
            <v>MDO INDIANA SOUTHEAST C&amp;M</v>
          </cell>
        </row>
        <row r="3900">
          <cell r="F3900">
            <v>75115</v>
          </cell>
          <cell r="AN3900" t="str">
            <v>MDO C&amp;M</v>
          </cell>
          <cell r="AO3900" t="str">
            <v>MDO INDIANA SOUTHEAST C&amp;M</v>
          </cell>
        </row>
        <row r="3901">
          <cell r="F3901">
            <v>75115</v>
          </cell>
          <cell r="AN3901" t="str">
            <v>MDO C&amp;M</v>
          </cell>
          <cell r="AO3901" t="str">
            <v>MDO INDIANA SOUTHEAST C&amp;M</v>
          </cell>
        </row>
        <row r="3902">
          <cell r="F3902">
            <v>75115</v>
          </cell>
          <cell r="AN3902" t="str">
            <v>MDO C&amp;M</v>
          </cell>
          <cell r="AO3902" t="str">
            <v>MDO INDIANA SOUTHEAST C&amp;M</v>
          </cell>
        </row>
        <row r="3903">
          <cell r="F3903">
            <v>75115</v>
          </cell>
          <cell r="AN3903" t="str">
            <v>MDO C&amp;M</v>
          </cell>
          <cell r="AO3903" t="str">
            <v>MDO INDIANA SOUTHEAST C&amp;M</v>
          </cell>
        </row>
        <row r="3904">
          <cell r="F3904">
            <v>75115</v>
          </cell>
          <cell r="AN3904" t="str">
            <v>MDO C&amp;M</v>
          </cell>
          <cell r="AO3904" t="str">
            <v>MDO INDIANA SOUTHEAST C&amp;M</v>
          </cell>
        </row>
        <row r="3905">
          <cell r="F3905">
            <v>75115</v>
          </cell>
          <cell r="AN3905" t="str">
            <v>MDO C&amp;M</v>
          </cell>
          <cell r="AO3905" t="str">
            <v>MDO INDIANA SOUTHEAST C&amp;M</v>
          </cell>
        </row>
        <row r="3906">
          <cell r="F3906">
            <v>75115</v>
          </cell>
          <cell r="AN3906" t="str">
            <v>MDO C&amp;M</v>
          </cell>
          <cell r="AO3906" t="str">
            <v>MDO INDIANA SOUTHEAST C&amp;M</v>
          </cell>
        </row>
        <row r="3907">
          <cell r="F3907">
            <v>75115</v>
          </cell>
          <cell r="AN3907" t="str">
            <v>MDO C&amp;M</v>
          </cell>
          <cell r="AO3907" t="str">
            <v>MDO INDIANA SOUTHEAST C&amp;M</v>
          </cell>
        </row>
        <row r="3908">
          <cell r="F3908">
            <v>75115</v>
          </cell>
          <cell r="AN3908" t="str">
            <v>MDO C&amp;M</v>
          </cell>
          <cell r="AO3908" t="str">
            <v>MDO INDIANA SOUTHEAST C&amp;M</v>
          </cell>
        </row>
        <row r="3909">
          <cell r="F3909">
            <v>75115</v>
          </cell>
          <cell r="AN3909" t="str">
            <v>MDO C&amp;M</v>
          </cell>
          <cell r="AO3909" t="str">
            <v>MDO INDIANA SOUTHEAST C&amp;M</v>
          </cell>
        </row>
        <row r="3910">
          <cell r="F3910">
            <v>75115</v>
          </cell>
          <cell r="AN3910" t="str">
            <v>MDO C&amp;M</v>
          </cell>
          <cell r="AO3910" t="str">
            <v>MDO INDIANA SOUTHEAST C&amp;M</v>
          </cell>
        </row>
        <row r="3911">
          <cell r="F3911">
            <v>75115</v>
          </cell>
          <cell r="AN3911" t="str">
            <v>MDO C&amp;M</v>
          </cell>
          <cell r="AO3911" t="str">
            <v>MDO INDIANA SOUTHEAST C&amp;M</v>
          </cell>
        </row>
        <row r="3912">
          <cell r="F3912">
            <v>75115</v>
          </cell>
          <cell r="AN3912" t="str">
            <v>MDO C&amp;M</v>
          </cell>
          <cell r="AO3912" t="str">
            <v>MDO INDIANA SOUTHEAST C&amp;M</v>
          </cell>
        </row>
        <row r="3913">
          <cell r="F3913">
            <v>75115</v>
          </cell>
          <cell r="AN3913" t="str">
            <v>MDO C&amp;M</v>
          </cell>
          <cell r="AO3913" t="str">
            <v>MDO INDIANA SOUTHEAST C&amp;M</v>
          </cell>
        </row>
        <row r="3914">
          <cell r="F3914">
            <v>75115</v>
          </cell>
          <cell r="AN3914" t="str">
            <v>MDO C&amp;M</v>
          </cell>
          <cell r="AO3914" t="str">
            <v>MDO INDIANA SOUTHEAST C&amp;M</v>
          </cell>
        </row>
        <row r="3915">
          <cell r="F3915">
            <v>75115</v>
          </cell>
          <cell r="AN3915" t="str">
            <v>MDO C&amp;M</v>
          </cell>
          <cell r="AO3915" t="str">
            <v>MDO INDIANA SOUTHEAST C&amp;M</v>
          </cell>
        </row>
        <row r="3916">
          <cell r="F3916">
            <v>75115</v>
          </cell>
          <cell r="AN3916" t="str">
            <v>MDO C&amp;M</v>
          </cell>
          <cell r="AO3916" t="str">
            <v>MDO INDIANA SOUTHEAST C&amp;M</v>
          </cell>
        </row>
        <row r="3917">
          <cell r="F3917">
            <v>75115</v>
          </cell>
          <cell r="AN3917" t="str">
            <v>MDO C&amp;M</v>
          </cell>
          <cell r="AO3917" t="str">
            <v>MDO INDIANA SOUTHEAST C&amp;M</v>
          </cell>
        </row>
        <row r="3918">
          <cell r="F3918">
            <v>75115</v>
          </cell>
          <cell r="AN3918" t="str">
            <v>MDO C&amp;M</v>
          </cell>
          <cell r="AO3918" t="str">
            <v>MDO INDIANA SOUTHEAST C&amp;M</v>
          </cell>
        </row>
        <row r="3919">
          <cell r="F3919">
            <v>75115</v>
          </cell>
          <cell r="AN3919" t="str">
            <v>MDO C&amp;M</v>
          </cell>
          <cell r="AO3919" t="str">
            <v>MDO INDIANA SOUTHEAST C&amp;M</v>
          </cell>
        </row>
        <row r="3920">
          <cell r="F3920">
            <v>75115</v>
          </cell>
          <cell r="AN3920" t="str">
            <v>MDO C&amp;M</v>
          </cell>
          <cell r="AO3920" t="str">
            <v>MDO INDIANA SOUTHWEST C&amp;M</v>
          </cell>
        </row>
        <row r="3921">
          <cell r="F3921">
            <v>75115</v>
          </cell>
          <cell r="AN3921" t="str">
            <v>MDO C&amp;M</v>
          </cell>
          <cell r="AO3921" t="str">
            <v>MDO INDIANA SOUTHWEST C&amp;M</v>
          </cell>
        </row>
        <row r="3922">
          <cell r="F3922">
            <v>75115</v>
          </cell>
          <cell r="AN3922" t="str">
            <v>MDO C&amp;M</v>
          </cell>
          <cell r="AO3922" t="str">
            <v>MDO INDIANA SOUTHWEST C&amp;M</v>
          </cell>
        </row>
        <row r="3923">
          <cell r="F3923">
            <v>75115</v>
          </cell>
          <cell r="AN3923" t="str">
            <v>MDO C&amp;M</v>
          </cell>
          <cell r="AO3923" t="str">
            <v>MDO INDIANA SOUTHWEST C&amp;M</v>
          </cell>
        </row>
        <row r="3924">
          <cell r="F3924">
            <v>75115</v>
          </cell>
          <cell r="AN3924" t="str">
            <v>MDO C&amp;M</v>
          </cell>
          <cell r="AO3924" t="str">
            <v>MDO INDIANA SOUTHWEST C&amp;M</v>
          </cell>
        </row>
        <row r="3925">
          <cell r="F3925">
            <v>75115</v>
          </cell>
          <cell r="AN3925" t="str">
            <v>MDO C&amp;M</v>
          </cell>
          <cell r="AO3925" t="str">
            <v>MDO INDIANA SOUTHWEST C&amp;M</v>
          </cell>
        </row>
        <row r="3926">
          <cell r="F3926">
            <v>75115</v>
          </cell>
          <cell r="AN3926" t="str">
            <v>MDO C&amp;M</v>
          </cell>
          <cell r="AO3926" t="str">
            <v>MDO INDIANA SOUTHWEST C&amp;M</v>
          </cell>
        </row>
        <row r="3927">
          <cell r="F3927">
            <v>75115</v>
          </cell>
          <cell r="AN3927" t="str">
            <v>MDO C&amp;M</v>
          </cell>
          <cell r="AO3927" t="str">
            <v>MDO INDIANA SOUTHWEST C&amp;M</v>
          </cell>
        </row>
        <row r="3928">
          <cell r="F3928">
            <v>75115</v>
          </cell>
          <cell r="AN3928" t="str">
            <v>MDO C&amp;M</v>
          </cell>
          <cell r="AO3928" t="str">
            <v>MDO INDIANA SOUTHWEST C&amp;M</v>
          </cell>
        </row>
        <row r="3929">
          <cell r="F3929">
            <v>75115</v>
          </cell>
          <cell r="AN3929" t="str">
            <v>MDO C&amp;M</v>
          </cell>
          <cell r="AO3929" t="str">
            <v>MDO INDIANA SOUTHWEST C&amp;M</v>
          </cell>
        </row>
        <row r="3930">
          <cell r="F3930">
            <v>75115</v>
          </cell>
          <cell r="AN3930" t="str">
            <v>MDO C&amp;M</v>
          </cell>
          <cell r="AO3930" t="str">
            <v>MDO INDIANA SOUTHWEST C&amp;M</v>
          </cell>
        </row>
        <row r="3931">
          <cell r="F3931">
            <v>75115</v>
          </cell>
          <cell r="AN3931" t="str">
            <v>MDO C&amp;M</v>
          </cell>
          <cell r="AO3931" t="str">
            <v>MDO INDIANA SOUTHWEST C&amp;M</v>
          </cell>
        </row>
        <row r="3932">
          <cell r="F3932">
            <v>75115</v>
          </cell>
          <cell r="AN3932" t="str">
            <v>MDO C&amp;M</v>
          </cell>
          <cell r="AO3932" t="str">
            <v>MDO INDIANA SOUTHWEST C&amp;M</v>
          </cell>
        </row>
        <row r="3933">
          <cell r="F3933">
            <v>75115</v>
          </cell>
          <cell r="AN3933" t="str">
            <v>MDO C&amp;M</v>
          </cell>
          <cell r="AO3933" t="str">
            <v>MDO INDIANA SOUTHWEST C&amp;M</v>
          </cell>
        </row>
        <row r="3934">
          <cell r="F3934">
            <v>75115</v>
          </cell>
          <cell r="AN3934" t="str">
            <v>MDO C&amp;M</v>
          </cell>
          <cell r="AO3934" t="str">
            <v>MDO INDIANA SOUTHWEST C&amp;M</v>
          </cell>
        </row>
        <row r="3935">
          <cell r="F3935">
            <v>75115</v>
          </cell>
          <cell r="AN3935" t="str">
            <v>MDO C&amp;M</v>
          </cell>
          <cell r="AO3935" t="str">
            <v>MDO INDIANA SOUTHWEST C&amp;M</v>
          </cell>
        </row>
        <row r="3936">
          <cell r="F3936">
            <v>75115</v>
          </cell>
          <cell r="AN3936" t="str">
            <v>MDO C&amp;M</v>
          </cell>
          <cell r="AO3936" t="str">
            <v>MDO INDIANA SOUTHWEST C&amp;M</v>
          </cell>
        </row>
        <row r="3937">
          <cell r="F3937">
            <v>75115</v>
          </cell>
          <cell r="AN3937" t="str">
            <v>MDO C&amp;M</v>
          </cell>
          <cell r="AO3937" t="str">
            <v>MDO INDIANA SOUTHWEST C&amp;M</v>
          </cell>
        </row>
        <row r="3938">
          <cell r="F3938">
            <v>75115</v>
          </cell>
          <cell r="AN3938" t="str">
            <v>MDO C&amp;M</v>
          </cell>
          <cell r="AO3938" t="str">
            <v>MDO INDIANA SOUTHWEST C&amp;M</v>
          </cell>
        </row>
        <row r="3939">
          <cell r="F3939">
            <v>75115</v>
          </cell>
          <cell r="AN3939" t="str">
            <v>MDO C&amp;M</v>
          </cell>
          <cell r="AO3939" t="str">
            <v>MDO INDIANA SOUTHWEST C&amp;M</v>
          </cell>
        </row>
        <row r="3940">
          <cell r="F3940">
            <v>75115</v>
          </cell>
          <cell r="AN3940" t="str">
            <v>MDO C&amp;M</v>
          </cell>
          <cell r="AO3940" t="str">
            <v>MDO INDIANA SOUTHWEST C&amp;M</v>
          </cell>
        </row>
        <row r="3941">
          <cell r="F3941">
            <v>75115</v>
          </cell>
          <cell r="AN3941" t="str">
            <v>MDO C&amp;M</v>
          </cell>
          <cell r="AO3941" t="str">
            <v>MDO INDIANA SOUTHWEST C&amp;M</v>
          </cell>
        </row>
        <row r="3942">
          <cell r="F3942">
            <v>75115</v>
          </cell>
          <cell r="AN3942" t="str">
            <v>MDO C&amp;M</v>
          </cell>
          <cell r="AO3942" t="str">
            <v>MDO INDIANA SOUTHWEST C&amp;M</v>
          </cell>
        </row>
        <row r="3943">
          <cell r="F3943">
            <v>75115</v>
          </cell>
          <cell r="AN3943" t="str">
            <v>MDO C&amp;M</v>
          </cell>
          <cell r="AO3943" t="str">
            <v>MDO INDIANA SOUTHWEST C&amp;M</v>
          </cell>
        </row>
        <row r="3944">
          <cell r="F3944">
            <v>75115</v>
          </cell>
          <cell r="AN3944" t="str">
            <v>MDO C&amp;M</v>
          </cell>
          <cell r="AO3944" t="str">
            <v>MDO INDIANA NORTH C&amp;M</v>
          </cell>
        </row>
        <row r="3945">
          <cell r="F3945">
            <v>75115</v>
          </cell>
          <cell r="AN3945" t="str">
            <v>MDO C&amp;M</v>
          </cell>
          <cell r="AO3945" t="str">
            <v>MDO INDIANA SOUTHEAST C&amp;M</v>
          </cell>
        </row>
        <row r="3946">
          <cell r="F3946">
            <v>75115</v>
          </cell>
          <cell r="AN3946" t="str">
            <v>MDO C&amp;M</v>
          </cell>
          <cell r="AO3946" t="str">
            <v>MDO INDIANA SOUTHWEST C&amp;M</v>
          </cell>
        </row>
        <row r="3947">
          <cell r="F3947">
            <v>75023</v>
          </cell>
          <cell r="AN3947" t="str">
            <v>MDO C&amp;M</v>
          </cell>
          <cell r="AO3947" t="str">
            <v>MDO OH/KEN C&amp;M</v>
          </cell>
        </row>
        <row r="3948">
          <cell r="F3948">
            <v>75023</v>
          </cell>
          <cell r="AN3948" t="str">
            <v>MDO C&amp;M</v>
          </cell>
          <cell r="AO3948" t="str">
            <v>MDO OH/KEN C&amp;M</v>
          </cell>
        </row>
        <row r="3949">
          <cell r="F3949">
            <v>75023</v>
          </cell>
          <cell r="AN3949" t="str">
            <v>MDO C&amp;M</v>
          </cell>
          <cell r="AO3949" t="str">
            <v>MDO OH/KEN C&amp;M</v>
          </cell>
        </row>
        <row r="3950">
          <cell r="F3950">
            <v>75023</v>
          </cell>
          <cell r="AN3950" t="str">
            <v>MDO C&amp;M</v>
          </cell>
          <cell r="AO3950" t="str">
            <v>MDO OH/KEN C&amp;M</v>
          </cell>
        </row>
        <row r="3951">
          <cell r="F3951">
            <v>75023</v>
          </cell>
          <cell r="AN3951" t="str">
            <v>MDO C&amp;M</v>
          </cell>
          <cell r="AO3951" t="str">
            <v>MDO OH/KEN C&amp;M</v>
          </cell>
        </row>
        <row r="3952">
          <cell r="F3952">
            <v>75023</v>
          </cell>
          <cell r="AN3952" t="str">
            <v>MDO C&amp;M</v>
          </cell>
          <cell r="AO3952" t="str">
            <v>MDO OH/KEN C&amp;M</v>
          </cell>
        </row>
        <row r="3953">
          <cell r="F3953">
            <v>75023</v>
          </cell>
          <cell r="AN3953" t="str">
            <v>MDO C&amp;M</v>
          </cell>
          <cell r="AO3953" t="str">
            <v>MDO OH/KEN C&amp;M</v>
          </cell>
        </row>
        <row r="3954">
          <cell r="F3954">
            <v>75023</v>
          </cell>
          <cell r="AN3954" t="str">
            <v>MDO C&amp;M</v>
          </cell>
          <cell r="AO3954" t="str">
            <v>MDO OH/KEN C&amp;M</v>
          </cell>
        </row>
        <row r="3955">
          <cell r="F3955">
            <v>75023</v>
          </cell>
          <cell r="AN3955" t="str">
            <v>MDO C&amp;M</v>
          </cell>
          <cell r="AO3955" t="str">
            <v>MDO OH/KEN C&amp;M</v>
          </cell>
        </row>
        <row r="3956">
          <cell r="F3956">
            <v>75023</v>
          </cell>
          <cell r="AN3956" t="str">
            <v>MDO C&amp;M</v>
          </cell>
          <cell r="AO3956" t="str">
            <v>MDO OH/KEN C&amp;M</v>
          </cell>
        </row>
        <row r="3957">
          <cell r="F3957">
            <v>75023</v>
          </cell>
          <cell r="AN3957" t="str">
            <v>MDO C&amp;M</v>
          </cell>
          <cell r="AO3957" t="str">
            <v>MDO OH/KEN C&amp;M</v>
          </cell>
        </row>
        <row r="3958">
          <cell r="F3958">
            <v>75023</v>
          </cell>
          <cell r="AN3958" t="str">
            <v>MDO C&amp;M</v>
          </cell>
          <cell r="AO3958" t="str">
            <v>MDO OH/KEN C&amp;M</v>
          </cell>
        </row>
        <row r="3959">
          <cell r="F3959">
            <v>75023</v>
          </cell>
          <cell r="AN3959" t="str">
            <v>MDO C&amp;M</v>
          </cell>
          <cell r="AO3959" t="str">
            <v>MDO OH/KEN C&amp;M</v>
          </cell>
        </row>
        <row r="3960">
          <cell r="F3960">
            <v>75023</v>
          </cell>
          <cell r="AN3960" t="str">
            <v>MDO C&amp;M</v>
          </cell>
          <cell r="AO3960" t="str">
            <v>MDO OH/KEN C&amp;M</v>
          </cell>
        </row>
        <row r="3961">
          <cell r="F3961">
            <v>75023</v>
          </cell>
          <cell r="AN3961" t="str">
            <v>MDO C&amp;M</v>
          </cell>
          <cell r="AO3961" t="str">
            <v>MDO OH/KEN C&amp;M</v>
          </cell>
        </row>
        <row r="3962">
          <cell r="F3962">
            <v>75023</v>
          </cell>
          <cell r="AN3962" t="str">
            <v>MDO C&amp;M</v>
          </cell>
          <cell r="AO3962" t="str">
            <v>MDO OH/KEN C&amp;M</v>
          </cell>
        </row>
        <row r="3963">
          <cell r="F3963">
            <v>75023</v>
          </cell>
          <cell r="AN3963" t="str">
            <v>MDO C&amp;M</v>
          </cell>
          <cell r="AO3963" t="str">
            <v>MDO OH/KEN C&amp;M</v>
          </cell>
        </row>
        <row r="3964">
          <cell r="F3964">
            <v>75023</v>
          </cell>
          <cell r="AN3964" t="str">
            <v>MDO C&amp;M</v>
          </cell>
          <cell r="AO3964" t="str">
            <v>MDO OH/KEN C&amp;M</v>
          </cell>
        </row>
        <row r="3965">
          <cell r="F3965">
            <v>75023</v>
          </cell>
          <cell r="AN3965" t="str">
            <v>MDO C&amp;M</v>
          </cell>
          <cell r="AO3965" t="str">
            <v>MDO OH/KEN C&amp;M</v>
          </cell>
        </row>
        <row r="3966">
          <cell r="F3966">
            <v>75023</v>
          </cell>
          <cell r="AN3966" t="str">
            <v>MDO C&amp;M</v>
          </cell>
          <cell r="AO3966" t="str">
            <v>MDO OH/KEN C&amp;M</v>
          </cell>
        </row>
        <row r="3967">
          <cell r="F3967">
            <v>75023</v>
          </cell>
          <cell r="AN3967" t="str">
            <v>MDO C&amp;M</v>
          </cell>
          <cell r="AO3967" t="str">
            <v>MDO OH/KEN C&amp;M</v>
          </cell>
        </row>
        <row r="3968">
          <cell r="F3968">
            <v>75023</v>
          </cell>
          <cell r="AN3968" t="str">
            <v>MDO C&amp;M</v>
          </cell>
          <cell r="AO3968" t="str">
            <v>MDO OH/KEN C&amp;M</v>
          </cell>
        </row>
        <row r="3969">
          <cell r="F3969">
            <v>75023</v>
          </cell>
          <cell r="AN3969" t="str">
            <v>MDO C&amp;M</v>
          </cell>
          <cell r="AO3969" t="str">
            <v>MDO OH/KEN C&amp;M</v>
          </cell>
        </row>
        <row r="3970">
          <cell r="F3970">
            <v>75023</v>
          </cell>
          <cell r="AN3970" t="str">
            <v>MDO C&amp;M</v>
          </cell>
          <cell r="AO3970" t="str">
            <v>MDO OH/KEN C&amp;M</v>
          </cell>
        </row>
        <row r="3971">
          <cell r="F3971">
            <v>75023</v>
          </cell>
          <cell r="AN3971" t="str">
            <v>MDO C&amp;M</v>
          </cell>
          <cell r="AO3971" t="str">
            <v>MDO OH/KEN C&amp;M</v>
          </cell>
        </row>
        <row r="3972">
          <cell r="F3972">
            <v>75023</v>
          </cell>
          <cell r="AN3972" t="str">
            <v>MDO C&amp;M</v>
          </cell>
          <cell r="AO3972" t="str">
            <v>MDO OH/KEN C&amp;M</v>
          </cell>
        </row>
        <row r="3973">
          <cell r="F3973">
            <v>75023</v>
          </cell>
          <cell r="AN3973" t="str">
            <v>MDO C&amp;M</v>
          </cell>
          <cell r="AO3973" t="str">
            <v>MDO OH/KEN C&amp;M</v>
          </cell>
        </row>
        <row r="3974">
          <cell r="F3974">
            <v>75023</v>
          </cell>
          <cell r="AN3974" t="str">
            <v>MDO C&amp;M</v>
          </cell>
          <cell r="AO3974" t="str">
            <v>MDO OH/KEN C&amp;M</v>
          </cell>
        </row>
        <row r="3975">
          <cell r="F3975">
            <v>75023</v>
          </cell>
          <cell r="AN3975" t="str">
            <v>MDO C&amp;M</v>
          </cell>
          <cell r="AO3975" t="str">
            <v>MDO OH/KEN C&amp;M</v>
          </cell>
        </row>
        <row r="3976">
          <cell r="F3976">
            <v>75023</v>
          </cell>
          <cell r="AN3976" t="str">
            <v>MDO C&amp;M</v>
          </cell>
          <cell r="AO3976" t="str">
            <v>MDO OH/KEN C&amp;M</v>
          </cell>
        </row>
        <row r="3977">
          <cell r="F3977">
            <v>75023</v>
          </cell>
          <cell r="AN3977" t="str">
            <v>MDO C&amp;M</v>
          </cell>
          <cell r="AO3977" t="str">
            <v>MDO OH/KEN C&amp;M</v>
          </cell>
        </row>
        <row r="3978">
          <cell r="F3978">
            <v>75023</v>
          </cell>
          <cell r="AN3978" t="str">
            <v>MDO C&amp;M</v>
          </cell>
          <cell r="AO3978" t="str">
            <v>MDO OH/KEN C&amp;M</v>
          </cell>
        </row>
        <row r="3979">
          <cell r="F3979">
            <v>75023</v>
          </cell>
          <cell r="AN3979" t="str">
            <v>MDO C&amp;M</v>
          </cell>
          <cell r="AO3979" t="str">
            <v>MDO OH/KEN C&amp;M</v>
          </cell>
        </row>
        <row r="3980">
          <cell r="F3980">
            <v>75023</v>
          </cell>
          <cell r="AN3980" t="str">
            <v>MDO C&amp;M</v>
          </cell>
          <cell r="AO3980" t="str">
            <v>MDO OH/KEN C&amp;M</v>
          </cell>
        </row>
        <row r="3981">
          <cell r="F3981">
            <v>75023</v>
          </cell>
          <cell r="AN3981" t="str">
            <v>MDO C&amp;M</v>
          </cell>
          <cell r="AO3981" t="str">
            <v>MDO OH/KEN C&amp;M</v>
          </cell>
        </row>
        <row r="3982">
          <cell r="F3982">
            <v>75023</v>
          </cell>
          <cell r="AN3982" t="str">
            <v>MDO C&amp;M</v>
          </cell>
          <cell r="AO3982" t="str">
            <v>MDO OH/KEN C&amp;M</v>
          </cell>
        </row>
        <row r="3983">
          <cell r="F3983">
            <v>75023</v>
          </cell>
          <cell r="AN3983" t="str">
            <v>MDO C&amp;M</v>
          </cell>
          <cell r="AO3983" t="str">
            <v>MDO OH/KEN C&amp;M</v>
          </cell>
        </row>
        <row r="3984">
          <cell r="F3984">
            <v>75023</v>
          </cell>
          <cell r="AN3984" t="str">
            <v>MDO C&amp;M</v>
          </cell>
          <cell r="AO3984" t="str">
            <v>MDO OH/KEN C&amp;M</v>
          </cell>
        </row>
        <row r="3985">
          <cell r="F3985">
            <v>75023</v>
          </cell>
          <cell r="AN3985" t="str">
            <v>MDO C&amp;M</v>
          </cell>
          <cell r="AO3985" t="str">
            <v>MDO OH/KEN C&amp;M</v>
          </cell>
        </row>
        <row r="3986">
          <cell r="F3986">
            <v>75023</v>
          </cell>
          <cell r="AN3986" t="str">
            <v>MDO C&amp;M</v>
          </cell>
          <cell r="AO3986" t="str">
            <v>MDO OH/KEN C&amp;M</v>
          </cell>
        </row>
        <row r="3987">
          <cell r="F3987">
            <v>75023</v>
          </cell>
          <cell r="AN3987" t="str">
            <v>MDO C&amp;M</v>
          </cell>
          <cell r="AO3987" t="str">
            <v>MDO OH/KEN C&amp;M</v>
          </cell>
        </row>
        <row r="3988">
          <cell r="F3988">
            <v>75023</v>
          </cell>
          <cell r="AN3988" t="str">
            <v>MDO C&amp;M</v>
          </cell>
          <cell r="AO3988" t="str">
            <v>MDO OH/KEN C&amp;M</v>
          </cell>
        </row>
        <row r="3989">
          <cell r="F3989">
            <v>75023</v>
          </cell>
          <cell r="AN3989" t="str">
            <v>MDO C&amp;M</v>
          </cell>
          <cell r="AO3989" t="str">
            <v>MDO OH/KEN C&amp;M</v>
          </cell>
        </row>
        <row r="3990">
          <cell r="F3990">
            <v>75023</v>
          </cell>
          <cell r="AN3990" t="str">
            <v>MDO C&amp;M</v>
          </cell>
          <cell r="AO3990" t="str">
            <v>MDO OH/KEN C&amp;M</v>
          </cell>
        </row>
        <row r="3991">
          <cell r="F3991">
            <v>75023</v>
          </cell>
          <cell r="AN3991" t="str">
            <v>MDO C&amp;M</v>
          </cell>
          <cell r="AO3991" t="str">
            <v>MDO OH/KEN C&amp;M</v>
          </cell>
        </row>
        <row r="3992">
          <cell r="F3992">
            <v>75023</v>
          </cell>
          <cell r="AN3992" t="str">
            <v>MDO C&amp;M</v>
          </cell>
          <cell r="AO3992" t="str">
            <v>MDO OH/KEN C&amp;M</v>
          </cell>
        </row>
        <row r="3993">
          <cell r="F3993">
            <v>75023</v>
          </cell>
          <cell r="AN3993" t="str">
            <v>MDO C&amp;M</v>
          </cell>
          <cell r="AO3993" t="str">
            <v>MDO OH/KEN C&amp;M</v>
          </cell>
        </row>
        <row r="3994">
          <cell r="F3994">
            <v>75023</v>
          </cell>
          <cell r="AN3994" t="str">
            <v>MDO C&amp;M</v>
          </cell>
          <cell r="AO3994" t="str">
            <v>MDO OH/KEN C&amp;M</v>
          </cell>
        </row>
        <row r="3995">
          <cell r="F3995">
            <v>75023</v>
          </cell>
          <cell r="AN3995" t="str">
            <v>MDO C&amp;M</v>
          </cell>
          <cell r="AO3995" t="str">
            <v>MDO OH/KEN C&amp;M</v>
          </cell>
        </row>
        <row r="3996">
          <cell r="F3996">
            <v>75023</v>
          </cell>
          <cell r="AN3996" t="str">
            <v>MDO C&amp;M</v>
          </cell>
          <cell r="AO3996" t="str">
            <v>MDO OH/KEN C&amp;M</v>
          </cell>
        </row>
        <row r="3997">
          <cell r="F3997">
            <v>75023</v>
          </cell>
          <cell r="AN3997" t="str">
            <v>MDO C&amp;M</v>
          </cell>
          <cell r="AO3997" t="str">
            <v>MDO OH/KEN C&amp;M</v>
          </cell>
        </row>
        <row r="3998">
          <cell r="F3998">
            <v>75023</v>
          </cell>
          <cell r="AN3998" t="str">
            <v>MDO C&amp;M</v>
          </cell>
          <cell r="AO3998" t="str">
            <v>MDO OH/KEN C&amp;M</v>
          </cell>
        </row>
        <row r="3999">
          <cell r="F3999">
            <v>75023</v>
          </cell>
          <cell r="AN3999" t="str">
            <v>MDO C&amp;M</v>
          </cell>
          <cell r="AO3999" t="str">
            <v>MDO OH/KEN C&amp;M</v>
          </cell>
        </row>
        <row r="4000">
          <cell r="F4000">
            <v>75023</v>
          </cell>
          <cell r="AN4000" t="str">
            <v>MDO C&amp;M</v>
          </cell>
          <cell r="AO4000" t="str">
            <v>MDO OH/KEN C&amp;M</v>
          </cell>
        </row>
        <row r="4001">
          <cell r="F4001">
            <v>75023</v>
          </cell>
          <cell r="AN4001" t="str">
            <v>MDO C&amp;M</v>
          </cell>
          <cell r="AO4001" t="str">
            <v>MDO OH/KEN C&amp;M</v>
          </cell>
        </row>
        <row r="4002">
          <cell r="F4002">
            <v>75023</v>
          </cell>
          <cell r="AN4002" t="str">
            <v>MDO C&amp;M</v>
          </cell>
          <cell r="AO4002" t="str">
            <v>MDO OH/KEN C&amp;M</v>
          </cell>
        </row>
        <row r="4003">
          <cell r="F4003">
            <v>75023</v>
          </cell>
          <cell r="AN4003" t="str">
            <v>MDO C&amp;M</v>
          </cell>
          <cell r="AO4003" t="str">
            <v>MDO OH/KEN C&amp;M</v>
          </cell>
        </row>
        <row r="4004">
          <cell r="F4004">
            <v>75023</v>
          </cell>
          <cell r="AN4004" t="str">
            <v>MDO C&amp;M</v>
          </cell>
          <cell r="AO4004" t="str">
            <v>MDO OH/KEN C&amp;M</v>
          </cell>
        </row>
        <row r="4005">
          <cell r="F4005">
            <v>75023</v>
          </cell>
          <cell r="AN4005" t="str">
            <v>MDO C&amp;M</v>
          </cell>
          <cell r="AO4005" t="str">
            <v>MDO OH/KEN C&amp;M</v>
          </cell>
        </row>
        <row r="4006">
          <cell r="F4006">
            <v>75023</v>
          </cell>
          <cell r="AN4006" t="str">
            <v>MDO C&amp;M</v>
          </cell>
          <cell r="AO4006" t="str">
            <v>MDO OH/KEN C&amp;M</v>
          </cell>
        </row>
        <row r="4007">
          <cell r="F4007">
            <v>75023</v>
          </cell>
          <cell r="AN4007" t="str">
            <v>MDO C&amp;M</v>
          </cell>
          <cell r="AO4007" t="str">
            <v>MDO OH/KEN C&amp;M</v>
          </cell>
        </row>
        <row r="4008">
          <cell r="F4008">
            <v>75023</v>
          </cell>
          <cell r="AN4008" t="str">
            <v>MDO C&amp;M</v>
          </cell>
          <cell r="AO4008" t="str">
            <v>MDO OH/KEN C&amp;M</v>
          </cell>
        </row>
        <row r="4009">
          <cell r="F4009">
            <v>75023</v>
          </cell>
          <cell r="AN4009" t="str">
            <v>MDO C&amp;M</v>
          </cell>
          <cell r="AO4009" t="str">
            <v>MDO OH/KEN C&amp;M</v>
          </cell>
        </row>
        <row r="4010">
          <cell r="F4010">
            <v>75023</v>
          </cell>
          <cell r="AN4010" t="str">
            <v>MDO C&amp;M</v>
          </cell>
          <cell r="AO4010" t="str">
            <v>MDO OH/KEN C&amp;M</v>
          </cell>
        </row>
        <row r="4011">
          <cell r="F4011">
            <v>75023</v>
          </cell>
          <cell r="AN4011" t="str">
            <v>MDO C&amp;M</v>
          </cell>
          <cell r="AO4011" t="str">
            <v>MDO OH/KEN C&amp;M</v>
          </cell>
        </row>
        <row r="4012">
          <cell r="F4012">
            <v>75023</v>
          </cell>
          <cell r="AN4012" t="str">
            <v>MDO C&amp;M</v>
          </cell>
          <cell r="AO4012" t="str">
            <v>MDO OH/KEN C&amp;M</v>
          </cell>
        </row>
        <row r="4013">
          <cell r="F4013">
            <v>75084</v>
          </cell>
          <cell r="AN4013" t="str">
            <v>MDO C&amp;M</v>
          </cell>
          <cell r="AO4013" t="str">
            <v>MDO OH/KEN C&amp;M</v>
          </cell>
        </row>
        <row r="4014">
          <cell r="F4014">
            <v>75084</v>
          </cell>
          <cell r="AN4014" t="str">
            <v>MDO C&amp;M</v>
          </cell>
          <cell r="AO4014" t="str">
            <v>MDO OH/KEN C&amp;M</v>
          </cell>
        </row>
        <row r="4015">
          <cell r="F4015">
            <v>75084</v>
          </cell>
          <cell r="AN4015" t="str">
            <v>MDO C&amp;M</v>
          </cell>
          <cell r="AO4015" t="str">
            <v>MDO OH/KEN C&amp;M</v>
          </cell>
        </row>
        <row r="4016">
          <cell r="F4016">
            <v>75084</v>
          </cell>
          <cell r="AN4016" t="str">
            <v>MDO C&amp;M</v>
          </cell>
          <cell r="AO4016" t="str">
            <v>MDO OH/KEN C&amp;M</v>
          </cell>
        </row>
        <row r="4017">
          <cell r="F4017">
            <v>75084</v>
          </cell>
          <cell r="AN4017" t="str">
            <v>MDO C&amp;M</v>
          </cell>
          <cell r="AO4017" t="str">
            <v>MDO OH/KEN C&amp;M</v>
          </cell>
        </row>
        <row r="4018">
          <cell r="F4018">
            <v>75084</v>
          </cell>
          <cell r="AN4018" t="str">
            <v>MDO C&amp;M</v>
          </cell>
          <cell r="AO4018" t="str">
            <v>MDO OH/KEN C&amp;M</v>
          </cell>
        </row>
        <row r="4019">
          <cell r="F4019">
            <v>75084</v>
          </cell>
          <cell r="AN4019" t="str">
            <v>MDO C&amp;M</v>
          </cell>
          <cell r="AO4019" t="str">
            <v>MDO OH/KEN C&amp;M</v>
          </cell>
        </row>
        <row r="4020">
          <cell r="F4020">
            <v>75084</v>
          </cell>
          <cell r="AN4020" t="str">
            <v>MDO C&amp;M</v>
          </cell>
          <cell r="AO4020" t="str">
            <v>MDO OH/KEN C&amp;M</v>
          </cell>
        </row>
        <row r="4021">
          <cell r="F4021">
            <v>75084</v>
          </cell>
          <cell r="AN4021" t="str">
            <v>MDO C&amp;M</v>
          </cell>
          <cell r="AO4021" t="str">
            <v>MDO OH/KEN C&amp;M</v>
          </cell>
        </row>
        <row r="4022">
          <cell r="F4022">
            <v>75084</v>
          </cell>
          <cell r="AN4022" t="str">
            <v>MDO C&amp;M</v>
          </cell>
          <cell r="AO4022" t="str">
            <v>MDO OH/KEN C&amp;M</v>
          </cell>
        </row>
        <row r="4023">
          <cell r="F4023">
            <v>75084</v>
          </cell>
          <cell r="AN4023" t="str">
            <v>MDO C&amp;M</v>
          </cell>
          <cell r="AO4023" t="str">
            <v>MDO OH/KEN C&amp;M</v>
          </cell>
        </row>
        <row r="4024">
          <cell r="F4024">
            <v>75084</v>
          </cell>
          <cell r="AN4024" t="str">
            <v>MDO C&amp;M</v>
          </cell>
          <cell r="AO4024" t="str">
            <v>MDO OH/KEN C&amp;M</v>
          </cell>
        </row>
        <row r="4025">
          <cell r="F4025">
            <v>75084</v>
          </cell>
          <cell r="AN4025" t="str">
            <v>MDO C&amp;M</v>
          </cell>
          <cell r="AO4025" t="str">
            <v>MDO OH/KEN C&amp;M</v>
          </cell>
        </row>
        <row r="4026">
          <cell r="F4026">
            <v>75084</v>
          </cell>
          <cell r="AN4026" t="str">
            <v>MDO C&amp;M</v>
          </cell>
          <cell r="AO4026" t="str">
            <v>MDO OH/KEN C&amp;M</v>
          </cell>
        </row>
        <row r="4027">
          <cell r="F4027">
            <v>75084</v>
          </cell>
          <cell r="AN4027" t="str">
            <v>MDO C&amp;M</v>
          </cell>
          <cell r="AO4027" t="str">
            <v>MDO OH/KEN C&amp;M</v>
          </cell>
        </row>
        <row r="4028">
          <cell r="F4028">
            <v>75084</v>
          </cell>
          <cell r="AN4028" t="str">
            <v>MDO C&amp;M</v>
          </cell>
          <cell r="AO4028" t="str">
            <v>MDO OH/KEN C&amp;M</v>
          </cell>
        </row>
        <row r="4029">
          <cell r="F4029">
            <v>75084</v>
          </cell>
          <cell r="AN4029" t="str">
            <v>MDO C&amp;M</v>
          </cell>
          <cell r="AO4029" t="str">
            <v>MDO OH/KEN C&amp;M</v>
          </cell>
        </row>
        <row r="4030">
          <cell r="F4030">
            <v>75084</v>
          </cell>
          <cell r="AN4030" t="str">
            <v>MDO C&amp;M</v>
          </cell>
          <cell r="AO4030" t="str">
            <v>MDO OH/KEN C&amp;M</v>
          </cell>
        </row>
        <row r="4031">
          <cell r="F4031">
            <v>75084</v>
          </cell>
          <cell r="AN4031" t="str">
            <v>MDO C&amp;M</v>
          </cell>
          <cell r="AO4031" t="str">
            <v>MDO OH/KEN C&amp;M</v>
          </cell>
        </row>
        <row r="4032">
          <cell r="F4032">
            <v>75084</v>
          </cell>
          <cell r="AN4032" t="str">
            <v>MDO C&amp;M</v>
          </cell>
          <cell r="AO4032" t="str">
            <v>MDO OH/KEN C&amp;M</v>
          </cell>
        </row>
        <row r="4033">
          <cell r="F4033">
            <v>75084</v>
          </cell>
          <cell r="AN4033" t="str">
            <v>MDO C&amp;M</v>
          </cell>
          <cell r="AO4033" t="str">
            <v>MDO OH/KEN C&amp;M</v>
          </cell>
        </row>
        <row r="4034">
          <cell r="F4034">
            <v>75084</v>
          </cell>
          <cell r="AN4034" t="str">
            <v>MDO C&amp;M</v>
          </cell>
          <cell r="AO4034" t="str">
            <v>MDO OH/KEN C&amp;M</v>
          </cell>
        </row>
        <row r="4035">
          <cell r="F4035">
            <v>75084</v>
          </cell>
          <cell r="AN4035" t="str">
            <v>MDO C&amp;M</v>
          </cell>
          <cell r="AO4035" t="str">
            <v>MDO OH/KEN C&amp;M</v>
          </cell>
        </row>
        <row r="4036">
          <cell r="F4036">
            <v>75084</v>
          </cell>
          <cell r="AN4036" t="str">
            <v>MDO C&amp;M</v>
          </cell>
          <cell r="AO4036" t="str">
            <v>MDO OH/KEN C&amp;M</v>
          </cell>
        </row>
        <row r="4037">
          <cell r="F4037">
            <v>75084</v>
          </cell>
          <cell r="AN4037" t="str">
            <v>MDO C&amp;M</v>
          </cell>
          <cell r="AO4037" t="str">
            <v>MDO OH/KEN C&amp;M</v>
          </cell>
        </row>
        <row r="4038">
          <cell r="F4038">
            <v>75084</v>
          </cell>
          <cell r="AN4038" t="str">
            <v>MDO C&amp;M</v>
          </cell>
          <cell r="AO4038" t="str">
            <v>MDO OH/KEN C&amp;M</v>
          </cell>
        </row>
        <row r="4039">
          <cell r="F4039">
            <v>75084</v>
          </cell>
          <cell r="AN4039" t="str">
            <v>MDO C&amp;M</v>
          </cell>
          <cell r="AO4039" t="str">
            <v>MDO OH/KEN C&amp;M</v>
          </cell>
        </row>
        <row r="4040">
          <cell r="F4040">
            <v>75084</v>
          </cell>
          <cell r="AN4040" t="str">
            <v>MDO C&amp;M</v>
          </cell>
          <cell r="AO4040" t="str">
            <v>MDO OH/KEN C&amp;M</v>
          </cell>
        </row>
        <row r="4041">
          <cell r="F4041">
            <v>75084</v>
          </cell>
          <cell r="AN4041" t="str">
            <v>MDO C&amp;M</v>
          </cell>
          <cell r="AO4041" t="str">
            <v>MDO OH/KEN C&amp;M</v>
          </cell>
        </row>
        <row r="4042">
          <cell r="F4042">
            <v>75084</v>
          </cell>
          <cell r="AN4042" t="str">
            <v>MDO C&amp;M</v>
          </cell>
          <cell r="AO4042" t="str">
            <v>MDO OH/KEN C&amp;M</v>
          </cell>
        </row>
        <row r="4043">
          <cell r="F4043">
            <v>75084</v>
          </cell>
          <cell r="AN4043" t="str">
            <v>MDO C&amp;M</v>
          </cell>
          <cell r="AO4043" t="str">
            <v>MDO OH/KEN C&amp;M</v>
          </cell>
        </row>
        <row r="4044">
          <cell r="F4044">
            <v>75084</v>
          </cell>
          <cell r="AN4044" t="str">
            <v>MDO C&amp;M</v>
          </cell>
          <cell r="AO4044" t="str">
            <v>MDO OH/KEN C&amp;M</v>
          </cell>
        </row>
        <row r="4045">
          <cell r="F4045">
            <v>75084</v>
          </cell>
          <cell r="AN4045" t="str">
            <v>MDO C&amp;M</v>
          </cell>
          <cell r="AO4045" t="str">
            <v>MDO OH/KEN C&amp;M</v>
          </cell>
        </row>
        <row r="4046">
          <cell r="F4046">
            <v>75084</v>
          </cell>
          <cell r="AN4046" t="str">
            <v>MDO C&amp;M</v>
          </cell>
          <cell r="AO4046" t="str">
            <v>MDO OH/KEN C&amp;M</v>
          </cell>
        </row>
        <row r="4047">
          <cell r="F4047">
            <v>75084</v>
          </cell>
          <cell r="AN4047" t="str">
            <v>MDO C&amp;M</v>
          </cell>
          <cell r="AO4047" t="str">
            <v>MDO OH/KEN C&amp;M</v>
          </cell>
        </row>
        <row r="4048">
          <cell r="F4048">
            <v>75084</v>
          </cell>
          <cell r="AN4048" t="str">
            <v>MDO C&amp;M</v>
          </cell>
          <cell r="AO4048" t="str">
            <v>MDO OH/KEN C&amp;M</v>
          </cell>
        </row>
        <row r="4049">
          <cell r="F4049">
            <v>75084</v>
          </cell>
          <cell r="AN4049" t="str">
            <v>MDO C&amp;M</v>
          </cell>
          <cell r="AO4049" t="str">
            <v>MDO OH/KEN C&amp;M</v>
          </cell>
        </row>
        <row r="4050">
          <cell r="F4050">
            <v>75084</v>
          </cell>
          <cell r="AN4050" t="str">
            <v>MDO C&amp;M</v>
          </cell>
          <cell r="AO4050" t="str">
            <v>MDO OH/KEN C&amp;M</v>
          </cell>
        </row>
        <row r="4051">
          <cell r="F4051">
            <v>75084</v>
          </cell>
          <cell r="AN4051" t="str">
            <v>MDO C&amp;M</v>
          </cell>
          <cell r="AO4051" t="str">
            <v>MDO OH/KEN C&amp;M</v>
          </cell>
        </row>
        <row r="4052">
          <cell r="F4052">
            <v>75084</v>
          </cell>
          <cell r="AN4052" t="str">
            <v>MDO C&amp;M</v>
          </cell>
          <cell r="AO4052" t="str">
            <v>MDO OH/KEN C&amp;M</v>
          </cell>
        </row>
        <row r="4053">
          <cell r="F4053">
            <v>75084</v>
          </cell>
          <cell r="AN4053" t="str">
            <v>MDO C&amp;M</v>
          </cell>
          <cell r="AO4053" t="str">
            <v>MDO OH/KEN C&amp;M</v>
          </cell>
        </row>
        <row r="4054">
          <cell r="F4054">
            <v>75084</v>
          </cell>
          <cell r="AN4054" t="str">
            <v>MDO C&amp;M</v>
          </cell>
          <cell r="AO4054" t="str">
            <v>MDO OH/KEN C&amp;M</v>
          </cell>
        </row>
        <row r="4055">
          <cell r="F4055">
            <v>75084</v>
          </cell>
          <cell r="AN4055" t="str">
            <v>MDO C&amp;M</v>
          </cell>
          <cell r="AO4055" t="str">
            <v>MDO OH/KEN C&amp;M</v>
          </cell>
        </row>
        <row r="4056">
          <cell r="F4056">
            <v>75084</v>
          </cell>
          <cell r="AN4056" t="str">
            <v>MDO C&amp;M</v>
          </cell>
          <cell r="AO4056" t="str">
            <v>MDO OH/KEN C&amp;M</v>
          </cell>
        </row>
        <row r="4057">
          <cell r="F4057">
            <v>75084</v>
          </cell>
          <cell r="AN4057" t="str">
            <v>MDO C&amp;M</v>
          </cell>
          <cell r="AO4057" t="str">
            <v>MDO OH/KEN C&amp;M</v>
          </cell>
        </row>
        <row r="4058">
          <cell r="F4058">
            <v>75084</v>
          </cell>
          <cell r="AN4058" t="str">
            <v>MDO C&amp;M</v>
          </cell>
          <cell r="AO4058" t="str">
            <v>MDO OH/KEN C&amp;M</v>
          </cell>
        </row>
        <row r="4059">
          <cell r="F4059">
            <v>75084</v>
          </cell>
          <cell r="AN4059" t="str">
            <v>MDO C&amp;M</v>
          </cell>
          <cell r="AO4059" t="str">
            <v>MDO OH/KEN C&amp;M</v>
          </cell>
        </row>
        <row r="4060">
          <cell r="F4060">
            <v>75084</v>
          </cell>
          <cell r="AN4060" t="str">
            <v>MDO C&amp;M</v>
          </cell>
          <cell r="AO4060" t="str">
            <v>MDO OH/KEN C&amp;M</v>
          </cell>
        </row>
        <row r="4061">
          <cell r="F4061">
            <v>75084</v>
          </cell>
          <cell r="AN4061" t="str">
            <v>MDO C&amp;M</v>
          </cell>
          <cell r="AO4061" t="str">
            <v>MDO OH/KEN C&amp;M</v>
          </cell>
        </row>
        <row r="4062">
          <cell r="F4062">
            <v>75084</v>
          </cell>
          <cell r="AN4062" t="str">
            <v>MDO C&amp;M</v>
          </cell>
          <cell r="AO4062" t="str">
            <v>MDO OH/KEN C&amp;M</v>
          </cell>
        </row>
        <row r="4063">
          <cell r="F4063">
            <v>75084</v>
          </cell>
          <cell r="AN4063" t="str">
            <v>MDO C&amp;M</v>
          </cell>
          <cell r="AO4063" t="str">
            <v>MDO OH/KEN C&amp;M</v>
          </cell>
        </row>
        <row r="4064">
          <cell r="F4064">
            <v>75084</v>
          </cell>
          <cell r="AN4064" t="str">
            <v>MDO C&amp;M</v>
          </cell>
          <cell r="AO4064" t="str">
            <v>MDO OH/KEN C&amp;M</v>
          </cell>
        </row>
        <row r="4065">
          <cell r="F4065">
            <v>75084</v>
          </cell>
          <cell r="AN4065" t="str">
            <v>MDO C&amp;M</v>
          </cell>
          <cell r="AO4065" t="str">
            <v>MDO OH/KEN C&amp;M</v>
          </cell>
        </row>
        <row r="4066">
          <cell r="F4066">
            <v>75084</v>
          </cell>
          <cell r="AN4066" t="str">
            <v>MDO C&amp;M</v>
          </cell>
          <cell r="AO4066" t="str">
            <v>MDO OH/KEN C&amp;M</v>
          </cell>
        </row>
        <row r="4067">
          <cell r="F4067">
            <v>75084</v>
          </cell>
          <cell r="AN4067" t="str">
            <v>MDO C&amp;M</v>
          </cell>
          <cell r="AO4067" t="str">
            <v>MDO OH/KEN C&amp;M</v>
          </cell>
        </row>
        <row r="4068">
          <cell r="F4068">
            <v>75084</v>
          </cell>
          <cell r="AN4068" t="str">
            <v>MDO C&amp;M</v>
          </cell>
          <cell r="AO4068" t="str">
            <v>MDO OH/KEN C&amp;M</v>
          </cell>
        </row>
        <row r="4069">
          <cell r="F4069">
            <v>75084</v>
          </cell>
          <cell r="AN4069" t="str">
            <v>MDO C&amp;M</v>
          </cell>
          <cell r="AO4069" t="str">
            <v>MDO OH/KEN C&amp;M</v>
          </cell>
        </row>
        <row r="4070">
          <cell r="F4070">
            <v>75084</v>
          </cell>
          <cell r="AN4070" t="str">
            <v>MDO C&amp;M</v>
          </cell>
          <cell r="AO4070" t="str">
            <v>MDO OH/KEN C&amp;M</v>
          </cell>
        </row>
        <row r="4071">
          <cell r="F4071">
            <v>75084</v>
          </cell>
          <cell r="AN4071" t="str">
            <v>MDO C&amp;M</v>
          </cell>
          <cell r="AO4071" t="str">
            <v>MDO OH/KEN C&amp;M</v>
          </cell>
        </row>
        <row r="4072">
          <cell r="F4072">
            <v>75084</v>
          </cell>
          <cell r="AN4072" t="str">
            <v>MDO C&amp;M</v>
          </cell>
          <cell r="AO4072" t="str">
            <v>MDO OH/KEN C&amp;M</v>
          </cell>
        </row>
        <row r="4073">
          <cell r="F4073">
            <v>75084</v>
          </cell>
          <cell r="AN4073" t="str">
            <v>MDO C&amp;M</v>
          </cell>
          <cell r="AO4073" t="str">
            <v>MDO OH/KEN C&amp;M</v>
          </cell>
        </row>
        <row r="4074">
          <cell r="F4074">
            <v>75084</v>
          </cell>
          <cell r="AN4074" t="str">
            <v>MDO C&amp;M</v>
          </cell>
          <cell r="AO4074" t="str">
            <v>MDO OH/KEN C&amp;M</v>
          </cell>
        </row>
        <row r="4075">
          <cell r="F4075">
            <v>75084</v>
          </cell>
          <cell r="AN4075" t="str">
            <v>MDO C&amp;M</v>
          </cell>
          <cell r="AO4075" t="str">
            <v>MDO OH/KEN C&amp;M</v>
          </cell>
        </row>
        <row r="4076">
          <cell r="F4076">
            <v>75084</v>
          </cell>
          <cell r="AN4076" t="str">
            <v>MDO C&amp;M</v>
          </cell>
          <cell r="AO4076" t="str">
            <v>MDO OH/KEN C&amp;M</v>
          </cell>
        </row>
        <row r="4077">
          <cell r="F4077">
            <v>75084</v>
          </cell>
          <cell r="AN4077" t="str">
            <v>MDO C&amp;M</v>
          </cell>
          <cell r="AO4077" t="str">
            <v>MDO OH/KEN C&amp;M</v>
          </cell>
        </row>
        <row r="4078">
          <cell r="F4078">
            <v>75084</v>
          </cell>
          <cell r="AN4078" t="str">
            <v>MDO C&amp;M</v>
          </cell>
          <cell r="AO4078" t="str">
            <v>MDO OH/KEN C&amp;M</v>
          </cell>
        </row>
        <row r="4079">
          <cell r="F4079">
            <v>75115</v>
          </cell>
          <cell r="AN4079" t="str">
            <v>MDO C&amp;M</v>
          </cell>
          <cell r="AO4079" t="str">
            <v>MDO INDIANA SOUTHWEST C&amp;M</v>
          </cell>
        </row>
        <row r="4080">
          <cell r="F4080">
            <v>75115</v>
          </cell>
          <cell r="AN4080" t="str">
            <v>MDO C&amp;M</v>
          </cell>
          <cell r="AO4080" t="str">
            <v>MDO INDIANA SOUTHWEST C&amp;M</v>
          </cell>
        </row>
        <row r="4081">
          <cell r="F4081">
            <v>75115</v>
          </cell>
          <cell r="AN4081" t="str">
            <v>MDO C&amp;M</v>
          </cell>
          <cell r="AO4081" t="str">
            <v>MDO INDIANA SOUTHWEST C&amp;M</v>
          </cell>
        </row>
        <row r="4082">
          <cell r="F4082">
            <v>75115</v>
          </cell>
          <cell r="AN4082" t="str">
            <v>MDO C&amp;M</v>
          </cell>
          <cell r="AO4082" t="str">
            <v>MDO INDIANA SOUTHWEST C&amp;M</v>
          </cell>
        </row>
        <row r="4083">
          <cell r="F4083">
            <v>75115</v>
          </cell>
          <cell r="AN4083" t="str">
            <v>MDO C&amp;M</v>
          </cell>
          <cell r="AO4083" t="str">
            <v>MDO INDIANA SOUTHWEST C&amp;M</v>
          </cell>
        </row>
        <row r="4084">
          <cell r="F4084">
            <v>75115</v>
          </cell>
          <cell r="AN4084" t="str">
            <v>MDO C&amp;M</v>
          </cell>
          <cell r="AO4084" t="str">
            <v>MDO INDIANA SOUTHWEST C&amp;M</v>
          </cell>
        </row>
        <row r="4085">
          <cell r="F4085">
            <v>75115</v>
          </cell>
          <cell r="AN4085" t="str">
            <v>MDO C&amp;M</v>
          </cell>
          <cell r="AO4085" t="str">
            <v>MDO INDIANA SOUTHWEST C&amp;M</v>
          </cell>
        </row>
        <row r="4086">
          <cell r="F4086">
            <v>75115</v>
          </cell>
          <cell r="AN4086" t="str">
            <v>MDO C&amp;M</v>
          </cell>
          <cell r="AO4086" t="str">
            <v>MDO INDIANA SOUTHWEST C&amp;M</v>
          </cell>
        </row>
        <row r="4087">
          <cell r="F4087">
            <v>75115</v>
          </cell>
          <cell r="AN4087" t="str">
            <v>MDO C&amp;M</v>
          </cell>
          <cell r="AO4087" t="str">
            <v>MDO INDIANA SOUTHWEST C&amp;M</v>
          </cell>
        </row>
        <row r="4088">
          <cell r="F4088">
            <v>75115</v>
          </cell>
          <cell r="AN4088" t="str">
            <v>MDO C&amp;M</v>
          </cell>
          <cell r="AO4088" t="str">
            <v>MDO INDIANA SOUTHWEST C&amp;M</v>
          </cell>
        </row>
        <row r="4089">
          <cell r="F4089">
            <v>75115</v>
          </cell>
          <cell r="AN4089" t="str">
            <v>MDO C&amp;M</v>
          </cell>
          <cell r="AO4089" t="str">
            <v>MDO INDIANA SOUTHWEST C&amp;M</v>
          </cell>
        </row>
        <row r="4090">
          <cell r="F4090">
            <v>75115</v>
          </cell>
          <cell r="AN4090" t="str">
            <v>MDO C&amp;M</v>
          </cell>
          <cell r="AO4090" t="str">
            <v>MDO INDIANA SOUTHWEST C&amp;M</v>
          </cell>
        </row>
        <row r="4091">
          <cell r="F4091">
            <v>75115</v>
          </cell>
          <cell r="AN4091" t="str">
            <v>MDO C&amp;M</v>
          </cell>
          <cell r="AO4091" t="str">
            <v>MDO INDIANA SOUTHEAST C&amp;M</v>
          </cell>
        </row>
        <row r="4092">
          <cell r="F4092">
            <v>75115</v>
          </cell>
          <cell r="AN4092" t="str">
            <v>MDO C&amp;M</v>
          </cell>
          <cell r="AO4092" t="str">
            <v>MDO INDIANA SOUTHEAST C&amp;M</v>
          </cell>
        </row>
        <row r="4093">
          <cell r="F4093">
            <v>75115</v>
          </cell>
          <cell r="AN4093" t="str">
            <v>MDO C&amp;M</v>
          </cell>
          <cell r="AO4093" t="str">
            <v>MDO INDIANA SOUTHEAST C&amp;M</v>
          </cell>
        </row>
        <row r="4094">
          <cell r="F4094">
            <v>75115</v>
          </cell>
          <cell r="AN4094" t="str">
            <v>MDO C&amp;M</v>
          </cell>
          <cell r="AO4094" t="str">
            <v>MDO INDIANA SOUTHEAST C&amp;M</v>
          </cell>
        </row>
        <row r="4095">
          <cell r="F4095">
            <v>75115</v>
          </cell>
          <cell r="AN4095" t="str">
            <v>MDO C&amp;M</v>
          </cell>
          <cell r="AO4095" t="str">
            <v>MDO INDIANA SOUTHEAST C&amp;M</v>
          </cell>
        </row>
        <row r="4096">
          <cell r="F4096">
            <v>75115</v>
          </cell>
          <cell r="AN4096" t="str">
            <v>MDO C&amp;M</v>
          </cell>
          <cell r="AO4096" t="str">
            <v>MDO INDIANA SOUTHEAST C&amp;M</v>
          </cell>
        </row>
        <row r="4097">
          <cell r="F4097">
            <v>75115</v>
          </cell>
          <cell r="AN4097" t="str">
            <v>MDO C&amp;M</v>
          </cell>
          <cell r="AO4097" t="str">
            <v>MDO INDIANA SOUTHEAST C&amp;M</v>
          </cell>
        </row>
        <row r="4098">
          <cell r="F4098">
            <v>75115</v>
          </cell>
          <cell r="AN4098" t="str">
            <v>MDO C&amp;M</v>
          </cell>
          <cell r="AO4098" t="str">
            <v>MDO INDIANA SOUTHEAST C&amp;M</v>
          </cell>
        </row>
        <row r="4099">
          <cell r="F4099">
            <v>75115</v>
          </cell>
          <cell r="AN4099" t="str">
            <v>MDO C&amp;M</v>
          </cell>
          <cell r="AO4099" t="str">
            <v>MDO INDIANA SOUTHEAST C&amp;M</v>
          </cell>
        </row>
        <row r="4100">
          <cell r="F4100">
            <v>75115</v>
          </cell>
          <cell r="AN4100" t="str">
            <v>MDO C&amp;M</v>
          </cell>
          <cell r="AO4100" t="str">
            <v>MDO INDIANA SOUTHEAST C&amp;M</v>
          </cell>
        </row>
        <row r="4101">
          <cell r="F4101">
            <v>75115</v>
          </cell>
          <cell r="AN4101" t="str">
            <v>MDO C&amp;M</v>
          </cell>
          <cell r="AO4101" t="str">
            <v>MDO INDIANA SOUTHEAST C&amp;M</v>
          </cell>
        </row>
        <row r="4102">
          <cell r="F4102">
            <v>75115</v>
          </cell>
          <cell r="AN4102" t="str">
            <v>MDO C&amp;M</v>
          </cell>
          <cell r="AO4102" t="str">
            <v>MDO INDIANA SOUTHEAST C&amp;M</v>
          </cell>
        </row>
        <row r="4103">
          <cell r="F4103">
            <v>75115</v>
          </cell>
          <cell r="AN4103" t="str">
            <v>MDO C&amp;M</v>
          </cell>
          <cell r="AO4103" t="str">
            <v>MDO INDIANA NORTH C&amp;M</v>
          </cell>
        </row>
        <row r="4104">
          <cell r="F4104">
            <v>75115</v>
          </cell>
          <cell r="AN4104" t="str">
            <v>MDO C&amp;M</v>
          </cell>
          <cell r="AO4104" t="str">
            <v>MDO INDIANA NORTH C&amp;M</v>
          </cell>
        </row>
        <row r="4105">
          <cell r="F4105">
            <v>75115</v>
          </cell>
          <cell r="AN4105" t="str">
            <v>MDO C&amp;M</v>
          </cell>
          <cell r="AO4105" t="str">
            <v>MDO INDIANA NORTH C&amp;M</v>
          </cell>
        </row>
        <row r="4106">
          <cell r="F4106">
            <v>75115</v>
          </cell>
          <cell r="AN4106" t="str">
            <v>MDO C&amp;M</v>
          </cell>
          <cell r="AO4106" t="str">
            <v>MDO INDIANA NORTH C&amp;M</v>
          </cell>
        </row>
        <row r="4107">
          <cell r="F4107">
            <v>75115</v>
          </cell>
          <cell r="AN4107" t="str">
            <v>MDO C&amp;M</v>
          </cell>
          <cell r="AO4107" t="str">
            <v>MDO INDIANA NORTH C&amp;M</v>
          </cell>
        </row>
        <row r="4108">
          <cell r="F4108">
            <v>75115</v>
          </cell>
          <cell r="AN4108" t="str">
            <v>MDO C&amp;M</v>
          </cell>
          <cell r="AO4108" t="str">
            <v>MDO INDIANA NORTH C&amp;M</v>
          </cell>
        </row>
        <row r="4109">
          <cell r="F4109">
            <v>75115</v>
          </cell>
          <cell r="AN4109" t="str">
            <v>MDO C&amp;M</v>
          </cell>
          <cell r="AO4109" t="str">
            <v>MDO INDIANA NORTH C&amp;M</v>
          </cell>
        </row>
        <row r="4110">
          <cell r="F4110">
            <v>75115</v>
          </cell>
          <cell r="AN4110" t="str">
            <v>MDO C&amp;M</v>
          </cell>
          <cell r="AO4110" t="str">
            <v>MDO INDIANA NORTH C&amp;M</v>
          </cell>
        </row>
        <row r="4111">
          <cell r="F4111">
            <v>75115</v>
          </cell>
          <cell r="AN4111" t="str">
            <v>MDO C&amp;M</v>
          </cell>
          <cell r="AO4111" t="str">
            <v>MDO INDIANA NORTH C&amp;M</v>
          </cell>
        </row>
        <row r="4112">
          <cell r="F4112">
            <v>75115</v>
          </cell>
          <cell r="AN4112" t="str">
            <v>MDO C&amp;M</v>
          </cell>
          <cell r="AO4112" t="str">
            <v>MDO INDIANA NORTH C&amp;M</v>
          </cell>
        </row>
        <row r="4113">
          <cell r="F4113">
            <v>75115</v>
          </cell>
          <cell r="AN4113" t="str">
            <v>MDO C&amp;M</v>
          </cell>
          <cell r="AO4113" t="str">
            <v>MDO INDIANA NORTH C&amp;M</v>
          </cell>
        </row>
        <row r="4114">
          <cell r="F4114">
            <v>75115</v>
          </cell>
          <cell r="AN4114" t="str">
            <v>MDO C&amp;M</v>
          </cell>
          <cell r="AO4114" t="str">
            <v>MDO INDIANA NORTH C&amp;M</v>
          </cell>
        </row>
        <row r="4115">
          <cell r="F4115">
            <v>75115</v>
          </cell>
          <cell r="AN4115" t="str">
            <v>MDO C&amp;M</v>
          </cell>
          <cell r="AO4115" t="str">
            <v>MDO INDIANA SOUTHWEST C&amp;M</v>
          </cell>
        </row>
        <row r="4116">
          <cell r="F4116">
            <v>75115</v>
          </cell>
          <cell r="AN4116" t="str">
            <v>MDO C&amp;M</v>
          </cell>
          <cell r="AO4116" t="str">
            <v>MDO INDIANA SOUTHEAST C&amp;M</v>
          </cell>
        </row>
        <row r="4117">
          <cell r="F4117">
            <v>75115</v>
          </cell>
          <cell r="AN4117" t="str">
            <v>MDO C&amp;M</v>
          </cell>
          <cell r="AO4117" t="str">
            <v>MDO INDIANA NORTH C&amp;M</v>
          </cell>
        </row>
        <row r="4118">
          <cell r="F4118">
            <v>75115</v>
          </cell>
          <cell r="AN4118" t="str">
            <v>MDO C&amp;M</v>
          </cell>
          <cell r="AO4118" t="str">
            <v>MDO INDIANA SOUTHWEST C&amp;M</v>
          </cell>
        </row>
        <row r="4119">
          <cell r="F4119">
            <v>75115</v>
          </cell>
          <cell r="AN4119" t="str">
            <v>MDO C&amp;M</v>
          </cell>
          <cell r="AO4119" t="str">
            <v>MDO INDIANA SOUTHWEST C&amp;M</v>
          </cell>
        </row>
        <row r="4120">
          <cell r="F4120">
            <v>75115</v>
          </cell>
          <cell r="AN4120" t="str">
            <v>MDO C&amp;M</v>
          </cell>
          <cell r="AO4120" t="str">
            <v>MDO INDIANA SOUTHWEST C&amp;M</v>
          </cell>
        </row>
        <row r="4121">
          <cell r="F4121">
            <v>75115</v>
          </cell>
          <cell r="AN4121" t="str">
            <v>MDO C&amp;M</v>
          </cell>
          <cell r="AO4121" t="str">
            <v>MDO INDIANA SOUTHWEST C&amp;M</v>
          </cell>
        </row>
        <row r="4122">
          <cell r="F4122">
            <v>75115</v>
          </cell>
          <cell r="AN4122" t="str">
            <v>MDO C&amp;M</v>
          </cell>
          <cell r="AO4122" t="str">
            <v>MDO INDIANA SOUTHWEST C&amp;M</v>
          </cell>
        </row>
        <row r="4123">
          <cell r="F4123">
            <v>75115</v>
          </cell>
          <cell r="AN4123" t="str">
            <v>MDO C&amp;M</v>
          </cell>
          <cell r="AO4123" t="str">
            <v>MDO INDIANA SOUTHWEST C&amp;M</v>
          </cell>
        </row>
        <row r="4124">
          <cell r="F4124">
            <v>75115</v>
          </cell>
          <cell r="AN4124" t="str">
            <v>MDO C&amp;M</v>
          </cell>
          <cell r="AO4124" t="str">
            <v>MDO INDIANA SOUTHWEST C&amp;M</v>
          </cell>
        </row>
        <row r="4125">
          <cell r="F4125">
            <v>75115</v>
          </cell>
          <cell r="AN4125" t="str">
            <v>MDO C&amp;M</v>
          </cell>
          <cell r="AO4125" t="str">
            <v>MDO INDIANA SOUTHWEST C&amp;M</v>
          </cell>
        </row>
        <row r="4126">
          <cell r="F4126">
            <v>75115</v>
          </cell>
          <cell r="AN4126" t="str">
            <v>MDO C&amp;M</v>
          </cell>
          <cell r="AO4126" t="str">
            <v>MDO INDIANA SOUTHEAST C&amp;M</v>
          </cell>
        </row>
        <row r="4127">
          <cell r="F4127">
            <v>75115</v>
          </cell>
          <cell r="AN4127" t="str">
            <v>MDO C&amp;M</v>
          </cell>
          <cell r="AO4127" t="str">
            <v>MDO INDIANA SOUTHEAST C&amp;M</v>
          </cell>
        </row>
        <row r="4128">
          <cell r="F4128">
            <v>75115</v>
          </cell>
          <cell r="AN4128" t="str">
            <v>MDO C&amp;M</v>
          </cell>
          <cell r="AO4128" t="str">
            <v>MDO INDIANA SOUTHEAST C&amp;M</v>
          </cell>
        </row>
        <row r="4129">
          <cell r="F4129">
            <v>75115</v>
          </cell>
          <cell r="AN4129" t="str">
            <v>MDO C&amp;M</v>
          </cell>
          <cell r="AO4129" t="str">
            <v>MDO INDIANA SOUTHEAST C&amp;M</v>
          </cell>
        </row>
        <row r="4130">
          <cell r="F4130">
            <v>75115</v>
          </cell>
          <cell r="AN4130" t="str">
            <v>MDO C&amp;M</v>
          </cell>
          <cell r="AO4130" t="str">
            <v>MDO INDIANA SOUTHEAST C&amp;M</v>
          </cell>
        </row>
        <row r="4131">
          <cell r="F4131">
            <v>75115</v>
          </cell>
          <cell r="AN4131" t="str">
            <v>MDO C&amp;M</v>
          </cell>
          <cell r="AO4131" t="str">
            <v>MDO INDIANA SOUTHEAST C&amp;M</v>
          </cell>
        </row>
        <row r="4132">
          <cell r="F4132">
            <v>75115</v>
          </cell>
          <cell r="AN4132" t="str">
            <v>MDO C&amp;M</v>
          </cell>
          <cell r="AO4132" t="str">
            <v>MDO INDIANA SOUTHEAST C&amp;M</v>
          </cell>
        </row>
        <row r="4133">
          <cell r="F4133">
            <v>75115</v>
          </cell>
          <cell r="AN4133" t="str">
            <v>MDO C&amp;M</v>
          </cell>
          <cell r="AO4133" t="str">
            <v>MDO INDIANA SOUTHEAST C&amp;M</v>
          </cell>
        </row>
        <row r="4134">
          <cell r="F4134">
            <v>75115</v>
          </cell>
          <cell r="AN4134" t="str">
            <v>MDO C&amp;M</v>
          </cell>
          <cell r="AO4134" t="str">
            <v>MDO INDIANA NORTH C&amp;M</v>
          </cell>
        </row>
        <row r="4135">
          <cell r="F4135">
            <v>75115</v>
          </cell>
          <cell r="AN4135" t="str">
            <v>MDO C&amp;M</v>
          </cell>
          <cell r="AO4135" t="str">
            <v>MDO INDIANA NORTH C&amp;M</v>
          </cell>
        </row>
        <row r="4136">
          <cell r="F4136">
            <v>75115</v>
          </cell>
          <cell r="AN4136" t="str">
            <v>MDO C&amp;M</v>
          </cell>
          <cell r="AO4136" t="str">
            <v>MDO INDIANA NORTH C&amp;M</v>
          </cell>
        </row>
        <row r="4137">
          <cell r="F4137">
            <v>75115</v>
          </cell>
          <cell r="AN4137" t="str">
            <v>MDO C&amp;M</v>
          </cell>
          <cell r="AO4137" t="str">
            <v>MDO INDIANA NORTH C&amp;M</v>
          </cell>
        </row>
        <row r="4138">
          <cell r="F4138">
            <v>75115</v>
          </cell>
          <cell r="AN4138" t="str">
            <v>MDO C&amp;M</v>
          </cell>
          <cell r="AO4138" t="str">
            <v>MDO INDIANA NORTH C&amp;M</v>
          </cell>
        </row>
        <row r="4139">
          <cell r="F4139">
            <v>75115</v>
          </cell>
          <cell r="AN4139" t="str">
            <v>MDO C&amp;M</v>
          </cell>
          <cell r="AO4139" t="str">
            <v>MDO INDIANA NORTH C&amp;M</v>
          </cell>
        </row>
        <row r="4140">
          <cell r="F4140">
            <v>75115</v>
          </cell>
          <cell r="AN4140" t="str">
            <v>MDO C&amp;M</v>
          </cell>
          <cell r="AO4140" t="str">
            <v>MDO INDIANA NORTH C&amp;M</v>
          </cell>
        </row>
        <row r="4141">
          <cell r="F4141">
            <v>75115</v>
          </cell>
          <cell r="AN4141" t="str">
            <v>MDO C&amp;M</v>
          </cell>
          <cell r="AO4141" t="str">
            <v>MDO INDIANA NORTH C&amp;M</v>
          </cell>
        </row>
        <row r="4142">
          <cell r="F4142">
            <v>75115</v>
          </cell>
          <cell r="AN4142" t="str">
            <v>MDO C&amp;M</v>
          </cell>
          <cell r="AO4142" t="str">
            <v>MDO INDIANA NORTH C&amp;M</v>
          </cell>
        </row>
        <row r="4143">
          <cell r="F4143">
            <v>75115</v>
          </cell>
          <cell r="AN4143" t="str">
            <v>MDO C&amp;M</v>
          </cell>
          <cell r="AO4143" t="str">
            <v>MDO INDIANA NORTH C&amp;M</v>
          </cell>
        </row>
        <row r="4144">
          <cell r="F4144">
            <v>75115</v>
          </cell>
          <cell r="AN4144" t="str">
            <v>MDO C&amp;M</v>
          </cell>
          <cell r="AO4144" t="str">
            <v>MDO INDIANA NORTH C&amp;M</v>
          </cell>
        </row>
        <row r="4145">
          <cell r="F4145">
            <v>75115</v>
          </cell>
          <cell r="AN4145" t="str">
            <v>MDO C&amp;M</v>
          </cell>
          <cell r="AO4145" t="str">
            <v>MDO INDIANA NORTH C&amp;M</v>
          </cell>
        </row>
        <row r="4146">
          <cell r="F4146">
            <v>75115</v>
          </cell>
          <cell r="AN4146" t="str">
            <v>MDO C&amp;M</v>
          </cell>
          <cell r="AO4146" t="str">
            <v>MDO INDIANA NORTH C&amp;M</v>
          </cell>
        </row>
        <row r="4147">
          <cell r="F4147">
            <v>75115</v>
          </cell>
          <cell r="AN4147" t="str">
            <v>MDO C&amp;M</v>
          </cell>
          <cell r="AO4147" t="str">
            <v>MDO INDIANA NORTH C&amp;M</v>
          </cell>
        </row>
        <row r="4148">
          <cell r="F4148">
            <v>75115</v>
          </cell>
          <cell r="AN4148" t="str">
            <v>MDO C&amp;M</v>
          </cell>
          <cell r="AO4148" t="str">
            <v>MDO INDIANA NORTH C&amp;M</v>
          </cell>
        </row>
        <row r="4149">
          <cell r="F4149">
            <v>75115</v>
          </cell>
          <cell r="AN4149" t="str">
            <v>MDO C&amp;M</v>
          </cell>
          <cell r="AO4149" t="str">
            <v>MDO INDIANA NORTH C&amp;M</v>
          </cell>
        </row>
        <row r="4150">
          <cell r="F4150">
            <v>75115</v>
          </cell>
          <cell r="AN4150" t="str">
            <v>MDO C&amp;M</v>
          </cell>
          <cell r="AO4150" t="str">
            <v>MDO INDIANA NORTH C&amp;M</v>
          </cell>
        </row>
        <row r="4151">
          <cell r="F4151">
            <v>75115</v>
          </cell>
          <cell r="AN4151" t="str">
            <v>MDO C&amp;M</v>
          </cell>
          <cell r="AO4151" t="str">
            <v>MDO INDIANA NORTH C&amp;M</v>
          </cell>
        </row>
        <row r="4152">
          <cell r="F4152">
            <v>75115</v>
          </cell>
          <cell r="AN4152" t="str">
            <v>MDO C&amp;M</v>
          </cell>
          <cell r="AO4152" t="str">
            <v>MDO INDIANA NORTH C&amp;M</v>
          </cell>
        </row>
        <row r="4153">
          <cell r="F4153">
            <v>75115</v>
          </cell>
          <cell r="AN4153" t="str">
            <v>MDO C&amp;M</v>
          </cell>
          <cell r="AO4153" t="str">
            <v>MDO INDIANA NORTH C&amp;M</v>
          </cell>
        </row>
        <row r="4154">
          <cell r="F4154">
            <v>75115</v>
          </cell>
          <cell r="AN4154" t="str">
            <v>MDO C&amp;M</v>
          </cell>
          <cell r="AO4154" t="str">
            <v>MDO INDIANA NORTH C&amp;M</v>
          </cell>
        </row>
        <row r="4155">
          <cell r="F4155">
            <v>75115</v>
          </cell>
          <cell r="AN4155" t="str">
            <v>MDO C&amp;M</v>
          </cell>
          <cell r="AO4155" t="str">
            <v>MDO INDIANA NORTH C&amp;M</v>
          </cell>
        </row>
        <row r="4156">
          <cell r="F4156">
            <v>75115</v>
          </cell>
          <cell r="AN4156" t="str">
            <v>MDO C&amp;M</v>
          </cell>
          <cell r="AO4156" t="str">
            <v>MDO INDIANA NORTH C&amp;M</v>
          </cell>
        </row>
        <row r="4157">
          <cell r="F4157">
            <v>75115</v>
          </cell>
          <cell r="AN4157" t="str">
            <v>MDO C&amp;M</v>
          </cell>
          <cell r="AO4157" t="str">
            <v>MDO INDIANA NORTH C&amp;M</v>
          </cell>
        </row>
        <row r="4158">
          <cell r="F4158">
            <v>75115</v>
          </cell>
          <cell r="AN4158" t="str">
            <v>MDO C&amp;M</v>
          </cell>
          <cell r="AO4158" t="str">
            <v>MDO INDIANA NORTH C&amp;M</v>
          </cell>
        </row>
        <row r="4159">
          <cell r="F4159">
            <v>75115</v>
          </cell>
          <cell r="AN4159" t="str">
            <v>MDO C&amp;M</v>
          </cell>
          <cell r="AO4159" t="str">
            <v>MDO INDIANA NORTH C&amp;M</v>
          </cell>
        </row>
        <row r="4160">
          <cell r="F4160">
            <v>75115</v>
          </cell>
          <cell r="AN4160" t="str">
            <v>MDO C&amp;M</v>
          </cell>
          <cell r="AO4160" t="str">
            <v>MDO INDIANA NORTH C&amp;M</v>
          </cell>
        </row>
        <row r="4161">
          <cell r="F4161">
            <v>75115</v>
          </cell>
          <cell r="AN4161" t="str">
            <v>MDO C&amp;M</v>
          </cell>
          <cell r="AO4161" t="str">
            <v>MDO INDIANA NORTH C&amp;M</v>
          </cell>
        </row>
        <row r="4162">
          <cell r="F4162">
            <v>75115</v>
          </cell>
          <cell r="AN4162" t="str">
            <v>MDO C&amp;M</v>
          </cell>
          <cell r="AO4162" t="str">
            <v>MDO INDIANA NORTH C&amp;M</v>
          </cell>
        </row>
        <row r="4163">
          <cell r="F4163">
            <v>75115</v>
          </cell>
          <cell r="AN4163" t="str">
            <v>MDO C&amp;M</v>
          </cell>
          <cell r="AO4163" t="str">
            <v>MDO INDIANA NORTH C&amp;M</v>
          </cell>
        </row>
        <row r="4164">
          <cell r="F4164">
            <v>75115</v>
          </cell>
          <cell r="AN4164" t="str">
            <v>MDO C&amp;M</v>
          </cell>
          <cell r="AO4164" t="str">
            <v>MDO INDIANA NORTH C&amp;M</v>
          </cell>
        </row>
        <row r="4165">
          <cell r="F4165">
            <v>75115</v>
          </cell>
          <cell r="AN4165" t="str">
            <v>MDO C&amp;M</v>
          </cell>
          <cell r="AO4165" t="str">
            <v>MDO INDIANA NORTH C&amp;M</v>
          </cell>
        </row>
        <row r="4166">
          <cell r="F4166">
            <v>75115</v>
          </cell>
          <cell r="AN4166" t="str">
            <v>MDO C&amp;M</v>
          </cell>
          <cell r="AO4166" t="str">
            <v>MDO INDIANA NORTH C&amp;M</v>
          </cell>
        </row>
        <row r="4167">
          <cell r="F4167">
            <v>75115</v>
          </cell>
          <cell r="AN4167" t="str">
            <v>MDO C&amp;M</v>
          </cell>
          <cell r="AO4167" t="str">
            <v>MDO INDIANA NORTH C&amp;M</v>
          </cell>
        </row>
        <row r="4168">
          <cell r="F4168">
            <v>75115</v>
          </cell>
          <cell r="AN4168" t="str">
            <v>MDO C&amp;M</v>
          </cell>
          <cell r="AO4168" t="str">
            <v>MDO INDIANA NORTH C&amp;M</v>
          </cell>
        </row>
        <row r="4169">
          <cell r="F4169">
            <v>75115</v>
          </cell>
          <cell r="AN4169" t="str">
            <v>MDO C&amp;M</v>
          </cell>
          <cell r="AO4169" t="str">
            <v>MDO INDIANA NORTH C&amp;M</v>
          </cell>
        </row>
        <row r="4170">
          <cell r="F4170">
            <v>75115</v>
          </cell>
          <cell r="AN4170" t="str">
            <v>MDO C&amp;M</v>
          </cell>
          <cell r="AO4170" t="str">
            <v>MDO INDIANA SOUTHEAST C&amp;M</v>
          </cell>
        </row>
        <row r="4171">
          <cell r="F4171">
            <v>75115</v>
          </cell>
          <cell r="AN4171" t="str">
            <v>MDO C&amp;M</v>
          </cell>
          <cell r="AO4171" t="str">
            <v>MDO INDIANA SOUTHEAST C&amp;M</v>
          </cell>
        </row>
        <row r="4172">
          <cell r="F4172">
            <v>75115</v>
          </cell>
          <cell r="AN4172" t="str">
            <v>MDO C&amp;M</v>
          </cell>
          <cell r="AO4172" t="str">
            <v>MDO INDIANA SOUTHEAST C&amp;M</v>
          </cell>
        </row>
        <row r="4173">
          <cell r="F4173">
            <v>75115</v>
          </cell>
          <cell r="AN4173" t="str">
            <v>MDO C&amp;M</v>
          </cell>
          <cell r="AO4173" t="str">
            <v>MDO INDIANA SOUTHEAST C&amp;M</v>
          </cell>
        </row>
        <row r="4174">
          <cell r="F4174">
            <v>75115</v>
          </cell>
          <cell r="AN4174" t="str">
            <v>MDO C&amp;M</v>
          </cell>
          <cell r="AO4174" t="str">
            <v>MDO INDIANA SOUTHEAST C&amp;M</v>
          </cell>
        </row>
        <row r="4175">
          <cell r="F4175">
            <v>75115</v>
          </cell>
          <cell r="AN4175" t="str">
            <v>MDO C&amp;M</v>
          </cell>
          <cell r="AO4175" t="str">
            <v>MDO INDIANA SOUTHEAST C&amp;M</v>
          </cell>
        </row>
        <row r="4176">
          <cell r="F4176">
            <v>75115</v>
          </cell>
          <cell r="AN4176" t="str">
            <v>MDO C&amp;M</v>
          </cell>
          <cell r="AO4176" t="str">
            <v>MDO INDIANA SOUTHEAST C&amp;M</v>
          </cell>
        </row>
        <row r="4177">
          <cell r="F4177">
            <v>75115</v>
          </cell>
          <cell r="AN4177" t="str">
            <v>MDO C&amp;M</v>
          </cell>
          <cell r="AO4177" t="str">
            <v>MDO INDIANA SOUTHEAST C&amp;M</v>
          </cell>
        </row>
        <row r="4178">
          <cell r="F4178">
            <v>75115</v>
          </cell>
          <cell r="AN4178" t="str">
            <v>MDO C&amp;M</v>
          </cell>
          <cell r="AO4178" t="str">
            <v>MDO INDIANA SOUTHEAST C&amp;M</v>
          </cell>
        </row>
        <row r="4179">
          <cell r="F4179">
            <v>75115</v>
          </cell>
          <cell r="AN4179" t="str">
            <v>MDO C&amp;M</v>
          </cell>
          <cell r="AO4179" t="str">
            <v>MDO INDIANA SOUTHEAST C&amp;M</v>
          </cell>
        </row>
        <row r="4180">
          <cell r="F4180">
            <v>75115</v>
          </cell>
          <cell r="AN4180" t="str">
            <v>MDO C&amp;M</v>
          </cell>
          <cell r="AO4180" t="str">
            <v>MDO INDIANA SOUTHEAST C&amp;M</v>
          </cell>
        </row>
        <row r="4181">
          <cell r="F4181">
            <v>75115</v>
          </cell>
          <cell r="AN4181" t="str">
            <v>MDO C&amp;M</v>
          </cell>
          <cell r="AO4181" t="str">
            <v>MDO INDIANA SOUTHEAST C&amp;M</v>
          </cell>
        </row>
        <row r="4182">
          <cell r="F4182">
            <v>75115</v>
          </cell>
          <cell r="AN4182" t="str">
            <v>MDO C&amp;M</v>
          </cell>
          <cell r="AO4182" t="str">
            <v>MDO INDIANA SOUTHEAST C&amp;M</v>
          </cell>
        </row>
        <row r="4183">
          <cell r="F4183">
            <v>75115</v>
          </cell>
          <cell r="AN4183" t="str">
            <v>MDO C&amp;M</v>
          </cell>
          <cell r="AO4183" t="str">
            <v>MDO INDIANA SOUTHEAST C&amp;M</v>
          </cell>
        </row>
        <row r="4184">
          <cell r="F4184">
            <v>75115</v>
          </cell>
          <cell r="AN4184" t="str">
            <v>MDO C&amp;M</v>
          </cell>
          <cell r="AO4184" t="str">
            <v>MDO INDIANA SOUTHEAST C&amp;M</v>
          </cell>
        </row>
        <row r="4185">
          <cell r="F4185">
            <v>75115</v>
          </cell>
          <cell r="AN4185" t="str">
            <v>MDO C&amp;M</v>
          </cell>
          <cell r="AO4185" t="str">
            <v>MDO INDIANA SOUTHEAST C&amp;M</v>
          </cell>
        </row>
        <row r="4186">
          <cell r="F4186">
            <v>75115</v>
          </cell>
          <cell r="AN4186" t="str">
            <v>MDO C&amp;M</v>
          </cell>
          <cell r="AO4186" t="str">
            <v>MDO INDIANA SOUTHEAST C&amp;M</v>
          </cell>
        </row>
        <row r="4187">
          <cell r="F4187">
            <v>75115</v>
          </cell>
          <cell r="AN4187" t="str">
            <v>MDO C&amp;M</v>
          </cell>
          <cell r="AO4187" t="str">
            <v>MDO INDIANA SOUTHEAST C&amp;M</v>
          </cell>
        </row>
        <row r="4188">
          <cell r="F4188">
            <v>75115</v>
          </cell>
          <cell r="AN4188" t="str">
            <v>MDO C&amp;M</v>
          </cell>
          <cell r="AO4188" t="str">
            <v>MDO INDIANA SOUTHEAST C&amp;M</v>
          </cell>
        </row>
        <row r="4189">
          <cell r="F4189">
            <v>75115</v>
          </cell>
          <cell r="AN4189" t="str">
            <v>MDO C&amp;M</v>
          </cell>
          <cell r="AO4189" t="str">
            <v>MDO INDIANA SOUTHEAST C&amp;M</v>
          </cell>
        </row>
        <row r="4190">
          <cell r="F4190">
            <v>75115</v>
          </cell>
          <cell r="AN4190" t="str">
            <v>MDO C&amp;M</v>
          </cell>
          <cell r="AO4190" t="str">
            <v>MDO INDIANA SOUTHEAST C&amp;M</v>
          </cell>
        </row>
        <row r="4191">
          <cell r="F4191">
            <v>75115</v>
          </cell>
          <cell r="AN4191" t="str">
            <v>MDO C&amp;M</v>
          </cell>
          <cell r="AO4191" t="str">
            <v>MDO INDIANA SOUTHEAST C&amp;M</v>
          </cell>
        </row>
        <row r="4192">
          <cell r="F4192">
            <v>75115</v>
          </cell>
          <cell r="AN4192" t="str">
            <v>MDO C&amp;M</v>
          </cell>
          <cell r="AO4192" t="str">
            <v>MDO INDIANA SOUTHEAST C&amp;M</v>
          </cell>
        </row>
        <row r="4193">
          <cell r="F4193">
            <v>75115</v>
          </cell>
          <cell r="AN4193" t="str">
            <v>MDO C&amp;M</v>
          </cell>
          <cell r="AO4193" t="str">
            <v>MDO INDIANA SOUTHEAST C&amp;M</v>
          </cell>
        </row>
        <row r="4194">
          <cell r="F4194">
            <v>75115</v>
          </cell>
          <cell r="AN4194" t="str">
            <v>MDO C&amp;M</v>
          </cell>
          <cell r="AO4194" t="str">
            <v>MDO INDIANA SOUTHEAST C&amp;M</v>
          </cell>
        </row>
        <row r="4195">
          <cell r="F4195">
            <v>75115</v>
          </cell>
          <cell r="AN4195" t="str">
            <v>MDO C&amp;M</v>
          </cell>
          <cell r="AO4195" t="str">
            <v>MDO INDIANA SOUTHEAST C&amp;M</v>
          </cell>
        </row>
        <row r="4196">
          <cell r="F4196">
            <v>75115</v>
          </cell>
          <cell r="AN4196" t="str">
            <v>MDO C&amp;M</v>
          </cell>
          <cell r="AO4196" t="str">
            <v>MDO INDIANA SOUTHWEST C&amp;M</v>
          </cell>
        </row>
        <row r="4197">
          <cell r="F4197">
            <v>75115</v>
          </cell>
          <cell r="AN4197" t="str">
            <v>MDO C&amp;M</v>
          </cell>
          <cell r="AO4197" t="str">
            <v>MDO INDIANA SOUTHWEST C&amp;M</v>
          </cell>
        </row>
        <row r="4198">
          <cell r="F4198">
            <v>75115</v>
          </cell>
          <cell r="AN4198" t="str">
            <v>MDO C&amp;M</v>
          </cell>
          <cell r="AO4198" t="str">
            <v>MDO INDIANA SOUTHWEST C&amp;M</v>
          </cell>
        </row>
        <row r="4199">
          <cell r="F4199">
            <v>75115</v>
          </cell>
          <cell r="AN4199" t="str">
            <v>MDO C&amp;M</v>
          </cell>
          <cell r="AO4199" t="str">
            <v>MDO INDIANA SOUTHWEST C&amp;M</v>
          </cell>
        </row>
        <row r="4200">
          <cell r="F4200">
            <v>75115</v>
          </cell>
          <cell r="AN4200" t="str">
            <v>MDO C&amp;M</v>
          </cell>
          <cell r="AO4200" t="str">
            <v>MDO INDIANA SOUTHWEST C&amp;M</v>
          </cell>
        </row>
        <row r="4201">
          <cell r="F4201">
            <v>75115</v>
          </cell>
          <cell r="AN4201" t="str">
            <v>MDO C&amp;M</v>
          </cell>
          <cell r="AO4201" t="str">
            <v>MDO INDIANA SOUTHWEST C&amp;M</v>
          </cell>
        </row>
        <row r="4202">
          <cell r="F4202">
            <v>75115</v>
          </cell>
          <cell r="AN4202" t="str">
            <v>MDO C&amp;M</v>
          </cell>
          <cell r="AO4202" t="str">
            <v>MDO INDIANA SOUTHWEST C&amp;M</v>
          </cell>
        </row>
        <row r="4203">
          <cell r="F4203">
            <v>75115</v>
          </cell>
          <cell r="AN4203" t="str">
            <v>MDO C&amp;M</v>
          </cell>
          <cell r="AO4203" t="str">
            <v>MDO INDIANA SOUTHWEST C&amp;M</v>
          </cell>
        </row>
        <row r="4204">
          <cell r="F4204">
            <v>75115</v>
          </cell>
          <cell r="AN4204" t="str">
            <v>MDO C&amp;M</v>
          </cell>
          <cell r="AO4204" t="str">
            <v>MDO INDIANA SOUTHWEST C&amp;M</v>
          </cell>
        </row>
        <row r="4205">
          <cell r="F4205">
            <v>75115</v>
          </cell>
          <cell r="AN4205" t="str">
            <v>MDO C&amp;M</v>
          </cell>
          <cell r="AO4205" t="str">
            <v>MDO INDIANA SOUTHWEST C&amp;M</v>
          </cell>
        </row>
        <row r="4206">
          <cell r="F4206">
            <v>75115</v>
          </cell>
          <cell r="AN4206" t="str">
            <v>MDO C&amp;M</v>
          </cell>
          <cell r="AO4206" t="str">
            <v>MDO INDIANA SOUTHWEST C&amp;M</v>
          </cell>
        </row>
        <row r="4207">
          <cell r="F4207">
            <v>75115</v>
          </cell>
          <cell r="AN4207" t="str">
            <v>MDO C&amp;M</v>
          </cell>
          <cell r="AO4207" t="str">
            <v>MDO INDIANA SOUTHWEST C&amp;M</v>
          </cell>
        </row>
        <row r="4208">
          <cell r="F4208">
            <v>75115</v>
          </cell>
          <cell r="AN4208" t="str">
            <v>MDO C&amp;M</v>
          </cell>
          <cell r="AO4208" t="str">
            <v>MDO INDIANA SOUTHWEST C&amp;M</v>
          </cell>
        </row>
        <row r="4209">
          <cell r="F4209">
            <v>75115</v>
          </cell>
          <cell r="AN4209" t="str">
            <v>MDO C&amp;M</v>
          </cell>
          <cell r="AO4209" t="str">
            <v>MDO INDIANA SOUTHWEST C&amp;M</v>
          </cell>
        </row>
        <row r="4210">
          <cell r="F4210">
            <v>75115</v>
          </cell>
          <cell r="AN4210" t="str">
            <v>MDO C&amp;M</v>
          </cell>
          <cell r="AO4210" t="str">
            <v>MDO INDIANA SOUTHWEST C&amp;M</v>
          </cell>
        </row>
        <row r="4211">
          <cell r="F4211">
            <v>75115</v>
          </cell>
          <cell r="AN4211" t="str">
            <v>MDO C&amp;M</v>
          </cell>
          <cell r="AO4211" t="str">
            <v>MDO INDIANA SOUTHWEST C&amp;M</v>
          </cell>
        </row>
        <row r="4212">
          <cell r="F4212">
            <v>75115</v>
          </cell>
          <cell r="AN4212" t="str">
            <v>MDO C&amp;M</v>
          </cell>
          <cell r="AO4212" t="str">
            <v>MDO INDIANA SOUTHWEST C&amp;M</v>
          </cell>
        </row>
        <row r="4213">
          <cell r="F4213">
            <v>75115</v>
          </cell>
          <cell r="AN4213" t="str">
            <v>MDO C&amp;M</v>
          </cell>
          <cell r="AO4213" t="str">
            <v>MDO INDIANA SOUTHWEST C&amp;M</v>
          </cell>
        </row>
        <row r="4214">
          <cell r="F4214">
            <v>75115</v>
          </cell>
          <cell r="AN4214" t="str">
            <v>MDO C&amp;M</v>
          </cell>
          <cell r="AO4214" t="str">
            <v>MDO INDIANA SOUTHWEST C&amp;M</v>
          </cell>
        </row>
        <row r="4215">
          <cell r="F4215">
            <v>75115</v>
          </cell>
          <cell r="AN4215" t="str">
            <v>MDO C&amp;M</v>
          </cell>
          <cell r="AO4215" t="str">
            <v>MDO INDIANA SOUTHWEST C&amp;M</v>
          </cell>
        </row>
        <row r="4216">
          <cell r="F4216">
            <v>75115</v>
          </cell>
          <cell r="AN4216" t="str">
            <v>MDO C&amp;M</v>
          </cell>
          <cell r="AO4216" t="str">
            <v>MDO INDIANA SOUTHWEST C&amp;M</v>
          </cell>
        </row>
        <row r="4217">
          <cell r="F4217">
            <v>75115</v>
          </cell>
          <cell r="AN4217" t="str">
            <v>MDO C&amp;M</v>
          </cell>
          <cell r="AO4217" t="str">
            <v>MDO INDIANA SOUTHWEST C&amp;M</v>
          </cell>
        </row>
        <row r="4218">
          <cell r="F4218">
            <v>75115</v>
          </cell>
          <cell r="AN4218" t="str">
            <v>MDO C&amp;M</v>
          </cell>
          <cell r="AO4218" t="str">
            <v>MDO INDIANA SOUTHWEST C&amp;M</v>
          </cell>
        </row>
        <row r="4219">
          <cell r="F4219">
            <v>75115</v>
          </cell>
          <cell r="AN4219" t="str">
            <v>MDO C&amp;M</v>
          </cell>
          <cell r="AO4219" t="str">
            <v>MDO INDIANA SOUTHWEST C&amp;M</v>
          </cell>
        </row>
        <row r="4220">
          <cell r="F4220">
            <v>75115</v>
          </cell>
          <cell r="AN4220" t="str">
            <v>MDO C&amp;M</v>
          </cell>
          <cell r="AO4220" t="str">
            <v>MDO INDIANA SOUTHWEST C&amp;M</v>
          </cell>
        </row>
        <row r="4221">
          <cell r="F4221">
            <v>75115</v>
          </cell>
          <cell r="AN4221" t="str">
            <v>MDO C&amp;M</v>
          </cell>
          <cell r="AO4221" t="str">
            <v>MDO INDIANA SOUTHWEST C&amp;M</v>
          </cell>
        </row>
        <row r="4222">
          <cell r="F4222">
            <v>75115</v>
          </cell>
          <cell r="AN4222" t="str">
            <v>MDO C&amp;M</v>
          </cell>
          <cell r="AO4222" t="str">
            <v>MDO INDIANA NORTH C&amp;M</v>
          </cell>
        </row>
        <row r="4223">
          <cell r="F4223">
            <v>75115</v>
          </cell>
          <cell r="AN4223" t="str">
            <v>MDO C&amp;M</v>
          </cell>
          <cell r="AO4223" t="str">
            <v>MDO INDIANA NORTH C&amp;M</v>
          </cell>
        </row>
        <row r="4224">
          <cell r="F4224">
            <v>75115</v>
          </cell>
          <cell r="AN4224" t="str">
            <v>MDO C&amp;M</v>
          </cell>
          <cell r="AO4224" t="str">
            <v>MDO INDIANA NORTH C&amp;M</v>
          </cell>
        </row>
        <row r="4225">
          <cell r="F4225">
            <v>75115</v>
          </cell>
          <cell r="AN4225" t="str">
            <v>MDO C&amp;M</v>
          </cell>
          <cell r="AO4225" t="str">
            <v>MDO INDIANA SOUTHEAST C&amp;M</v>
          </cell>
        </row>
        <row r="4226">
          <cell r="F4226">
            <v>75115</v>
          </cell>
          <cell r="AN4226" t="str">
            <v>MDO C&amp;M</v>
          </cell>
          <cell r="AO4226" t="str">
            <v>MDO INDIANA SOUTHWEST C&amp;M</v>
          </cell>
        </row>
        <row r="4227">
          <cell r="F4227">
            <v>75023</v>
          </cell>
          <cell r="AN4227" t="str">
            <v>MDO C&amp;M</v>
          </cell>
          <cell r="AO4227" t="str">
            <v>MDO OH/KEN C&amp;M</v>
          </cell>
        </row>
        <row r="4228">
          <cell r="F4228">
            <v>75023</v>
          </cell>
          <cell r="AN4228" t="str">
            <v>MDO C&amp;M</v>
          </cell>
          <cell r="AO4228" t="str">
            <v>MDO OH/KEN C&amp;M</v>
          </cell>
        </row>
        <row r="4229">
          <cell r="F4229">
            <v>75023</v>
          </cell>
          <cell r="AN4229" t="str">
            <v>MDO C&amp;M</v>
          </cell>
          <cell r="AO4229" t="str">
            <v>MDO OH/KEN C&amp;M</v>
          </cell>
        </row>
        <row r="4230">
          <cell r="F4230">
            <v>75023</v>
          </cell>
          <cell r="AN4230" t="str">
            <v>MDO C&amp;M</v>
          </cell>
          <cell r="AO4230" t="str">
            <v>MDO OH/KEN C&amp;M</v>
          </cell>
        </row>
        <row r="4231">
          <cell r="F4231">
            <v>75023</v>
          </cell>
          <cell r="AN4231" t="str">
            <v>MDO C&amp;M</v>
          </cell>
          <cell r="AO4231" t="str">
            <v>MDO OH/KEN C&amp;M</v>
          </cell>
        </row>
        <row r="4232">
          <cell r="F4232">
            <v>75023</v>
          </cell>
          <cell r="AN4232" t="str">
            <v>MDO C&amp;M</v>
          </cell>
          <cell r="AO4232" t="str">
            <v>MDO OH/KEN C&amp;M</v>
          </cell>
        </row>
        <row r="4233">
          <cell r="F4233">
            <v>75023</v>
          </cell>
          <cell r="AN4233" t="str">
            <v>MDO C&amp;M</v>
          </cell>
          <cell r="AO4233" t="str">
            <v>MDO OH/KEN C&amp;M</v>
          </cell>
        </row>
        <row r="4234">
          <cell r="F4234">
            <v>75023</v>
          </cell>
          <cell r="AN4234" t="str">
            <v>MDO C&amp;M</v>
          </cell>
          <cell r="AO4234" t="str">
            <v>MDO OH/KEN C&amp;M</v>
          </cell>
        </row>
        <row r="4235">
          <cell r="F4235">
            <v>75023</v>
          </cell>
          <cell r="AN4235" t="str">
            <v>MDO C&amp;M</v>
          </cell>
          <cell r="AO4235" t="str">
            <v>MDO OH/KEN C&amp;M</v>
          </cell>
        </row>
        <row r="4236">
          <cell r="F4236">
            <v>75023</v>
          </cell>
          <cell r="AN4236" t="str">
            <v>MDO C&amp;M</v>
          </cell>
          <cell r="AO4236" t="str">
            <v>MDO OH/KEN C&amp;M</v>
          </cell>
        </row>
        <row r="4237">
          <cell r="F4237">
            <v>75023</v>
          </cell>
          <cell r="AN4237" t="str">
            <v>MDO C&amp;M</v>
          </cell>
          <cell r="AO4237" t="str">
            <v>MDO OH/KEN C&amp;M</v>
          </cell>
        </row>
        <row r="4238">
          <cell r="F4238">
            <v>75023</v>
          </cell>
          <cell r="AN4238" t="str">
            <v>MDO C&amp;M</v>
          </cell>
          <cell r="AO4238" t="str">
            <v>MDO OH/KEN C&amp;M</v>
          </cell>
        </row>
        <row r="4239">
          <cell r="F4239">
            <v>75023</v>
          </cell>
          <cell r="AN4239" t="str">
            <v>MDO C&amp;M</v>
          </cell>
          <cell r="AO4239" t="str">
            <v>MDO OH/KEN C&amp;M</v>
          </cell>
        </row>
        <row r="4240">
          <cell r="F4240">
            <v>75023</v>
          </cell>
          <cell r="AN4240" t="str">
            <v>MDO C&amp;M</v>
          </cell>
          <cell r="AO4240" t="str">
            <v>MDO OH/KEN C&amp;M</v>
          </cell>
        </row>
        <row r="4241">
          <cell r="F4241">
            <v>75023</v>
          </cell>
          <cell r="AN4241" t="str">
            <v>MDO C&amp;M</v>
          </cell>
          <cell r="AO4241" t="str">
            <v>MDO OH/KEN C&amp;M</v>
          </cell>
        </row>
        <row r="4242">
          <cell r="F4242">
            <v>75023</v>
          </cell>
          <cell r="AN4242" t="str">
            <v>MDO C&amp;M</v>
          </cell>
          <cell r="AO4242" t="str">
            <v>MDO OH/KEN C&amp;M</v>
          </cell>
        </row>
        <row r="4243">
          <cell r="F4243">
            <v>75023</v>
          </cell>
          <cell r="AN4243" t="str">
            <v>MDO C&amp;M</v>
          </cell>
          <cell r="AO4243" t="str">
            <v>MDO OH/KEN C&amp;M</v>
          </cell>
        </row>
        <row r="4244">
          <cell r="F4244">
            <v>75023</v>
          </cell>
          <cell r="AN4244" t="str">
            <v>MDO C&amp;M</v>
          </cell>
          <cell r="AO4244" t="str">
            <v>MDO OH/KEN C&amp;M</v>
          </cell>
        </row>
        <row r="4245">
          <cell r="F4245">
            <v>75023</v>
          </cell>
          <cell r="AN4245" t="str">
            <v>MDO C&amp;M</v>
          </cell>
          <cell r="AO4245" t="str">
            <v>MDO OH/KEN C&amp;M</v>
          </cell>
        </row>
        <row r="4246">
          <cell r="F4246">
            <v>75023</v>
          </cell>
          <cell r="AN4246" t="str">
            <v>MDO C&amp;M</v>
          </cell>
          <cell r="AO4246" t="str">
            <v>MDO OH/KEN C&amp;M</v>
          </cell>
        </row>
        <row r="4247">
          <cell r="F4247">
            <v>75023</v>
          </cell>
          <cell r="AN4247" t="str">
            <v>MDO C&amp;M</v>
          </cell>
          <cell r="AO4247" t="str">
            <v>MDO OH/KEN C&amp;M</v>
          </cell>
        </row>
        <row r="4248">
          <cell r="F4248">
            <v>75023</v>
          </cell>
          <cell r="AN4248" t="str">
            <v>MDO C&amp;M</v>
          </cell>
          <cell r="AO4248" t="str">
            <v>MDO OH/KEN C&amp;M</v>
          </cell>
        </row>
        <row r="4249">
          <cell r="F4249">
            <v>75023</v>
          </cell>
          <cell r="AN4249" t="str">
            <v>MDO C&amp;M</v>
          </cell>
          <cell r="AO4249" t="str">
            <v>MDO OH/KEN C&amp;M</v>
          </cell>
        </row>
        <row r="4250">
          <cell r="F4250">
            <v>75023</v>
          </cell>
          <cell r="AN4250" t="str">
            <v>MDO C&amp;M</v>
          </cell>
          <cell r="AO4250" t="str">
            <v>MDO OH/KEN C&amp;M</v>
          </cell>
        </row>
        <row r="4251">
          <cell r="F4251">
            <v>75023</v>
          </cell>
          <cell r="AN4251" t="str">
            <v>MDO C&amp;M</v>
          </cell>
          <cell r="AO4251" t="str">
            <v>MDO OH/KEN C&amp;M</v>
          </cell>
        </row>
        <row r="4252">
          <cell r="F4252">
            <v>75023</v>
          </cell>
          <cell r="AN4252" t="str">
            <v>MDO C&amp;M</v>
          </cell>
          <cell r="AO4252" t="str">
            <v>MDO OH/KEN C&amp;M</v>
          </cell>
        </row>
        <row r="4253">
          <cell r="F4253">
            <v>75023</v>
          </cell>
          <cell r="AN4253" t="str">
            <v>MDO C&amp;M</v>
          </cell>
          <cell r="AO4253" t="str">
            <v>MDO OH/KEN C&amp;M</v>
          </cell>
        </row>
        <row r="4254">
          <cell r="F4254">
            <v>75023</v>
          </cell>
          <cell r="AN4254" t="str">
            <v>MDO C&amp;M</v>
          </cell>
          <cell r="AO4254" t="str">
            <v>MDO OH/KEN C&amp;M</v>
          </cell>
        </row>
        <row r="4255">
          <cell r="F4255">
            <v>75023</v>
          </cell>
          <cell r="AN4255" t="str">
            <v>MDO C&amp;M</v>
          </cell>
          <cell r="AO4255" t="str">
            <v>MDO OH/KEN C&amp;M</v>
          </cell>
        </row>
        <row r="4256">
          <cell r="F4256">
            <v>75023</v>
          </cell>
          <cell r="AN4256" t="str">
            <v>MDO C&amp;M</v>
          </cell>
          <cell r="AO4256" t="str">
            <v>MDO OH/KEN C&amp;M</v>
          </cell>
        </row>
        <row r="4257">
          <cell r="F4257">
            <v>75023</v>
          </cell>
          <cell r="AN4257" t="str">
            <v>MDO C&amp;M</v>
          </cell>
          <cell r="AO4257" t="str">
            <v>MDO OH/KEN C&amp;M</v>
          </cell>
        </row>
        <row r="4258">
          <cell r="F4258">
            <v>75023</v>
          </cell>
          <cell r="AN4258" t="str">
            <v>MDO C&amp;M</v>
          </cell>
          <cell r="AO4258" t="str">
            <v>MDO OH/KEN C&amp;M</v>
          </cell>
        </row>
        <row r="4259">
          <cell r="F4259">
            <v>75023</v>
          </cell>
          <cell r="AN4259" t="str">
            <v>MDO C&amp;M</v>
          </cell>
          <cell r="AO4259" t="str">
            <v>MDO OH/KEN C&amp;M</v>
          </cell>
        </row>
        <row r="4260">
          <cell r="F4260">
            <v>75023</v>
          </cell>
          <cell r="AN4260" t="str">
            <v>MDO C&amp;M</v>
          </cell>
          <cell r="AO4260" t="str">
            <v>MDO OH/KEN C&amp;M</v>
          </cell>
        </row>
        <row r="4261">
          <cell r="F4261">
            <v>75023</v>
          </cell>
          <cell r="AN4261" t="str">
            <v>MDO C&amp;M</v>
          </cell>
          <cell r="AO4261" t="str">
            <v>MDO OH/KEN C&amp;M</v>
          </cell>
        </row>
        <row r="4262">
          <cell r="F4262">
            <v>75023</v>
          </cell>
          <cell r="AN4262" t="str">
            <v>MDO C&amp;M</v>
          </cell>
          <cell r="AO4262" t="str">
            <v>MDO OH/KEN C&amp;M</v>
          </cell>
        </row>
        <row r="4263">
          <cell r="F4263">
            <v>75023</v>
          </cell>
          <cell r="AN4263" t="str">
            <v>MDO C&amp;M</v>
          </cell>
          <cell r="AO4263" t="str">
            <v>MDO OH/KEN C&amp;M</v>
          </cell>
        </row>
        <row r="4264">
          <cell r="F4264">
            <v>75023</v>
          </cell>
          <cell r="AN4264" t="str">
            <v>MDO C&amp;M</v>
          </cell>
          <cell r="AO4264" t="str">
            <v>MDO OH/KEN C&amp;M</v>
          </cell>
        </row>
        <row r="4265">
          <cell r="F4265">
            <v>75023</v>
          </cell>
          <cell r="AN4265" t="str">
            <v>MDO C&amp;M</v>
          </cell>
          <cell r="AO4265" t="str">
            <v>MDO OH/KEN C&amp;M</v>
          </cell>
        </row>
        <row r="4266">
          <cell r="F4266">
            <v>75023</v>
          </cell>
          <cell r="AN4266" t="str">
            <v>MDO C&amp;M</v>
          </cell>
          <cell r="AO4266" t="str">
            <v>MDO OH/KEN C&amp;M</v>
          </cell>
        </row>
        <row r="4267">
          <cell r="F4267">
            <v>75023</v>
          </cell>
          <cell r="AN4267" t="str">
            <v>MDO C&amp;M</v>
          </cell>
          <cell r="AO4267" t="str">
            <v>MDO OH/KEN C&amp;M</v>
          </cell>
        </row>
        <row r="4268">
          <cell r="F4268">
            <v>75023</v>
          </cell>
          <cell r="AN4268" t="str">
            <v>MDO C&amp;M</v>
          </cell>
          <cell r="AO4268" t="str">
            <v>MDO OH/KEN C&amp;M</v>
          </cell>
        </row>
        <row r="4269">
          <cell r="F4269">
            <v>75023</v>
          </cell>
          <cell r="AN4269" t="str">
            <v>MDO C&amp;M</v>
          </cell>
          <cell r="AO4269" t="str">
            <v>MDO OH/KEN C&amp;M</v>
          </cell>
        </row>
        <row r="4270">
          <cell r="F4270">
            <v>75023</v>
          </cell>
          <cell r="AN4270" t="str">
            <v>MDO C&amp;M</v>
          </cell>
          <cell r="AO4270" t="str">
            <v>MDO OH/KEN C&amp;M</v>
          </cell>
        </row>
        <row r="4271">
          <cell r="F4271">
            <v>75023</v>
          </cell>
          <cell r="AN4271" t="str">
            <v>MDO C&amp;M</v>
          </cell>
          <cell r="AO4271" t="str">
            <v>MDO OH/KEN C&amp;M</v>
          </cell>
        </row>
        <row r="4272">
          <cell r="F4272">
            <v>75023</v>
          </cell>
          <cell r="AN4272" t="str">
            <v>MDO C&amp;M</v>
          </cell>
          <cell r="AO4272" t="str">
            <v>MDO OH/KEN C&amp;M</v>
          </cell>
        </row>
        <row r="4273">
          <cell r="F4273">
            <v>75023</v>
          </cell>
          <cell r="AN4273" t="str">
            <v>MDO C&amp;M</v>
          </cell>
          <cell r="AO4273" t="str">
            <v>MDO OH/KEN C&amp;M</v>
          </cell>
        </row>
        <row r="4274">
          <cell r="F4274">
            <v>75023</v>
          </cell>
          <cell r="AN4274" t="str">
            <v>MDO C&amp;M</v>
          </cell>
          <cell r="AO4274" t="str">
            <v>MDO OH/KEN C&amp;M</v>
          </cell>
        </row>
        <row r="4275">
          <cell r="F4275">
            <v>75023</v>
          </cell>
          <cell r="AN4275" t="str">
            <v>MDO C&amp;M</v>
          </cell>
          <cell r="AO4275" t="str">
            <v>MDO OH/KEN C&amp;M</v>
          </cell>
        </row>
        <row r="4276">
          <cell r="F4276">
            <v>75023</v>
          </cell>
          <cell r="AN4276" t="str">
            <v>MDO C&amp;M</v>
          </cell>
          <cell r="AO4276" t="str">
            <v>MDO OH/KEN C&amp;M</v>
          </cell>
        </row>
        <row r="4277">
          <cell r="F4277">
            <v>75084</v>
          </cell>
          <cell r="AN4277" t="str">
            <v>MDO C&amp;M</v>
          </cell>
          <cell r="AO4277" t="str">
            <v>MDO OH/KEN C&amp;M</v>
          </cell>
        </row>
        <row r="4278">
          <cell r="F4278">
            <v>75084</v>
          </cell>
          <cell r="AN4278" t="str">
            <v>MDO C&amp;M</v>
          </cell>
          <cell r="AO4278" t="str">
            <v>MDO OH/KEN C&amp;M</v>
          </cell>
        </row>
        <row r="4279">
          <cell r="F4279">
            <v>75084</v>
          </cell>
          <cell r="AN4279" t="str">
            <v>MDO C&amp;M</v>
          </cell>
          <cell r="AO4279" t="str">
            <v>MDO OH/KEN C&amp;M</v>
          </cell>
        </row>
        <row r="4280">
          <cell r="F4280">
            <v>75084</v>
          </cell>
          <cell r="AN4280" t="str">
            <v>MDO C&amp;M</v>
          </cell>
          <cell r="AO4280" t="str">
            <v>MDO OH/KEN C&amp;M</v>
          </cell>
        </row>
        <row r="4281">
          <cell r="F4281">
            <v>75084</v>
          </cell>
          <cell r="AN4281" t="str">
            <v>MDO C&amp;M</v>
          </cell>
          <cell r="AO4281" t="str">
            <v>MDO OH/KEN C&amp;M</v>
          </cell>
        </row>
        <row r="4282">
          <cell r="F4282">
            <v>75084</v>
          </cell>
          <cell r="AN4282" t="str">
            <v>MDO C&amp;M</v>
          </cell>
          <cell r="AO4282" t="str">
            <v>MDO OH/KEN C&amp;M</v>
          </cell>
        </row>
        <row r="4283">
          <cell r="F4283">
            <v>75084</v>
          </cell>
          <cell r="AN4283" t="str">
            <v>MDO C&amp;M</v>
          </cell>
          <cell r="AO4283" t="str">
            <v>MDO OH/KEN C&amp;M</v>
          </cell>
        </row>
        <row r="4284">
          <cell r="F4284">
            <v>75084</v>
          </cell>
          <cell r="AN4284" t="str">
            <v>MDO C&amp;M</v>
          </cell>
          <cell r="AO4284" t="str">
            <v>MDO OH/KEN C&amp;M</v>
          </cell>
        </row>
        <row r="4285">
          <cell r="F4285">
            <v>75084</v>
          </cell>
          <cell r="AN4285" t="str">
            <v>MDO C&amp;M</v>
          </cell>
          <cell r="AO4285" t="str">
            <v>MDO OH/KEN C&amp;M</v>
          </cell>
        </row>
        <row r="4286">
          <cell r="F4286">
            <v>75084</v>
          </cell>
          <cell r="AN4286" t="str">
            <v>MDO C&amp;M</v>
          </cell>
          <cell r="AO4286" t="str">
            <v>MDO OH/KEN C&amp;M</v>
          </cell>
        </row>
        <row r="4287">
          <cell r="F4287">
            <v>75084</v>
          </cell>
          <cell r="AN4287" t="str">
            <v>MDO C&amp;M</v>
          </cell>
          <cell r="AO4287" t="str">
            <v>MDO OH/KEN C&amp;M</v>
          </cell>
        </row>
        <row r="4288">
          <cell r="F4288">
            <v>75084</v>
          </cell>
          <cell r="AN4288" t="str">
            <v>MDO C&amp;M</v>
          </cell>
          <cell r="AO4288" t="str">
            <v>MDO OH/KEN C&amp;M</v>
          </cell>
        </row>
        <row r="4289">
          <cell r="F4289">
            <v>75084</v>
          </cell>
          <cell r="AN4289" t="str">
            <v>MDO C&amp;M</v>
          </cell>
          <cell r="AO4289" t="str">
            <v>MDO OH/KEN C&amp;M</v>
          </cell>
        </row>
        <row r="4290">
          <cell r="F4290">
            <v>75084</v>
          </cell>
          <cell r="AN4290" t="str">
            <v>MDO C&amp;M</v>
          </cell>
          <cell r="AO4290" t="str">
            <v>MDO OH/KEN C&amp;M</v>
          </cell>
        </row>
        <row r="4291">
          <cell r="F4291">
            <v>75084</v>
          </cell>
          <cell r="AN4291" t="str">
            <v>MDO C&amp;M</v>
          </cell>
          <cell r="AO4291" t="str">
            <v>MDO OH/KEN C&amp;M</v>
          </cell>
        </row>
        <row r="4292">
          <cell r="F4292">
            <v>75084</v>
          </cell>
          <cell r="AN4292" t="str">
            <v>MDO C&amp;M</v>
          </cell>
          <cell r="AO4292" t="str">
            <v>MDO OH/KEN C&amp;M</v>
          </cell>
        </row>
        <row r="4293">
          <cell r="F4293">
            <v>75084</v>
          </cell>
          <cell r="AN4293" t="str">
            <v>MDO C&amp;M</v>
          </cell>
          <cell r="AO4293" t="str">
            <v>MDO OH/KEN C&amp;M</v>
          </cell>
        </row>
        <row r="4294">
          <cell r="F4294">
            <v>75084</v>
          </cell>
          <cell r="AN4294" t="str">
            <v>MDO C&amp;M</v>
          </cell>
          <cell r="AO4294" t="str">
            <v>MDO OH/KEN C&amp;M</v>
          </cell>
        </row>
        <row r="4295">
          <cell r="F4295">
            <v>75084</v>
          </cell>
          <cell r="AN4295" t="str">
            <v>MDO C&amp;M</v>
          </cell>
          <cell r="AO4295" t="str">
            <v>MDO OH/KEN C&amp;M</v>
          </cell>
        </row>
        <row r="4296">
          <cell r="F4296">
            <v>75084</v>
          </cell>
          <cell r="AN4296" t="str">
            <v>MDO C&amp;M</v>
          </cell>
          <cell r="AO4296" t="str">
            <v>MDO OH/KEN C&amp;M</v>
          </cell>
        </row>
        <row r="4297">
          <cell r="F4297">
            <v>75084</v>
          </cell>
          <cell r="AN4297" t="str">
            <v>MDO C&amp;M</v>
          </cell>
          <cell r="AO4297" t="str">
            <v>MDO OH/KEN C&amp;M</v>
          </cell>
        </row>
        <row r="4298">
          <cell r="F4298">
            <v>75084</v>
          </cell>
          <cell r="AN4298" t="str">
            <v>MDO C&amp;M</v>
          </cell>
          <cell r="AO4298" t="str">
            <v>MDO OH/KEN C&amp;M</v>
          </cell>
        </row>
        <row r="4299">
          <cell r="F4299">
            <v>75084</v>
          </cell>
          <cell r="AN4299" t="str">
            <v>MDO C&amp;M</v>
          </cell>
          <cell r="AO4299" t="str">
            <v>MDO OH/KEN C&amp;M</v>
          </cell>
        </row>
        <row r="4300">
          <cell r="F4300">
            <v>75084</v>
          </cell>
          <cell r="AN4300" t="str">
            <v>MDO C&amp;M</v>
          </cell>
          <cell r="AO4300" t="str">
            <v>MDO OH/KEN C&amp;M</v>
          </cell>
        </row>
        <row r="4301">
          <cell r="F4301">
            <v>75084</v>
          </cell>
          <cell r="AN4301" t="str">
            <v>MDO C&amp;M</v>
          </cell>
          <cell r="AO4301" t="str">
            <v>MDO OH/KEN C&amp;M</v>
          </cell>
        </row>
        <row r="4302">
          <cell r="F4302">
            <v>75084</v>
          </cell>
          <cell r="AN4302" t="str">
            <v>MDO C&amp;M</v>
          </cell>
          <cell r="AO4302" t="str">
            <v>MDO OH/KEN C&amp;M</v>
          </cell>
        </row>
        <row r="4303">
          <cell r="F4303">
            <v>75084</v>
          </cell>
          <cell r="AN4303" t="str">
            <v>MDO C&amp;M</v>
          </cell>
          <cell r="AO4303" t="str">
            <v>MDO OH/KEN C&amp;M</v>
          </cell>
        </row>
        <row r="4304">
          <cell r="F4304">
            <v>75084</v>
          </cell>
          <cell r="AN4304" t="str">
            <v>MDO C&amp;M</v>
          </cell>
          <cell r="AO4304" t="str">
            <v>MDO OH/KEN C&amp;M</v>
          </cell>
        </row>
        <row r="4305">
          <cell r="F4305">
            <v>75084</v>
          </cell>
          <cell r="AN4305" t="str">
            <v>MDO C&amp;M</v>
          </cell>
          <cell r="AO4305" t="str">
            <v>MDO OH/KEN C&amp;M</v>
          </cell>
        </row>
        <row r="4306">
          <cell r="F4306">
            <v>75084</v>
          </cell>
          <cell r="AN4306" t="str">
            <v>MDO C&amp;M</v>
          </cell>
          <cell r="AO4306" t="str">
            <v>MDO OH/KEN C&amp;M</v>
          </cell>
        </row>
        <row r="4307">
          <cell r="F4307">
            <v>75084</v>
          </cell>
          <cell r="AN4307" t="str">
            <v>MDO C&amp;M</v>
          </cell>
          <cell r="AO4307" t="str">
            <v>MDO OH/KEN C&amp;M</v>
          </cell>
        </row>
        <row r="4308">
          <cell r="F4308">
            <v>75084</v>
          </cell>
          <cell r="AN4308" t="str">
            <v>MDO C&amp;M</v>
          </cell>
          <cell r="AO4308" t="str">
            <v>MDO OH/KEN C&amp;M</v>
          </cell>
        </row>
        <row r="4309">
          <cell r="F4309">
            <v>75084</v>
          </cell>
          <cell r="AN4309" t="str">
            <v>MDO C&amp;M</v>
          </cell>
          <cell r="AO4309" t="str">
            <v>MDO OH/KEN C&amp;M</v>
          </cell>
        </row>
        <row r="4310">
          <cell r="F4310">
            <v>75084</v>
          </cell>
          <cell r="AN4310" t="str">
            <v>MDO C&amp;M</v>
          </cell>
          <cell r="AO4310" t="str">
            <v>MDO OH/KEN C&amp;M</v>
          </cell>
        </row>
        <row r="4311">
          <cell r="F4311">
            <v>75084</v>
          </cell>
          <cell r="AN4311" t="str">
            <v>MDO C&amp;M</v>
          </cell>
          <cell r="AO4311" t="str">
            <v>MDO OH/KEN C&amp;M</v>
          </cell>
        </row>
        <row r="4312">
          <cell r="F4312">
            <v>75084</v>
          </cell>
          <cell r="AN4312" t="str">
            <v>MDO C&amp;M</v>
          </cell>
          <cell r="AO4312" t="str">
            <v>MDO OH/KEN C&amp;M</v>
          </cell>
        </row>
        <row r="4313">
          <cell r="F4313">
            <v>75084</v>
          </cell>
          <cell r="AN4313" t="str">
            <v>MDO C&amp;M</v>
          </cell>
          <cell r="AO4313" t="str">
            <v>MDO OH/KEN C&amp;M</v>
          </cell>
        </row>
        <row r="4314">
          <cell r="F4314">
            <v>75084</v>
          </cell>
          <cell r="AN4314" t="str">
            <v>MDO C&amp;M</v>
          </cell>
          <cell r="AO4314" t="str">
            <v>MDO OH/KEN C&amp;M</v>
          </cell>
        </row>
        <row r="4315">
          <cell r="F4315">
            <v>75084</v>
          </cell>
          <cell r="AN4315" t="str">
            <v>MDO C&amp;M</v>
          </cell>
          <cell r="AO4315" t="str">
            <v>MDO OH/KEN C&amp;M</v>
          </cell>
        </row>
        <row r="4316">
          <cell r="F4316">
            <v>75084</v>
          </cell>
          <cell r="AN4316" t="str">
            <v>MDO C&amp;M</v>
          </cell>
          <cell r="AO4316" t="str">
            <v>MDO OH/KEN C&amp;M</v>
          </cell>
        </row>
        <row r="4317">
          <cell r="F4317">
            <v>75084</v>
          </cell>
          <cell r="AN4317" t="str">
            <v>MDO C&amp;M</v>
          </cell>
          <cell r="AO4317" t="str">
            <v>MDO OH/KEN C&amp;M</v>
          </cell>
        </row>
        <row r="4318">
          <cell r="F4318">
            <v>75084</v>
          </cell>
          <cell r="AN4318" t="str">
            <v>MDO C&amp;M</v>
          </cell>
          <cell r="AO4318" t="str">
            <v>MDO OH/KEN C&amp;M</v>
          </cell>
        </row>
        <row r="4319">
          <cell r="F4319">
            <v>75084</v>
          </cell>
          <cell r="AN4319" t="str">
            <v>MDO C&amp;M</v>
          </cell>
          <cell r="AO4319" t="str">
            <v>MDO OH/KEN C&amp;M</v>
          </cell>
        </row>
        <row r="4320">
          <cell r="F4320">
            <v>75084</v>
          </cell>
          <cell r="AN4320" t="str">
            <v>MDO C&amp;M</v>
          </cell>
          <cell r="AO4320" t="str">
            <v>MDO OH/KEN C&amp;M</v>
          </cell>
        </row>
        <row r="4321">
          <cell r="F4321">
            <v>75084</v>
          </cell>
          <cell r="AN4321" t="str">
            <v>MDO C&amp;M</v>
          </cell>
          <cell r="AO4321" t="str">
            <v>MDO OH/KEN C&amp;M</v>
          </cell>
        </row>
        <row r="4322">
          <cell r="F4322">
            <v>75084</v>
          </cell>
          <cell r="AN4322" t="str">
            <v>MDO C&amp;M</v>
          </cell>
          <cell r="AO4322" t="str">
            <v>MDO OH/KEN C&amp;M</v>
          </cell>
        </row>
        <row r="4323">
          <cell r="F4323">
            <v>75084</v>
          </cell>
          <cell r="AN4323" t="str">
            <v>MDO C&amp;M</v>
          </cell>
          <cell r="AO4323" t="str">
            <v>MDO OH/KEN C&amp;M</v>
          </cell>
        </row>
        <row r="4324">
          <cell r="F4324">
            <v>75084</v>
          </cell>
          <cell r="AN4324" t="str">
            <v>MDO C&amp;M</v>
          </cell>
          <cell r="AO4324" t="str">
            <v>MDO OH/KEN C&amp;M</v>
          </cell>
        </row>
        <row r="4325">
          <cell r="F4325">
            <v>75084</v>
          </cell>
          <cell r="AN4325" t="str">
            <v>MDO C&amp;M</v>
          </cell>
          <cell r="AO4325" t="str">
            <v>MDO OH/KEN C&amp;M</v>
          </cell>
        </row>
        <row r="4326">
          <cell r="F4326">
            <v>75084</v>
          </cell>
          <cell r="AN4326" t="str">
            <v>MDO C&amp;M</v>
          </cell>
          <cell r="AO4326" t="str">
            <v>MDO OH/KEN C&amp;M</v>
          </cell>
        </row>
        <row r="4327">
          <cell r="F4327">
            <v>75084</v>
          </cell>
          <cell r="AN4327" t="str">
            <v>MDO C&amp;M</v>
          </cell>
          <cell r="AO4327" t="str">
            <v>MDO OH/KEN C&amp;M</v>
          </cell>
        </row>
        <row r="4328">
          <cell r="F4328">
            <v>75084</v>
          </cell>
          <cell r="AN4328" t="str">
            <v>MDO C&amp;M</v>
          </cell>
          <cell r="AO4328" t="str">
            <v>MDO OH/KEN C&amp;M</v>
          </cell>
        </row>
        <row r="4329">
          <cell r="F4329">
            <v>75084</v>
          </cell>
          <cell r="AN4329" t="str">
            <v>MDO C&amp;M</v>
          </cell>
          <cell r="AO4329" t="str">
            <v>MDO OH/KEN C&amp;M</v>
          </cell>
        </row>
        <row r="4330">
          <cell r="F4330">
            <v>75084</v>
          </cell>
          <cell r="AN4330" t="str">
            <v>MDO C&amp;M</v>
          </cell>
          <cell r="AO4330" t="str">
            <v>MDO OH/KEN C&amp;M</v>
          </cell>
        </row>
        <row r="4331">
          <cell r="F4331">
            <v>75084</v>
          </cell>
          <cell r="AN4331" t="str">
            <v>MDO C&amp;M</v>
          </cell>
          <cell r="AO4331" t="str">
            <v>MDO OH/KEN C&amp;M</v>
          </cell>
        </row>
        <row r="4332">
          <cell r="F4332">
            <v>75084</v>
          </cell>
          <cell r="AN4332" t="str">
            <v>MDO C&amp;M</v>
          </cell>
          <cell r="AO4332" t="str">
            <v>MDO OH/KEN C&amp;M</v>
          </cell>
        </row>
        <row r="4333">
          <cell r="F4333">
            <v>75084</v>
          </cell>
          <cell r="AN4333" t="str">
            <v>MDO C&amp;M</v>
          </cell>
          <cell r="AO4333" t="str">
            <v>MDO OH/KEN C&amp;M</v>
          </cell>
        </row>
        <row r="4334">
          <cell r="F4334">
            <v>75084</v>
          </cell>
          <cell r="AN4334" t="str">
            <v>MDO C&amp;M</v>
          </cell>
          <cell r="AO4334" t="str">
            <v>MDO OH/KEN C&amp;M</v>
          </cell>
        </row>
        <row r="4335">
          <cell r="F4335">
            <v>75084</v>
          </cell>
          <cell r="AN4335" t="str">
            <v>MDO C&amp;M</v>
          </cell>
          <cell r="AO4335" t="str">
            <v>MDO OH/KEN C&amp;M</v>
          </cell>
        </row>
        <row r="4336">
          <cell r="F4336">
            <v>75084</v>
          </cell>
          <cell r="AN4336" t="str">
            <v>MDO C&amp;M</v>
          </cell>
          <cell r="AO4336" t="str">
            <v>MDO OH/KEN C&amp;M</v>
          </cell>
        </row>
        <row r="4337">
          <cell r="F4337">
            <v>75084</v>
          </cell>
          <cell r="AN4337" t="str">
            <v>MDO C&amp;M</v>
          </cell>
          <cell r="AO4337" t="str">
            <v>MDO OH/KEN C&amp;M</v>
          </cell>
        </row>
        <row r="4338">
          <cell r="F4338">
            <v>75084</v>
          </cell>
          <cell r="AN4338" t="str">
            <v>MDO C&amp;M</v>
          </cell>
          <cell r="AO4338" t="str">
            <v>MDO OH/KEN C&amp;M</v>
          </cell>
        </row>
        <row r="4339">
          <cell r="F4339">
            <v>75115</v>
          </cell>
          <cell r="AN4339" t="str">
            <v>MDO C&amp;M</v>
          </cell>
          <cell r="AO4339" t="str">
            <v>MDO INDIANA SOUTHWEST C&amp;M</v>
          </cell>
        </row>
        <row r="4340">
          <cell r="F4340">
            <v>75115</v>
          </cell>
          <cell r="AN4340" t="str">
            <v>MDO C&amp;M</v>
          </cell>
          <cell r="AO4340" t="str">
            <v>MDO INDIANA SOUTHWEST C&amp;M</v>
          </cell>
        </row>
        <row r="4341">
          <cell r="F4341">
            <v>75115</v>
          </cell>
          <cell r="AN4341" t="str">
            <v>MDO C&amp;M</v>
          </cell>
          <cell r="AO4341" t="str">
            <v>MDO INDIANA SOUTHWEST C&amp;M</v>
          </cell>
        </row>
        <row r="4342">
          <cell r="F4342">
            <v>75115</v>
          </cell>
          <cell r="AN4342" t="str">
            <v>MDO C&amp;M</v>
          </cell>
          <cell r="AO4342" t="str">
            <v>MDO INDIANA SOUTHWEST C&amp;M</v>
          </cell>
        </row>
        <row r="4343">
          <cell r="F4343">
            <v>75115</v>
          </cell>
          <cell r="AN4343" t="str">
            <v>MDO C&amp;M</v>
          </cell>
          <cell r="AO4343" t="str">
            <v>MDO INDIANA SOUTHWEST C&amp;M</v>
          </cell>
        </row>
        <row r="4344">
          <cell r="F4344">
            <v>75115</v>
          </cell>
          <cell r="AN4344" t="str">
            <v>MDO C&amp;M</v>
          </cell>
          <cell r="AO4344" t="str">
            <v>MDO INDIANA SOUTHWEST C&amp;M</v>
          </cell>
        </row>
        <row r="4345">
          <cell r="F4345">
            <v>75115</v>
          </cell>
          <cell r="AN4345" t="str">
            <v>MDO C&amp;M</v>
          </cell>
          <cell r="AO4345" t="str">
            <v>MDO INDIANA SOUTHWEST C&amp;M</v>
          </cell>
        </row>
        <row r="4346">
          <cell r="F4346">
            <v>75115</v>
          </cell>
          <cell r="AN4346" t="str">
            <v>MDO C&amp;M</v>
          </cell>
          <cell r="AO4346" t="str">
            <v>MDO INDIANA SOUTHWEST C&amp;M</v>
          </cell>
        </row>
        <row r="4347">
          <cell r="F4347">
            <v>75115</v>
          </cell>
          <cell r="AN4347" t="str">
            <v>MDO C&amp;M</v>
          </cell>
          <cell r="AO4347" t="str">
            <v>MDO INDIANA SOUTHWEST C&amp;M</v>
          </cell>
        </row>
        <row r="4348">
          <cell r="F4348">
            <v>75115</v>
          </cell>
          <cell r="AN4348" t="str">
            <v>MDO C&amp;M</v>
          </cell>
          <cell r="AO4348" t="str">
            <v>MDO INDIANA SOUTHWEST C&amp;M</v>
          </cell>
        </row>
        <row r="4349">
          <cell r="F4349">
            <v>75115</v>
          </cell>
          <cell r="AN4349" t="str">
            <v>MDO C&amp;M</v>
          </cell>
          <cell r="AO4349" t="str">
            <v>MDO INDIANA SOUTHWEST C&amp;M</v>
          </cell>
        </row>
        <row r="4350">
          <cell r="F4350">
            <v>75115</v>
          </cell>
          <cell r="AN4350" t="str">
            <v>MDO C&amp;M</v>
          </cell>
          <cell r="AO4350" t="str">
            <v>MDO INDIANA SOUTHEAST C&amp;M</v>
          </cell>
        </row>
        <row r="4351">
          <cell r="F4351">
            <v>75115</v>
          </cell>
          <cell r="AN4351" t="str">
            <v>MDO C&amp;M</v>
          </cell>
          <cell r="AO4351" t="str">
            <v>MDO INDIANA SOUTHEAST C&amp;M</v>
          </cell>
        </row>
        <row r="4352">
          <cell r="F4352">
            <v>75115</v>
          </cell>
          <cell r="AN4352" t="str">
            <v>MDO C&amp;M</v>
          </cell>
          <cell r="AO4352" t="str">
            <v>MDO INDIANA SOUTHEAST C&amp;M</v>
          </cell>
        </row>
        <row r="4353">
          <cell r="F4353">
            <v>75115</v>
          </cell>
          <cell r="AN4353" t="str">
            <v>MDO C&amp;M</v>
          </cell>
          <cell r="AO4353" t="str">
            <v>MDO INDIANA SOUTHEAST C&amp;M</v>
          </cell>
        </row>
        <row r="4354">
          <cell r="F4354">
            <v>75115</v>
          </cell>
          <cell r="AN4354" t="str">
            <v>MDO C&amp;M</v>
          </cell>
          <cell r="AO4354" t="str">
            <v>MDO INDIANA SOUTHEAST C&amp;M</v>
          </cell>
        </row>
        <row r="4355">
          <cell r="F4355">
            <v>75115</v>
          </cell>
          <cell r="AN4355" t="str">
            <v>MDO C&amp;M</v>
          </cell>
          <cell r="AO4355" t="str">
            <v>MDO INDIANA SOUTHEAST C&amp;M</v>
          </cell>
        </row>
        <row r="4356">
          <cell r="F4356">
            <v>75115</v>
          </cell>
          <cell r="AN4356" t="str">
            <v>MDO C&amp;M</v>
          </cell>
          <cell r="AO4356" t="str">
            <v>MDO INDIANA SOUTHEAST C&amp;M</v>
          </cell>
        </row>
        <row r="4357">
          <cell r="F4357">
            <v>75115</v>
          </cell>
          <cell r="AN4357" t="str">
            <v>MDO C&amp;M</v>
          </cell>
          <cell r="AO4357" t="str">
            <v>MDO INDIANA SOUTHEAST C&amp;M</v>
          </cell>
        </row>
        <row r="4358">
          <cell r="F4358">
            <v>75115</v>
          </cell>
          <cell r="AN4358" t="str">
            <v>MDO C&amp;M</v>
          </cell>
          <cell r="AO4358" t="str">
            <v>MDO INDIANA SOUTHEAST C&amp;M</v>
          </cell>
        </row>
        <row r="4359">
          <cell r="F4359">
            <v>75115</v>
          </cell>
          <cell r="AN4359" t="str">
            <v>MDO C&amp;M</v>
          </cell>
          <cell r="AO4359" t="str">
            <v>MDO INDIANA SOUTHEAST C&amp;M</v>
          </cell>
        </row>
        <row r="4360">
          <cell r="F4360">
            <v>75115</v>
          </cell>
          <cell r="AN4360" t="str">
            <v>MDO C&amp;M</v>
          </cell>
          <cell r="AO4360" t="str">
            <v>MDO INDIANA SOUTHEAST C&amp;M</v>
          </cell>
        </row>
        <row r="4361">
          <cell r="F4361">
            <v>75115</v>
          </cell>
          <cell r="AN4361" t="str">
            <v>MDO C&amp;M</v>
          </cell>
          <cell r="AO4361" t="str">
            <v>MDO INDIANA NORTH C&amp;M</v>
          </cell>
        </row>
        <row r="4362">
          <cell r="F4362">
            <v>75115</v>
          </cell>
          <cell r="AN4362" t="str">
            <v>MDO C&amp;M</v>
          </cell>
          <cell r="AO4362" t="str">
            <v>MDO INDIANA NORTH C&amp;M</v>
          </cell>
        </row>
        <row r="4363">
          <cell r="F4363">
            <v>75115</v>
          </cell>
          <cell r="AN4363" t="str">
            <v>MDO C&amp;M</v>
          </cell>
          <cell r="AO4363" t="str">
            <v>MDO INDIANA NORTH C&amp;M</v>
          </cell>
        </row>
        <row r="4364">
          <cell r="F4364">
            <v>75115</v>
          </cell>
          <cell r="AN4364" t="str">
            <v>MDO C&amp;M</v>
          </cell>
          <cell r="AO4364" t="str">
            <v>MDO INDIANA NORTH C&amp;M</v>
          </cell>
        </row>
        <row r="4365">
          <cell r="F4365">
            <v>75115</v>
          </cell>
          <cell r="AN4365" t="str">
            <v>MDO C&amp;M</v>
          </cell>
          <cell r="AO4365" t="str">
            <v>MDO INDIANA NORTH C&amp;M</v>
          </cell>
        </row>
        <row r="4366">
          <cell r="F4366">
            <v>75115</v>
          </cell>
          <cell r="AN4366" t="str">
            <v>MDO C&amp;M</v>
          </cell>
          <cell r="AO4366" t="str">
            <v>MDO INDIANA NORTH C&amp;M</v>
          </cell>
        </row>
        <row r="4367">
          <cell r="F4367">
            <v>75115</v>
          </cell>
          <cell r="AN4367" t="str">
            <v>MDO C&amp;M</v>
          </cell>
          <cell r="AO4367" t="str">
            <v>MDO INDIANA NORTH C&amp;M</v>
          </cell>
        </row>
        <row r="4368">
          <cell r="F4368">
            <v>75115</v>
          </cell>
          <cell r="AN4368" t="str">
            <v>MDO C&amp;M</v>
          </cell>
          <cell r="AO4368" t="str">
            <v>MDO INDIANA NORTH C&amp;M</v>
          </cell>
        </row>
        <row r="4369">
          <cell r="F4369">
            <v>75115</v>
          </cell>
          <cell r="AN4369" t="str">
            <v>MDO C&amp;M</v>
          </cell>
          <cell r="AO4369" t="str">
            <v>MDO INDIANA NORTH C&amp;M</v>
          </cell>
        </row>
        <row r="4370">
          <cell r="F4370">
            <v>75115</v>
          </cell>
          <cell r="AN4370" t="str">
            <v>MDO C&amp;M</v>
          </cell>
          <cell r="AO4370" t="str">
            <v>MDO INDIANA NORTH C&amp;M</v>
          </cell>
        </row>
        <row r="4371">
          <cell r="F4371">
            <v>75115</v>
          </cell>
          <cell r="AN4371" t="str">
            <v>MDO C&amp;M</v>
          </cell>
          <cell r="AO4371" t="str">
            <v>MDO INDIANA NORTH C&amp;M</v>
          </cell>
        </row>
        <row r="4372">
          <cell r="F4372">
            <v>75115</v>
          </cell>
          <cell r="AN4372" t="str">
            <v>MDO C&amp;M</v>
          </cell>
          <cell r="AO4372" t="str">
            <v>MDO INDIANA SOUTHWEST C&amp;M</v>
          </cell>
        </row>
        <row r="4373">
          <cell r="F4373">
            <v>75115</v>
          </cell>
          <cell r="AN4373" t="str">
            <v>MDO C&amp;M</v>
          </cell>
          <cell r="AO4373" t="str">
            <v>MDO INDIANA SOUTHEAST C&amp;M</v>
          </cell>
        </row>
        <row r="4374">
          <cell r="F4374">
            <v>75115</v>
          </cell>
          <cell r="AN4374" t="str">
            <v>MDO C&amp;M</v>
          </cell>
          <cell r="AO4374" t="str">
            <v>MDO INDIANA NORTH C&amp;M</v>
          </cell>
        </row>
        <row r="4375">
          <cell r="F4375">
            <v>75115</v>
          </cell>
          <cell r="AN4375" t="str">
            <v>MDO C&amp;M</v>
          </cell>
          <cell r="AO4375" t="str">
            <v>MDO INDIANA SOUTHWEST C&amp;M</v>
          </cell>
        </row>
        <row r="4376">
          <cell r="F4376">
            <v>75115</v>
          </cell>
          <cell r="AN4376" t="str">
            <v>MDO C&amp;M</v>
          </cell>
          <cell r="AO4376" t="str">
            <v>MDO INDIANA SOUTHWEST C&amp;M</v>
          </cell>
        </row>
        <row r="4377">
          <cell r="F4377">
            <v>75115</v>
          </cell>
          <cell r="AN4377" t="str">
            <v>MDO C&amp;M</v>
          </cell>
          <cell r="AO4377" t="str">
            <v>MDO INDIANA SOUTHWEST C&amp;M</v>
          </cell>
        </row>
        <row r="4378">
          <cell r="F4378">
            <v>75115</v>
          </cell>
          <cell r="AN4378" t="str">
            <v>MDO C&amp;M</v>
          </cell>
          <cell r="AO4378" t="str">
            <v>MDO INDIANA SOUTHWEST C&amp;M</v>
          </cell>
        </row>
        <row r="4379">
          <cell r="F4379">
            <v>75115</v>
          </cell>
          <cell r="AN4379" t="str">
            <v>MDO C&amp;M</v>
          </cell>
          <cell r="AO4379" t="str">
            <v>MDO INDIANA SOUTHWEST C&amp;M</v>
          </cell>
        </row>
        <row r="4380">
          <cell r="F4380">
            <v>75115</v>
          </cell>
          <cell r="AN4380" t="str">
            <v>MDO C&amp;M</v>
          </cell>
          <cell r="AO4380" t="str">
            <v>MDO INDIANA SOUTHWEST C&amp;M</v>
          </cell>
        </row>
        <row r="4381">
          <cell r="F4381">
            <v>75115</v>
          </cell>
          <cell r="AN4381" t="str">
            <v>MDO C&amp;M</v>
          </cell>
          <cell r="AO4381" t="str">
            <v>MDO INDIANA SOUTHWEST C&amp;M</v>
          </cell>
        </row>
        <row r="4382">
          <cell r="F4382">
            <v>75115</v>
          </cell>
          <cell r="AN4382" t="str">
            <v>MDO C&amp;M</v>
          </cell>
          <cell r="AO4382" t="str">
            <v>MDO INDIANA SOUTHEAST C&amp;M</v>
          </cell>
        </row>
        <row r="4383">
          <cell r="F4383">
            <v>75115</v>
          </cell>
          <cell r="AN4383" t="str">
            <v>MDO C&amp;M</v>
          </cell>
          <cell r="AO4383" t="str">
            <v>MDO INDIANA SOUTHEAST C&amp;M</v>
          </cell>
        </row>
        <row r="4384">
          <cell r="F4384">
            <v>75115</v>
          </cell>
          <cell r="AN4384" t="str">
            <v>MDO C&amp;M</v>
          </cell>
          <cell r="AO4384" t="str">
            <v>MDO INDIANA SOUTHEAST C&amp;M</v>
          </cell>
        </row>
        <row r="4385">
          <cell r="F4385">
            <v>75115</v>
          </cell>
          <cell r="AN4385" t="str">
            <v>MDO C&amp;M</v>
          </cell>
          <cell r="AO4385" t="str">
            <v>MDO INDIANA SOUTHEAST C&amp;M</v>
          </cell>
        </row>
        <row r="4386">
          <cell r="F4386">
            <v>75115</v>
          </cell>
          <cell r="AN4386" t="str">
            <v>MDO C&amp;M</v>
          </cell>
          <cell r="AO4386" t="str">
            <v>MDO INDIANA SOUTHEAST C&amp;M</v>
          </cell>
        </row>
        <row r="4387">
          <cell r="F4387">
            <v>75115</v>
          </cell>
          <cell r="AN4387" t="str">
            <v>MDO C&amp;M</v>
          </cell>
          <cell r="AO4387" t="str">
            <v>MDO INDIANA SOUTHEAST C&amp;M</v>
          </cell>
        </row>
        <row r="4388">
          <cell r="F4388">
            <v>75115</v>
          </cell>
          <cell r="AN4388" t="str">
            <v>MDO C&amp;M</v>
          </cell>
          <cell r="AO4388" t="str">
            <v>MDO INDIANA SOUTHEAST C&amp;M</v>
          </cell>
        </row>
        <row r="4389">
          <cell r="F4389">
            <v>75115</v>
          </cell>
          <cell r="AN4389" t="str">
            <v>MDO C&amp;M</v>
          </cell>
          <cell r="AO4389" t="str">
            <v>MDO INDIANA NORTH C&amp;M</v>
          </cell>
        </row>
        <row r="4390">
          <cell r="F4390">
            <v>75115</v>
          </cell>
          <cell r="AN4390" t="str">
            <v>MDO C&amp;M</v>
          </cell>
          <cell r="AO4390" t="str">
            <v>MDO INDIANA NORTH C&amp;M</v>
          </cell>
        </row>
        <row r="4391">
          <cell r="F4391">
            <v>75115</v>
          </cell>
          <cell r="AN4391" t="str">
            <v>MDO C&amp;M</v>
          </cell>
          <cell r="AO4391" t="str">
            <v>MDO INDIANA NORTH C&amp;M</v>
          </cell>
        </row>
        <row r="4392">
          <cell r="F4392">
            <v>75115</v>
          </cell>
          <cell r="AN4392" t="str">
            <v>MDO C&amp;M</v>
          </cell>
          <cell r="AO4392" t="str">
            <v>MDO INDIANA NORTH C&amp;M</v>
          </cell>
        </row>
        <row r="4393">
          <cell r="F4393">
            <v>75115</v>
          </cell>
          <cell r="AN4393" t="str">
            <v>MDO C&amp;M</v>
          </cell>
          <cell r="AO4393" t="str">
            <v>MDO INDIANA NORTH C&amp;M</v>
          </cell>
        </row>
        <row r="4394">
          <cell r="F4394">
            <v>75115</v>
          </cell>
          <cell r="AN4394" t="str">
            <v>MDO C&amp;M</v>
          </cell>
          <cell r="AO4394" t="str">
            <v>MDO INDIANA NORTH C&amp;M</v>
          </cell>
        </row>
        <row r="4395">
          <cell r="F4395">
            <v>75115</v>
          </cell>
          <cell r="AN4395" t="str">
            <v>MDO C&amp;M</v>
          </cell>
          <cell r="AO4395" t="str">
            <v>MDO INDIANA NORTH C&amp;M</v>
          </cell>
        </row>
        <row r="4396">
          <cell r="F4396">
            <v>75115</v>
          </cell>
          <cell r="AN4396" t="str">
            <v>MDO C&amp;M</v>
          </cell>
          <cell r="AO4396" t="str">
            <v>MDO INDIANA NORTH C&amp;M</v>
          </cell>
        </row>
        <row r="4397">
          <cell r="F4397">
            <v>75115</v>
          </cell>
          <cell r="AN4397" t="str">
            <v>MDO C&amp;M</v>
          </cell>
          <cell r="AO4397" t="str">
            <v>MDO INDIANA NORTH C&amp;M</v>
          </cell>
        </row>
        <row r="4398">
          <cell r="F4398">
            <v>75115</v>
          </cell>
          <cell r="AN4398" t="str">
            <v>MDO C&amp;M</v>
          </cell>
          <cell r="AO4398" t="str">
            <v>MDO INDIANA NORTH C&amp;M</v>
          </cell>
        </row>
        <row r="4399">
          <cell r="F4399">
            <v>75115</v>
          </cell>
          <cell r="AN4399" t="str">
            <v>MDO C&amp;M</v>
          </cell>
          <cell r="AO4399" t="str">
            <v>MDO INDIANA NORTH C&amp;M</v>
          </cell>
        </row>
        <row r="4400">
          <cell r="F4400">
            <v>75115</v>
          </cell>
          <cell r="AN4400" t="str">
            <v>MDO C&amp;M</v>
          </cell>
          <cell r="AO4400" t="str">
            <v>MDO INDIANA NORTH C&amp;M</v>
          </cell>
        </row>
        <row r="4401">
          <cell r="F4401">
            <v>75115</v>
          </cell>
          <cell r="AN4401" t="str">
            <v>MDO C&amp;M</v>
          </cell>
          <cell r="AO4401" t="str">
            <v>MDO INDIANA NORTH C&amp;M</v>
          </cell>
        </row>
        <row r="4402">
          <cell r="F4402">
            <v>75115</v>
          </cell>
          <cell r="AN4402" t="str">
            <v>MDO C&amp;M</v>
          </cell>
          <cell r="AO4402" t="str">
            <v>MDO INDIANA NORTH C&amp;M</v>
          </cell>
        </row>
        <row r="4403">
          <cell r="F4403">
            <v>75115</v>
          </cell>
          <cell r="AN4403" t="str">
            <v>MDO C&amp;M</v>
          </cell>
          <cell r="AO4403" t="str">
            <v>MDO INDIANA NORTH C&amp;M</v>
          </cell>
        </row>
        <row r="4404">
          <cell r="F4404">
            <v>75115</v>
          </cell>
          <cell r="AN4404" t="str">
            <v>MDO C&amp;M</v>
          </cell>
          <cell r="AO4404" t="str">
            <v>MDO INDIANA NORTH C&amp;M</v>
          </cell>
        </row>
        <row r="4405">
          <cell r="F4405">
            <v>75115</v>
          </cell>
          <cell r="AN4405" t="str">
            <v>MDO C&amp;M</v>
          </cell>
          <cell r="AO4405" t="str">
            <v>MDO INDIANA NORTH C&amp;M</v>
          </cell>
        </row>
        <row r="4406">
          <cell r="F4406">
            <v>75115</v>
          </cell>
          <cell r="AN4406" t="str">
            <v>MDO C&amp;M</v>
          </cell>
          <cell r="AO4406" t="str">
            <v>MDO INDIANA NORTH C&amp;M</v>
          </cell>
        </row>
        <row r="4407">
          <cell r="F4407">
            <v>75115</v>
          </cell>
          <cell r="AN4407" t="str">
            <v>MDO C&amp;M</v>
          </cell>
          <cell r="AO4407" t="str">
            <v>MDO INDIANA NORTH C&amp;M</v>
          </cell>
        </row>
        <row r="4408">
          <cell r="F4408">
            <v>75115</v>
          </cell>
          <cell r="AN4408" t="str">
            <v>MDO C&amp;M</v>
          </cell>
          <cell r="AO4408" t="str">
            <v>MDO INDIANA NORTH C&amp;M</v>
          </cell>
        </row>
        <row r="4409">
          <cell r="F4409">
            <v>75115</v>
          </cell>
          <cell r="AN4409" t="str">
            <v>MDO C&amp;M</v>
          </cell>
          <cell r="AO4409" t="str">
            <v>MDO INDIANA NORTH C&amp;M</v>
          </cell>
        </row>
        <row r="4410">
          <cell r="F4410">
            <v>75115</v>
          </cell>
          <cell r="AN4410" t="str">
            <v>MDO C&amp;M</v>
          </cell>
          <cell r="AO4410" t="str">
            <v>MDO INDIANA NORTH C&amp;M</v>
          </cell>
        </row>
        <row r="4411">
          <cell r="F4411">
            <v>75115</v>
          </cell>
          <cell r="AN4411" t="str">
            <v>MDO C&amp;M</v>
          </cell>
          <cell r="AO4411" t="str">
            <v>MDO INDIANA NORTH C&amp;M</v>
          </cell>
        </row>
        <row r="4412">
          <cell r="F4412">
            <v>75115</v>
          </cell>
          <cell r="AN4412" t="str">
            <v>MDO C&amp;M</v>
          </cell>
          <cell r="AO4412" t="str">
            <v>MDO INDIANA NORTH C&amp;M</v>
          </cell>
        </row>
        <row r="4413">
          <cell r="F4413">
            <v>75115</v>
          </cell>
          <cell r="AN4413" t="str">
            <v>MDO C&amp;M</v>
          </cell>
          <cell r="AO4413" t="str">
            <v>MDO INDIANA NORTH C&amp;M</v>
          </cell>
        </row>
        <row r="4414">
          <cell r="F4414">
            <v>75115</v>
          </cell>
          <cell r="AN4414" t="str">
            <v>MDO C&amp;M</v>
          </cell>
          <cell r="AO4414" t="str">
            <v>MDO INDIANA NORTH C&amp;M</v>
          </cell>
        </row>
        <row r="4415">
          <cell r="F4415">
            <v>75115</v>
          </cell>
          <cell r="AN4415" t="str">
            <v>MDO C&amp;M</v>
          </cell>
          <cell r="AO4415" t="str">
            <v>MDO INDIANA NORTH C&amp;M</v>
          </cell>
        </row>
        <row r="4416">
          <cell r="F4416">
            <v>75115</v>
          </cell>
          <cell r="AN4416" t="str">
            <v>MDO C&amp;M</v>
          </cell>
          <cell r="AO4416" t="str">
            <v>MDO INDIANA NORTH C&amp;M</v>
          </cell>
        </row>
        <row r="4417">
          <cell r="F4417">
            <v>75115</v>
          </cell>
          <cell r="AN4417" t="str">
            <v>MDO C&amp;M</v>
          </cell>
          <cell r="AO4417" t="str">
            <v>MDO INDIANA NORTH C&amp;M</v>
          </cell>
        </row>
        <row r="4418">
          <cell r="F4418">
            <v>75115</v>
          </cell>
          <cell r="AN4418" t="str">
            <v>MDO C&amp;M</v>
          </cell>
          <cell r="AO4418" t="str">
            <v>MDO INDIANA NORTH C&amp;M</v>
          </cell>
        </row>
        <row r="4419">
          <cell r="F4419">
            <v>75115</v>
          </cell>
          <cell r="AN4419" t="str">
            <v>MDO C&amp;M</v>
          </cell>
          <cell r="AO4419" t="str">
            <v>MDO INDIANA NORTH C&amp;M</v>
          </cell>
        </row>
        <row r="4420">
          <cell r="F4420">
            <v>75115</v>
          </cell>
          <cell r="AN4420" t="str">
            <v>MDO C&amp;M</v>
          </cell>
          <cell r="AO4420" t="str">
            <v>MDO INDIANA SOUTHEAST C&amp;M</v>
          </cell>
        </row>
        <row r="4421">
          <cell r="F4421">
            <v>75115</v>
          </cell>
          <cell r="AN4421" t="str">
            <v>MDO C&amp;M</v>
          </cell>
          <cell r="AO4421" t="str">
            <v>MDO INDIANA SOUTHEAST C&amp;M</v>
          </cell>
        </row>
        <row r="4422">
          <cell r="F4422">
            <v>75115</v>
          </cell>
          <cell r="AN4422" t="str">
            <v>MDO C&amp;M</v>
          </cell>
          <cell r="AO4422" t="str">
            <v>MDO INDIANA SOUTHEAST C&amp;M</v>
          </cell>
        </row>
        <row r="4423">
          <cell r="F4423">
            <v>75115</v>
          </cell>
          <cell r="AN4423" t="str">
            <v>MDO C&amp;M</v>
          </cell>
          <cell r="AO4423" t="str">
            <v>MDO INDIANA SOUTHEAST C&amp;M</v>
          </cell>
        </row>
        <row r="4424">
          <cell r="F4424">
            <v>75115</v>
          </cell>
          <cell r="AN4424" t="str">
            <v>MDO C&amp;M</v>
          </cell>
          <cell r="AO4424" t="str">
            <v>MDO INDIANA SOUTHEAST C&amp;M</v>
          </cell>
        </row>
        <row r="4425">
          <cell r="F4425">
            <v>75115</v>
          </cell>
          <cell r="AN4425" t="str">
            <v>MDO C&amp;M</v>
          </cell>
          <cell r="AO4425" t="str">
            <v>MDO INDIANA SOUTHEAST C&amp;M</v>
          </cell>
        </row>
        <row r="4426">
          <cell r="F4426">
            <v>75115</v>
          </cell>
          <cell r="AN4426" t="str">
            <v>MDO C&amp;M</v>
          </cell>
          <cell r="AO4426" t="str">
            <v>MDO INDIANA SOUTHEAST C&amp;M</v>
          </cell>
        </row>
        <row r="4427">
          <cell r="F4427">
            <v>75115</v>
          </cell>
          <cell r="AN4427" t="str">
            <v>MDO C&amp;M</v>
          </cell>
          <cell r="AO4427" t="str">
            <v>MDO INDIANA SOUTHEAST C&amp;M</v>
          </cell>
        </row>
        <row r="4428">
          <cell r="F4428">
            <v>75115</v>
          </cell>
          <cell r="AN4428" t="str">
            <v>MDO C&amp;M</v>
          </cell>
          <cell r="AO4428" t="str">
            <v>MDO INDIANA SOUTHEAST C&amp;M</v>
          </cell>
        </row>
        <row r="4429">
          <cell r="F4429">
            <v>75115</v>
          </cell>
          <cell r="AN4429" t="str">
            <v>MDO C&amp;M</v>
          </cell>
          <cell r="AO4429" t="str">
            <v>MDO INDIANA SOUTHEAST C&amp;M</v>
          </cell>
        </row>
        <row r="4430">
          <cell r="F4430">
            <v>75115</v>
          </cell>
          <cell r="AN4430" t="str">
            <v>MDO C&amp;M</v>
          </cell>
          <cell r="AO4430" t="str">
            <v>MDO INDIANA SOUTHEAST C&amp;M</v>
          </cell>
        </row>
        <row r="4431">
          <cell r="F4431">
            <v>75115</v>
          </cell>
          <cell r="AN4431" t="str">
            <v>MDO C&amp;M</v>
          </cell>
          <cell r="AO4431" t="str">
            <v>MDO INDIANA SOUTHEAST C&amp;M</v>
          </cell>
        </row>
        <row r="4432">
          <cell r="F4432">
            <v>75115</v>
          </cell>
          <cell r="AN4432" t="str">
            <v>MDO C&amp;M</v>
          </cell>
          <cell r="AO4432" t="str">
            <v>MDO INDIANA SOUTHEAST C&amp;M</v>
          </cell>
        </row>
        <row r="4433">
          <cell r="F4433">
            <v>75115</v>
          </cell>
          <cell r="AN4433" t="str">
            <v>MDO C&amp;M</v>
          </cell>
          <cell r="AO4433" t="str">
            <v>MDO INDIANA SOUTHEAST C&amp;M</v>
          </cell>
        </row>
        <row r="4434">
          <cell r="F4434">
            <v>75115</v>
          </cell>
          <cell r="AN4434" t="str">
            <v>MDO C&amp;M</v>
          </cell>
          <cell r="AO4434" t="str">
            <v>MDO INDIANA SOUTHEAST C&amp;M</v>
          </cell>
        </row>
        <row r="4435">
          <cell r="F4435">
            <v>75115</v>
          </cell>
          <cell r="AN4435" t="str">
            <v>MDO C&amp;M</v>
          </cell>
          <cell r="AO4435" t="str">
            <v>MDO INDIANA SOUTHEAST C&amp;M</v>
          </cell>
        </row>
        <row r="4436">
          <cell r="F4436">
            <v>75115</v>
          </cell>
          <cell r="AN4436" t="str">
            <v>MDO C&amp;M</v>
          </cell>
          <cell r="AO4436" t="str">
            <v>MDO INDIANA SOUTHEAST C&amp;M</v>
          </cell>
        </row>
        <row r="4437">
          <cell r="F4437">
            <v>75115</v>
          </cell>
          <cell r="AN4437" t="str">
            <v>MDO C&amp;M</v>
          </cell>
          <cell r="AO4437" t="str">
            <v>MDO INDIANA SOUTHEAST C&amp;M</v>
          </cell>
        </row>
        <row r="4438">
          <cell r="F4438">
            <v>75115</v>
          </cell>
          <cell r="AN4438" t="str">
            <v>MDO C&amp;M</v>
          </cell>
          <cell r="AO4438" t="str">
            <v>MDO INDIANA SOUTHEAST C&amp;M</v>
          </cell>
        </row>
        <row r="4439">
          <cell r="F4439">
            <v>75115</v>
          </cell>
          <cell r="AN4439" t="str">
            <v>MDO C&amp;M</v>
          </cell>
          <cell r="AO4439" t="str">
            <v>MDO INDIANA SOUTHEAST C&amp;M</v>
          </cell>
        </row>
        <row r="4440">
          <cell r="F4440">
            <v>75115</v>
          </cell>
          <cell r="AN4440" t="str">
            <v>MDO C&amp;M</v>
          </cell>
          <cell r="AO4440" t="str">
            <v>MDO INDIANA SOUTHEAST C&amp;M</v>
          </cell>
        </row>
        <row r="4441">
          <cell r="F4441">
            <v>75115</v>
          </cell>
          <cell r="AN4441" t="str">
            <v>MDO C&amp;M</v>
          </cell>
          <cell r="AO4441" t="str">
            <v>MDO INDIANA SOUTHEAST C&amp;M</v>
          </cell>
        </row>
        <row r="4442">
          <cell r="F4442">
            <v>75115</v>
          </cell>
          <cell r="AN4442" t="str">
            <v>MDO C&amp;M</v>
          </cell>
          <cell r="AO4442" t="str">
            <v>MDO INDIANA SOUTHEAST C&amp;M</v>
          </cell>
        </row>
        <row r="4443">
          <cell r="F4443">
            <v>75115</v>
          </cell>
          <cell r="AN4443" t="str">
            <v>MDO C&amp;M</v>
          </cell>
          <cell r="AO4443" t="str">
            <v>MDO INDIANA SOUTHEAST C&amp;M</v>
          </cell>
        </row>
        <row r="4444">
          <cell r="F4444">
            <v>75115</v>
          </cell>
          <cell r="AN4444" t="str">
            <v>MDO C&amp;M</v>
          </cell>
          <cell r="AO4444" t="str">
            <v>MDO INDIANA SOUTHWEST C&amp;M</v>
          </cell>
        </row>
        <row r="4445">
          <cell r="F4445">
            <v>75115</v>
          </cell>
          <cell r="AN4445" t="str">
            <v>MDO C&amp;M</v>
          </cell>
          <cell r="AO4445" t="str">
            <v>MDO INDIANA SOUTHWEST C&amp;M</v>
          </cell>
        </row>
        <row r="4446">
          <cell r="F4446">
            <v>75115</v>
          </cell>
          <cell r="AN4446" t="str">
            <v>MDO C&amp;M</v>
          </cell>
          <cell r="AO4446" t="str">
            <v>MDO INDIANA SOUTHWEST C&amp;M</v>
          </cell>
        </row>
        <row r="4447">
          <cell r="F4447">
            <v>75115</v>
          </cell>
          <cell r="AN4447" t="str">
            <v>MDO C&amp;M</v>
          </cell>
          <cell r="AO4447" t="str">
            <v>MDO INDIANA SOUTHWEST C&amp;M</v>
          </cell>
        </row>
        <row r="4448">
          <cell r="F4448">
            <v>75115</v>
          </cell>
          <cell r="AN4448" t="str">
            <v>MDO C&amp;M</v>
          </cell>
          <cell r="AO4448" t="str">
            <v>MDO INDIANA SOUTHWEST C&amp;M</v>
          </cell>
        </row>
        <row r="4449">
          <cell r="F4449">
            <v>75115</v>
          </cell>
          <cell r="AN4449" t="str">
            <v>MDO C&amp;M</v>
          </cell>
          <cell r="AO4449" t="str">
            <v>MDO INDIANA SOUTHWEST C&amp;M</v>
          </cell>
        </row>
        <row r="4450">
          <cell r="F4450">
            <v>75115</v>
          </cell>
          <cell r="AN4450" t="str">
            <v>MDO C&amp;M</v>
          </cell>
          <cell r="AO4450" t="str">
            <v>MDO INDIANA SOUTHWEST C&amp;M</v>
          </cell>
        </row>
        <row r="4451">
          <cell r="F4451">
            <v>75115</v>
          </cell>
          <cell r="AN4451" t="str">
            <v>MDO C&amp;M</v>
          </cell>
          <cell r="AO4451" t="str">
            <v>MDO INDIANA SOUTHWEST C&amp;M</v>
          </cell>
        </row>
        <row r="4452">
          <cell r="F4452">
            <v>75115</v>
          </cell>
          <cell r="AN4452" t="str">
            <v>MDO C&amp;M</v>
          </cell>
          <cell r="AO4452" t="str">
            <v>MDO INDIANA SOUTHWEST C&amp;M</v>
          </cell>
        </row>
        <row r="4453">
          <cell r="F4453">
            <v>75115</v>
          </cell>
          <cell r="AN4453" t="str">
            <v>MDO C&amp;M</v>
          </cell>
          <cell r="AO4453" t="str">
            <v>MDO INDIANA SOUTHWEST C&amp;M</v>
          </cell>
        </row>
        <row r="4454">
          <cell r="F4454">
            <v>75115</v>
          </cell>
          <cell r="AN4454" t="str">
            <v>MDO C&amp;M</v>
          </cell>
          <cell r="AO4454" t="str">
            <v>MDO INDIANA SOUTHWEST C&amp;M</v>
          </cell>
        </row>
        <row r="4455">
          <cell r="F4455">
            <v>75115</v>
          </cell>
          <cell r="AN4455" t="str">
            <v>MDO C&amp;M</v>
          </cell>
          <cell r="AO4455" t="str">
            <v>MDO INDIANA SOUTHWEST C&amp;M</v>
          </cell>
        </row>
        <row r="4456">
          <cell r="F4456">
            <v>75115</v>
          </cell>
          <cell r="AN4456" t="str">
            <v>MDO C&amp;M</v>
          </cell>
          <cell r="AO4456" t="str">
            <v>MDO INDIANA SOUTHWEST C&amp;M</v>
          </cell>
        </row>
        <row r="4457">
          <cell r="F4457">
            <v>75115</v>
          </cell>
          <cell r="AN4457" t="str">
            <v>MDO C&amp;M</v>
          </cell>
          <cell r="AO4457" t="str">
            <v>MDO INDIANA SOUTHWEST C&amp;M</v>
          </cell>
        </row>
        <row r="4458">
          <cell r="F4458">
            <v>75115</v>
          </cell>
          <cell r="AN4458" t="str">
            <v>MDO C&amp;M</v>
          </cell>
          <cell r="AO4458" t="str">
            <v>MDO INDIANA SOUTHWEST C&amp;M</v>
          </cell>
        </row>
        <row r="4459">
          <cell r="F4459">
            <v>75115</v>
          </cell>
          <cell r="AN4459" t="str">
            <v>MDO C&amp;M</v>
          </cell>
          <cell r="AO4459" t="str">
            <v>MDO INDIANA SOUTHWEST C&amp;M</v>
          </cell>
        </row>
        <row r="4460">
          <cell r="F4460">
            <v>75115</v>
          </cell>
          <cell r="AN4460" t="str">
            <v>MDO C&amp;M</v>
          </cell>
          <cell r="AO4460" t="str">
            <v>MDO INDIANA SOUTHWEST C&amp;M</v>
          </cell>
        </row>
        <row r="4461">
          <cell r="F4461">
            <v>75115</v>
          </cell>
          <cell r="AN4461" t="str">
            <v>MDO C&amp;M</v>
          </cell>
          <cell r="AO4461" t="str">
            <v>MDO INDIANA SOUTHWEST C&amp;M</v>
          </cell>
        </row>
        <row r="4462">
          <cell r="F4462">
            <v>75115</v>
          </cell>
          <cell r="AN4462" t="str">
            <v>MDO C&amp;M</v>
          </cell>
          <cell r="AO4462" t="str">
            <v>MDO INDIANA SOUTHWEST C&amp;M</v>
          </cell>
        </row>
        <row r="4463">
          <cell r="F4463">
            <v>75115</v>
          </cell>
          <cell r="AN4463" t="str">
            <v>MDO C&amp;M</v>
          </cell>
          <cell r="AO4463" t="str">
            <v>MDO INDIANA SOUTHWEST C&amp;M</v>
          </cell>
        </row>
        <row r="4464">
          <cell r="F4464">
            <v>75115</v>
          </cell>
          <cell r="AN4464" t="str">
            <v>MDO C&amp;M</v>
          </cell>
          <cell r="AO4464" t="str">
            <v>MDO INDIANA SOUTHWEST C&amp;M</v>
          </cell>
        </row>
        <row r="4465">
          <cell r="F4465">
            <v>75115</v>
          </cell>
          <cell r="AN4465" t="str">
            <v>MDO C&amp;M</v>
          </cell>
          <cell r="AO4465" t="str">
            <v>MDO INDIANA SOUTHWEST C&amp;M</v>
          </cell>
        </row>
        <row r="4466">
          <cell r="F4466">
            <v>75115</v>
          </cell>
          <cell r="AN4466" t="str">
            <v>MDO C&amp;M</v>
          </cell>
          <cell r="AO4466" t="str">
            <v>MDO INDIANA SOUTHWEST C&amp;M</v>
          </cell>
        </row>
        <row r="4467">
          <cell r="F4467">
            <v>75115</v>
          </cell>
          <cell r="AN4467" t="str">
            <v>MDO C&amp;M</v>
          </cell>
          <cell r="AO4467" t="str">
            <v>MDO INDIANA SOUTHWEST C&amp;M</v>
          </cell>
        </row>
        <row r="4468">
          <cell r="F4468">
            <v>75115</v>
          </cell>
          <cell r="AN4468" t="str">
            <v>MDO C&amp;M</v>
          </cell>
          <cell r="AO4468" t="str">
            <v>MDO INDIANA NORTH C&amp;M</v>
          </cell>
        </row>
        <row r="4469">
          <cell r="F4469">
            <v>75115</v>
          </cell>
          <cell r="AN4469" t="str">
            <v>MDO C&amp;M</v>
          </cell>
          <cell r="AO4469" t="str">
            <v>MDO INDIANA SOUTHEAST C&amp;M</v>
          </cell>
        </row>
        <row r="4470">
          <cell r="F4470">
            <v>75115</v>
          </cell>
          <cell r="AN4470" t="str">
            <v>MDO C&amp;M</v>
          </cell>
          <cell r="AO4470" t="str">
            <v>MDO INDIANA SOUTHWEST C&amp;M</v>
          </cell>
        </row>
        <row r="4471">
          <cell r="F4471">
            <v>75023</v>
          </cell>
          <cell r="AN4471" t="str">
            <v>MDO C&amp;M</v>
          </cell>
          <cell r="AO4471" t="str">
            <v>MDO OH/KEN C&amp;M</v>
          </cell>
        </row>
        <row r="4472">
          <cell r="F4472">
            <v>75023</v>
          </cell>
          <cell r="AN4472" t="str">
            <v>MDO C&amp;M</v>
          </cell>
          <cell r="AO4472" t="str">
            <v>MDO OH/KEN C&amp;M</v>
          </cell>
        </row>
        <row r="4473">
          <cell r="F4473">
            <v>75023</v>
          </cell>
          <cell r="AN4473" t="str">
            <v>MDO C&amp;M</v>
          </cell>
          <cell r="AO4473" t="str">
            <v>MDO OH/KEN C&amp;M</v>
          </cell>
        </row>
        <row r="4474">
          <cell r="F4474">
            <v>75023</v>
          </cell>
          <cell r="AN4474" t="str">
            <v>MDO C&amp;M</v>
          </cell>
          <cell r="AO4474" t="str">
            <v>MDO OH/KEN C&amp;M</v>
          </cell>
        </row>
        <row r="4475">
          <cell r="F4475">
            <v>75023</v>
          </cell>
          <cell r="AN4475" t="str">
            <v>MDO C&amp;M</v>
          </cell>
          <cell r="AO4475" t="str">
            <v>MDO OH/KEN C&amp;M</v>
          </cell>
        </row>
        <row r="4476">
          <cell r="F4476">
            <v>75023</v>
          </cell>
          <cell r="AN4476" t="str">
            <v>MDO C&amp;M</v>
          </cell>
          <cell r="AO4476" t="str">
            <v>MDO OH/KEN C&amp;M</v>
          </cell>
        </row>
        <row r="4477">
          <cell r="F4477">
            <v>75023</v>
          </cell>
          <cell r="AN4477" t="str">
            <v>MDO C&amp;M</v>
          </cell>
          <cell r="AO4477" t="str">
            <v>MDO OH/KEN C&amp;M</v>
          </cell>
        </row>
        <row r="4478">
          <cell r="F4478">
            <v>75023</v>
          </cell>
          <cell r="AN4478" t="str">
            <v>MDO C&amp;M</v>
          </cell>
          <cell r="AO4478" t="str">
            <v>MDO OH/KEN C&amp;M</v>
          </cell>
        </row>
        <row r="4479">
          <cell r="F4479">
            <v>75023</v>
          </cell>
          <cell r="AN4479" t="str">
            <v>MDO C&amp;M</v>
          </cell>
          <cell r="AO4479" t="str">
            <v>MDO OH/KEN C&amp;M</v>
          </cell>
        </row>
        <row r="4480">
          <cell r="F4480">
            <v>75023</v>
          </cell>
          <cell r="AN4480" t="str">
            <v>MDO C&amp;M</v>
          </cell>
          <cell r="AO4480" t="str">
            <v>MDO OH/KEN C&amp;M</v>
          </cell>
        </row>
        <row r="4481">
          <cell r="F4481">
            <v>75023</v>
          </cell>
          <cell r="AN4481" t="str">
            <v>MDO C&amp;M</v>
          </cell>
          <cell r="AO4481" t="str">
            <v>MDO OH/KEN C&amp;M</v>
          </cell>
        </row>
        <row r="4482">
          <cell r="F4482">
            <v>75023</v>
          </cell>
          <cell r="AN4482" t="str">
            <v>MDO C&amp;M</v>
          </cell>
          <cell r="AO4482" t="str">
            <v>MDO OH/KEN C&amp;M</v>
          </cell>
        </row>
        <row r="4483">
          <cell r="F4483">
            <v>75023</v>
          </cell>
          <cell r="AN4483" t="str">
            <v>MDO C&amp;M</v>
          </cell>
          <cell r="AO4483" t="str">
            <v>MDO OH/KEN C&amp;M</v>
          </cell>
        </row>
        <row r="4484">
          <cell r="F4484">
            <v>75023</v>
          </cell>
          <cell r="AN4484" t="str">
            <v>MDO C&amp;M</v>
          </cell>
          <cell r="AO4484" t="str">
            <v>MDO OH/KEN C&amp;M</v>
          </cell>
        </row>
        <row r="4485">
          <cell r="F4485">
            <v>75023</v>
          </cell>
          <cell r="AN4485" t="str">
            <v>MDO C&amp;M</v>
          </cell>
          <cell r="AO4485" t="str">
            <v>MDO OH/KEN C&amp;M</v>
          </cell>
        </row>
        <row r="4486">
          <cell r="F4486">
            <v>75023</v>
          </cell>
          <cell r="AN4486" t="str">
            <v>MDO C&amp;M</v>
          </cell>
          <cell r="AO4486" t="str">
            <v>MDO OH/KEN C&amp;M</v>
          </cell>
        </row>
        <row r="4487">
          <cell r="F4487">
            <v>75023</v>
          </cell>
          <cell r="AN4487" t="str">
            <v>MDO C&amp;M</v>
          </cell>
          <cell r="AO4487" t="str">
            <v>MDO OH/KEN C&amp;M</v>
          </cell>
        </row>
        <row r="4488">
          <cell r="F4488">
            <v>75023</v>
          </cell>
          <cell r="AN4488" t="str">
            <v>MDO C&amp;M</v>
          </cell>
          <cell r="AO4488" t="str">
            <v>MDO OH/KEN C&amp;M</v>
          </cell>
        </row>
        <row r="4489">
          <cell r="F4489">
            <v>75023</v>
          </cell>
          <cell r="AN4489" t="str">
            <v>MDO C&amp;M</v>
          </cell>
          <cell r="AO4489" t="str">
            <v>MDO OH/KEN C&amp;M</v>
          </cell>
        </row>
        <row r="4490">
          <cell r="F4490">
            <v>75023</v>
          </cell>
          <cell r="AN4490" t="str">
            <v>MDO C&amp;M</v>
          </cell>
          <cell r="AO4490" t="str">
            <v>MDO OH/KEN C&amp;M</v>
          </cell>
        </row>
        <row r="4491">
          <cell r="F4491">
            <v>75023</v>
          </cell>
          <cell r="AN4491" t="str">
            <v>MDO C&amp;M</v>
          </cell>
          <cell r="AO4491" t="str">
            <v>MDO OH/KEN C&amp;M</v>
          </cell>
        </row>
        <row r="4492">
          <cell r="F4492">
            <v>75023</v>
          </cell>
          <cell r="AN4492" t="str">
            <v>MDO C&amp;M</v>
          </cell>
          <cell r="AO4492" t="str">
            <v>MDO OH/KEN C&amp;M</v>
          </cell>
        </row>
        <row r="4493">
          <cell r="F4493">
            <v>75023</v>
          </cell>
          <cell r="AN4493" t="str">
            <v>MDO C&amp;M</v>
          </cell>
          <cell r="AO4493" t="str">
            <v>MDO OH/KEN C&amp;M</v>
          </cell>
        </row>
        <row r="4494">
          <cell r="F4494">
            <v>75023</v>
          </cell>
          <cell r="AN4494" t="str">
            <v>MDO C&amp;M</v>
          </cell>
          <cell r="AO4494" t="str">
            <v>MDO OH/KEN C&amp;M</v>
          </cell>
        </row>
        <row r="4495">
          <cell r="F4495">
            <v>75023</v>
          </cell>
          <cell r="AN4495" t="str">
            <v>MDO C&amp;M</v>
          </cell>
          <cell r="AO4495" t="str">
            <v>MDO OH/KEN C&amp;M</v>
          </cell>
        </row>
        <row r="4496">
          <cell r="F4496">
            <v>75023</v>
          </cell>
          <cell r="AN4496" t="str">
            <v>MDO C&amp;M</v>
          </cell>
          <cell r="AO4496" t="str">
            <v>MDO OH/KEN C&amp;M</v>
          </cell>
        </row>
        <row r="4497">
          <cell r="F4497">
            <v>75023</v>
          </cell>
          <cell r="AN4497" t="str">
            <v>MDO C&amp;M</v>
          </cell>
          <cell r="AO4497" t="str">
            <v>MDO OH/KEN C&amp;M</v>
          </cell>
        </row>
        <row r="4498">
          <cell r="F4498">
            <v>75023</v>
          </cell>
          <cell r="AN4498" t="str">
            <v>MDO C&amp;M</v>
          </cell>
          <cell r="AO4498" t="str">
            <v>MDO OH/KEN C&amp;M</v>
          </cell>
        </row>
        <row r="4499">
          <cell r="F4499">
            <v>75023</v>
          </cell>
          <cell r="AN4499" t="str">
            <v>MDO C&amp;M</v>
          </cell>
          <cell r="AO4499" t="str">
            <v>MDO OH/KEN C&amp;M</v>
          </cell>
        </row>
        <row r="4500">
          <cell r="F4500">
            <v>75023</v>
          </cell>
          <cell r="AN4500" t="str">
            <v>MDO C&amp;M</v>
          </cell>
          <cell r="AO4500" t="str">
            <v>MDO OH/KEN C&amp;M</v>
          </cell>
        </row>
        <row r="4501">
          <cell r="F4501">
            <v>75023</v>
          </cell>
          <cell r="AN4501" t="str">
            <v>MDO C&amp;M</v>
          </cell>
          <cell r="AO4501" t="str">
            <v>MDO OH/KEN C&amp;M</v>
          </cell>
        </row>
        <row r="4502">
          <cell r="F4502">
            <v>75023</v>
          </cell>
          <cell r="AN4502" t="str">
            <v>MDO C&amp;M</v>
          </cell>
          <cell r="AO4502" t="str">
            <v>MDO OH/KEN C&amp;M</v>
          </cell>
        </row>
        <row r="4503">
          <cell r="F4503">
            <v>75023</v>
          </cell>
          <cell r="AN4503" t="str">
            <v>MDO C&amp;M</v>
          </cell>
          <cell r="AO4503" t="str">
            <v>MDO OH/KEN C&amp;M</v>
          </cell>
        </row>
        <row r="4504">
          <cell r="F4504">
            <v>75023</v>
          </cell>
          <cell r="AN4504" t="str">
            <v>MDO C&amp;M</v>
          </cell>
          <cell r="AO4504" t="str">
            <v>MDO OH/KEN C&amp;M</v>
          </cell>
        </row>
        <row r="4505">
          <cell r="F4505">
            <v>75023</v>
          </cell>
          <cell r="AN4505" t="str">
            <v>MDO C&amp;M</v>
          </cell>
          <cell r="AO4505" t="str">
            <v>MDO OH/KEN C&amp;M</v>
          </cell>
        </row>
        <row r="4506">
          <cell r="F4506">
            <v>75023</v>
          </cell>
          <cell r="AN4506" t="str">
            <v>MDO C&amp;M</v>
          </cell>
          <cell r="AO4506" t="str">
            <v>MDO OH/KEN C&amp;M</v>
          </cell>
        </row>
        <row r="4507">
          <cell r="F4507">
            <v>75023</v>
          </cell>
          <cell r="AN4507" t="str">
            <v>MDO C&amp;M</v>
          </cell>
          <cell r="AO4507" t="str">
            <v>MDO OH/KEN C&amp;M</v>
          </cell>
        </row>
        <row r="4508">
          <cell r="F4508">
            <v>75023</v>
          </cell>
          <cell r="AN4508" t="str">
            <v>MDO C&amp;M</v>
          </cell>
          <cell r="AO4508" t="str">
            <v>MDO OH/KEN C&amp;M</v>
          </cell>
        </row>
        <row r="4509">
          <cell r="F4509">
            <v>75023</v>
          </cell>
          <cell r="AN4509" t="str">
            <v>MDO C&amp;M</v>
          </cell>
          <cell r="AO4509" t="str">
            <v>MDO OH/KEN C&amp;M</v>
          </cell>
        </row>
        <row r="4510">
          <cell r="F4510">
            <v>75023</v>
          </cell>
          <cell r="AN4510" t="str">
            <v>MDO C&amp;M</v>
          </cell>
          <cell r="AO4510" t="str">
            <v>MDO OH/KEN C&amp;M</v>
          </cell>
        </row>
        <row r="4511">
          <cell r="F4511">
            <v>75023</v>
          </cell>
          <cell r="AN4511" t="str">
            <v>MDO C&amp;M</v>
          </cell>
          <cell r="AO4511" t="str">
            <v>MDO OH/KEN C&amp;M</v>
          </cell>
        </row>
        <row r="4512">
          <cell r="F4512">
            <v>75023</v>
          </cell>
          <cell r="AN4512" t="str">
            <v>MDO C&amp;M</v>
          </cell>
          <cell r="AO4512" t="str">
            <v>MDO OH/KEN C&amp;M</v>
          </cell>
        </row>
        <row r="4513">
          <cell r="F4513">
            <v>75023</v>
          </cell>
          <cell r="AN4513" t="str">
            <v>MDO C&amp;M</v>
          </cell>
          <cell r="AO4513" t="str">
            <v>MDO OH/KEN C&amp;M</v>
          </cell>
        </row>
        <row r="4514">
          <cell r="F4514">
            <v>75023</v>
          </cell>
          <cell r="AN4514" t="str">
            <v>MDO C&amp;M</v>
          </cell>
          <cell r="AO4514" t="str">
            <v>MDO OH/KEN C&amp;M</v>
          </cell>
        </row>
        <row r="4515">
          <cell r="F4515">
            <v>75023</v>
          </cell>
          <cell r="AN4515" t="str">
            <v>MDO C&amp;M</v>
          </cell>
          <cell r="AO4515" t="str">
            <v>MDO OH/KEN C&amp;M</v>
          </cell>
        </row>
        <row r="4516">
          <cell r="F4516">
            <v>75023</v>
          </cell>
          <cell r="AN4516" t="str">
            <v>MDO C&amp;M</v>
          </cell>
          <cell r="AO4516" t="str">
            <v>MDO OH/KEN C&amp;M</v>
          </cell>
        </row>
        <row r="4517">
          <cell r="F4517">
            <v>75023</v>
          </cell>
          <cell r="AN4517" t="str">
            <v>MDO C&amp;M</v>
          </cell>
          <cell r="AO4517" t="str">
            <v>MDO OH/KEN C&amp;M</v>
          </cell>
        </row>
        <row r="4518">
          <cell r="F4518">
            <v>75023</v>
          </cell>
          <cell r="AN4518" t="str">
            <v>MDO C&amp;M</v>
          </cell>
          <cell r="AO4518" t="str">
            <v>MDO OH/KEN C&amp;M</v>
          </cell>
        </row>
        <row r="4519">
          <cell r="F4519">
            <v>75023</v>
          </cell>
          <cell r="AN4519" t="str">
            <v>MDO C&amp;M</v>
          </cell>
          <cell r="AO4519" t="str">
            <v>MDO OH/KEN C&amp;M</v>
          </cell>
        </row>
        <row r="4520">
          <cell r="F4520">
            <v>75023</v>
          </cell>
          <cell r="AN4520" t="str">
            <v>MDO C&amp;M</v>
          </cell>
          <cell r="AO4520" t="str">
            <v>MDO OH/KEN C&amp;M</v>
          </cell>
        </row>
        <row r="4521">
          <cell r="F4521">
            <v>75023</v>
          </cell>
          <cell r="AN4521" t="str">
            <v>MDO C&amp;M</v>
          </cell>
          <cell r="AO4521" t="str">
            <v>MDO OH/KEN C&amp;M</v>
          </cell>
        </row>
        <row r="4522">
          <cell r="F4522">
            <v>75023</v>
          </cell>
          <cell r="AN4522" t="str">
            <v>MDO C&amp;M</v>
          </cell>
          <cell r="AO4522" t="str">
            <v>MDO OH/KEN C&amp;M</v>
          </cell>
        </row>
        <row r="4523">
          <cell r="F4523">
            <v>75023</v>
          </cell>
          <cell r="AN4523" t="str">
            <v>MDO C&amp;M</v>
          </cell>
          <cell r="AO4523" t="str">
            <v>MDO OH/KEN C&amp;M</v>
          </cell>
        </row>
        <row r="4524">
          <cell r="F4524">
            <v>75023</v>
          </cell>
          <cell r="AN4524" t="str">
            <v>MDO C&amp;M</v>
          </cell>
          <cell r="AO4524" t="str">
            <v>MDO OH/KEN C&amp;M</v>
          </cell>
        </row>
        <row r="4525">
          <cell r="F4525">
            <v>75023</v>
          </cell>
          <cell r="AN4525" t="str">
            <v>MDO C&amp;M</v>
          </cell>
          <cell r="AO4525" t="str">
            <v>MDO OH/KEN C&amp;M</v>
          </cell>
        </row>
        <row r="4526">
          <cell r="F4526">
            <v>75023</v>
          </cell>
          <cell r="AN4526" t="str">
            <v>MDO C&amp;M</v>
          </cell>
          <cell r="AO4526" t="str">
            <v>MDO OH/KEN C&amp;M</v>
          </cell>
        </row>
        <row r="4527">
          <cell r="F4527">
            <v>75023</v>
          </cell>
          <cell r="AN4527" t="str">
            <v>MDO C&amp;M</v>
          </cell>
          <cell r="AO4527" t="str">
            <v>MDO OH/KEN C&amp;M</v>
          </cell>
        </row>
        <row r="4528">
          <cell r="F4528">
            <v>75023</v>
          </cell>
          <cell r="AN4528" t="str">
            <v>MDO C&amp;M</v>
          </cell>
          <cell r="AO4528" t="str">
            <v>MDO OH/KEN C&amp;M</v>
          </cell>
        </row>
        <row r="4529">
          <cell r="F4529">
            <v>75023</v>
          </cell>
          <cell r="AN4529" t="str">
            <v>MDO C&amp;M</v>
          </cell>
          <cell r="AO4529" t="str">
            <v>MDO OH/KEN C&amp;M</v>
          </cell>
        </row>
        <row r="4530">
          <cell r="F4530">
            <v>75023</v>
          </cell>
          <cell r="AN4530" t="str">
            <v>MDO C&amp;M</v>
          </cell>
          <cell r="AO4530" t="str">
            <v>MDO OH/KEN C&amp;M</v>
          </cell>
        </row>
        <row r="4531">
          <cell r="F4531">
            <v>75023</v>
          </cell>
          <cell r="AN4531" t="str">
            <v>MDO C&amp;M</v>
          </cell>
          <cell r="AO4531" t="str">
            <v>MDO OH/KEN C&amp;M</v>
          </cell>
        </row>
        <row r="4532">
          <cell r="F4532">
            <v>75023</v>
          </cell>
          <cell r="AN4532" t="str">
            <v>MDO C&amp;M</v>
          </cell>
          <cell r="AO4532" t="str">
            <v>MDO OH/KEN C&amp;M</v>
          </cell>
        </row>
        <row r="4533">
          <cell r="F4533">
            <v>75023</v>
          </cell>
          <cell r="AN4533" t="str">
            <v>MDO C&amp;M</v>
          </cell>
          <cell r="AO4533" t="str">
            <v>MDO OH/KEN C&amp;M</v>
          </cell>
        </row>
        <row r="4534">
          <cell r="F4534">
            <v>75023</v>
          </cell>
          <cell r="AN4534" t="str">
            <v>MDO C&amp;M</v>
          </cell>
          <cell r="AO4534" t="str">
            <v>MDO OH/KEN C&amp;M</v>
          </cell>
        </row>
        <row r="4535">
          <cell r="F4535">
            <v>75084</v>
          </cell>
          <cell r="AN4535" t="str">
            <v>MDO C&amp;M</v>
          </cell>
          <cell r="AO4535" t="str">
            <v>MDO OH/KEN C&amp;M</v>
          </cell>
        </row>
        <row r="4536">
          <cell r="F4536">
            <v>75084</v>
          </cell>
          <cell r="AN4536" t="str">
            <v>MDO C&amp;M</v>
          </cell>
          <cell r="AO4536" t="str">
            <v>MDO OH/KEN C&amp;M</v>
          </cell>
        </row>
        <row r="4537">
          <cell r="F4537">
            <v>75084</v>
          </cell>
          <cell r="AN4537" t="str">
            <v>MDO C&amp;M</v>
          </cell>
          <cell r="AO4537" t="str">
            <v>MDO OH/KEN C&amp;M</v>
          </cell>
        </row>
        <row r="4538">
          <cell r="F4538">
            <v>75084</v>
          </cell>
          <cell r="AN4538" t="str">
            <v>MDO C&amp;M</v>
          </cell>
          <cell r="AO4538" t="str">
            <v>MDO OH/KEN C&amp;M</v>
          </cell>
        </row>
        <row r="4539">
          <cell r="F4539">
            <v>75084</v>
          </cell>
          <cell r="AN4539" t="str">
            <v>MDO C&amp;M</v>
          </cell>
          <cell r="AO4539" t="str">
            <v>MDO OH/KEN C&amp;M</v>
          </cell>
        </row>
        <row r="4540">
          <cell r="F4540">
            <v>75084</v>
          </cell>
          <cell r="AN4540" t="str">
            <v>MDO C&amp;M</v>
          </cell>
          <cell r="AO4540" t="str">
            <v>MDO OH/KEN C&amp;M</v>
          </cell>
        </row>
        <row r="4541">
          <cell r="F4541">
            <v>75084</v>
          </cell>
          <cell r="AN4541" t="str">
            <v>MDO C&amp;M</v>
          </cell>
          <cell r="AO4541" t="str">
            <v>MDO OH/KEN C&amp;M</v>
          </cell>
        </row>
        <row r="4542">
          <cell r="F4542">
            <v>75084</v>
          </cell>
          <cell r="AN4542" t="str">
            <v>MDO C&amp;M</v>
          </cell>
          <cell r="AO4542" t="str">
            <v>MDO OH/KEN C&amp;M</v>
          </cell>
        </row>
        <row r="4543">
          <cell r="F4543">
            <v>75084</v>
          </cell>
          <cell r="AN4543" t="str">
            <v>MDO C&amp;M</v>
          </cell>
          <cell r="AO4543" t="str">
            <v>MDO OH/KEN C&amp;M</v>
          </cell>
        </row>
        <row r="4544">
          <cell r="F4544">
            <v>75084</v>
          </cell>
          <cell r="AN4544" t="str">
            <v>MDO C&amp;M</v>
          </cell>
          <cell r="AO4544" t="str">
            <v>MDO OH/KEN C&amp;M</v>
          </cell>
        </row>
        <row r="4545">
          <cell r="F4545">
            <v>75084</v>
          </cell>
          <cell r="AN4545" t="str">
            <v>MDO C&amp;M</v>
          </cell>
          <cell r="AO4545" t="str">
            <v>MDO OH/KEN C&amp;M</v>
          </cell>
        </row>
        <row r="4546">
          <cell r="F4546">
            <v>75084</v>
          </cell>
          <cell r="AN4546" t="str">
            <v>MDO C&amp;M</v>
          </cell>
          <cell r="AO4546" t="str">
            <v>MDO OH/KEN C&amp;M</v>
          </cell>
        </row>
        <row r="4547">
          <cell r="F4547">
            <v>75084</v>
          </cell>
          <cell r="AN4547" t="str">
            <v>MDO C&amp;M</v>
          </cell>
          <cell r="AO4547" t="str">
            <v>MDO OH/KEN C&amp;M</v>
          </cell>
        </row>
        <row r="4548">
          <cell r="F4548">
            <v>75084</v>
          </cell>
          <cell r="AN4548" t="str">
            <v>MDO C&amp;M</v>
          </cell>
          <cell r="AO4548" t="str">
            <v>MDO OH/KEN C&amp;M</v>
          </cell>
        </row>
        <row r="4549">
          <cell r="F4549">
            <v>75084</v>
          </cell>
          <cell r="AN4549" t="str">
            <v>MDO C&amp;M</v>
          </cell>
          <cell r="AO4549" t="str">
            <v>MDO OH/KEN C&amp;M</v>
          </cell>
        </row>
        <row r="4550">
          <cell r="F4550">
            <v>75084</v>
          </cell>
          <cell r="AN4550" t="str">
            <v>MDO C&amp;M</v>
          </cell>
          <cell r="AO4550" t="str">
            <v>MDO OH/KEN C&amp;M</v>
          </cell>
        </row>
        <row r="4551">
          <cell r="F4551">
            <v>75084</v>
          </cell>
          <cell r="AN4551" t="str">
            <v>MDO C&amp;M</v>
          </cell>
          <cell r="AO4551" t="str">
            <v>MDO OH/KEN C&amp;M</v>
          </cell>
        </row>
        <row r="4552">
          <cell r="F4552">
            <v>75084</v>
          </cell>
          <cell r="AN4552" t="str">
            <v>MDO C&amp;M</v>
          </cell>
          <cell r="AO4552" t="str">
            <v>MDO OH/KEN C&amp;M</v>
          </cell>
        </row>
        <row r="4553">
          <cell r="F4553">
            <v>75084</v>
          </cell>
          <cell r="AN4553" t="str">
            <v>MDO C&amp;M</v>
          </cell>
          <cell r="AO4553" t="str">
            <v>MDO OH/KEN C&amp;M</v>
          </cell>
        </row>
        <row r="4554">
          <cell r="F4554">
            <v>75084</v>
          </cell>
          <cell r="AN4554" t="str">
            <v>MDO C&amp;M</v>
          </cell>
          <cell r="AO4554" t="str">
            <v>MDO OH/KEN C&amp;M</v>
          </cell>
        </row>
        <row r="4555">
          <cell r="F4555">
            <v>75084</v>
          </cell>
          <cell r="AN4555" t="str">
            <v>MDO C&amp;M</v>
          </cell>
          <cell r="AO4555" t="str">
            <v>MDO OH/KEN C&amp;M</v>
          </cell>
        </row>
        <row r="4556">
          <cell r="F4556">
            <v>75084</v>
          </cell>
          <cell r="AN4556" t="str">
            <v>MDO C&amp;M</v>
          </cell>
          <cell r="AO4556" t="str">
            <v>MDO OH/KEN C&amp;M</v>
          </cell>
        </row>
        <row r="4557">
          <cell r="F4557">
            <v>75084</v>
          </cell>
          <cell r="AN4557" t="str">
            <v>MDO C&amp;M</v>
          </cell>
          <cell r="AO4557" t="str">
            <v>MDO OH/KEN C&amp;M</v>
          </cell>
        </row>
        <row r="4558">
          <cell r="F4558">
            <v>75084</v>
          </cell>
          <cell r="AN4558" t="str">
            <v>MDO C&amp;M</v>
          </cell>
          <cell r="AO4558" t="str">
            <v>MDO OH/KEN C&amp;M</v>
          </cell>
        </row>
        <row r="4559">
          <cell r="F4559">
            <v>75084</v>
          </cell>
          <cell r="AN4559" t="str">
            <v>MDO C&amp;M</v>
          </cell>
          <cell r="AO4559" t="str">
            <v>MDO OH/KEN C&amp;M</v>
          </cell>
        </row>
        <row r="4560">
          <cell r="F4560">
            <v>75084</v>
          </cell>
          <cell r="AN4560" t="str">
            <v>MDO C&amp;M</v>
          </cell>
          <cell r="AO4560" t="str">
            <v>MDO OH/KEN C&amp;M</v>
          </cell>
        </row>
        <row r="4561">
          <cell r="F4561">
            <v>75084</v>
          </cell>
          <cell r="AN4561" t="str">
            <v>MDO C&amp;M</v>
          </cell>
          <cell r="AO4561" t="str">
            <v>MDO OH/KEN C&amp;M</v>
          </cell>
        </row>
        <row r="4562">
          <cell r="F4562">
            <v>75084</v>
          </cell>
          <cell r="AN4562" t="str">
            <v>MDO C&amp;M</v>
          </cell>
          <cell r="AO4562" t="str">
            <v>MDO OH/KEN C&amp;M</v>
          </cell>
        </row>
        <row r="4563">
          <cell r="F4563">
            <v>75084</v>
          </cell>
          <cell r="AN4563" t="str">
            <v>MDO C&amp;M</v>
          </cell>
          <cell r="AO4563" t="str">
            <v>MDO OH/KEN C&amp;M</v>
          </cell>
        </row>
        <row r="4564">
          <cell r="F4564">
            <v>75084</v>
          </cell>
          <cell r="AN4564" t="str">
            <v>MDO C&amp;M</v>
          </cell>
          <cell r="AO4564" t="str">
            <v>MDO OH/KEN C&amp;M</v>
          </cell>
        </row>
        <row r="4565">
          <cell r="F4565">
            <v>75084</v>
          </cell>
          <cell r="AN4565" t="str">
            <v>MDO C&amp;M</v>
          </cell>
          <cell r="AO4565" t="str">
            <v>MDO OH/KEN C&amp;M</v>
          </cell>
        </row>
        <row r="4566">
          <cell r="F4566">
            <v>75084</v>
          </cell>
          <cell r="AN4566" t="str">
            <v>MDO C&amp;M</v>
          </cell>
          <cell r="AO4566" t="str">
            <v>MDO OH/KEN C&amp;M</v>
          </cell>
        </row>
        <row r="4567">
          <cell r="F4567">
            <v>75084</v>
          </cell>
          <cell r="AN4567" t="str">
            <v>MDO C&amp;M</v>
          </cell>
          <cell r="AO4567" t="str">
            <v>MDO OH/KEN C&amp;M</v>
          </cell>
        </row>
        <row r="4568">
          <cell r="F4568">
            <v>75084</v>
          </cell>
          <cell r="AN4568" t="str">
            <v>MDO C&amp;M</v>
          </cell>
          <cell r="AO4568" t="str">
            <v>MDO OH/KEN C&amp;M</v>
          </cell>
        </row>
        <row r="4569">
          <cell r="F4569">
            <v>75084</v>
          </cell>
          <cell r="AN4569" t="str">
            <v>MDO C&amp;M</v>
          </cell>
          <cell r="AO4569" t="str">
            <v>MDO OH/KEN C&amp;M</v>
          </cell>
        </row>
        <row r="4570">
          <cell r="F4570">
            <v>75084</v>
          </cell>
          <cell r="AN4570" t="str">
            <v>MDO C&amp;M</v>
          </cell>
          <cell r="AO4570" t="str">
            <v>MDO OH/KEN C&amp;M</v>
          </cell>
        </row>
        <row r="4571">
          <cell r="F4571">
            <v>75084</v>
          </cell>
          <cell r="AN4571" t="str">
            <v>MDO C&amp;M</v>
          </cell>
          <cell r="AO4571" t="str">
            <v>MDO OH/KEN C&amp;M</v>
          </cell>
        </row>
        <row r="4572">
          <cell r="F4572">
            <v>75084</v>
          </cell>
          <cell r="AN4572" t="str">
            <v>MDO C&amp;M</v>
          </cell>
          <cell r="AO4572" t="str">
            <v>MDO OH/KEN C&amp;M</v>
          </cell>
        </row>
        <row r="4573">
          <cell r="F4573">
            <v>75084</v>
          </cell>
          <cell r="AN4573" t="str">
            <v>MDO C&amp;M</v>
          </cell>
          <cell r="AO4573" t="str">
            <v>MDO OH/KEN C&amp;M</v>
          </cell>
        </row>
        <row r="4574">
          <cell r="F4574">
            <v>75084</v>
          </cell>
          <cell r="AN4574" t="str">
            <v>MDO C&amp;M</v>
          </cell>
          <cell r="AO4574" t="str">
            <v>MDO OH/KEN C&amp;M</v>
          </cell>
        </row>
        <row r="4575">
          <cell r="F4575">
            <v>75084</v>
          </cell>
          <cell r="AN4575" t="str">
            <v>MDO C&amp;M</v>
          </cell>
          <cell r="AO4575" t="str">
            <v>MDO OH/KEN C&amp;M</v>
          </cell>
        </row>
        <row r="4576">
          <cell r="F4576">
            <v>75084</v>
          </cell>
          <cell r="AN4576" t="str">
            <v>MDO C&amp;M</v>
          </cell>
          <cell r="AO4576" t="str">
            <v>MDO OH/KEN C&amp;M</v>
          </cell>
        </row>
        <row r="4577">
          <cell r="F4577">
            <v>75084</v>
          </cell>
          <cell r="AN4577" t="str">
            <v>MDO C&amp;M</v>
          </cell>
          <cell r="AO4577" t="str">
            <v>MDO OH/KEN C&amp;M</v>
          </cell>
        </row>
        <row r="4578">
          <cell r="F4578">
            <v>75084</v>
          </cell>
          <cell r="AN4578" t="str">
            <v>MDO C&amp;M</v>
          </cell>
          <cell r="AO4578" t="str">
            <v>MDO OH/KEN C&amp;M</v>
          </cell>
        </row>
        <row r="4579">
          <cell r="F4579">
            <v>75084</v>
          </cell>
          <cell r="AN4579" t="str">
            <v>MDO C&amp;M</v>
          </cell>
          <cell r="AO4579" t="str">
            <v>MDO OH/KEN C&amp;M</v>
          </cell>
        </row>
        <row r="4580">
          <cell r="F4580">
            <v>75084</v>
          </cell>
          <cell r="AN4580" t="str">
            <v>MDO C&amp;M</v>
          </cell>
          <cell r="AO4580" t="str">
            <v>MDO OH/KEN C&amp;M</v>
          </cell>
        </row>
        <row r="4581">
          <cell r="F4581">
            <v>75115</v>
          </cell>
          <cell r="AN4581" t="str">
            <v>MDO C&amp;M</v>
          </cell>
          <cell r="AO4581" t="str">
            <v>MDO INDIANA SOUTHWEST C&amp;M</v>
          </cell>
        </row>
        <row r="4582">
          <cell r="F4582">
            <v>75115</v>
          </cell>
          <cell r="AN4582" t="str">
            <v>MDO C&amp;M</v>
          </cell>
          <cell r="AO4582" t="str">
            <v>MDO INDIANA SOUTHWEST C&amp;M</v>
          </cell>
        </row>
        <row r="4583">
          <cell r="F4583">
            <v>75115</v>
          </cell>
          <cell r="AN4583" t="str">
            <v>MDO C&amp;M</v>
          </cell>
          <cell r="AO4583" t="str">
            <v>MDO INDIANA SOUTHWEST C&amp;M</v>
          </cell>
        </row>
        <row r="4584">
          <cell r="F4584">
            <v>75115</v>
          </cell>
          <cell r="AN4584" t="str">
            <v>MDO C&amp;M</v>
          </cell>
          <cell r="AO4584" t="str">
            <v>MDO INDIANA SOUTHWEST C&amp;M</v>
          </cell>
        </row>
        <row r="4585">
          <cell r="F4585">
            <v>75115</v>
          </cell>
          <cell r="AN4585" t="str">
            <v>MDO C&amp;M</v>
          </cell>
          <cell r="AO4585" t="str">
            <v>MDO INDIANA SOUTHWEST C&amp;M</v>
          </cell>
        </row>
        <row r="4586">
          <cell r="F4586">
            <v>75115</v>
          </cell>
          <cell r="AN4586" t="str">
            <v>MDO C&amp;M</v>
          </cell>
          <cell r="AO4586" t="str">
            <v>MDO INDIANA SOUTHWEST C&amp;M</v>
          </cell>
        </row>
        <row r="4587">
          <cell r="F4587">
            <v>75115</v>
          </cell>
          <cell r="AN4587" t="str">
            <v>MDO C&amp;M</v>
          </cell>
          <cell r="AO4587" t="str">
            <v>MDO INDIANA SOUTHWEST C&amp;M</v>
          </cell>
        </row>
        <row r="4588">
          <cell r="F4588">
            <v>75115</v>
          </cell>
          <cell r="AN4588" t="str">
            <v>MDO C&amp;M</v>
          </cell>
          <cell r="AO4588" t="str">
            <v>MDO INDIANA SOUTHWEST C&amp;M</v>
          </cell>
        </row>
        <row r="4589">
          <cell r="F4589">
            <v>75115</v>
          </cell>
          <cell r="AN4589" t="str">
            <v>MDO C&amp;M</v>
          </cell>
          <cell r="AO4589" t="str">
            <v>MDO INDIANA SOUTHWEST C&amp;M</v>
          </cell>
        </row>
        <row r="4590">
          <cell r="F4590">
            <v>75115</v>
          </cell>
          <cell r="AN4590" t="str">
            <v>MDO C&amp;M</v>
          </cell>
          <cell r="AO4590" t="str">
            <v>MDO INDIANA SOUTHWEST C&amp;M</v>
          </cell>
        </row>
        <row r="4591">
          <cell r="F4591">
            <v>75115</v>
          </cell>
          <cell r="AN4591" t="str">
            <v>MDO C&amp;M</v>
          </cell>
          <cell r="AO4591" t="str">
            <v>MDO INDIANA SOUTHWEST C&amp;M</v>
          </cell>
        </row>
        <row r="4592">
          <cell r="F4592">
            <v>75115</v>
          </cell>
          <cell r="AN4592" t="str">
            <v>MDO C&amp;M</v>
          </cell>
          <cell r="AO4592" t="str">
            <v>MDO INDIANA SOUTHEAST C&amp;M</v>
          </cell>
        </row>
        <row r="4593">
          <cell r="F4593">
            <v>75115</v>
          </cell>
          <cell r="AN4593" t="str">
            <v>MDO C&amp;M</v>
          </cell>
          <cell r="AO4593" t="str">
            <v>MDO INDIANA SOUTHEAST C&amp;M</v>
          </cell>
        </row>
        <row r="4594">
          <cell r="F4594">
            <v>75115</v>
          </cell>
          <cell r="AN4594" t="str">
            <v>MDO C&amp;M</v>
          </cell>
          <cell r="AO4594" t="str">
            <v>MDO INDIANA SOUTHEAST C&amp;M</v>
          </cell>
        </row>
        <row r="4595">
          <cell r="F4595">
            <v>75115</v>
          </cell>
          <cell r="AN4595" t="str">
            <v>MDO C&amp;M</v>
          </cell>
          <cell r="AO4595" t="str">
            <v>MDO INDIANA SOUTHEAST C&amp;M</v>
          </cell>
        </row>
        <row r="4596">
          <cell r="F4596">
            <v>75115</v>
          </cell>
          <cell r="AN4596" t="str">
            <v>MDO C&amp;M</v>
          </cell>
          <cell r="AO4596" t="str">
            <v>MDO INDIANA SOUTHEAST C&amp;M</v>
          </cell>
        </row>
        <row r="4597">
          <cell r="F4597">
            <v>75115</v>
          </cell>
          <cell r="AN4597" t="str">
            <v>MDO C&amp;M</v>
          </cell>
          <cell r="AO4597" t="str">
            <v>MDO INDIANA SOUTHEAST C&amp;M</v>
          </cell>
        </row>
        <row r="4598">
          <cell r="F4598">
            <v>75115</v>
          </cell>
          <cell r="AN4598" t="str">
            <v>MDO C&amp;M</v>
          </cell>
          <cell r="AO4598" t="str">
            <v>MDO INDIANA SOUTHEAST C&amp;M</v>
          </cell>
        </row>
        <row r="4599">
          <cell r="F4599">
            <v>75115</v>
          </cell>
          <cell r="AN4599" t="str">
            <v>MDO C&amp;M</v>
          </cell>
          <cell r="AO4599" t="str">
            <v>MDO INDIANA SOUTHEAST C&amp;M</v>
          </cell>
        </row>
        <row r="4600">
          <cell r="F4600">
            <v>75115</v>
          </cell>
          <cell r="AN4600" t="str">
            <v>MDO C&amp;M</v>
          </cell>
          <cell r="AO4600" t="str">
            <v>MDO INDIANA SOUTHEAST C&amp;M</v>
          </cell>
        </row>
        <row r="4601">
          <cell r="F4601">
            <v>75115</v>
          </cell>
          <cell r="AN4601" t="str">
            <v>MDO C&amp;M</v>
          </cell>
          <cell r="AO4601" t="str">
            <v>MDO INDIANA SOUTHEAST C&amp;M</v>
          </cell>
        </row>
        <row r="4602">
          <cell r="F4602">
            <v>75115</v>
          </cell>
          <cell r="AN4602" t="str">
            <v>MDO C&amp;M</v>
          </cell>
          <cell r="AO4602" t="str">
            <v>MDO INDIANA SOUTHEAST C&amp;M</v>
          </cell>
        </row>
        <row r="4603">
          <cell r="F4603">
            <v>75115</v>
          </cell>
          <cell r="AN4603" t="str">
            <v>MDO C&amp;M</v>
          </cell>
          <cell r="AO4603" t="str">
            <v>MDO INDIANA NORTH C&amp;M</v>
          </cell>
        </row>
        <row r="4604">
          <cell r="F4604">
            <v>75115</v>
          </cell>
          <cell r="AN4604" t="str">
            <v>MDO C&amp;M</v>
          </cell>
          <cell r="AO4604" t="str">
            <v>MDO INDIANA NORTH C&amp;M</v>
          </cell>
        </row>
        <row r="4605">
          <cell r="F4605">
            <v>75115</v>
          </cell>
          <cell r="AN4605" t="str">
            <v>MDO C&amp;M</v>
          </cell>
          <cell r="AO4605" t="str">
            <v>MDO INDIANA NORTH C&amp;M</v>
          </cell>
        </row>
        <row r="4606">
          <cell r="F4606">
            <v>75115</v>
          </cell>
          <cell r="AN4606" t="str">
            <v>MDO C&amp;M</v>
          </cell>
          <cell r="AO4606" t="str">
            <v>MDO INDIANA NORTH C&amp;M</v>
          </cell>
        </row>
        <row r="4607">
          <cell r="F4607">
            <v>75115</v>
          </cell>
          <cell r="AN4607" t="str">
            <v>MDO C&amp;M</v>
          </cell>
          <cell r="AO4607" t="str">
            <v>MDO INDIANA NORTH C&amp;M</v>
          </cell>
        </row>
        <row r="4608">
          <cell r="F4608">
            <v>75115</v>
          </cell>
          <cell r="AN4608" t="str">
            <v>MDO C&amp;M</v>
          </cell>
          <cell r="AO4608" t="str">
            <v>MDO INDIANA NORTH C&amp;M</v>
          </cell>
        </row>
        <row r="4609">
          <cell r="F4609">
            <v>75115</v>
          </cell>
          <cell r="AN4609" t="str">
            <v>MDO C&amp;M</v>
          </cell>
          <cell r="AO4609" t="str">
            <v>MDO INDIANA NORTH C&amp;M</v>
          </cell>
        </row>
        <row r="4610">
          <cell r="F4610">
            <v>75115</v>
          </cell>
          <cell r="AN4610" t="str">
            <v>MDO C&amp;M</v>
          </cell>
          <cell r="AO4610" t="str">
            <v>MDO INDIANA NORTH C&amp;M</v>
          </cell>
        </row>
        <row r="4611">
          <cell r="F4611">
            <v>75115</v>
          </cell>
          <cell r="AN4611" t="str">
            <v>MDO C&amp;M</v>
          </cell>
          <cell r="AO4611" t="str">
            <v>MDO INDIANA NORTH C&amp;M</v>
          </cell>
        </row>
        <row r="4612">
          <cell r="F4612">
            <v>75115</v>
          </cell>
          <cell r="AN4612" t="str">
            <v>MDO C&amp;M</v>
          </cell>
          <cell r="AO4612" t="str">
            <v>MDO INDIANA NORTH C&amp;M</v>
          </cell>
        </row>
        <row r="4613">
          <cell r="F4613">
            <v>75115</v>
          </cell>
          <cell r="AN4613" t="str">
            <v>MDO C&amp;M</v>
          </cell>
          <cell r="AO4613" t="str">
            <v>MDO INDIANA NORTH C&amp;M</v>
          </cell>
        </row>
        <row r="4614">
          <cell r="F4614">
            <v>75115</v>
          </cell>
          <cell r="AN4614" t="str">
            <v>MDO C&amp;M</v>
          </cell>
          <cell r="AO4614" t="str">
            <v>MDO INDIANA SOUTHWEST C&amp;M</v>
          </cell>
        </row>
        <row r="4615">
          <cell r="F4615">
            <v>75115</v>
          </cell>
          <cell r="AN4615" t="str">
            <v>MDO C&amp;M</v>
          </cell>
          <cell r="AO4615" t="str">
            <v>MDO INDIANA SOUTHEAST C&amp;M</v>
          </cell>
        </row>
        <row r="4616">
          <cell r="F4616">
            <v>75115</v>
          </cell>
          <cell r="AN4616" t="str">
            <v>MDO C&amp;M</v>
          </cell>
          <cell r="AO4616" t="str">
            <v>MDO INDIANA NORTH C&amp;M</v>
          </cell>
        </row>
        <row r="4617">
          <cell r="F4617">
            <v>75115</v>
          </cell>
          <cell r="AN4617" t="str">
            <v>MDO C&amp;M</v>
          </cell>
          <cell r="AO4617" t="str">
            <v>MDO INDIANA SOUTHWEST C&amp;M</v>
          </cell>
        </row>
        <row r="4618">
          <cell r="F4618">
            <v>75115</v>
          </cell>
          <cell r="AN4618" t="str">
            <v>MDO C&amp;M</v>
          </cell>
          <cell r="AO4618" t="str">
            <v>MDO INDIANA SOUTHWEST C&amp;M</v>
          </cell>
        </row>
        <row r="4619">
          <cell r="F4619">
            <v>75115</v>
          </cell>
          <cell r="AN4619" t="str">
            <v>MDO C&amp;M</v>
          </cell>
          <cell r="AO4619" t="str">
            <v>MDO INDIANA SOUTHWEST C&amp;M</v>
          </cell>
        </row>
        <row r="4620">
          <cell r="F4620">
            <v>75115</v>
          </cell>
          <cell r="AN4620" t="str">
            <v>MDO C&amp;M</v>
          </cell>
          <cell r="AO4620" t="str">
            <v>MDO INDIANA SOUTHWEST C&amp;M</v>
          </cell>
        </row>
        <row r="4621">
          <cell r="F4621">
            <v>75115</v>
          </cell>
          <cell r="AN4621" t="str">
            <v>MDO C&amp;M</v>
          </cell>
          <cell r="AO4621" t="str">
            <v>MDO INDIANA SOUTHWEST C&amp;M</v>
          </cell>
        </row>
        <row r="4622">
          <cell r="F4622">
            <v>75115</v>
          </cell>
          <cell r="AN4622" t="str">
            <v>MDO C&amp;M</v>
          </cell>
          <cell r="AO4622" t="str">
            <v>MDO INDIANA SOUTHWEST C&amp;M</v>
          </cell>
        </row>
        <row r="4623">
          <cell r="F4623">
            <v>75115</v>
          </cell>
          <cell r="AN4623" t="str">
            <v>MDO C&amp;M</v>
          </cell>
          <cell r="AO4623" t="str">
            <v>MDO INDIANA SOUTHWEST C&amp;M</v>
          </cell>
        </row>
        <row r="4624">
          <cell r="F4624">
            <v>75115</v>
          </cell>
          <cell r="AN4624" t="str">
            <v>MDO C&amp;M</v>
          </cell>
          <cell r="AO4624" t="str">
            <v>MDO INDIANA SOUTHWEST C&amp;M</v>
          </cell>
        </row>
        <row r="4625">
          <cell r="F4625">
            <v>75115</v>
          </cell>
          <cell r="AN4625" t="str">
            <v>MDO C&amp;M</v>
          </cell>
          <cell r="AO4625" t="str">
            <v>MDO INDIANA SOUTHEAST C&amp;M</v>
          </cell>
        </row>
        <row r="4626">
          <cell r="F4626">
            <v>75115</v>
          </cell>
          <cell r="AN4626" t="str">
            <v>MDO C&amp;M</v>
          </cell>
          <cell r="AO4626" t="str">
            <v>MDO INDIANA SOUTHEAST C&amp;M</v>
          </cell>
        </row>
        <row r="4627">
          <cell r="F4627">
            <v>75115</v>
          </cell>
          <cell r="AN4627" t="str">
            <v>MDO C&amp;M</v>
          </cell>
          <cell r="AO4627" t="str">
            <v>MDO INDIANA SOUTHEAST C&amp;M</v>
          </cell>
        </row>
        <row r="4628">
          <cell r="F4628">
            <v>75115</v>
          </cell>
          <cell r="AN4628" t="str">
            <v>MDO C&amp;M</v>
          </cell>
          <cell r="AO4628" t="str">
            <v>MDO INDIANA SOUTHEAST C&amp;M</v>
          </cell>
        </row>
        <row r="4629">
          <cell r="F4629">
            <v>75115</v>
          </cell>
          <cell r="AN4629" t="str">
            <v>MDO C&amp;M</v>
          </cell>
          <cell r="AO4629" t="str">
            <v>MDO INDIANA SOUTHEAST C&amp;M</v>
          </cell>
        </row>
        <row r="4630">
          <cell r="F4630">
            <v>75115</v>
          </cell>
          <cell r="AN4630" t="str">
            <v>MDO C&amp;M</v>
          </cell>
          <cell r="AO4630" t="str">
            <v>MDO INDIANA SOUTHEAST C&amp;M</v>
          </cell>
        </row>
        <row r="4631">
          <cell r="F4631">
            <v>75115</v>
          </cell>
          <cell r="AN4631" t="str">
            <v>MDO C&amp;M</v>
          </cell>
          <cell r="AO4631" t="str">
            <v>MDO INDIANA SOUTHEAST C&amp;M</v>
          </cell>
        </row>
        <row r="4632">
          <cell r="F4632">
            <v>75115</v>
          </cell>
          <cell r="AN4632" t="str">
            <v>MDO C&amp;M</v>
          </cell>
          <cell r="AO4632" t="str">
            <v>MDO INDIANA SOUTHEAST C&amp;M</v>
          </cell>
        </row>
        <row r="4633">
          <cell r="F4633">
            <v>75115</v>
          </cell>
          <cell r="AN4633" t="str">
            <v>MDO C&amp;M</v>
          </cell>
          <cell r="AO4633" t="str">
            <v>MDO INDIANA NORTH C&amp;M</v>
          </cell>
        </row>
        <row r="4634">
          <cell r="F4634">
            <v>75115</v>
          </cell>
          <cell r="AN4634" t="str">
            <v>MDO C&amp;M</v>
          </cell>
          <cell r="AO4634" t="str">
            <v>MDO INDIANA NORTH C&amp;M</v>
          </cell>
        </row>
        <row r="4635">
          <cell r="F4635">
            <v>75115</v>
          </cell>
          <cell r="AN4635" t="str">
            <v>MDO C&amp;M</v>
          </cell>
          <cell r="AO4635" t="str">
            <v>MDO INDIANA NORTH C&amp;M</v>
          </cell>
        </row>
        <row r="4636">
          <cell r="F4636">
            <v>75115</v>
          </cell>
          <cell r="AN4636" t="str">
            <v>MDO C&amp;M</v>
          </cell>
          <cell r="AO4636" t="str">
            <v>MDO INDIANA NORTH C&amp;M</v>
          </cell>
        </row>
        <row r="4637">
          <cell r="F4637">
            <v>75115</v>
          </cell>
          <cell r="AN4637" t="str">
            <v>MDO C&amp;M</v>
          </cell>
          <cell r="AO4637" t="str">
            <v>MDO INDIANA NORTH C&amp;M</v>
          </cell>
        </row>
        <row r="4638">
          <cell r="F4638">
            <v>75115</v>
          </cell>
          <cell r="AN4638" t="str">
            <v>MDO C&amp;M</v>
          </cell>
          <cell r="AO4638" t="str">
            <v>MDO INDIANA NORTH C&amp;M</v>
          </cell>
        </row>
        <row r="4639">
          <cell r="F4639">
            <v>75115</v>
          </cell>
          <cell r="AN4639" t="str">
            <v>MDO C&amp;M</v>
          </cell>
          <cell r="AO4639" t="str">
            <v>MDO INDIANA NORTH C&amp;M</v>
          </cell>
        </row>
        <row r="4640">
          <cell r="F4640">
            <v>75115</v>
          </cell>
          <cell r="AN4640" t="str">
            <v>MDO C&amp;M</v>
          </cell>
          <cell r="AO4640" t="str">
            <v>MDO INDIANA NORTH C&amp;M</v>
          </cell>
        </row>
        <row r="4641">
          <cell r="F4641">
            <v>75115</v>
          </cell>
          <cell r="AN4641" t="str">
            <v>MDO C&amp;M</v>
          </cell>
          <cell r="AO4641" t="str">
            <v>MDO INDIANA NORTH C&amp;M</v>
          </cell>
        </row>
        <row r="4642">
          <cell r="F4642">
            <v>75115</v>
          </cell>
          <cell r="AN4642" t="str">
            <v>MDO C&amp;M</v>
          </cell>
          <cell r="AO4642" t="str">
            <v>MDO INDIANA NORTH C&amp;M</v>
          </cell>
        </row>
        <row r="4643">
          <cell r="F4643">
            <v>75115</v>
          </cell>
          <cell r="AN4643" t="str">
            <v>MDO C&amp;M</v>
          </cell>
          <cell r="AO4643" t="str">
            <v>MDO INDIANA NORTH C&amp;M</v>
          </cell>
        </row>
        <row r="4644">
          <cell r="F4644">
            <v>75115</v>
          </cell>
          <cell r="AN4644" t="str">
            <v>MDO C&amp;M</v>
          </cell>
          <cell r="AO4644" t="str">
            <v>MDO INDIANA NORTH C&amp;M</v>
          </cell>
        </row>
        <row r="4645">
          <cell r="F4645">
            <v>75115</v>
          </cell>
          <cell r="AN4645" t="str">
            <v>MDO C&amp;M</v>
          </cell>
          <cell r="AO4645" t="str">
            <v>MDO INDIANA NORTH C&amp;M</v>
          </cell>
        </row>
        <row r="4646">
          <cell r="F4646">
            <v>75115</v>
          </cell>
          <cell r="AN4646" t="str">
            <v>MDO C&amp;M</v>
          </cell>
          <cell r="AO4646" t="str">
            <v>MDO INDIANA NORTH C&amp;M</v>
          </cell>
        </row>
        <row r="4647">
          <cell r="F4647">
            <v>75115</v>
          </cell>
          <cell r="AN4647" t="str">
            <v>MDO C&amp;M</v>
          </cell>
          <cell r="AO4647" t="str">
            <v>MDO INDIANA NORTH C&amp;M</v>
          </cell>
        </row>
        <row r="4648">
          <cell r="F4648">
            <v>75115</v>
          </cell>
          <cell r="AN4648" t="str">
            <v>MDO C&amp;M</v>
          </cell>
          <cell r="AO4648" t="str">
            <v>MDO INDIANA NORTH C&amp;M</v>
          </cell>
        </row>
        <row r="4649">
          <cell r="F4649">
            <v>75115</v>
          </cell>
          <cell r="AN4649" t="str">
            <v>MDO C&amp;M</v>
          </cell>
          <cell r="AO4649" t="str">
            <v>MDO INDIANA NORTH C&amp;M</v>
          </cell>
        </row>
        <row r="4650">
          <cell r="F4650">
            <v>75115</v>
          </cell>
          <cell r="AN4650" t="str">
            <v>MDO C&amp;M</v>
          </cell>
          <cell r="AO4650" t="str">
            <v>MDO INDIANA NORTH C&amp;M</v>
          </cell>
        </row>
        <row r="4651">
          <cell r="F4651">
            <v>75115</v>
          </cell>
          <cell r="AN4651" t="str">
            <v>MDO C&amp;M</v>
          </cell>
          <cell r="AO4651" t="str">
            <v>MDO INDIANA NORTH C&amp;M</v>
          </cell>
        </row>
        <row r="4652">
          <cell r="F4652">
            <v>75115</v>
          </cell>
          <cell r="AN4652" t="str">
            <v>MDO C&amp;M</v>
          </cell>
          <cell r="AO4652" t="str">
            <v>MDO INDIANA NORTH C&amp;M</v>
          </cell>
        </row>
        <row r="4653">
          <cell r="F4653">
            <v>75115</v>
          </cell>
          <cell r="AN4653" t="str">
            <v>MDO C&amp;M</v>
          </cell>
          <cell r="AO4653" t="str">
            <v>MDO INDIANA NORTH C&amp;M</v>
          </cell>
        </row>
        <row r="4654">
          <cell r="F4654">
            <v>75115</v>
          </cell>
          <cell r="AN4654" t="str">
            <v>MDO C&amp;M</v>
          </cell>
          <cell r="AO4654" t="str">
            <v>MDO INDIANA NORTH C&amp;M</v>
          </cell>
        </row>
        <row r="4655">
          <cell r="F4655">
            <v>75115</v>
          </cell>
          <cell r="AN4655" t="str">
            <v>MDO C&amp;M</v>
          </cell>
          <cell r="AO4655" t="str">
            <v>MDO INDIANA NORTH C&amp;M</v>
          </cell>
        </row>
        <row r="4656">
          <cell r="F4656">
            <v>75115</v>
          </cell>
          <cell r="AN4656" t="str">
            <v>MDO C&amp;M</v>
          </cell>
          <cell r="AO4656" t="str">
            <v>MDO INDIANA NORTH C&amp;M</v>
          </cell>
        </row>
        <row r="4657">
          <cell r="F4657">
            <v>75115</v>
          </cell>
          <cell r="AN4657" t="str">
            <v>MDO C&amp;M</v>
          </cell>
          <cell r="AO4657" t="str">
            <v>MDO INDIANA NORTH C&amp;M</v>
          </cell>
        </row>
        <row r="4658">
          <cell r="F4658">
            <v>75115</v>
          </cell>
          <cell r="AN4658" t="str">
            <v>MDO C&amp;M</v>
          </cell>
          <cell r="AO4658" t="str">
            <v>MDO INDIANA NORTH C&amp;M</v>
          </cell>
        </row>
        <row r="4659">
          <cell r="F4659">
            <v>75115</v>
          </cell>
          <cell r="AN4659" t="str">
            <v>MDO C&amp;M</v>
          </cell>
          <cell r="AO4659" t="str">
            <v>MDO INDIANA NORTH C&amp;M</v>
          </cell>
        </row>
        <row r="4660">
          <cell r="F4660">
            <v>75115</v>
          </cell>
          <cell r="AN4660" t="str">
            <v>MDO C&amp;M</v>
          </cell>
          <cell r="AO4660" t="str">
            <v>MDO INDIANA NORTH C&amp;M</v>
          </cell>
        </row>
        <row r="4661">
          <cell r="F4661">
            <v>75115</v>
          </cell>
          <cell r="AN4661" t="str">
            <v>MDO C&amp;M</v>
          </cell>
          <cell r="AO4661" t="str">
            <v>MDO INDIANA NORTH C&amp;M</v>
          </cell>
        </row>
        <row r="4662">
          <cell r="F4662">
            <v>75115</v>
          </cell>
          <cell r="AN4662" t="str">
            <v>MDO C&amp;M</v>
          </cell>
          <cell r="AO4662" t="str">
            <v>MDO INDIANA NORTH C&amp;M</v>
          </cell>
        </row>
        <row r="4663">
          <cell r="F4663">
            <v>75115</v>
          </cell>
          <cell r="AN4663" t="str">
            <v>MDO C&amp;M</v>
          </cell>
          <cell r="AO4663" t="str">
            <v>MDO INDIANA NORTH C&amp;M</v>
          </cell>
        </row>
        <row r="4664">
          <cell r="F4664">
            <v>75115</v>
          </cell>
          <cell r="AN4664" t="str">
            <v>MDO C&amp;M</v>
          </cell>
          <cell r="AO4664" t="str">
            <v>MDO INDIANA NORTH C&amp;M</v>
          </cell>
        </row>
        <row r="4665">
          <cell r="F4665">
            <v>75115</v>
          </cell>
          <cell r="AN4665" t="str">
            <v>MDO C&amp;M</v>
          </cell>
          <cell r="AO4665" t="str">
            <v>MDO INDIANA NORTH C&amp;M</v>
          </cell>
        </row>
        <row r="4666">
          <cell r="F4666">
            <v>75115</v>
          </cell>
          <cell r="AN4666" t="str">
            <v>MDO C&amp;M</v>
          </cell>
          <cell r="AO4666" t="str">
            <v>MDO INDIANA SOUTHEAST C&amp;M</v>
          </cell>
        </row>
        <row r="4667">
          <cell r="F4667">
            <v>75115</v>
          </cell>
          <cell r="AN4667" t="str">
            <v>MDO C&amp;M</v>
          </cell>
          <cell r="AO4667" t="str">
            <v>MDO INDIANA SOUTHEAST C&amp;M</v>
          </cell>
        </row>
        <row r="4668">
          <cell r="F4668">
            <v>75115</v>
          </cell>
          <cell r="AN4668" t="str">
            <v>MDO C&amp;M</v>
          </cell>
          <cell r="AO4668" t="str">
            <v>MDO INDIANA SOUTHEAST C&amp;M</v>
          </cell>
        </row>
        <row r="4669">
          <cell r="F4669">
            <v>75115</v>
          </cell>
          <cell r="AN4669" t="str">
            <v>MDO C&amp;M</v>
          </cell>
          <cell r="AO4669" t="str">
            <v>MDO INDIANA SOUTHEAST C&amp;M</v>
          </cell>
        </row>
        <row r="4670">
          <cell r="F4670">
            <v>75115</v>
          </cell>
          <cell r="AN4670" t="str">
            <v>MDO C&amp;M</v>
          </cell>
          <cell r="AO4670" t="str">
            <v>MDO INDIANA SOUTHEAST C&amp;M</v>
          </cell>
        </row>
        <row r="4671">
          <cell r="F4671">
            <v>75115</v>
          </cell>
          <cell r="AN4671" t="str">
            <v>MDO C&amp;M</v>
          </cell>
          <cell r="AO4671" t="str">
            <v>MDO INDIANA SOUTHEAST C&amp;M</v>
          </cell>
        </row>
        <row r="4672">
          <cell r="F4672">
            <v>75115</v>
          </cell>
          <cell r="AN4672" t="str">
            <v>MDO C&amp;M</v>
          </cell>
          <cell r="AO4672" t="str">
            <v>MDO INDIANA SOUTHEAST C&amp;M</v>
          </cell>
        </row>
        <row r="4673">
          <cell r="F4673">
            <v>75115</v>
          </cell>
          <cell r="AN4673" t="str">
            <v>MDO C&amp;M</v>
          </cell>
          <cell r="AO4673" t="str">
            <v>MDO INDIANA SOUTHEAST C&amp;M</v>
          </cell>
        </row>
        <row r="4674">
          <cell r="F4674">
            <v>75115</v>
          </cell>
          <cell r="AN4674" t="str">
            <v>MDO C&amp;M</v>
          </cell>
          <cell r="AO4674" t="str">
            <v>MDO INDIANA SOUTHEAST C&amp;M</v>
          </cell>
        </row>
        <row r="4675">
          <cell r="F4675">
            <v>75115</v>
          </cell>
          <cell r="AN4675" t="str">
            <v>MDO C&amp;M</v>
          </cell>
          <cell r="AO4675" t="str">
            <v>MDO INDIANA SOUTHEAST C&amp;M</v>
          </cell>
        </row>
        <row r="4676">
          <cell r="F4676">
            <v>75115</v>
          </cell>
          <cell r="AN4676" t="str">
            <v>MDO C&amp;M</v>
          </cell>
          <cell r="AO4676" t="str">
            <v>MDO INDIANA SOUTHEAST C&amp;M</v>
          </cell>
        </row>
        <row r="4677">
          <cell r="F4677">
            <v>75115</v>
          </cell>
          <cell r="AN4677" t="str">
            <v>MDO C&amp;M</v>
          </cell>
          <cell r="AO4677" t="str">
            <v>MDO INDIANA SOUTHEAST C&amp;M</v>
          </cell>
        </row>
        <row r="4678">
          <cell r="F4678">
            <v>75115</v>
          </cell>
          <cell r="AN4678" t="str">
            <v>MDO C&amp;M</v>
          </cell>
          <cell r="AO4678" t="str">
            <v>MDO INDIANA SOUTHEAST C&amp;M</v>
          </cell>
        </row>
        <row r="4679">
          <cell r="F4679">
            <v>75115</v>
          </cell>
          <cell r="AN4679" t="str">
            <v>MDO C&amp;M</v>
          </cell>
          <cell r="AO4679" t="str">
            <v>MDO INDIANA SOUTHEAST C&amp;M</v>
          </cell>
        </row>
        <row r="4680">
          <cell r="F4680">
            <v>75115</v>
          </cell>
          <cell r="AN4680" t="str">
            <v>MDO C&amp;M</v>
          </cell>
          <cell r="AO4680" t="str">
            <v>MDO INDIANA SOUTHEAST C&amp;M</v>
          </cell>
        </row>
        <row r="4681">
          <cell r="F4681">
            <v>75115</v>
          </cell>
          <cell r="AN4681" t="str">
            <v>MDO C&amp;M</v>
          </cell>
          <cell r="AO4681" t="str">
            <v>MDO INDIANA SOUTHEAST C&amp;M</v>
          </cell>
        </row>
        <row r="4682">
          <cell r="F4682">
            <v>75115</v>
          </cell>
          <cell r="AN4682" t="str">
            <v>MDO C&amp;M</v>
          </cell>
          <cell r="AO4682" t="str">
            <v>MDO INDIANA SOUTHEAST C&amp;M</v>
          </cell>
        </row>
        <row r="4683">
          <cell r="F4683">
            <v>75115</v>
          </cell>
          <cell r="AN4683" t="str">
            <v>MDO C&amp;M</v>
          </cell>
          <cell r="AO4683" t="str">
            <v>MDO INDIANA SOUTHEAST C&amp;M</v>
          </cell>
        </row>
        <row r="4684">
          <cell r="F4684">
            <v>75115</v>
          </cell>
          <cell r="AN4684" t="str">
            <v>MDO C&amp;M</v>
          </cell>
          <cell r="AO4684" t="str">
            <v>MDO INDIANA SOUTHEAST C&amp;M</v>
          </cell>
        </row>
        <row r="4685">
          <cell r="F4685">
            <v>75115</v>
          </cell>
          <cell r="AN4685" t="str">
            <v>MDO C&amp;M</v>
          </cell>
          <cell r="AO4685" t="str">
            <v>MDO INDIANA SOUTHEAST C&amp;M</v>
          </cell>
        </row>
        <row r="4686">
          <cell r="F4686">
            <v>75115</v>
          </cell>
          <cell r="AN4686" t="str">
            <v>MDO C&amp;M</v>
          </cell>
          <cell r="AO4686" t="str">
            <v>MDO INDIANA SOUTHEAST C&amp;M</v>
          </cell>
        </row>
        <row r="4687">
          <cell r="F4687">
            <v>75115</v>
          </cell>
          <cell r="AN4687" t="str">
            <v>MDO C&amp;M</v>
          </cell>
          <cell r="AO4687" t="str">
            <v>MDO INDIANA SOUTHEAST C&amp;M</v>
          </cell>
        </row>
        <row r="4688">
          <cell r="F4688">
            <v>75115</v>
          </cell>
          <cell r="AN4688" t="str">
            <v>MDO C&amp;M</v>
          </cell>
          <cell r="AO4688" t="str">
            <v>MDO INDIANA SOUTHEAST C&amp;M</v>
          </cell>
        </row>
        <row r="4689">
          <cell r="F4689">
            <v>75115</v>
          </cell>
          <cell r="AN4689" t="str">
            <v>MDO C&amp;M</v>
          </cell>
          <cell r="AO4689" t="str">
            <v>MDO INDIANA SOUTHEAST C&amp;M</v>
          </cell>
        </row>
        <row r="4690">
          <cell r="F4690">
            <v>75115</v>
          </cell>
          <cell r="AN4690" t="str">
            <v>MDO C&amp;M</v>
          </cell>
          <cell r="AO4690" t="str">
            <v>MDO INDIANA SOUTHEAST C&amp;M</v>
          </cell>
        </row>
        <row r="4691">
          <cell r="F4691">
            <v>75115</v>
          </cell>
          <cell r="AN4691" t="str">
            <v>MDO C&amp;M</v>
          </cell>
          <cell r="AO4691" t="str">
            <v>MDO INDIANA SOUTHWEST C&amp;M</v>
          </cell>
        </row>
        <row r="4692">
          <cell r="F4692">
            <v>75115</v>
          </cell>
          <cell r="AN4692" t="str">
            <v>MDO C&amp;M</v>
          </cell>
          <cell r="AO4692" t="str">
            <v>MDO INDIANA SOUTHWEST C&amp;M</v>
          </cell>
        </row>
        <row r="4693">
          <cell r="F4693">
            <v>75115</v>
          </cell>
          <cell r="AN4693" t="str">
            <v>MDO C&amp;M</v>
          </cell>
          <cell r="AO4693" t="str">
            <v>MDO INDIANA SOUTHWEST C&amp;M</v>
          </cell>
        </row>
        <row r="4694">
          <cell r="F4694">
            <v>75115</v>
          </cell>
          <cell r="AN4694" t="str">
            <v>MDO C&amp;M</v>
          </cell>
          <cell r="AO4694" t="str">
            <v>MDO INDIANA SOUTHWEST C&amp;M</v>
          </cell>
        </row>
        <row r="4695">
          <cell r="F4695">
            <v>75115</v>
          </cell>
          <cell r="AN4695" t="str">
            <v>MDO C&amp;M</v>
          </cell>
          <cell r="AO4695" t="str">
            <v>MDO INDIANA SOUTHWEST C&amp;M</v>
          </cell>
        </row>
        <row r="4696">
          <cell r="F4696">
            <v>75115</v>
          </cell>
          <cell r="AN4696" t="str">
            <v>MDO C&amp;M</v>
          </cell>
          <cell r="AO4696" t="str">
            <v>MDO INDIANA SOUTHWEST C&amp;M</v>
          </cell>
        </row>
        <row r="4697">
          <cell r="F4697">
            <v>75115</v>
          </cell>
          <cell r="AN4697" t="str">
            <v>MDO C&amp;M</v>
          </cell>
          <cell r="AO4697" t="str">
            <v>MDO INDIANA SOUTHWEST C&amp;M</v>
          </cell>
        </row>
        <row r="4698">
          <cell r="F4698">
            <v>75115</v>
          </cell>
          <cell r="AN4698" t="str">
            <v>MDO C&amp;M</v>
          </cell>
          <cell r="AO4698" t="str">
            <v>MDO INDIANA SOUTHWEST C&amp;M</v>
          </cell>
        </row>
        <row r="4699">
          <cell r="F4699">
            <v>75115</v>
          </cell>
          <cell r="AN4699" t="str">
            <v>MDO C&amp;M</v>
          </cell>
          <cell r="AO4699" t="str">
            <v>MDO INDIANA SOUTHWEST C&amp;M</v>
          </cell>
        </row>
        <row r="4700">
          <cell r="F4700">
            <v>75115</v>
          </cell>
          <cell r="AN4700" t="str">
            <v>MDO C&amp;M</v>
          </cell>
          <cell r="AO4700" t="str">
            <v>MDO INDIANA SOUTHWEST C&amp;M</v>
          </cell>
        </row>
        <row r="4701">
          <cell r="F4701">
            <v>75115</v>
          </cell>
          <cell r="AN4701" t="str">
            <v>MDO C&amp;M</v>
          </cell>
          <cell r="AO4701" t="str">
            <v>MDO INDIANA SOUTHWEST C&amp;M</v>
          </cell>
        </row>
        <row r="4702">
          <cell r="F4702">
            <v>75115</v>
          </cell>
          <cell r="AN4702" t="str">
            <v>MDO C&amp;M</v>
          </cell>
          <cell r="AO4702" t="str">
            <v>MDO INDIANA SOUTHWEST C&amp;M</v>
          </cell>
        </row>
        <row r="4703">
          <cell r="F4703">
            <v>75115</v>
          </cell>
          <cell r="AN4703" t="str">
            <v>MDO C&amp;M</v>
          </cell>
          <cell r="AO4703" t="str">
            <v>MDO INDIANA SOUTHWEST C&amp;M</v>
          </cell>
        </row>
        <row r="4704">
          <cell r="F4704">
            <v>75115</v>
          </cell>
          <cell r="AN4704" t="str">
            <v>MDO C&amp;M</v>
          </cell>
          <cell r="AO4704" t="str">
            <v>MDO INDIANA SOUTHWEST C&amp;M</v>
          </cell>
        </row>
        <row r="4705">
          <cell r="F4705">
            <v>75115</v>
          </cell>
          <cell r="AN4705" t="str">
            <v>MDO C&amp;M</v>
          </cell>
          <cell r="AO4705" t="str">
            <v>MDO INDIANA SOUTHWEST C&amp;M</v>
          </cell>
        </row>
        <row r="4706">
          <cell r="F4706">
            <v>75115</v>
          </cell>
          <cell r="AN4706" t="str">
            <v>MDO C&amp;M</v>
          </cell>
          <cell r="AO4706" t="str">
            <v>MDO INDIANA SOUTHWEST C&amp;M</v>
          </cell>
        </row>
        <row r="4707">
          <cell r="F4707">
            <v>75115</v>
          </cell>
          <cell r="AN4707" t="str">
            <v>MDO C&amp;M</v>
          </cell>
          <cell r="AO4707" t="str">
            <v>MDO INDIANA SOUTHWEST C&amp;M</v>
          </cell>
        </row>
        <row r="4708">
          <cell r="F4708">
            <v>75115</v>
          </cell>
          <cell r="AN4708" t="str">
            <v>MDO C&amp;M</v>
          </cell>
          <cell r="AO4708" t="str">
            <v>MDO INDIANA SOUTHWEST C&amp;M</v>
          </cell>
        </row>
        <row r="4709">
          <cell r="F4709">
            <v>75115</v>
          </cell>
          <cell r="AN4709" t="str">
            <v>MDO C&amp;M</v>
          </cell>
          <cell r="AO4709" t="str">
            <v>MDO INDIANA SOUTHWEST C&amp;M</v>
          </cell>
        </row>
        <row r="4710">
          <cell r="F4710">
            <v>75115</v>
          </cell>
          <cell r="AN4710" t="str">
            <v>MDO C&amp;M</v>
          </cell>
          <cell r="AO4710" t="str">
            <v>MDO INDIANA SOUTHWEST C&amp;M</v>
          </cell>
        </row>
        <row r="4711">
          <cell r="F4711">
            <v>75115</v>
          </cell>
          <cell r="AN4711" t="str">
            <v>MDO C&amp;M</v>
          </cell>
          <cell r="AO4711" t="str">
            <v>MDO INDIANA SOUTHWEST C&amp;M</v>
          </cell>
        </row>
        <row r="4712">
          <cell r="F4712">
            <v>75115</v>
          </cell>
          <cell r="AN4712" t="str">
            <v>MDO C&amp;M</v>
          </cell>
          <cell r="AO4712" t="str">
            <v>MDO INDIANA SOUTHWEST C&amp;M</v>
          </cell>
        </row>
        <row r="4713">
          <cell r="F4713">
            <v>75115</v>
          </cell>
          <cell r="AN4713" t="str">
            <v>MDO C&amp;M</v>
          </cell>
          <cell r="AO4713" t="str">
            <v>MDO INDIANA SOUTHWEST C&amp;M</v>
          </cell>
        </row>
        <row r="4714">
          <cell r="F4714">
            <v>75115</v>
          </cell>
          <cell r="AN4714" t="str">
            <v>MDO C&amp;M</v>
          </cell>
          <cell r="AO4714" t="str">
            <v>MDO INDIANA SOUTHWEST C&amp;M</v>
          </cell>
        </row>
        <row r="4715">
          <cell r="F4715">
            <v>75115</v>
          </cell>
          <cell r="AN4715" t="str">
            <v>MDO C&amp;M</v>
          </cell>
          <cell r="AO4715" t="str">
            <v>MDO INDIANA SOUTHWEST C&amp;M</v>
          </cell>
        </row>
        <row r="4716">
          <cell r="F4716">
            <v>75115</v>
          </cell>
          <cell r="AN4716" t="str">
            <v>MDO C&amp;M</v>
          </cell>
          <cell r="AO4716" t="str">
            <v>MDO INDIANA NORTH C&amp;M</v>
          </cell>
        </row>
        <row r="4717">
          <cell r="F4717">
            <v>75115</v>
          </cell>
          <cell r="AN4717" t="str">
            <v>MDO C&amp;M</v>
          </cell>
          <cell r="AO4717" t="str">
            <v>MDO INDIANA SOUTHEAST C&amp;M</v>
          </cell>
        </row>
        <row r="4718">
          <cell r="F4718">
            <v>75115</v>
          </cell>
          <cell r="AN4718" t="str">
            <v>MDO C&amp;M</v>
          </cell>
          <cell r="AO4718" t="str">
            <v>MDO INDIANA SOUTHWEST C&amp;M</v>
          </cell>
        </row>
      </sheetData>
      <sheetData sheetId="12" refreshError="1">
        <row r="1">
          <cell r="A1" t="str">
            <v>Month:  August</v>
          </cell>
          <cell r="T1">
            <v>6</v>
          </cell>
        </row>
        <row r="2">
          <cell r="A2" t="str">
            <v>Projec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T4">
            <v>0</v>
          </cell>
        </row>
        <row r="5">
          <cell r="A5" t="str">
            <v>NETPROT</v>
          </cell>
          <cell r="T5">
            <v>0</v>
          </cell>
        </row>
        <row r="6">
          <cell r="A6" t="str">
            <v>PILCINS</v>
          </cell>
          <cell r="T6">
            <v>0</v>
          </cell>
        </row>
        <row r="7">
          <cell r="A7" t="str">
            <v>POTHTERM</v>
          </cell>
          <cell r="T7">
            <v>0</v>
          </cell>
        </row>
        <row r="8">
          <cell r="A8" t="str">
            <v>VAULTI</v>
          </cell>
          <cell r="T8">
            <v>0</v>
          </cell>
        </row>
        <row r="9">
          <cell r="A9" t="str">
            <v>VOLTSURV, VOLTSURVF</v>
          </cell>
          <cell r="T9">
            <v>0</v>
          </cell>
        </row>
        <row r="10">
          <cell r="A10" t="str">
            <v>ICVAULTI</v>
          </cell>
          <cell r="T10">
            <v>0</v>
          </cell>
        </row>
        <row r="11">
          <cell r="A11" t="str">
            <v>ICVAULTM</v>
          </cell>
          <cell r="T11">
            <v>0</v>
          </cell>
        </row>
        <row r="12">
          <cell r="A12" t="str">
            <v>BSME Insp/Maint Total</v>
          </cell>
          <cell r="T12">
            <v>0</v>
          </cell>
        </row>
        <row r="13">
          <cell r="A13" t="str">
            <v>CAPAC</v>
          </cell>
          <cell r="T13">
            <v>2026</v>
          </cell>
        </row>
        <row r="14">
          <cell r="A14" t="str">
            <v>RECOH</v>
          </cell>
          <cell r="T14">
            <v>0</v>
          </cell>
        </row>
        <row r="15">
          <cell r="A15" t="str">
            <v>RECOM</v>
          </cell>
          <cell r="T15">
            <v>0</v>
          </cell>
        </row>
        <row r="16">
          <cell r="A16" t="str">
            <v>REGOM</v>
          </cell>
          <cell r="T16">
            <v>0</v>
          </cell>
        </row>
        <row r="17">
          <cell r="A17" t="str">
            <v>OHVD D Equip Total</v>
          </cell>
          <cell r="T17">
            <v>2026</v>
          </cell>
        </row>
        <row r="18">
          <cell r="A18" t="str">
            <v>GLIPD</v>
          </cell>
          <cell r="T18">
            <v>2627</v>
          </cell>
        </row>
        <row r="19">
          <cell r="A19" t="str">
            <v>GLFUD</v>
          </cell>
          <cell r="T19">
            <v>1279</v>
          </cell>
        </row>
        <row r="20">
          <cell r="A20" t="str">
            <v>LIPINS</v>
          </cell>
          <cell r="T20">
            <v>0</v>
          </cell>
        </row>
        <row r="21">
          <cell r="A21" t="str">
            <v>LIPMD</v>
          </cell>
          <cell r="T21">
            <v>0</v>
          </cell>
        </row>
        <row r="22">
          <cell r="A22" t="str">
            <v>OHVD D Line Total</v>
          </cell>
          <cell r="T22">
            <v>3906</v>
          </cell>
        </row>
        <row r="23">
          <cell r="A23" t="str">
            <v>SMEICUST</v>
          </cell>
          <cell r="T23">
            <v>0</v>
          </cell>
        </row>
        <row r="24">
          <cell r="A24" t="str">
            <v>SMEIP</v>
          </cell>
          <cell r="T24">
            <v>0</v>
          </cell>
        </row>
        <row r="25">
          <cell r="A25" t="str">
            <v>SMEIPF</v>
          </cell>
          <cell r="T25">
            <v>0</v>
          </cell>
        </row>
        <row r="26">
          <cell r="A26" t="str">
            <v>SMEHIPROF</v>
          </cell>
          <cell r="T26">
            <v>0</v>
          </cell>
        </row>
        <row r="27">
          <cell r="A27" t="str">
            <v>DULMRPR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T29">
            <v>0</v>
          </cell>
        </row>
        <row r="30">
          <cell r="A30" t="str">
            <v>O&amp;M Total</v>
          </cell>
          <cell r="T30">
            <v>5932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INT1013, STINT913, STINT1113</v>
          </cell>
          <cell r="T32">
            <v>1</v>
          </cell>
        </row>
        <row r="33">
          <cell r="A33" t="str">
            <v>CSXX</v>
          </cell>
          <cell r="T33">
            <v>166</v>
          </cell>
        </row>
        <row r="34">
          <cell r="A34" t="str">
            <v>Circuit Sectionalization Total</v>
          </cell>
          <cell r="T34">
            <v>167</v>
          </cell>
        </row>
        <row r="35">
          <cell r="T35">
            <v>0</v>
          </cell>
        </row>
        <row r="36">
          <cell r="T36">
            <v>0</v>
          </cell>
        </row>
        <row r="37">
          <cell r="T37">
            <v>0</v>
          </cell>
        </row>
        <row r="38">
          <cell r="T38">
            <v>0</v>
          </cell>
        </row>
        <row r="39">
          <cell r="A39" t="str">
            <v>NTUPXX</v>
          </cell>
          <cell r="T39">
            <v>0</v>
          </cell>
        </row>
        <row r="40">
          <cell r="A40" t="str">
            <v>MALTXX</v>
          </cell>
          <cell r="T40">
            <v>3</v>
          </cell>
        </row>
        <row r="41">
          <cell r="A41" t="str">
            <v>CAPXX</v>
          </cell>
          <cell r="T41">
            <v>13</v>
          </cell>
        </row>
        <row r="42">
          <cell r="A42" t="str">
            <v>OTVSRXX</v>
          </cell>
          <cell r="T42">
            <v>246</v>
          </cell>
        </row>
        <row r="43">
          <cell r="A43" t="str">
            <v>DECCIRXX</v>
          </cell>
          <cell r="T43">
            <v>2</v>
          </cell>
        </row>
        <row r="44">
          <cell r="A44" t="str">
            <v>DETCONXX</v>
          </cell>
          <cell r="T44">
            <v>0</v>
          </cell>
        </row>
        <row r="45">
          <cell r="A45" t="str">
            <v>LPFUXX</v>
          </cell>
          <cell r="T45">
            <v>0</v>
          </cell>
        </row>
        <row r="46">
          <cell r="A46" t="str">
            <v>LPSMEIXX</v>
          </cell>
          <cell r="T46">
            <v>0</v>
          </cell>
        </row>
        <row r="47">
          <cell r="A47" t="str">
            <v>MHRTXX</v>
          </cell>
          <cell r="T47">
            <v>0</v>
          </cell>
        </row>
        <row r="48">
          <cell r="A48" t="str">
            <v>MHVRBOH</v>
          </cell>
          <cell r="T48">
            <v>0</v>
          </cell>
        </row>
        <row r="49">
          <cell r="A49" t="str">
            <v>OHPCIKY</v>
          </cell>
          <cell r="T49">
            <v>0</v>
          </cell>
        </row>
        <row r="50">
          <cell r="A50" t="str">
            <v>SMFUIN</v>
          </cell>
          <cell r="T50">
            <v>0</v>
          </cell>
        </row>
        <row r="51">
          <cell r="A51" t="str">
            <v>DLSIN</v>
          </cell>
          <cell r="T51">
            <v>4</v>
          </cell>
        </row>
        <row r="52">
          <cell r="A52" t="str">
            <v>AT12XX</v>
          </cell>
          <cell r="T52">
            <v>0</v>
          </cell>
        </row>
        <row r="53">
          <cell r="A53" t="str">
            <v>ABCSGOH</v>
          </cell>
          <cell r="T53">
            <v>0</v>
          </cell>
        </row>
        <row r="54">
          <cell r="A54" t="str">
            <v>AFMVSOH</v>
          </cell>
          <cell r="T54">
            <v>0</v>
          </cell>
        </row>
        <row r="55">
          <cell r="A55" t="str">
            <v>NEWCAPXX</v>
          </cell>
          <cell r="T55">
            <v>12</v>
          </cell>
        </row>
        <row r="56">
          <cell r="A56" t="str">
            <v>RNOVAXX</v>
          </cell>
          <cell r="T56">
            <v>16</v>
          </cell>
        </row>
        <row r="57">
          <cell r="A57" t="str">
            <v>WCUGS</v>
          </cell>
          <cell r="T57">
            <v>0</v>
          </cell>
        </row>
        <row r="58">
          <cell r="A58" t="str">
            <v>PADCABFE</v>
          </cell>
          <cell r="T58">
            <v>0</v>
          </cell>
        </row>
        <row r="59">
          <cell r="A59" t="str">
            <v>VLTDTUG</v>
          </cell>
          <cell r="T59">
            <v>0</v>
          </cell>
        </row>
        <row r="60">
          <cell r="A60" t="str">
            <v>RLXX</v>
          </cell>
          <cell r="T60">
            <v>0</v>
          </cell>
        </row>
        <row r="61">
          <cell r="A61" t="str">
            <v>FMSWGRR</v>
          </cell>
          <cell r="T61">
            <v>0</v>
          </cell>
        </row>
        <row r="62">
          <cell r="A62" t="str">
            <v>SWGRSF6</v>
          </cell>
          <cell r="T62">
            <v>0</v>
          </cell>
        </row>
        <row r="63">
          <cell r="A63" t="str">
            <v>COLSWGRR</v>
          </cell>
          <cell r="T63">
            <v>1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T65">
            <v>280</v>
          </cell>
        </row>
        <row r="66">
          <cell r="A66" t="str">
            <v>RCLXX</v>
          </cell>
          <cell r="T66">
            <v>129</v>
          </cell>
        </row>
        <row r="67">
          <cell r="A67" t="str">
            <v>CSPXX</v>
          </cell>
          <cell r="T67">
            <v>5425</v>
          </cell>
        </row>
        <row r="68">
          <cell r="A68" t="str">
            <v>Recloser Changeout/Transformer Retrofit Total</v>
          </cell>
          <cell r="T68">
            <v>5554</v>
          </cell>
        </row>
        <row r="69">
          <cell r="A69" t="str">
            <v>UGCRXX</v>
          </cell>
          <cell r="T69">
            <v>0</v>
          </cell>
        </row>
        <row r="70">
          <cell r="A70" t="str">
            <v>CABINJXX</v>
          </cell>
          <cell r="T70">
            <v>61296</v>
          </cell>
        </row>
        <row r="71">
          <cell r="A71" t="str">
            <v>UG Cable Replacement/Injection Total</v>
          </cell>
          <cell r="T71">
            <v>61296</v>
          </cell>
        </row>
        <row r="72">
          <cell r="A72" t="str">
            <v>PILCXX</v>
          </cell>
          <cell r="T72">
            <v>0</v>
          </cell>
        </row>
        <row r="73">
          <cell r="A73" t="str">
            <v>POTTXX</v>
          </cell>
          <cell r="T73">
            <v>0</v>
          </cell>
        </row>
        <row r="74">
          <cell r="A74" t="str">
            <v>UG Cable Replacement - Major</v>
          </cell>
          <cell r="T74">
            <v>0</v>
          </cell>
        </row>
        <row r="75">
          <cell r="A75" t="str">
            <v>LARCUXX</v>
          </cell>
          <cell r="T75">
            <v>2</v>
          </cell>
        </row>
        <row r="76">
          <cell r="A76" t="str">
            <v>PRDXX</v>
          </cell>
          <cell r="T76">
            <v>282</v>
          </cell>
        </row>
        <row r="77">
          <cell r="A77" t="str">
            <v>GLPRDXX</v>
          </cell>
          <cell r="T77">
            <v>1062</v>
          </cell>
        </row>
        <row r="78">
          <cell r="A78" t="str">
            <v>Pole Replacement - D</v>
          </cell>
          <cell r="T78">
            <v>1346</v>
          </cell>
        </row>
        <row r="79">
          <cell r="A79" t="str">
            <v>LAMCXX</v>
          </cell>
          <cell r="T79">
            <v>0</v>
          </cell>
        </row>
        <row r="80">
          <cell r="A80" t="str">
            <v>Lighting-Asset Mgt</v>
          </cell>
          <cell r="T80">
            <v>0</v>
          </cell>
        </row>
        <row r="81">
          <cell r="A81" t="str">
            <v>Capital Total</v>
          </cell>
          <cell r="T81">
            <v>68643</v>
          </cell>
        </row>
        <row r="83">
          <cell r="A83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5">
          <cell r="A85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0">
          <cell r="A90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3" refreshError="1">
        <row r="1"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</v>
          </cell>
          <cell r="T12">
            <v>0</v>
          </cell>
        </row>
        <row r="13">
          <cell r="D13">
            <v>890.80087209302326</v>
          </cell>
          <cell r="T13">
            <v>744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921.80087209302326</v>
          </cell>
          <cell r="T17">
            <v>744</v>
          </cell>
        </row>
        <row r="18">
          <cell r="D18">
            <v>10002</v>
          </cell>
          <cell r="T18">
            <v>0</v>
          </cell>
        </row>
        <row r="19">
          <cell r="D19">
            <v>1524.2352243947369</v>
          </cell>
          <cell r="T19">
            <v>170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6.235224394737</v>
          </cell>
          <cell r="T22">
            <v>170</v>
          </cell>
        </row>
        <row r="23">
          <cell r="D23">
            <v>15</v>
          </cell>
          <cell r="T23">
            <v>0</v>
          </cell>
        </row>
        <row r="24">
          <cell r="D24">
            <v>7878</v>
          </cell>
          <cell r="T24">
            <v>0</v>
          </cell>
        </row>
        <row r="25">
          <cell r="D25">
            <v>11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8020.5</v>
          </cell>
          <cell r="T29">
            <v>0</v>
          </cell>
        </row>
        <row r="30">
          <cell r="D30">
            <v>20487.536096487762</v>
          </cell>
          <cell r="T30">
            <v>914</v>
          </cell>
        </row>
        <row r="31">
          <cell r="T31">
            <v>0</v>
          </cell>
        </row>
        <row r="32">
          <cell r="D32">
            <v>0</v>
          </cell>
          <cell r="T32">
            <v>0</v>
          </cell>
        </row>
        <row r="33">
          <cell r="D33">
            <v>79</v>
          </cell>
          <cell r="T33">
            <v>31</v>
          </cell>
        </row>
        <row r="34">
          <cell r="D34">
            <v>79</v>
          </cell>
          <cell r="T34">
            <v>31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13</v>
          </cell>
        </row>
        <row r="42">
          <cell r="D42">
            <v>127</v>
          </cell>
          <cell r="T42">
            <v>79</v>
          </cell>
        </row>
        <row r="43">
          <cell r="D43">
            <v>4.4951437005852775</v>
          </cell>
          <cell r="T43">
            <v>2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0</v>
          </cell>
        </row>
        <row r="52">
          <cell r="D52">
            <v>0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3</v>
          </cell>
        </row>
        <row r="56">
          <cell r="D56">
            <v>13.559500335269954</v>
          </cell>
          <cell r="T56">
            <v>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388724890199</v>
          </cell>
          <cell r="T64">
            <v>0</v>
          </cell>
        </row>
        <row r="65">
          <cell r="D65">
            <v>227.61509598301225</v>
          </cell>
          <cell r="T65">
            <v>97</v>
          </cell>
        </row>
        <row r="66">
          <cell r="D66">
            <v>58</v>
          </cell>
          <cell r="T66">
            <v>22</v>
          </cell>
        </row>
        <row r="67">
          <cell r="D67">
            <v>4253.6784648749963</v>
          </cell>
          <cell r="T67">
            <v>64</v>
          </cell>
        </row>
        <row r="68">
          <cell r="D68">
            <v>4311.6784648749963</v>
          </cell>
          <cell r="T68">
            <v>86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44147</v>
          </cell>
        </row>
        <row r="71">
          <cell r="D71">
            <v>41226.562062284829</v>
          </cell>
          <cell r="T71">
            <v>44147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0</v>
          </cell>
        </row>
        <row r="77">
          <cell r="D77">
            <v>1224.856571714143</v>
          </cell>
          <cell r="T77">
            <v>173</v>
          </cell>
        </row>
        <row r="78">
          <cell r="D78">
            <v>1229.1385191884387</v>
          </cell>
          <cell r="T78">
            <v>17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8.267300578926</v>
          </cell>
          <cell r="T81">
            <v>44534</v>
          </cell>
        </row>
      </sheetData>
      <sheetData sheetId="14" refreshError="1">
        <row r="1">
          <cell r="D1" t="str">
            <v>Indiana - Southea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856.69215116279065</v>
          </cell>
          <cell r="T13">
            <v>742</v>
          </cell>
        </row>
        <row r="14">
          <cell r="D14">
            <v>0</v>
          </cell>
          <cell r="T14">
            <v>0</v>
          </cell>
        </row>
        <row r="15">
          <cell r="D15">
            <v>31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887.69215116279065</v>
          </cell>
          <cell r="T17">
            <v>742</v>
          </cell>
        </row>
        <row r="18">
          <cell r="D18">
            <v>9998</v>
          </cell>
          <cell r="T18">
            <v>2627</v>
          </cell>
        </row>
        <row r="19">
          <cell r="D19">
            <v>1524.2352243947369</v>
          </cell>
          <cell r="T19">
            <v>283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22.235224394737</v>
          </cell>
          <cell r="T22">
            <v>2910</v>
          </cell>
        </row>
        <row r="23">
          <cell r="D23">
            <v>14</v>
          </cell>
          <cell r="T23">
            <v>0</v>
          </cell>
        </row>
        <row r="24">
          <cell r="D24">
            <v>0</v>
          </cell>
          <cell r="T24">
            <v>0</v>
          </cell>
        </row>
        <row r="25">
          <cell r="D25">
            <v>0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1.5</v>
          </cell>
          <cell r="T29">
            <v>0</v>
          </cell>
        </row>
        <row r="30">
          <cell r="D30">
            <v>12460.871820001972</v>
          </cell>
          <cell r="T30">
            <v>3652</v>
          </cell>
        </row>
        <row r="31">
          <cell r="T31">
            <v>0</v>
          </cell>
        </row>
        <row r="32">
          <cell r="D32">
            <v>1</v>
          </cell>
          <cell r="T32">
            <v>1</v>
          </cell>
        </row>
        <row r="33">
          <cell r="D33">
            <v>65</v>
          </cell>
          <cell r="T33">
            <v>55</v>
          </cell>
        </row>
        <row r="34">
          <cell r="D34">
            <v>66</v>
          </cell>
          <cell r="T34">
            <v>56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3</v>
          </cell>
        </row>
        <row r="41">
          <cell r="D41">
            <v>0</v>
          </cell>
          <cell r="T41">
            <v>0</v>
          </cell>
        </row>
        <row r="42">
          <cell r="D42">
            <v>128</v>
          </cell>
          <cell r="T42">
            <v>99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1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0</v>
          </cell>
        </row>
        <row r="56">
          <cell r="D56">
            <v>17.828448174854223</v>
          </cell>
          <cell r="T56">
            <v>6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4.4960448480105635</v>
          </cell>
          <cell r="T63">
            <v>1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38.09376431999573</v>
          </cell>
          <cell r="T65">
            <v>104</v>
          </cell>
        </row>
        <row r="66">
          <cell r="D66">
            <v>55</v>
          </cell>
          <cell r="T66">
            <v>50</v>
          </cell>
        </row>
        <row r="67">
          <cell r="D67">
            <v>4253.6784648749963</v>
          </cell>
          <cell r="T67">
            <v>2671</v>
          </cell>
        </row>
        <row r="68">
          <cell r="D68">
            <v>4308.6784648749963</v>
          </cell>
          <cell r="T68">
            <v>2721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17149</v>
          </cell>
        </row>
        <row r="71">
          <cell r="D71">
            <v>41226.562062284829</v>
          </cell>
          <cell r="T71">
            <v>17149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2</v>
          </cell>
        </row>
        <row r="76">
          <cell r="D76">
            <v>0</v>
          </cell>
          <cell r="T76">
            <v>113</v>
          </cell>
        </row>
        <row r="77">
          <cell r="D77">
            <v>1224.856571714143</v>
          </cell>
          <cell r="T77">
            <v>418</v>
          </cell>
        </row>
        <row r="78">
          <cell r="D78">
            <v>1229.1385191884387</v>
          </cell>
          <cell r="T78">
            <v>533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82.745968915908</v>
          </cell>
          <cell r="T81">
            <v>20563</v>
          </cell>
        </row>
      </sheetData>
      <sheetData sheetId="15" refreshError="1">
        <row r="1">
          <cell r="D1" t="str">
            <v>Indiana - Southwest</v>
          </cell>
          <cell r="T1">
            <v>6</v>
          </cell>
        </row>
        <row r="2">
          <cell r="D2" t="str">
            <v>Target</v>
          </cell>
        </row>
        <row r="3">
          <cell r="D3">
            <v>0</v>
          </cell>
          <cell r="T3">
            <v>0</v>
          </cell>
        </row>
        <row r="4">
          <cell r="D4">
            <v>0</v>
          </cell>
          <cell r="T4">
            <v>0</v>
          </cell>
        </row>
        <row r="5">
          <cell r="D5">
            <v>0</v>
          </cell>
          <cell r="T5">
            <v>0</v>
          </cell>
        </row>
        <row r="6">
          <cell r="D6">
            <v>0</v>
          </cell>
          <cell r="T6">
            <v>0</v>
          </cell>
        </row>
        <row r="7">
          <cell r="D7">
            <v>0</v>
          </cell>
          <cell r="T7">
            <v>0</v>
          </cell>
        </row>
        <row r="8">
          <cell r="D8">
            <v>19.444444444444443</v>
          </cell>
          <cell r="T8">
            <v>0</v>
          </cell>
        </row>
        <row r="9">
          <cell r="D9">
            <v>0</v>
          </cell>
          <cell r="T9">
            <v>0</v>
          </cell>
        </row>
        <row r="10">
          <cell r="D10">
            <v>0</v>
          </cell>
          <cell r="T10">
            <v>0</v>
          </cell>
        </row>
        <row r="11">
          <cell r="D11">
            <v>0</v>
          </cell>
          <cell r="T11">
            <v>0</v>
          </cell>
        </row>
        <row r="12">
          <cell r="D12">
            <v>19.444444444444443</v>
          </cell>
          <cell r="T12">
            <v>0</v>
          </cell>
        </row>
        <row r="13">
          <cell r="D13">
            <v>699.89622093023252</v>
          </cell>
          <cell r="T13">
            <v>540</v>
          </cell>
        </row>
        <row r="14">
          <cell r="D14">
            <v>0</v>
          </cell>
          <cell r="T14">
            <v>0</v>
          </cell>
        </row>
        <row r="15">
          <cell r="D15">
            <v>30</v>
          </cell>
          <cell r="T15">
            <v>0</v>
          </cell>
        </row>
        <row r="16">
          <cell r="D16">
            <v>0</v>
          </cell>
          <cell r="T16">
            <v>0</v>
          </cell>
        </row>
        <row r="17">
          <cell r="D17">
            <v>729.89622093023252</v>
          </cell>
          <cell r="T17">
            <v>540</v>
          </cell>
        </row>
        <row r="18">
          <cell r="D18">
            <v>10009</v>
          </cell>
          <cell r="T18">
            <v>0</v>
          </cell>
        </row>
        <row r="19">
          <cell r="D19">
            <v>1524.2352243947369</v>
          </cell>
          <cell r="T19">
            <v>826</v>
          </cell>
        </row>
        <row r="20">
          <cell r="D20">
            <v>0</v>
          </cell>
          <cell r="T20">
            <v>0</v>
          </cell>
        </row>
        <row r="21">
          <cell r="D21">
            <v>0</v>
          </cell>
          <cell r="T21">
            <v>0</v>
          </cell>
        </row>
        <row r="22">
          <cell r="D22">
            <v>11533.235224394737</v>
          </cell>
          <cell r="T22">
            <v>826</v>
          </cell>
        </row>
        <row r="23">
          <cell r="D23">
            <v>14</v>
          </cell>
          <cell r="T23">
            <v>0</v>
          </cell>
        </row>
        <row r="24">
          <cell r="D24">
            <v>3855</v>
          </cell>
          <cell r="T24">
            <v>0</v>
          </cell>
        </row>
        <row r="25">
          <cell r="D25">
            <v>54</v>
          </cell>
          <cell r="T25">
            <v>0</v>
          </cell>
        </row>
        <row r="26">
          <cell r="D26">
            <v>0</v>
          </cell>
          <cell r="T26">
            <v>0</v>
          </cell>
        </row>
        <row r="27">
          <cell r="D27">
            <v>0</v>
          </cell>
          <cell r="T27">
            <v>0</v>
          </cell>
        </row>
        <row r="28">
          <cell r="D28">
            <v>17.5</v>
          </cell>
          <cell r="T28">
            <v>0</v>
          </cell>
        </row>
        <row r="29">
          <cell r="D29">
            <v>3940.5</v>
          </cell>
          <cell r="T29">
            <v>0</v>
          </cell>
        </row>
        <row r="30">
          <cell r="D30">
            <v>16223.075889769414</v>
          </cell>
          <cell r="T30">
            <v>1366</v>
          </cell>
        </row>
        <row r="31">
          <cell r="T31">
            <v>0</v>
          </cell>
        </row>
        <row r="32">
          <cell r="D32">
            <v>2</v>
          </cell>
          <cell r="T32">
            <v>0</v>
          </cell>
        </row>
        <row r="33">
          <cell r="D33">
            <v>87</v>
          </cell>
          <cell r="T33">
            <v>80</v>
          </cell>
        </row>
        <row r="34">
          <cell r="D34">
            <v>89</v>
          </cell>
          <cell r="T34">
            <v>80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D38">
            <v>0</v>
          </cell>
          <cell r="T38">
            <v>0</v>
          </cell>
        </row>
        <row r="39">
          <cell r="D39">
            <v>0</v>
          </cell>
          <cell r="T39">
            <v>0</v>
          </cell>
        </row>
        <row r="40">
          <cell r="D40">
            <v>3.4995175429421099</v>
          </cell>
          <cell r="T40">
            <v>0</v>
          </cell>
        </row>
        <row r="41">
          <cell r="D41">
            <v>0</v>
          </cell>
          <cell r="T41">
            <v>0</v>
          </cell>
        </row>
        <row r="42">
          <cell r="D42">
            <v>125</v>
          </cell>
          <cell r="T42">
            <v>68</v>
          </cell>
        </row>
        <row r="43">
          <cell r="D43">
            <v>4.4951437005852775</v>
          </cell>
          <cell r="T43">
            <v>0</v>
          </cell>
        </row>
        <row r="44">
          <cell r="D44">
            <v>0</v>
          </cell>
          <cell r="T44">
            <v>0</v>
          </cell>
        </row>
        <row r="45">
          <cell r="D45">
            <v>0</v>
          </cell>
          <cell r="T45">
            <v>0</v>
          </cell>
        </row>
        <row r="46">
          <cell r="D46">
            <v>0</v>
          </cell>
          <cell r="T46">
            <v>0</v>
          </cell>
        </row>
        <row r="47">
          <cell r="D47">
            <v>4.351572636479446</v>
          </cell>
          <cell r="T47">
            <v>0</v>
          </cell>
        </row>
        <row r="48">
          <cell r="D48">
            <v>0</v>
          </cell>
          <cell r="T48">
            <v>0</v>
          </cell>
        </row>
        <row r="49">
          <cell r="D49">
            <v>0</v>
          </cell>
          <cell r="T49">
            <v>0</v>
          </cell>
        </row>
        <row r="50">
          <cell r="D50">
            <v>68.000133333333338</v>
          </cell>
          <cell r="T50">
            <v>0</v>
          </cell>
        </row>
        <row r="51">
          <cell r="D51">
            <v>3.5682895619131463</v>
          </cell>
          <cell r="T51">
            <v>2</v>
          </cell>
        </row>
        <row r="52">
          <cell r="D52">
            <v>0.7136579123826291</v>
          </cell>
          <cell r="T52">
            <v>0</v>
          </cell>
        </row>
        <row r="53">
          <cell r="D53">
            <v>0</v>
          </cell>
          <cell r="T53">
            <v>0</v>
          </cell>
        </row>
        <row r="54">
          <cell r="D54">
            <v>0</v>
          </cell>
          <cell r="T54">
            <v>0</v>
          </cell>
        </row>
        <row r="55">
          <cell r="D55">
            <v>0</v>
          </cell>
          <cell r="T55">
            <v>9</v>
          </cell>
        </row>
        <row r="56">
          <cell r="D56">
            <v>14.273158247652583</v>
          </cell>
          <cell r="T56">
            <v>10</v>
          </cell>
        </row>
        <row r="57">
          <cell r="D57">
            <v>0</v>
          </cell>
          <cell r="T57">
            <v>0</v>
          </cell>
        </row>
        <row r="58">
          <cell r="D58">
            <v>0</v>
          </cell>
          <cell r="T58">
            <v>0</v>
          </cell>
        </row>
        <row r="59">
          <cell r="D59">
            <v>0</v>
          </cell>
          <cell r="T59">
            <v>0</v>
          </cell>
        </row>
        <row r="60">
          <cell r="D60">
            <v>0</v>
          </cell>
          <cell r="T60">
            <v>0</v>
          </cell>
        </row>
        <row r="61">
          <cell r="D61">
            <v>0</v>
          </cell>
          <cell r="T61">
            <v>0</v>
          </cell>
        </row>
        <row r="62">
          <cell r="D62">
            <v>0</v>
          </cell>
          <cell r="T62">
            <v>0</v>
          </cell>
        </row>
        <row r="63">
          <cell r="D63">
            <v>0</v>
          </cell>
          <cell r="T63">
            <v>0</v>
          </cell>
        </row>
        <row r="64">
          <cell r="D64">
            <v>2.1409566094950114</v>
          </cell>
          <cell r="T64">
            <v>0</v>
          </cell>
        </row>
        <row r="65">
          <cell r="D65">
            <v>226.04242954478352</v>
          </cell>
          <cell r="T65">
            <v>79</v>
          </cell>
        </row>
        <row r="66">
          <cell r="D66">
            <v>57</v>
          </cell>
          <cell r="T66">
            <v>57</v>
          </cell>
        </row>
        <row r="67">
          <cell r="D67">
            <v>4253.6784648749963</v>
          </cell>
          <cell r="T67">
            <v>2690</v>
          </cell>
        </row>
        <row r="68">
          <cell r="D68">
            <v>4310.6784648749963</v>
          </cell>
          <cell r="T68">
            <v>2747</v>
          </cell>
        </row>
        <row r="69">
          <cell r="D69">
            <v>14583.333333333334</v>
          </cell>
          <cell r="T69">
            <v>0</v>
          </cell>
        </row>
        <row r="70">
          <cell r="D70">
            <v>26643.228728951493</v>
          </cell>
          <cell r="T70">
            <v>0</v>
          </cell>
        </row>
        <row r="71">
          <cell r="D71">
            <v>41226.562062284829</v>
          </cell>
          <cell r="T71">
            <v>0</v>
          </cell>
        </row>
        <row r="72">
          <cell r="D72">
            <v>0</v>
          </cell>
          <cell r="T72">
            <v>0</v>
          </cell>
        </row>
        <row r="73">
          <cell r="D73">
            <v>0</v>
          </cell>
          <cell r="T73">
            <v>0</v>
          </cell>
        </row>
        <row r="74">
          <cell r="D74">
            <v>0</v>
          </cell>
          <cell r="T74">
            <v>0</v>
          </cell>
        </row>
        <row r="75">
          <cell r="D75">
            <v>4.2819474742957748</v>
          </cell>
          <cell r="T75">
            <v>0</v>
          </cell>
        </row>
        <row r="76">
          <cell r="D76">
            <v>0</v>
          </cell>
          <cell r="T76">
            <v>169</v>
          </cell>
        </row>
        <row r="77">
          <cell r="D77">
            <v>1224.856571714143</v>
          </cell>
          <cell r="T77">
            <v>471</v>
          </cell>
        </row>
        <row r="78">
          <cell r="D78">
            <v>1229.1385191884387</v>
          </cell>
          <cell r="T78">
            <v>640</v>
          </cell>
        </row>
        <row r="79">
          <cell r="D79">
            <v>14.273158247652583</v>
          </cell>
          <cell r="T79">
            <v>0</v>
          </cell>
        </row>
        <row r="80">
          <cell r="D80">
            <v>14.273158247652583</v>
          </cell>
          <cell r="T80">
            <v>0</v>
          </cell>
        </row>
        <row r="81">
          <cell r="D81">
            <v>47095.694634140695</v>
          </cell>
          <cell r="T81">
            <v>3546</v>
          </cell>
        </row>
      </sheetData>
      <sheetData sheetId="16" refreshError="1">
        <row r="1">
          <cell r="A1" t="str">
            <v>Month: August</v>
          </cell>
          <cell r="D1" t="str">
            <v>Kentucky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T3">
            <v>0</v>
          </cell>
        </row>
        <row r="4">
          <cell r="A4" t="str">
            <v>MANHD, MANHT</v>
          </cell>
          <cell r="D4">
            <v>41</v>
          </cell>
          <cell r="T4">
            <v>0</v>
          </cell>
        </row>
        <row r="5">
          <cell r="A5" t="str">
            <v>NETPROT</v>
          </cell>
          <cell r="D5">
            <v>0</v>
          </cell>
          <cell r="T5">
            <v>0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0</v>
          </cell>
          <cell r="T8">
            <v>0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4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81</v>
          </cell>
          <cell r="T12">
            <v>0</v>
          </cell>
        </row>
        <row r="13">
          <cell r="A13" t="str">
            <v>CAPAC</v>
          </cell>
          <cell r="D13">
            <v>135</v>
          </cell>
          <cell r="T13">
            <v>0</v>
          </cell>
        </row>
        <row r="14">
          <cell r="A14" t="str">
            <v>RECOH</v>
          </cell>
          <cell r="D14">
            <v>75</v>
          </cell>
          <cell r="T14">
            <v>11</v>
          </cell>
        </row>
        <row r="15">
          <cell r="A15" t="str">
            <v>RECOM</v>
          </cell>
          <cell r="D15">
            <v>5</v>
          </cell>
          <cell r="T15">
            <v>0</v>
          </cell>
        </row>
        <row r="16">
          <cell r="A16" t="str">
            <v>REGOM</v>
          </cell>
          <cell r="D16">
            <v>15</v>
          </cell>
          <cell r="T16">
            <v>0</v>
          </cell>
        </row>
        <row r="17">
          <cell r="A17" t="str">
            <v>OHVD D Equip Total</v>
          </cell>
          <cell r="D17">
            <v>230</v>
          </cell>
          <cell r="T17">
            <v>11</v>
          </cell>
        </row>
        <row r="18">
          <cell r="A18" t="str">
            <v>GLIPD</v>
          </cell>
          <cell r="D18">
            <v>4478</v>
          </cell>
          <cell r="T18">
            <v>0</v>
          </cell>
        </row>
        <row r="19">
          <cell r="A19" t="str">
            <v>GLFUD</v>
          </cell>
          <cell r="D19">
            <v>1666</v>
          </cell>
          <cell r="T19">
            <v>13</v>
          </cell>
        </row>
        <row r="20">
          <cell r="A20" t="str">
            <v>LIPINS</v>
          </cell>
          <cell r="D20">
            <v>65</v>
          </cell>
          <cell r="T20">
            <v>59</v>
          </cell>
        </row>
        <row r="21">
          <cell r="A21" t="str">
            <v>LIPMD</v>
          </cell>
          <cell r="D21">
            <v>593</v>
          </cell>
          <cell r="T21">
            <v>1238</v>
          </cell>
        </row>
        <row r="22">
          <cell r="A22" t="str">
            <v>OHVD D Line Total</v>
          </cell>
          <cell r="D22">
            <v>6802</v>
          </cell>
          <cell r="T22">
            <v>1310</v>
          </cell>
        </row>
        <row r="23">
          <cell r="A23" t="str">
            <v>SMEICUST</v>
          </cell>
          <cell r="D23">
            <v>4</v>
          </cell>
          <cell r="T23">
            <v>6</v>
          </cell>
        </row>
        <row r="24">
          <cell r="A24" t="str">
            <v>SMEIP</v>
          </cell>
          <cell r="D24">
            <v>6129</v>
          </cell>
          <cell r="T24">
            <v>4809</v>
          </cell>
        </row>
        <row r="25">
          <cell r="A25" t="str">
            <v>SMEIPF</v>
          </cell>
          <cell r="D25">
            <v>70</v>
          </cell>
          <cell r="T25">
            <v>103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6203</v>
          </cell>
          <cell r="T29">
            <v>4918</v>
          </cell>
        </row>
        <row r="30">
          <cell r="A30" t="str">
            <v>O&amp;M Total</v>
          </cell>
          <cell r="D30">
            <v>13316</v>
          </cell>
          <cell r="T30">
            <v>6239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STKYT34</v>
          </cell>
          <cell r="D32">
            <v>1</v>
          </cell>
          <cell r="T32">
            <v>1</v>
          </cell>
        </row>
        <row r="33">
          <cell r="A33" t="str">
            <v>CSXX</v>
          </cell>
          <cell r="D33">
            <v>6</v>
          </cell>
          <cell r="T33">
            <v>4</v>
          </cell>
        </row>
        <row r="34">
          <cell r="A34" t="str">
            <v>Circuit Sectionalization Total</v>
          </cell>
          <cell r="D34">
            <v>7</v>
          </cell>
          <cell r="T34">
            <v>5</v>
          </cell>
        </row>
        <row r="35">
          <cell r="D35">
            <v>0</v>
          </cell>
          <cell r="T35">
            <v>0</v>
          </cell>
        </row>
        <row r="36">
          <cell r="D36">
            <v>0</v>
          </cell>
          <cell r="T36">
            <v>0</v>
          </cell>
        </row>
        <row r="37">
          <cell r="D37">
            <v>0</v>
          </cell>
          <cell r="T37">
            <v>0</v>
          </cell>
        </row>
        <row r="38">
          <cell r="A38" t="str">
            <v>VNPTRR</v>
          </cell>
          <cell r="D38">
            <v>0</v>
          </cell>
          <cell r="T38">
            <v>0</v>
          </cell>
        </row>
        <row r="39">
          <cell r="A39" t="str">
            <v>NTUPXX</v>
          </cell>
          <cell r="D39">
            <v>0</v>
          </cell>
          <cell r="T39">
            <v>0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11</v>
          </cell>
        </row>
        <row r="42">
          <cell r="A42" t="str">
            <v>OTVSRXX</v>
          </cell>
          <cell r="D42">
            <v>154</v>
          </cell>
          <cell r="T42">
            <v>30</v>
          </cell>
        </row>
        <row r="43">
          <cell r="A43" t="str">
            <v>DECCIRXX</v>
          </cell>
          <cell r="D43">
            <v>3</v>
          </cell>
          <cell r="T43">
            <v>0</v>
          </cell>
        </row>
        <row r="44">
          <cell r="A44" t="str">
            <v>DETCONXX</v>
          </cell>
          <cell r="D44">
            <v>1</v>
          </cell>
          <cell r="T44">
            <v>0</v>
          </cell>
        </row>
        <row r="45">
          <cell r="A45" t="str">
            <v>LPFUXX</v>
          </cell>
          <cell r="D45">
            <v>659</v>
          </cell>
          <cell r="T45">
            <v>50</v>
          </cell>
        </row>
        <row r="46">
          <cell r="A46" t="str">
            <v>LPSMEIXX</v>
          </cell>
          <cell r="D46">
            <v>40</v>
          </cell>
          <cell r="T46">
            <v>0</v>
          </cell>
        </row>
        <row r="47">
          <cell r="A47" t="str">
            <v>MHRTXX</v>
          </cell>
          <cell r="D47">
            <v>0</v>
          </cell>
          <cell r="T47">
            <v>0</v>
          </cell>
        </row>
        <row r="48">
          <cell r="A48" t="str">
            <v>MHVRBOH</v>
          </cell>
          <cell r="D48">
            <v>0</v>
          </cell>
          <cell r="T48">
            <v>0</v>
          </cell>
        </row>
        <row r="49">
          <cell r="A49" t="str">
            <v>OHPCIKY</v>
          </cell>
          <cell r="D49">
            <v>0</v>
          </cell>
          <cell r="T49">
            <v>1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0</v>
          </cell>
          <cell r="T52">
            <v>0</v>
          </cell>
        </row>
        <row r="53">
          <cell r="A53" t="str">
            <v>ABCSGOH</v>
          </cell>
          <cell r="D53">
            <v>0</v>
          </cell>
          <cell r="T53">
            <v>0</v>
          </cell>
        </row>
        <row r="54">
          <cell r="A54" t="str">
            <v>AFMVSOH</v>
          </cell>
          <cell r="D54">
            <v>0</v>
          </cell>
          <cell r="T54">
            <v>0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26</v>
          </cell>
          <cell r="T56">
            <v>26</v>
          </cell>
        </row>
        <row r="57">
          <cell r="A57" t="str">
            <v>WCUGS</v>
          </cell>
          <cell r="D57">
            <v>0</v>
          </cell>
          <cell r="T57">
            <v>0</v>
          </cell>
        </row>
        <row r="58">
          <cell r="A58" t="str">
            <v>PADCABFE</v>
          </cell>
          <cell r="D58">
            <v>0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0</v>
          </cell>
        </row>
        <row r="60">
          <cell r="A60" t="str">
            <v>RLXX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2</v>
          </cell>
          <cell r="T61">
            <v>1</v>
          </cell>
        </row>
        <row r="62">
          <cell r="A62" t="str">
            <v>SWGRSF6</v>
          </cell>
          <cell r="D62">
            <v>0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885</v>
          </cell>
          <cell r="T65">
            <v>119</v>
          </cell>
        </row>
        <row r="66">
          <cell r="A66" t="str">
            <v>RCLXX</v>
          </cell>
          <cell r="D66">
            <v>22</v>
          </cell>
          <cell r="T66">
            <v>1</v>
          </cell>
        </row>
        <row r="67">
          <cell r="A67" t="str">
            <v>CSPXX</v>
          </cell>
          <cell r="D67">
            <v>1796</v>
          </cell>
          <cell r="T67">
            <v>1153</v>
          </cell>
        </row>
        <row r="68">
          <cell r="A68" t="str">
            <v>Recloser Changeout/Transformer Retrofit Total</v>
          </cell>
          <cell r="D68">
            <v>1818</v>
          </cell>
          <cell r="T68">
            <v>1154</v>
          </cell>
        </row>
        <row r="69">
          <cell r="A69" t="str">
            <v>UGCRXX</v>
          </cell>
          <cell r="D69">
            <v>14000</v>
          </cell>
          <cell r="T69">
            <v>0</v>
          </cell>
        </row>
        <row r="70">
          <cell r="A70" t="str">
            <v>CABINJXX</v>
          </cell>
          <cell r="D70">
            <v>31084</v>
          </cell>
          <cell r="T70">
            <v>20332</v>
          </cell>
        </row>
        <row r="71">
          <cell r="A71" t="str">
            <v>UG Cable Replacement/Injection Total</v>
          </cell>
          <cell r="D71">
            <v>45084</v>
          </cell>
          <cell r="T71">
            <v>20332</v>
          </cell>
        </row>
        <row r="72">
          <cell r="A72" t="str">
            <v>PILCXX</v>
          </cell>
          <cell r="D72">
            <v>0</v>
          </cell>
          <cell r="T72">
            <v>0</v>
          </cell>
        </row>
        <row r="73">
          <cell r="A73" t="str">
            <v>POTTXX</v>
          </cell>
          <cell r="D73">
            <v>1239</v>
          </cell>
          <cell r="T73">
            <v>315</v>
          </cell>
        </row>
        <row r="74">
          <cell r="A74" t="str">
            <v>UG Cable Replacement - Major</v>
          </cell>
          <cell r="D74">
            <v>1239</v>
          </cell>
          <cell r="T74">
            <v>315</v>
          </cell>
        </row>
        <row r="75">
          <cell r="A75" t="str">
            <v>LARCUXX</v>
          </cell>
          <cell r="D75">
            <v>6</v>
          </cell>
          <cell r="T75">
            <v>8</v>
          </cell>
        </row>
        <row r="76">
          <cell r="A76" t="str">
            <v>PRDXX</v>
          </cell>
          <cell r="D76">
            <v>0</v>
          </cell>
          <cell r="T76">
            <v>12</v>
          </cell>
        </row>
        <row r="77">
          <cell r="A77" t="str">
            <v>GLPRDXX</v>
          </cell>
          <cell r="D77">
            <v>330</v>
          </cell>
          <cell r="T77">
            <v>82</v>
          </cell>
        </row>
        <row r="78">
          <cell r="A78" t="str">
            <v>Pole Replacement - D</v>
          </cell>
          <cell r="D78">
            <v>336</v>
          </cell>
          <cell r="T78">
            <v>102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49369</v>
          </cell>
          <cell r="T81">
            <v>2202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7" refreshError="1">
        <row r="1">
          <cell r="A1" t="str">
            <v>Month:  August</v>
          </cell>
          <cell r="D1" t="str">
            <v>Ohio</v>
          </cell>
          <cell r="T1">
            <v>6</v>
          </cell>
        </row>
        <row r="2">
          <cell r="A2" t="str">
            <v>Project</v>
          </cell>
          <cell r="D2" t="str">
            <v>Target</v>
          </cell>
        </row>
        <row r="3">
          <cell r="A3" t="str">
            <v>ARCFLASH</v>
          </cell>
          <cell r="D3">
            <v>0</v>
          </cell>
          <cell r="T3">
            <v>0</v>
          </cell>
        </row>
        <row r="4">
          <cell r="A4" t="str">
            <v>MANHD, MANHT</v>
          </cell>
          <cell r="D4">
            <v>316</v>
          </cell>
          <cell r="T4">
            <v>439</v>
          </cell>
        </row>
        <row r="5">
          <cell r="A5" t="str">
            <v>NETPROT</v>
          </cell>
          <cell r="D5">
            <v>0</v>
          </cell>
          <cell r="T5">
            <v>3</v>
          </cell>
        </row>
        <row r="6">
          <cell r="A6" t="str">
            <v>PILCINS</v>
          </cell>
          <cell r="D6">
            <v>0</v>
          </cell>
          <cell r="T6">
            <v>0</v>
          </cell>
        </row>
        <row r="7">
          <cell r="A7" t="str">
            <v>POTHTERM</v>
          </cell>
          <cell r="D7">
            <v>0</v>
          </cell>
          <cell r="T7">
            <v>0</v>
          </cell>
        </row>
        <row r="8">
          <cell r="A8" t="str">
            <v>VAULTI</v>
          </cell>
          <cell r="D8">
            <v>788</v>
          </cell>
          <cell r="T8">
            <v>311</v>
          </cell>
        </row>
        <row r="9">
          <cell r="A9" t="str">
            <v>VOLTSURV, VOLTSURVF</v>
          </cell>
          <cell r="D9">
            <v>0</v>
          </cell>
          <cell r="T9">
            <v>0</v>
          </cell>
        </row>
        <row r="10">
          <cell r="A10" t="str">
            <v>ICVAULTI</v>
          </cell>
          <cell r="D10">
            <v>0</v>
          </cell>
          <cell r="T10">
            <v>0</v>
          </cell>
        </row>
        <row r="11">
          <cell r="A11" t="str">
            <v>ICVAULTM</v>
          </cell>
          <cell r="D11">
            <v>0</v>
          </cell>
          <cell r="T11">
            <v>0</v>
          </cell>
        </row>
        <row r="12">
          <cell r="A12" t="str">
            <v>BSME Insp/Maint Total</v>
          </cell>
          <cell r="D12">
            <v>1104</v>
          </cell>
          <cell r="T12">
            <v>753</v>
          </cell>
        </row>
        <row r="13">
          <cell r="A13" t="str">
            <v>CAPAC</v>
          </cell>
          <cell r="D13">
            <v>2287</v>
          </cell>
          <cell r="T13">
            <v>0</v>
          </cell>
        </row>
        <row r="14">
          <cell r="A14" t="str">
            <v>RECOH</v>
          </cell>
          <cell r="D14">
            <v>1242</v>
          </cell>
          <cell r="T14">
            <v>183</v>
          </cell>
        </row>
        <row r="15">
          <cell r="A15" t="str">
            <v>RECOM</v>
          </cell>
          <cell r="D15">
            <v>36</v>
          </cell>
          <cell r="T15">
            <v>0</v>
          </cell>
        </row>
        <row r="16">
          <cell r="A16" t="str">
            <v>REGOM</v>
          </cell>
          <cell r="D16">
            <v>37</v>
          </cell>
          <cell r="T16">
            <v>0</v>
          </cell>
        </row>
        <row r="17">
          <cell r="A17" t="str">
            <v>OHVD D Equip Total</v>
          </cell>
          <cell r="D17">
            <v>3602</v>
          </cell>
          <cell r="T17">
            <v>183</v>
          </cell>
        </row>
        <row r="18">
          <cell r="A18" t="str">
            <v>GLIPD</v>
          </cell>
          <cell r="D18">
            <v>27000</v>
          </cell>
          <cell r="T18">
            <v>17266</v>
          </cell>
        </row>
        <row r="19">
          <cell r="A19" t="str">
            <v>GLFUD</v>
          </cell>
          <cell r="D19">
            <v>5886</v>
          </cell>
          <cell r="T19">
            <v>936</v>
          </cell>
        </row>
        <row r="20">
          <cell r="A20" t="str">
            <v>LIPINS</v>
          </cell>
          <cell r="D20">
            <v>173</v>
          </cell>
          <cell r="T20">
            <v>39</v>
          </cell>
        </row>
        <row r="21">
          <cell r="A21" t="str">
            <v>LIPMD</v>
          </cell>
          <cell r="D21">
            <v>2527</v>
          </cell>
          <cell r="T21">
            <v>2328</v>
          </cell>
        </row>
        <row r="22">
          <cell r="A22" t="str">
            <v>OHVD D Line Total</v>
          </cell>
          <cell r="D22">
            <v>35586</v>
          </cell>
          <cell r="T22">
            <v>20569</v>
          </cell>
        </row>
        <row r="23">
          <cell r="A23" t="str">
            <v>SMEICUST</v>
          </cell>
          <cell r="D23">
            <v>22</v>
          </cell>
          <cell r="T23">
            <v>26</v>
          </cell>
        </row>
        <row r="24">
          <cell r="A24" t="str">
            <v>SMEIP</v>
          </cell>
          <cell r="D24">
            <v>10600</v>
          </cell>
          <cell r="T24">
            <v>4610</v>
          </cell>
        </row>
        <row r="25">
          <cell r="A25" t="str">
            <v>SMEIPF</v>
          </cell>
          <cell r="D25">
            <v>610</v>
          </cell>
          <cell r="T25">
            <v>154</v>
          </cell>
        </row>
        <row r="26">
          <cell r="A26" t="str">
            <v>SMEHIPROF</v>
          </cell>
          <cell r="D26">
            <v>0</v>
          </cell>
          <cell r="T26">
            <v>0</v>
          </cell>
        </row>
        <row r="27">
          <cell r="A27" t="str">
            <v>DULMRPR</v>
          </cell>
          <cell r="D27">
            <v>0</v>
          </cell>
          <cell r="T27">
            <v>20</v>
          </cell>
        </row>
        <row r="28">
          <cell r="A28" t="str">
            <v>SWGRINSP</v>
          </cell>
          <cell r="T28">
            <v>0</v>
          </cell>
        </row>
        <row r="29">
          <cell r="A29" t="str">
            <v>Surface-mounted Eq Total</v>
          </cell>
          <cell r="D29">
            <v>11232</v>
          </cell>
          <cell r="T29">
            <v>4810</v>
          </cell>
        </row>
        <row r="30">
          <cell r="A30" t="str">
            <v>O&amp;M Total</v>
          </cell>
          <cell r="D30">
            <v>51524</v>
          </cell>
          <cell r="T30">
            <v>26315</v>
          </cell>
        </row>
        <row r="31">
          <cell r="A31" t="str">
            <v>CAPITAL</v>
          </cell>
          <cell r="T31">
            <v>0</v>
          </cell>
        </row>
        <row r="32">
          <cell r="A32" t="str">
            <v>N/A</v>
          </cell>
          <cell r="D32">
            <v>0</v>
          </cell>
          <cell r="T32">
            <v>0</v>
          </cell>
        </row>
        <row r="33">
          <cell r="A33" t="str">
            <v>CSXX</v>
          </cell>
          <cell r="D33">
            <v>7</v>
          </cell>
          <cell r="T33">
            <v>6</v>
          </cell>
        </row>
        <row r="34">
          <cell r="A34" t="str">
            <v>Circuit Sectionalization Total</v>
          </cell>
          <cell r="D34">
            <v>7</v>
          </cell>
          <cell r="T34">
            <v>6</v>
          </cell>
        </row>
        <row r="35">
          <cell r="D35">
            <v>54</v>
          </cell>
          <cell r="T35">
            <v>59</v>
          </cell>
        </row>
        <row r="36">
          <cell r="D36">
            <v>8564</v>
          </cell>
          <cell r="T36">
            <v>4222</v>
          </cell>
        </row>
        <row r="37">
          <cell r="D37">
            <v>1</v>
          </cell>
          <cell r="T37">
            <v>1</v>
          </cell>
        </row>
        <row r="38">
          <cell r="A38" t="str">
            <v>VNPTRR</v>
          </cell>
          <cell r="D38">
            <v>0</v>
          </cell>
          <cell r="T38">
            <v>12</v>
          </cell>
        </row>
        <row r="39">
          <cell r="A39" t="str">
            <v>NTUPXX</v>
          </cell>
          <cell r="D39">
            <v>8619</v>
          </cell>
          <cell r="T39">
            <v>4294</v>
          </cell>
        </row>
        <row r="40">
          <cell r="A40" t="str">
            <v>MALTXX</v>
          </cell>
          <cell r="D40">
            <v>0</v>
          </cell>
          <cell r="T40">
            <v>0</v>
          </cell>
        </row>
        <row r="41">
          <cell r="A41" t="str">
            <v>CAPXX</v>
          </cell>
          <cell r="D41">
            <v>0</v>
          </cell>
          <cell r="T41">
            <v>4</v>
          </cell>
        </row>
        <row r="42">
          <cell r="A42" t="str">
            <v>OTVSRXX</v>
          </cell>
          <cell r="D42">
            <v>1142</v>
          </cell>
          <cell r="T42">
            <v>603</v>
          </cell>
        </row>
        <row r="43">
          <cell r="A43" t="str">
            <v>DECCIRXX</v>
          </cell>
          <cell r="D43">
            <v>14</v>
          </cell>
          <cell r="T43">
            <v>4</v>
          </cell>
        </row>
        <row r="44">
          <cell r="A44" t="str">
            <v>DETCONXX</v>
          </cell>
          <cell r="D44">
            <v>4</v>
          </cell>
          <cell r="T44">
            <v>2</v>
          </cell>
        </row>
        <row r="45">
          <cell r="A45" t="str">
            <v>LPFUXX</v>
          </cell>
          <cell r="D45">
            <v>2066</v>
          </cell>
          <cell r="T45">
            <v>524</v>
          </cell>
        </row>
        <row r="46">
          <cell r="A46" t="str">
            <v>LPSMEIXX</v>
          </cell>
          <cell r="D46">
            <v>135</v>
          </cell>
          <cell r="T46">
            <v>2</v>
          </cell>
        </row>
        <row r="47">
          <cell r="A47" t="str">
            <v>MHRTXX</v>
          </cell>
          <cell r="D47">
            <v>157</v>
          </cell>
          <cell r="T47">
            <v>79</v>
          </cell>
        </row>
        <row r="48">
          <cell r="A48" t="str">
            <v>MHVRBOH</v>
          </cell>
          <cell r="D48">
            <v>6</v>
          </cell>
          <cell r="T48">
            <v>6</v>
          </cell>
        </row>
        <row r="49">
          <cell r="A49" t="str">
            <v>OHPCIKY</v>
          </cell>
          <cell r="D49">
            <v>0</v>
          </cell>
          <cell r="T49">
            <v>0</v>
          </cell>
        </row>
        <row r="50">
          <cell r="A50" t="str">
            <v>SMFUIN</v>
          </cell>
          <cell r="D50">
            <v>0</v>
          </cell>
          <cell r="T50">
            <v>0</v>
          </cell>
        </row>
        <row r="51">
          <cell r="A51" t="str">
            <v>DLSIN</v>
          </cell>
          <cell r="D51">
            <v>0</v>
          </cell>
          <cell r="T51">
            <v>0</v>
          </cell>
        </row>
        <row r="52">
          <cell r="A52" t="str">
            <v>AT12XX</v>
          </cell>
          <cell r="D52">
            <v>1</v>
          </cell>
          <cell r="T52">
            <v>1</v>
          </cell>
        </row>
        <row r="53">
          <cell r="A53" t="str">
            <v>ABCSGOH</v>
          </cell>
          <cell r="D53">
            <v>4</v>
          </cell>
          <cell r="T53">
            <v>4</v>
          </cell>
        </row>
        <row r="54">
          <cell r="A54" t="str">
            <v>AFMVSOH</v>
          </cell>
          <cell r="D54">
            <v>14</v>
          </cell>
          <cell r="T54">
            <v>9</v>
          </cell>
        </row>
        <row r="55">
          <cell r="A55" t="str">
            <v>NEWCAPXX</v>
          </cell>
          <cell r="D55">
            <v>0</v>
          </cell>
          <cell r="T55">
            <v>0</v>
          </cell>
        </row>
        <row r="56">
          <cell r="A56" t="str">
            <v>RNOVAXX</v>
          </cell>
          <cell r="D56">
            <v>41</v>
          </cell>
          <cell r="T56">
            <v>4</v>
          </cell>
        </row>
        <row r="57">
          <cell r="A57" t="str">
            <v>WCUGS</v>
          </cell>
          <cell r="D57">
            <v>1</v>
          </cell>
          <cell r="T57">
            <v>0</v>
          </cell>
        </row>
        <row r="58">
          <cell r="A58" t="str">
            <v>PADCABFE</v>
          </cell>
          <cell r="D58">
            <v>14</v>
          </cell>
          <cell r="T58">
            <v>0</v>
          </cell>
        </row>
        <row r="59">
          <cell r="A59" t="str">
            <v>VLTDTUG</v>
          </cell>
          <cell r="D59">
            <v>0</v>
          </cell>
          <cell r="T59">
            <v>1</v>
          </cell>
        </row>
        <row r="60">
          <cell r="A60" t="str">
            <v>RLKY
RLOH</v>
          </cell>
          <cell r="D60">
            <v>0</v>
          </cell>
          <cell r="T60">
            <v>0</v>
          </cell>
        </row>
        <row r="61">
          <cell r="A61" t="str">
            <v>FMSWGRR</v>
          </cell>
          <cell r="D61">
            <v>0</v>
          </cell>
          <cell r="T61">
            <v>0</v>
          </cell>
        </row>
        <row r="62">
          <cell r="A62" t="str">
            <v>SWGRSF6</v>
          </cell>
          <cell r="D62">
            <v>1</v>
          </cell>
          <cell r="T62">
            <v>0</v>
          </cell>
        </row>
        <row r="63">
          <cell r="A63" t="str">
            <v>COLSWGRR</v>
          </cell>
          <cell r="T63">
            <v>0</v>
          </cell>
        </row>
        <row r="64">
          <cell r="A64" t="str">
            <v>GENSWGRR</v>
          </cell>
          <cell r="T64">
            <v>0</v>
          </cell>
        </row>
        <row r="65">
          <cell r="A65" t="str">
            <v>R&amp;I Capital Other - D Total</v>
          </cell>
          <cell r="D65">
            <v>12219</v>
          </cell>
          <cell r="T65">
            <v>1243</v>
          </cell>
        </row>
        <row r="66">
          <cell r="A66" t="str">
            <v>RCLXX</v>
          </cell>
          <cell r="D66">
            <v>194</v>
          </cell>
          <cell r="T66">
            <v>148</v>
          </cell>
        </row>
        <row r="67">
          <cell r="A67" t="str">
            <v>CSPXX</v>
          </cell>
          <cell r="D67">
            <v>12848</v>
          </cell>
          <cell r="T67">
            <v>5072</v>
          </cell>
        </row>
        <row r="68">
          <cell r="A68" t="str">
            <v>Recloser Changeout/Transformer Retrofit Total</v>
          </cell>
          <cell r="D68">
            <v>13042</v>
          </cell>
          <cell r="T68">
            <v>5220</v>
          </cell>
        </row>
        <row r="69">
          <cell r="A69" t="str">
            <v>UGCRXX</v>
          </cell>
          <cell r="D69">
            <v>75650</v>
          </cell>
          <cell r="T69">
            <v>44177</v>
          </cell>
        </row>
        <row r="70">
          <cell r="A70" t="str">
            <v>CABINJXX</v>
          </cell>
          <cell r="D70">
            <v>127930</v>
          </cell>
          <cell r="T70">
            <v>55834</v>
          </cell>
        </row>
        <row r="71">
          <cell r="A71" t="str">
            <v>UG Cable Replacement/Injection Total</v>
          </cell>
          <cell r="D71">
            <v>203580</v>
          </cell>
          <cell r="T71">
            <v>100011</v>
          </cell>
        </row>
        <row r="72">
          <cell r="A72" t="str">
            <v>PILCXX</v>
          </cell>
          <cell r="D72">
            <v>0</v>
          </cell>
          <cell r="T72">
            <v>4200</v>
          </cell>
        </row>
        <row r="73">
          <cell r="A73" t="str">
            <v>POTTXX</v>
          </cell>
          <cell r="D73">
            <v>1529</v>
          </cell>
          <cell r="T73">
            <v>1086</v>
          </cell>
        </row>
        <row r="74">
          <cell r="A74" t="str">
            <v>UG Cable Replacement - Major</v>
          </cell>
          <cell r="D74">
            <v>1529</v>
          </cell>
          <cell r="T74">
            <v>5286</v>
          </cell>
        </row>
        <row r="75">
          <cell r="A75" t="str">
            <v>LARCUXX</v>
          </cell>
          <cell r="D75">
            <v>7</v>
          </cell>
          <cell r="T75">
            <v>5</v>
          </cell>
        </row>
        <row r="76">
          <cell r="A76" t="str">
            <v>PRDXX</v>
          </cell>
          <cell r="D76">
            <v>0</v>
          </cell>
          <cell r="T76">
            <v>72</v>
          </cell>
        </row>
        <row r="77">
          <cell r="A77" t="str">
            <v>GLPRDXX</v>
          </cell>
          <cell r="D77">
            <v>1347</v>
          </cell>
          <cell r="T77">
            <v>610</v>
          </cell>
        </row>
        <row r="78">
          <cell r="A78" t="str">
            <v>Pole Replacement - D</v>
          </cell>
          <cell r="D78">
            <v>1354</v>
          </cell>
          <cell r="T78">
            <v>687</v>
          </cell>
        </row>
        <row r="79">
          <cell r="A79" t="str">
            <v>LAMCXX</v>
          </cell>
          <cell r="D79">
            <v>0</v>
          </cell>
          <cell r="T79">
            <v>0</v>
          </cell>
        </row>
        <row r="80">
          <cell r="A80" t="str">
            <v>Lighting-Asset Mgt</v>
          </cell>
          <cell r="D80">
            <v>0</v>
          </cell>
          <cell r="T80">
            <v>0</v>
          </cell>
        </row>
        <row r="81">
          <cell r="A81" t="str">
            <v>Capital Total</v>
          </cell>
          <cell r="D81">
            <v>240350</v>
          </cell>
          <cell r="T81">
            <v>116747</v>
          </cell>
        </row>
        <row r="84">
          <cell r="A84" t="str">
            <v xml:space="preserve">NOTE:  Ground Line Treatment (GLT) contractors will report all of the issues found on a pole that are in need of follow-up. Issues labeled as “priority” will be delivered to us the next morning. All other issues found on a pole will be “rolled” together (one line of data per pole) and delivered to us when all of the poles on a “mapsheet” (i.e. N23W18) have been inspected. Remember that a “mapsheet” contains 64 grids (i.e.N23W1801 – N23W1864). </v>
          </cell>
        </row>
        <row r="86">
          <cell r="A86" t="str">
            <v>We then take that “roll-up” data and after reviewing it for any obvious errors, upload it into eMax to create one “follow-up” work order for each pole listed. This one eMax work order is considered one unit that should be reported on the R&amp;I Scorecard when completed – 1 unit = 1 eMax Work Order. Recognize that since all “follow-up” issues for a pole are rolled together, you will see in some cases, O&amp;M and Capital items listed on the same eMax work order created during the upload. In those cases, where a work order is a mixture of O&amp;M or Capital, the completed unit should be counted as a Capital unit – below.</v>
          </cell>
        </row>
        <row r="91">
          <cell r="A91" t="str">
            <v>After the follow-up work orders have been created through the upload, engineering will, in most cases, create a “parent” work order in eMax and group many of the follow-up work orders under that one “parent” work order. Even though a “parent” work order is created, the unit you will want to capture when the work is completed and report on the 2012 R&amp;I Scorecard is the follow-up work order created during the upload.</v>
          </cell>
        </row>
      </sheetData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stribution Summary"/>
      <sheetName val="Veg Mgmt-YTD &amp; YE"/>
      <sheetName val="Veg Mgmt Monthly-By Program"/>
      <sheetName val="Veg Mgmt Monthly-By Region"/>
      <sheetName val="Veg Mgmt -Region Charging to VM"/>
      <sheetName val="Res Budget"/>
      <sheetName val="Programs O&amp;M-YTD"/>
      <sheetName val="Programs-By Month O&amp;M"/>
      <sheetName val="Programs Cap-YTD"/>
      <sheetName val="Programs-By Month Cap"/>
      <sheetName val="DCC Budget-O&amp;M"/>
      <sheetName val="Programs O&amp;M-YE"/>
      <sheetName val="Programs Cap-YE"/>
      <sheetName val="UG CABLE-By Month BUDGET"/>
      <sheetName val="CIR Programs-YTD"/>
      <sheetName val="CIR Programs-YE"/>
      <sheetName val="CIR Programs-By Month"/>
      <sheetName val="DAM O&amp;M"/>
      <sheetName val="TRAIN SAFETY O&amp;M"/>
      <sheetName val="Distribution Services"/>
      <sheetName val="MES Budget-Cap"/>
      <sheetName val="MES Budget-O&amp;M"/>
      <sheetName val="Units Data - Regions"/>
      <sheetName val="Units Data - Months"/>
      <sheetName val="Lookups-Base Program"/>
      <sheetName val="EDF UNITS WP"/>
      <sheetName val="NCR UNITS WP"/>
      <sheetName val="NCO UNITS WP"/>
      <sheetName val="SCO UNITS"/>
      <sheetName val="SCR UNITS WP"/>
      <sheetName val="Programs Data Dump-O&amp;M"/>
      <sheetName val="Programs Data Dump-CAP"/>
      <sheetName val="Lookups-VM Program"/>
      <sheetName val="CIR Data Dump"/>
      <sheetName val="VM Data Dump"/>
      <sheetName val="CRM"/>
      <sheetName val="CRM Data Dump-O&amp;M"/>
      <sheetName val="CRM Data Dump-CAP"/>
      <sheetName val="MES Data Dump-O&amp;M"/>
      <sheetName val="MES Data Dump-CAP"/>
      <sheetName val="DCC Data Dump-O&amp;M"/>
      <sheetName val="DISTRIB SERVICES CAP DUMP"/>
      <sheetName val="Dist Serv Data O&amp;M Dump"/>
      <sheetName val="TRAIN &amp; SAFETY Data O&amp;M Dump"/>
      <sheetName val="DAM Data O&amp;M Dump"/>
      <sheetName val="Sheet2"/>
      <sheetName val="Actual Data"/>
      <sheetName val="IN"/>
      <sheetName val="KY"/>
      <sheetName val="IN-N"/>
      <sheetName val="OH"/>
      <sheetName val="IN-SE"/>
      <sheetName val="IN-S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>
        <row r="1">
          <cell r="A1" t="str">
            <v>Job Type</v>
          </cell>
          <cell r="F1" t="str">
            <v>O&amp;M Programs</v>
          </cell>
          <cell r="I1" t="str">
            <v>Cap Programs</v>
          </cell>
        </row>
        <row r="2">
          <cell r="A2" t="str">
            <v>ZABBDC</v>
          </cell>
          <cell r="F2" t="str">
            <v>SI-AUTOMATION</v>
          </cell>
          <cell r="I2" t="str">
            <v>SI-AUTO TRANS SWITCH</v>
          </cell>
        </row>
        <row r="3">
          <cell r="A3" t="str">
            <v>ZCAPD</v>
          </cell>
          <cell r="F3" t="str">
            <v>SI-CAP INSPECT-O&amp;M</v>
          </cell>
          <cell r="I3" t="str">
            <v>SI-CAP REPL-CAP</v>
          </cell>
        </row>
        <row r="4">
          <cell r="A4" t="str">
            <v>ZCAPDLG</v>
          </cell>
          <cell r="F4" t="str">
            <v>SI-CAP MAINT-CAP</v>
          </cell>
          <cell r="I4" t="str">
            <v>SI-CAPACITOR NEW-CAP</v>
          </cell>
        </row>
        <row r="5">
          <cell r="A5" t="str">
            <v>ZCAPMDC</v>
          </cell>
          <cell r="F5" t="str">
            <v>SI-CAP MAINT-O&amp;M</v>
          </cell>
          <cell r="I5" t="str">
            <v>SI-ELECTRONIC RECL-C</v>
          </cell>
        </row>
        <row r="6">
          <cell r="A6" t="str">
            <v>ZCAPMNDM</v>
          </cell>
          <cell r="F6" t="str">
            <v>SI-FEEDER STAND-CAP</v>
          </cell>
          <cell r="I6" t="str">
            <v>SI-FEEDER STAND-CAP</v>
          </cell>
        </row>
        <row r="7">
          <cell r="A7" t="str">
            <v>ZCAPRPLNDC</v>
          </cell>
          <cell r="F7" t="str">
            <v>SI-FEEDER STAND-O&amp;M</v>
          </cell>
          <cell r="I7" t="str">
            <v>SI-HYDRAULIC RECLOSE</v>
          </cell>
        </row>
        <row r="8">
          <cell r="A8" t="str">
            <v>ZCIRAUTXSW</v>
          </cell>
          <cell r="F8" t="str">
            <v>SI-GUYING</v>
          </cell>
          <cell r="I8" t="str">
            <v>SI-IR SCAN MAINT-O&amp;M</v>
          </cell>
        </row>
        <row r="9">
          <cell r="A9" t="str">
            <v>ZCIROHSWTH</v>
          </cell>
          <cell r="F9" t="str">
            <v>SI-IR SCAN INSP-O&amp;M</v>
          </cell>
          <cell r="I9" t="str">
            <v>SI-NETWORK REPL-CAP</v>
          </cell>
        </row>
        <row r="10">
          <cell r="A10" t="str">
            <v>ZCIROHWIRE</v>
          </cell>
          <cell r="F10" t="str">
            <v>SI-IR SCAN MAINT-O&amp;M</v>
          </cell>
          <cell r="I10" t="str">
            <v>SI-NEW ABB RECL-CAP</v>
          </cell>
        </row>
        <row r="11">
          <cell r="A11" t="str">
            <v>ZCIRPOLE</v>
          </cell>
          <cell r="F11" t="str">
            <v>SI-NETWORK MAINT-O&amp;M</v>
          </cell>
          <cell r="I11" t="str">
            <v>SI-OH SWITCH-CAP</v>
          </cell>
        </row>
        <row r="12">
          <cell r="A12" t="str">
            <v>ZCIRSECOH</v>
          </cell>
          <cell r="F12" t="str">
            <v>SI-NETWORK MAP-O&amp;M</v>
          </cell>
          <cell r="I12" t="str">
            <v>SI-OH SWITCHES-REPL</v>
          </cell>
        </row>
        <row r="13">
          <cell r="A13" t="str">
            <v>ZCIRSECUG</v>
          </cell>
          <cell r="F13" t="str">
            <v>SI-POLE INSPECT-O&amp;M</v>
          </cell>
          <cell r="I13" t="str">
            <v>SI-POLE JU CLOSED</v>
          </cell>
        </row>
        <row r="14">
          <cell r="A14" t="str">
            <v>ZCIRSTBPL</v>
          </cell>
          <cell r="F14" t="str">
            <v>SI-POLE TREAT-O&amp;M</v>
          </cell>
          <cell r="I14" t="str">
            <v>SI-POLE JU OPEN</v>
          </cell>
        </row>
        <row r="15">
          <cell r="A15" t="str">
            <v>ZCIRSTBPND</v>
          </cell>
          <cell r="F15" t="str">
            <v>SI-RECLOSER INSP-O&amp;M</v>
          </cell>
          <cell r="I15" t="str">
            <v>SI-POLE REINF-CAP</v>
          </cell>
        </row>
        <row r="16">
          <cell r="A16" t="str">
            <v>ZCIRSWGD</v>
          </cell>
          <cell r="F16" t="str">
            <v>SI-RECLOSR MAINT-O&amp;M</v>
          </cell>
          <cell r="I16" t="str">
            <v>SI-POLE REPL CLOSED</v>
          </cell>
        </row>
        <row r="17">
          <cell r="A17" t="str">
            <v>ZCIRTRNSFM</v>
          </cell>
          <cell r="F17" t="str">
            <v>SI-SEBRING RELIABILI</v>
          </cell>
          <cell r="I17" t="str">
            <v>SI-POLE REPL OPEN</v>
          </cell>
        </row>
        <row r="18">
          <cell r="A18" t="str">
            <v>ZCIRUGCLRG</v>
          </cell>
          <cell r="F18" t="str">
            <v>SI-STORM HARD-CAP</v>
          </cell>
          <cell r="I18" t="str">
            <v>SI-REGULATORS-CAP</v>
          </cell>
        </row>
        <row r="19">
          <cell r="A19" t="str">
            <v>ZCIRUGCSML</v>
          </cell>
          <cell r="F19" t="str">
            <v>SI-STORM HARD-O&amp;M</v>
          </cell>
          <cell r="I19" t="str">
            <v>SI-REPL ABB RECL-CAP</v>
          </cell>
        </row>
        <row r="20">
          <cell r="A20" t="str">
            <v>ZCIRVOLTRG</v>
          </cell>
          <cell r="F20" t="str">
            <v>SI-SWITCHGEAR INSP</v>
          </cell>
          <cell r="I20" t="str">
            <v>SI-SEBRING RELIABILI</v>
          </cell>
        </row>
        <row r="21">
          <cell r="A21" t="str">
            <v>ZDAUTOIT2</v>
          </cell>
          <cell r="F21" t="str">
            <v>SI-SWITCHGEAR MAINT</v>
          </cell>
          <cell r="I21" t="str">
            <v>SI-SMALL WIRE UP-CAP</v>
          </cell>
        </row>
        <row r="22">
          <cell r="A22" t="str">
            <v>ZELECRCLSR</v>
          </cell>
          <cell r="F22" t="str">
            <v>SI-TRIP NONECRC O&amp;M</v>
          </cell>
          <cell r="I22" t="str">
            <v>SI-STORM HARD-CAP</v>
          </cell>
        </row>
        <row r="23">
          <cell r="A23" t="str">
            <v>ZFSPCEMI</v>
          </cell>
          <cell r="F23" t="str">
            <v>SI-TRIP P/R 1PH-O&amp;M</v>
          </cell>
          <cell r="I23" t="str">
            <v>SI-STORM HARD-CAP NC</v>
          </cell>
        </row>
        <row r="24">
          <cell r="A24" t="str">
            <v>ZHYDRECL</v>
          </cell>
          <cell r="F24" t="str">
            <v>SI-TRIP P/R 3PH-O&amp;M</v>
          </cell>
          <cell r="I24" t="str">
            <v>SI-STORM HARD-CAP SC</v>
          </cell>
        </row>
        <row r="25">
          <cell r="A25" t="str">
            <v>ZINFRANDM</v>
          </cell>
          <cell r="F25" t="str">
            <v>SI-TRIP1PHREMED-O&amp;M</v>
          </cell>
          <cell r="I25" t="str">
            <v>SI-SWITCHGEAR MT-CAP</v>
          </cell>
        </row>
        <row r="26">
          <cell r="A26" t="str">
            <v>ZINFREPDC</v>
          </cell>
          <cell r="F26" t="str">
            <v>SI-VOLTAGE REG INSP</v>
          </cell>
          <cell r="I26" t="str">
            <v>SI-TRIP REPL 1PH-CAP</v>
          </cell>
        </row>
        <row r="27">
          <cell r="A27" t="str">
            <v>ZINSCAPND</v>
          </cell>
          <cell r="F27" t="str">
            <v>SI-POLE REPL CLOSED</v>
          </cell>
          <cell r="I27" t="str">
            <v>SI-TRIP REPL 3PH-CAP</v>
          </cell>
        </row>
        <row r="28">
          <cell r="A28" t="str">
            <v>ZINSND</v>
          </cell>
          <cell r="F28" t="str">
            <v>SI-MODEF 1 O&amp;M</v>
          </cell>
          <cell r="I28" t="str">
            <v xml:space="preserve">SI-UG CABLE LG REPL </v>
          </cell>
        </row>
        <row r="29">
          <cell r="A29" t="str">
            <v>ZINSNETND</v>
          </cell>
          <cell r="F29" t="str">
            <v>SI-MODEF 3 O&amp;M</v>
          </cell>
          <cell r="I29" t="str">
            <v>SI-UG CABLE LG-CAP</v>
          </cell>
        </row>
        <row r="30">
          <cell r="A30" t="str">
            <v>ZINSXFND</v>
          </cell>
          <cell r="F30" t="str">
            <v>SI-FAULT INDICATOR</v>
          </cell>
          <cell r="I30" t="str">
            <v xml:space="preserve">SI-UG CABLE SM REPL </v>
          </cell>
        </row>
        <row r="31">
          <cell r="A31" t="str">
            <v>ZLCABPRPP</v>
          </cell>
          <cell r="F31" t="str">
            <v>SI-TRIP3PHREMED-O&amp;M</v>
          </cell>
          <cell r="I31" t="str">
            <v>SI-UG CABLE SM-CAP</v>
          </cell>
        </row>
        <row r="32">
          <cell r="A32" t="str">
            <v>ZLCABREPD</v>
          </cell>
          <cell r="F32" t="str">
            <v>SI-TRIP INSPECT-O&amp;M</v>
          </cell>
          <cell r="I32" t="str">
            <v>SI-UG CBL LG REP PAC</v>
          </cell>
        </row>
        <row r="33">
          <cell r="A33" t="str">
            <v>ZLCABRPRCT</v>
          </cell>
          <cell r="F33" t="str">
            <v>CIR Programs</v>
          </cell>
          <cell r="I33" t="str">
            <v>SI-UG CBL LG REP RAC</v>
          </cell>
        </row>
        <row r="34">
          <cell r="A34" t="str">
            <v>ZNETCABD</v>
          </cell>
          <cell r="F34" t="str">
            <v>CIR-PRIMARY-OH</v>
          </cell>
          <cell r="G34" t="str">
            <v>Primary</v>
          </cell>
          <cell r="I34" t="str">
            <v>SI-UG CBL SM REP PAC</v>
          </cell>
        </row>
        <row r="35">
          <cell r="A35" t="str">
            <v>ZNETWDM</v>
          </cell>
          <cell r="F35" t="str">
            <v>CIR-AUTOMATION-CAP</v>
          </cell>
          <cell r="G35" t="str">
            <v>Automation CIR</v>
          </cell>
          <cell r="I35" t="str">
            <v>SI-UG CBL SM REP RAC</v>
          </cell>
        </row>
        <row r="36">
          <cell r="A36" t="str">
            <v>ZOHSWITCH</v>
          </cell>
          <cell r="F36" t="str">
            <v>CIR-AUTO SWITCH REPL</v>
          </cell>
          <cell r="G36" t="str">
            <v>Automatic Transfer Switches</v>
          </cell>
          <cell r="I36" t="str">
            <v>SI-UG SWITCHGEAR REP</v>
          </cell>
        </row>
        <row r="37">
          <cell r="A37" t="str">
            <v>ZPOLJUCL</v>
          </cell>
          <cell r="F37" t="str">
            <v>CIR-CABLE IN CONDUIT</v>
          </cell>
          <cell r="G37" t="str">
            <v>Cable In Conduit</v>
          </cell>
          <cell r="I37" t="str">
            <v>SI-VOLTAGE REGULATOR</v>
          </cell>
        </row>
        <row r="38">
          <cell r="A38" t="str">
            <v>ZPOLJUGUY</v>
          </cell>
          <cell r="F38" t="str">
            <v>CIR-ELEC RECLSR REPL</v>
          </cell>
          <cell r="G38" t="str">
            <v>Electronic Reclosers</v>
          </cell>
          <cell r="I38" t="str">
            <v>SI-CAP MAINT-CAP</v>
          </cell>
        </row>
        <row r="39">
          <cell r="A39" t="str">
            <v>ZPOLJUOP</v>
          </cell>
          <cell r="F39" t="str">
            <v>CIR-NETWORK CABLE RE</v>
          </cell>
          <cell r="G39" t="str">
            <v>Network Cable</v>
          </cell>
          <cell r="I39" t="str">
            <v>SI-HYDRLIC RECL-CAP</v>
          </cell>
        </row>
        <row r="40">
          <cell r="A40" t="str">
            <v>ZPOORFDRDC</v>
          </cell>
          <cell r="F40" t="str">
            <v>CIR-OH SECOND/SERVIC</v>
          </cell>
          <cell r="G40" t="str">
            <v>Secondary - OH</v>
          </cell>
          <cell r="I40" t="str">
            <v>SI-RECLOSR MAINT-CAP</v>
          </cell>
        </row>
        <row r="41">
          <cell r="A41" t="str">
            <v>ZPOORFDRDM</v>
          </cell>
          <cell r="F41" t="str">
            <v>CIR-OH SWITCH REPL-C</v>
          </cell>
          <cell r="G41" t="str">
            <v>Overhead Switches</v>
          </cell>
          <cell r="I41" t="str">
            <v>SI-SPACER CABLE-CAP</v>
          </cell>
        </row>
        <row r="42">
          <cell r="A42" t="str">
            <v>ZPOORFDRNO</v>
          </cell>
          <cell r="F42" t="str">
            <v>CIR-OH WIRE REPL-CAP</v>
          </cell>
          <cell r="G42" t="str">
            <v>Overhead Wire</v>
          </cell>
          <cell r="I42" t="str">
            <v>SI-SYSTEM IMPROVEMNT</v>
          </cell>
        </row>
        <row r="43">
          <cell r="A43" t="str">
            <v>ZRECINSP</v>
          </cell>
          <cell r="F43" t="str">
            <v>CIR-POLE REPLACEMENT</v>
          </cell>
          <cell r="G43" t="str">
            <v>Pole Replacements</v>
          </cell>
          <cell r="I43" t="str">
            <v>SI-ABB RECLOSER REPL</v>
          </cell>
        </row>
        <row r="44">
          <cell r="A44" t="str">
            <v>ZRECMTDC</v>
          </cell>
          <cell r="F44" t="str">
            <v>CIR-HYD RECLSR REPL-</v>
          </cell>
          <cell r="G44" t="str">
            <v>Hydraulic Reclosers</v>
          </cell>
          <cell r="I44" t="str">
            <v>SI-MORE CAP</v>
          </cell>
        </row>
        <row r="45">
          <cell r="A45" t="str">
            <v>ZRECMTNDM</v>
          </cell>
          <cell r="F45" t="str">
            <v>CIR-PRIMARY-UG</v>
          </cell>
          <cell r="G45" t="str">
            <v>Primary</v>
          </cell>
          <cell r="I45" t="str">
            <v>SI-IR SCAN MAINT-CAP</v>
          </cell>
        </row>
        <row r="46">
          <cell r="A46" t="str">
            <v>ZREGULATOR</v>
          </cell>
          <cell r="F46" t="str">
            <v>CIR-PRIMARY</v>
          </cell>
          <cell r="G46" t="str">
            <v>Primary</v>
          </cell>
          <cell r="I46" t="str">
            <v>SI-STBPLRMVL</v>
          </cell>
        </row>
        <row r="47">
          <cell r="A47" t="str">
            <v>ZREIND</v>
          </cell>
          <cell r="F47" t="str">
            <v>CIR-SECTIONALZER REP</v>
          </cell>
          <cell r="G47" t="str">
            <v>Sectionalizers</v>
          </cell>
          <cell r="I47" t="str">
            <v>SI-AUTOMATION</v>
          </cell>
        </row>
        <row r="48">
          <cell r="A48" t="str">
            <v>ZREPAIRND</v>
          </cell>
          <cell r="F48" t="str">
            <v>CIR-STUB POLE RMVL-C</v>
          </cell>
          <cell r="G48" t="str">
            <v>Stub Pole Removals</v>
          </cell>
          <cell r="I48" t="str">
            <v>SI-NETWORK MAINT-O&amp;M</v>
          </cell>
        </row>
        <row r="49">
          <cell r="A49" t="str">
            <v>ZREPAIRND3</v>
          </cell>
          <cell r="F49" t="str">
            <v>CIR-SWITCHGEAR REPL-</v>
          </cell>
          <cell r="G49" t="str">
            <v>Switchgear</v>
          </cell>
          <cell r="I49" t="str">
            <v>SI-DISC SWITCH-CAP</v>
          </cell>
        </row>
        <row r="50">
          <cell r="A50" t="str">
            <v>ZREPD</v>
          </cell>
          <cell r="F50" t="str">
            <v>CIR-TRANSFORMER REPL</v>
          </cell>
          <cell r="G50" t="str">
            <v>Transformers</v>
          </cell>
          <cell r="I50" t="str">
            <v>SI-TARGETRELIABILITY</v>
          </cell>
        </row>
        <row r="51">
          <cell r="A51" t="str">
            <v>ZREPDOP</v>
          </cell>
          <cell r="F51" t="str">
            <v>CIR-UG CBL REPL LG-C</v>
          </cell>
          <cell r="G51" t="str">
            <v>UG Cable - Large</v>
          </cell>
          <cell r="I51" t="str">
            <v>SI-TRIP1PHMODEF</v>
          </cell>
        </row>
        <row r="52">
          <cell r="A52" t="str">
            <v>ZRPLC1PHD</v>
          </cell>
          <cell r="F52" t="str">
            <v>CIR-UG CBL REPL SM-C</v>
          </cell>
          <cell r="G52" t="str">
            <v>UG Cable - Small</v>
          </cell>
          <cell r="I52" t="str">
            <v>SI-TRIP3PHMODEF</v>
          </cell>
        </row>
        <row r="53">
          <cell r="A53" t="str">
            <v>ZRPLC1PHW</v>
          </cell>
          <cell r="F53" t="str">
            <v>CIR-UG SECOND/SERVIC</v>
          </cell>
          <cell r="G53" t="str">
            <v>Secondary - UG</v>
          </cell>
        </row>
        <row r="54">
          <cell r="A54" t="str">
            <v>ZRPLC3PHD</v>
          </cell>
          <cell r="F54" t="str">
            <v>CIR-VOLT REGULAT REP</v>
          </cell>
          <cell r="G54" t="str">
            <v>Voltage Regulators</v>
          </cell>
        </row>
        <row r="55">
          <cell r="A55" t="str">
            <v>ZRPLC3PHW</v>
          </cell>
        </row>
        <row r="56">
          <cell r="A56" t="str">
            <v>ZSCABREPD</v>
          </cell>
        </row>
        <row r="57">
          <cell r="A57" t="str">
            <v>ZSCABREPP</v>
          </cell>
        </row>
        <row r="58">
          <cell r="A58" t="str">
            <v>ZSCABRPPRG</v>
          </cell>
        </row>
        <row r="59">
          <cell r="A59" t="str">
            <v>ZSCABRPRCT</v>
          </cell>
        </row>
        <row r="60">
          <cell r="A60" t="str">
            <v>ZSCINSSCAN</v>
          </cell>
        </row>
        <row r="61">
          <cell r="A61" t="str">
            <v>ZSTRMHRD</v>
          </cell>
        </row>
        <row r="62">
          <cell r="A62" t="str">
            <v>ZSWGEARDC</v>
          </cell>
        </row>
        <row r="63">
          <cell r="A63" t="str">
            <v>ZSWGEARO</v>
          </cell>
        </row>
        <row r="64">
          <cell r="A64" t="str">
            <v>ZSWGRINSPO</v>
          </cell>
        </row>
        <row r="65">
          <cell r="A65" t="str">
            <v>ZTREATND</v>
          </cell>
        </row>
        <row r="66">
          <cell r="A66" t="str">
            <v>ZVREGINS</v>
          </cell>
        </row>
        <row r="67">
          <cell r="A67" t="str">
            <v>ZCIRCBNCON</v>
          </cell>
        </row>
        <row r="68">
          <cell r="A68" t="str">
            <v>ZCIRSECT</v>
          </cell>
        </row>
        <row r="69">
          <cell r="A69" t="str">
            <v>ZTRIPOM</v>
          </cell>
        </row>
        <row r="70">
          <cell r="A70" t="str">
            <v>ZLCABRPPRG</v>
          </cell>
        </row>
        <row r="71">
          <cell r="A71" t="str">
            <v>ZRMODEF1</v>
          </cell>
        </row>
        <row r="72">
          <cell r="A72" t="str">
            <v>ZMORECAP</v>
          </cell>
        </row>
        <row r="73">
          <cell r="A73" t="str">
            <v>ZCIRELRCLR</v>
          </cell>
        </row>
        <row r="74">
          <cell r="A74" t="str">
            <v>ZCIRHYDRCL</v>
          </cell>
        </row>
        <row r="75">
          <cell r="A75" t="str">
            <v>ZCIRNETWRK</v>
          </cell>
        </row>
        <row r="76">
          <cell r="A76" t="str">
            <v>ZRMODEF3</v>
          </cell>
        </row>
        <row r="77">
          <cell r="A77" t="str">
            <v>ZMDFAB8OM1</v>
          </cell>
        </row>
        <row r="78">
          <cell r="A78" t="str">
            <v>ZMDFAB8OM3</v>
          </cell>
        </row>
        <row r="79">
          <cell r="A79" t="str">
            <v>ZSTUBPLND</v>
          </cell>
        </row>
        <row r="80">
          <cell r="A80" t="str">
            <v>ZCRCLNOL</v>
          </cell>
        </row>
        <row r="81">
          <cell r="A81" t="str">
            <v>ZCRCLNOL3</v>
          </cell>
        </row>
        <row r="82">
          <cell r="A82" t="str">
            <v>ZDISSW600</v>
          </cell>
        </row>
        <row r="83">
          <cell r="A83" t="str">
            <v>ZFCIOM</v>
          </cell>
        </row>
      </sheetData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>
        <row r="2">
          <cell r="A2" t="str">
            <v>VM-ADMIN</v>
          </cell>
          <cell r="B2" t="str">
            <v>Admin</v>
          </cell>
        </row>
        <row r="3">
          <cell r="A3" t="str">
            <v>VM-DANGER TREE</v>
          </cell>
          <cell r="B3" t="str">
            <v>Danger Tree</v>
          </cell>
        </row>
        <row r="4">
          <cell r="A4" t="str">
            <v>VM-DEMAND</v>
          </cell>
          <cell r="B4" t="str">
            <v>Demand</v>
          </cell>
        </row>
        <row r="5">
          <cell r="A5" t="str">
            <v>VM-ECI</v>
          </cell>
          <cell r="B5" t="str">
            <v>ECI</v>
          </cell>
        </row>
        <row r="6">
          <cell r="A6" t="str">
            <v>VM-FEEDER SURVEY</v>
          </cell>
          <cell r="B6" t="str">
            <v>Feeder Survey</v>
          </cell>
        </row>
        <row r="7">
          <cell r="A7" t="str">
            <v>VM-HERBICIDE</v>
          </cell>
          <cell r="B7" t="str">
            <v>Herbicide</v>
          </cell>
        </row>
        <row r="8">
          <cell r="A8" t="str">
            <v>VM-MOWING</v>
          </cell>
          <cell r="B8" t="str">
            <v>Mowing</v>
          </cell>
        </row>
        <row r="9">
          <cell r="A9" t="str">
            <v>VM-PRODUCTIVITY</v>
          </cell>
          <cell r="B9" t="str">
            <v>Production</v>
          </cell>
        </row>
        <row r="10">
          <cell r="A10" t="str">
            <v>VM-PUBLIC EDUCATION</v>
          </cell>
          <cell r="B10" t="str">
            <v>Public Education</v>
          </cell>
        </row>
        <row r="11">
          <cell r="A11" t="str">
            <v>VM-REMOVALS</v>
          </cell>
          <cell r="B11" t="str">
            <v>Removals</v>
          </cell>
        </row>
        <row r="12">
          <cell r="A12" t="str">
            <v>VM-STORM HARDENING</v>
          </cell>
          <cell r="B12" t="str">
            <v>Storm Hardening</v>
          </cell>
        </row>
        <row r="13">
          <cell r="A13" t="str">
            <v>VM-SYSTEM SURVEY</v>
          </cell>
          <cell r="B13" t="str">
            <v>System Survey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</sheetDataSet>
  </externalBook>
</externalLink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ani Weatherston" refreshedDate="44946.826107175926" backgroundQuery="1" createdVersion="4" refreshedVersion="7" minRefreshableVersion="3" recordCount="0" supportSubquery="1" supportAdvancedDrill="1" xr:uid="{52A235B6-3B1A-4F24-8FC4-04A9C9902113}">
  <cacheSource type="external" connectionId="1"/>
  <cacheFields count="72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8" level="1">
      <sharedItems count="1">
        <s v="[Business Rule].[ENT Jurisdiction].&amp;[Duke Energy Kentucky - Electric]" c="Duke Energy Kentucky - Electric"/>
      </sharedItems>
    </cacheField>
    <cacheField name="[Business Rule].[ENT Accounting Class].[ENT Accounting Class]" caption="ENT Accounting Class" numFmtId="0" hierarchy="43" level="1">
      <sharedItems count="2">
        <s v="[Business Rule].[ENT Accounting Class].&amp;[O&amp;M]" c="O&amp;M"/>
        <s v="[Business Rule].[ENT Accounting Class].&amp;[Other]" c="Other"/>
      </sharedItems>
    </cacheField>
    <cacheField name="[Time].[Time Hierarchy Y-Q-M].[Fiscal Year]" caption="Fiscal Year" numFmtId="0" hierarchy="579" level="1">
      <sharedItems count="3">
        <s v="[Time].[Time Hierarchy Y-Q-M].[Fiscal Year].&amp;[2022]" c="2022"/>
        <s v="[Time].[Time Hierarchy Y-Q-M].[Fiscal Year].&amp;[2020]" u="1" c="2020"/>
        <s v="[Time].[Time Hierarchy Y-Q-M].[Fiscal Year].&amp;[2019]" u="1" c="2019"/>
      </sharedItems>
    </cacheField>
    <cacheField name="[Time].[Time Hierarchy Y-Q-M].[Calendar Quarter]" caption="Calendar Quarter" numFmtId="0" hierarchy="579" level="2" mappingCount="1">
      <sharedItems count="4">
        <s v="[Time].[Time Hierarchy Y-Q-M].[Calendar Quarter].&amp;[2022]&amp;[1]" c="Q1 2022" cp="1">
          <x/>
        </s>
        <s v="[Time].[Time Hierarchy Y-Q-M].[Calendar Quarter].&amp;[2022]&amp;[2]" c="Q2 2022" cp="1">
          <x/>
        </s>
        <s v="[Time].[Time Hierarchy Y-Q-M].[Calendar Quarter].&amp;[2022]&amp;[3]" c="Q3 2022" cp="1">
          <x/>
        </s>
        <s v="[Time].[Time Hierarchy Y-Q-M].[Calendar Quarter].&amp;[2022]&amp;[4]" c="Q4 2022" cp="1">
          <x/>
        </s>
      </sharedItems>
      <mpMap v="6"/>
    </cacheField>
    <cacheField name="[Time].[Time Hierarchy Y-Q-M].[Accounting Period]" caption="Accounting Period" numFmtId="0" hierarchy="579" level="3" mappingCount="1">
      <sharedItems count="12">
        <s v="[Time].[Time Hierarchy Y-Q-M].[Accounting Period].&amp;[2022001]" c="Jan 2022" cp="1">
          <x/>
        </s>
        <s v="[Time].[Time Hierarchy Y-Q-M].[Accounting Period].&amp;[2022002]" c="Feb 2022" cp="1">
          <x/>
        </s>
        <s v="[Time].[Time Hierarchy Y-Q-M].[Accounting Period].&amp;[2022003]" c="Mar 2022" cp="1">
          <x/>
        </s>
        <s v="[Time].[Time Hierarchy Y-Q-M].[Accounting Period].&amp;[2022004]" c="Apr 2022" cp="1">
          <x v="1"/>
        </s>
        <s v="[Time].[Time Hierarchy Y-Q-M].[Accounting Period].&amp;[2022005]" c="May 2022" cp="1">
          <x v="1"/>
        </s>
        <s v="[Time].[Time Hierarchy Y-Q-M].[Accounting Period].&amp;[2022006]" c="Jun 2022" cp="1">
          <x v="1"/>
        </s>
        <s v="[Time].[Time Hierarchy Y-Q-M].[Accounting Period].&amp;[2022007]" c="Jul 2022" cp="1">
          <x v="2"/>
        </s>
        <s v="[Time].[Time Hierarchy Y-Q-M].[Accounting Period].&amp;[2022008]" c="Aug 2022" cp="1">
          <x v="2"/>
        </s>
        <s v="[Time].[Time Hierarchy Y-Q-M].[Accounting Period].&amp;[2022009]" c="Sep 2022" cp="1">
          <x v="2"/>
        </s>
        <s v="[Time].[Time Hierarchy Y-Q-M].[Accounting Period].&amp;[2022010]" c="Oct 2022" cp="1">
          <x v="3"/>
        </s>
        <s v="[Time].[Time Hierarchy Y-Q-M].[Accounting Period].&amp;[2022011]" c="Nov 2022" cp="1">
          <x v="3"/>
        </s>
        <s v="[Time].[Time Hierarchy Y-Q-M].[Accounting Period].&amp;[2022012]" c="Dec 2022" cp="1">
          <x v="3"/>
        </s>
      </sharedItems>
      <mpMap v="7"/>
    </cacheField>
    <cacheField name="[Time].[Time Hierarchy Y-Q-M].[Calendar Quarter].[Fiscal Year]" caption="Fiscal Year" propertyName="Fiscal Year" numFmtId="0" hierarchy="579" level="2" memberPropertyField="1">
      <sharedItems containsSemiMixedTypes="0" containsString="0" containsNumber="1" containsInteger="1" minValue="2022" maxValue="2022" count="1">
        <n v="2022"/>
      </sharedItems>
    </cacheField>
    <cacheField name="[Time].[Time Hierarchy Y-Q-M].[Accounting Period].[Calendar Quarter]" caption="Calendar Quarter" propertyName="Calendar Quarter" numFmtId="0" hierarchy="579" level="3" memberPropertyField="1">
      <sharedItems count="4">
        <s v="Q1 2022"/>
        <s v="Q2 2022"/>
        <s v="Q3 2022"/>
        <s v="Q4 2022"/>
      </sharedItems>
    </cacheField>
    <cacheField name="[GL Scenario].[GL Scenario].[GL Scenario]" caption="GL Scenario" numFmtId="0" hierarchy="570" level="1">
      <sharedItems containsSemiMixedTypes="0" containsString="0"/>
    </cacheField>
    <cacheField name="[GL Scenario].[GL Scenario].[GL Scenario].[IS Current]" caption="IS Current" propertyName="IS Current" numFmtId="0" hierarchy="570" level="1" memberPropertyField="1">
      <sharedItems containsSemiMixedTypes="0" containsString="0"/>
    </cacheField>
    <cacheField name="[GL Scenario].[GL Scenario].[GL Scenario].[Is Future]" caption="Is Future" propertyName="Is Future" numFmtId="0" hierarchy="570" level="1" memberPropertyField="1">
      <sharedItems containsSemiMixedTypes="0" containsString="0"/>
    </cacheField>
    <cacheField name="[GL Scenario].[GL Scenario].[GL Scenario].[Is Previous]" caption="Is Previous" propertyName="Is Previous" numFmtId="0" hierarchy="570" level="1" memberPropertyField="1">
      <sharedItems containsSemiMixedTypes="0" containsString="0"/>
    </cacheField>
    <cacheField name="[CB - Process HIER].[Process Level 06 Description].[Process Level 06 Description]" caption="Process Level 06 Description" numFmtId="0" hierarchy="381" level="1">
      <sharedItems containsSemiMixedTypes="0" containsString="0"/>
    </cacheField>
    <cacheField name="[Time].[Time Hierarchy Y-Q-M].[Current Reporting Month]" caption="Current Reporting Month" numFmtId="0" hierarchy="579" level="4">
      <sharedItems containsSemiMixedTypes="0" containsString="0"/>
    </cacheField>
    <cacheField name="[Time].[Time Hierarchy Y-Q-M].[Current Reporting Month].[Accounting Period]" caption="Accounting Period" propertyName="Accounting Period" numFmtId="0" hierarchy="579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79" level="4" memberPropertyField="1">
      <sharedItems containsSemiMixedTypes="0" containsString="0"/>
    </cacheField>
    <cacheField name="[CB - Operating Unit HIER].[Operating Unit Hierarchy].[Operating Unit Effective Date]" caption="Operating Unit Effective Date" numFmtId="0" hierarchy="319" level="1">
      <sharedItems containsSemiMixedTypes="0" containsString="0"/>
    </cacheField>
    <cacheField name="[CB - Operating Unit HIER].[Operating Unit Hierarchy].[Operating Unit Hierarchy Name]" caption="Operating Unit Hierarchy Name" numFmtId="0" hierarchy="319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9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9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9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9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9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9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9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9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9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9" level="12">
      <sharedItems containsSemiMixedTypes="0" containsString="0"/>
    </cacheField>
    <cacheField name="[CB - Operating Unit HIER].[Operating Unit Hierarchy].[Operating Unit HIER]" caption="Operating Unit HIER" numFmtId="0" hierarchy="319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9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9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9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9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9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9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9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9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9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9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9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9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9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9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9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9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9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9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9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9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9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9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9" level="13" memberPropertyField="1">
      <sharedItems containsSemiMixedTypes="0" containsString="0"/>
    </cacheField>
    <cacheField name="[CB - Account].[Account CB - Description].[Account CB - Description]" caption="Account CB - Description" numFmtId="0" hierarchy="139" level="1">
      <sharedItems count="135">
        <s v="[CB - Account].[Account CB - Description].&amp;[0500000 - Suprvsn and Engrg - Steam Oper]" c="0500000 - Suprvsn and Engrg - Steam Oper"/>
        <s v="[CB - Account].[Account CB - Description].&amp;[0501150 - Coal &amp; Other Fuel Handling]" c="0501150 - Coal &amp; Other Fuel Handling"/>
        <s v="[CB - Account].[Account CB - Description].&amp;[0501190 - Sale Of Fly Ash-Expenses]" c="0501190 - Sale Of Fly Ash-Expenses"/>
        <s v="[CB - Account].[Account CB - Description].&amp;[0502020 - Ammonia - Qualifying]" c="0502020 - Ammonia - Qualifying"/>
        <s v="[CB - Account].[Account CB - Description].&amp;[0502040 - COST OF LIME]" c="0502040 - COST OF LIME"/>
        <s v="[CB - Account].[Account CB - Description].&amp;[0502100 - Fossil Steam Exp-Other]" c="0502100 - Fossil Steam Exp-Other"/>
        <s v="[CB - Account].[Account CB - Description].&amp;[0502410 - Steam Oper-Bottom Ash/Fly Ash]" c="0502410 - Steam Oper-Bottom Ash/Fly Ash"/>
        <s v="[CB - Account].[Account CB - Description].&amp;[0505000 - Electric Expenses-Steam Oper]" c="0505000 - Electric Expenses-Steam Oper"/>
        <s v="[CB - Account].[Account CB - Description].&amp;[0506000 - Misc Fossil Power Expenses]" c="0506000 - Misc Fossil Power Expenses"/>
        <s v="[CB - Account].[Account CB - Description].&amp;[0510000 - Suprvsn and Engrng-Steam Maint]" c="0510000 - Suprvsn and Engrng-Steam Maint"/>
        <s v="[CB - Account].[Account CB - Description].&amp;[0510100 - Suprvsn &amp; Engrng-Steam Maint R]" c="0510100 - Suprvsn &amp; Engrng-Steam Maint R"/>
        <s v="[CB - Account].[Account CB - Description].&amp;[0511000 - Maint Of Structures-Steam]" c="0511000 - Maint Of Structures-Steam"/>
        <s v="[CB - Account].[Account CB - Description].&amp;[0512100 - Maint Of Boiler Plant-Other]" c="0512100 - Maint Of Boiler Plant-Other"/>
        <s v="[CB - Account].[Account CB - Description].&amp;[0513100 - Maint Of Electric Plant-Other]" c="0513100 - Maint Of Electric Plant-Other"/>
        <s v="[CB - Account].[Account CB - Description].&amp;[0514000 - Maintenance - Misc Steam Plant]" c="0514000 - Maintenance - Misc Steam Plant"/>
        <s v="[CB - Account].[Account CB - Description].&amp;[0514300 - Maintenance - Misc Steam Plant]" c="0514300 - Maintenance - Misc Steam Plant"/>
        <s v="[CB - Account].[Account CB - Description].&amp;[0524000 - Misc Expenses-Nuc Oper]" c="0524000 - Misc Expenses-Nuc Oper"/>
        <s v="[CB - Account].[Account CB - Description].&amp;[0528000 - Maint Suprvsn and Enginrng-Nuc]" c="0528000 - Maint Suprvsn and Enginrng-Nuc"/>
        <s v="[CB - Account].[Account CB - Description].&amp;[0530000 - Maint Of Reactor Plt Equip-Nuc]" c="0530000 - Maint Of Reactor Plt Equip-Nuc"/>
        <s v="[CB - Account].[Account CB - Description].&amp;[0531100 - Maint  Electric Plt-Other-Nuc]" c="0531100 - Maint  Electric Plt-Other-Nuc"/>
        <s v="[CB - Account].[Account CB - Description].&amp;[0532100 - Maint Misc Nuclear Plt-Other]" c="0532100 - Maint Misc Nuclear Plt-Other"/>
        <s v="[CB - Account].[Account CB - Description].&amp;[0546000 - Suprvsn and Enginring-CT Oper]" c="0546000 - Suprvsn and Enginring-CT Oper"/>
        <s v="[CB - Account].[Account CB - Description].&amp;[0547150 - Natural Gas Handling-CT]" c="0547150 - Natural Gas Handling-CT"/>
        <s v="[CB - Account].[Account CB - Description].&amp;[0548100 - Generation Expenses-Other CT]" c="0548100 - Generation Expenses-Other CT"/>
        <s v="[CB - Account].[Account CB - Description].&amp;[0548200 - Prime Movers - Generators- CT]" c="0548200 - Prime Movers - Generators- CT"/>
        <s v="[CB - Account].[Account CB - Description].&amp;[0549000 - Misc-Power Generation Expenses]" c="0549000 - Misc-Power Generation Expenses"/>
        <s v="[CB - Account].[Account CB - Description].&amp;[0551000 - Suprvsn and Enginring-CT Maint]" c="0551000 - Suprvsn and Enginring-CT Maint"/>
        <s v="[CB - Account].[Account CB - Description].&amp;[0552000 - Maintenance Of Structures-CT]" c="0552000 - Maintenance Of Structures-CT"/>
        <s v="[CB - Account].[Account CB - Description].&amp;[0553000 - Maint-Gentg and Elect Equip-CT]" c="0553000 - Maint-Gentg and Elect Equip-CT"/>
        <s v="[CB - Account].[Account CB - Description].&amp;[0554000 - Misc Power Generation Plant-CT]" c="0554000 - Misc Power Generation Plant-CT"/>
        <s v="[CB - Account].[Account CB - Description].&amp;[0556000 - System Cnts &amp; Load Dispatching]" c="0556000 - System Cnts &amp; Load Dispatching"/>
        <s v="[CB - Account].[Account CB - Description].&amp;[0557000 - Other Expenses-Oper]" c="0557000 - Other Expenses-Oper"/>
        <s v="[CB - Account].[Account CB - Description].&amp;[0557450 - Commissions/Brokerage Expense]" c="0557450 - Commissions/Brokerage Expense"/>
        <s v="[CB - Account].[Account CB - Description].&amp;[0557451 - EA &amp; Coal Broker Fees]" c="0557451 - EA &amp; Coal Broker Fees"/>
        <s v="[CB - Account].[Account CB - Description].&amp;[0560000 - Supervsn and Engrng-Trans Oper]" c="0560000 - Supervsn and Engrng-Trans Oper"/>
        <s v="[CB - Account].[Account CB - Description].&amp;[0561100 - Load Dispatch-Reliability]" c="0561100 - Load Dispatch-Reliability"/>
        <s v="[CB - Account].[Account CB - Description].&amp;[0561200 - Load Dispatch-Mnitor&amp;OprTrnSys]" c="0561200 - Load Dispatch-Mnitor&amp;OprTrnSys"/>
        <s v="[CB - Account].[Account CB - Description].&amp;[0561300 - Load Dispatch - TransSvc&amp;Sch]" c="0561300 - Load Dispatch - TransSvc&amp;Sch"/>
        <s v="[CB - Account].[Account CB - Description].&amp;[0561400 - Scheduling-Sys Cntrl&amp;Disp Svs]" c="0561400 - Scheduling-Sys Cntrl&amp;Disp Svs"/>
        <s v="[CB - Account].[Account CB - Description].&amp;[0561800 - Reliability-Plan&amp;Stds Dev]" c="0561800 - Reliability-Plan&amp;Stds Dev"/>
        <s v="[CB - Account].[Account CB - Description].&amp;[0562000 - Station Expenses]" c="0562000 - Station Expenses"/>
        <s v="[CB - Account].[Account CB - Description].&amp;[0563000 - Overhead Line Expenses-Trans]" c="0563000 - Overhead Line Expenses-Trans"/>
        <s v="[CB - Account].[Account CB - Description].&amp;[0565000 - Transm Of Elec By Others]" c="0565000 - Transm Of Elec By Others"/>
        <s v="[CB - Account].[Account CB - Description].&amp;[0566000 - Misc Trans Exp-Other]" c="0566000 - Misc Trans Exp-Other"/>
        <s v="[CB - Account].[Account CB - Description].&amp;[0566100 - Misc Trans-Trans Lines Related]" c="0566100 - Misc Trans-Trans Lines Related"/>
        <s v="[CB - Account].[Account CB - Description].&amp;[0569000 - Maint Of Structures-Trans]" c="0569000 - Maint Of Structures-Trans"/>
        <s v="[CB - Account].[Account CB - Description].&amp;[0569200 - Maint Of Computer Software]" c="0569200 - Maint Of Computer Software"/>
        <s v="[CB - Account].[Account CB - Description].&amp;[0570100 - Maint  Stat Equip-Other- Trans]" c="0570100 - Maint  Stat Equip-Other- Trans"/>
        <s v="[CB - Account].[Account CB - Description].&amp;[0570200 - Main-Cir BrkrsTrnsf Mtrs-Trans]" c="0570200 - Main-Cir BrkrsTrnsf Mtrs-Trans"/>
        <s v="[CB - Account].[Account CB - Description].&amp;[0571000 - Maint Of Overhead Lines-Trans]" c="0571000 - Maint Of Overhead Lines-Trans"/>
        <s v="[CB - Account].[Account CB - Description].&amp;[0575700 - Market Faciliation-Mntr&amp;Comp]" c="0575700 - Market Faciliation-Mntr&amp;Comp"/>
        <s v="[CB - Account].[Account CB - Description].&amp;[0580000 - Supervsn and Engring-Dist Oper]" c="0580000 - Supervsn and Engring-Dist Oper"/>
        <s v="[CB - Account].[Account CB - Description].&amp;[0581004 - Load Dispatch-Dist of Elec]" c="0581004 - Load Dispatch-Dist of Elec"/>
        <s v="[CB - Account].[Account CB - Description].&amp;[0582100 - Station Expenses-Other-Dist]" c="0582100 - Station Expenses-Other-Dist"/>
        <s v="[CB - Account].[Account CB - Description].&amp;[0583100 - Overhead Line Exps-Other-Dist]" c="0583100 - Overhead Line Exps-Other-Dist"/>
        <s v="[CB - Account].[Account CB - Description].&amp;[0583200 - Transf Set Rem Reset Test-Dist]" c="0583200 - Transf Set Rem Reset Test-Dist"/>
        <s v="[CB - Account].[Account CB - Description].&amp;[0584000 - Underground Line Expenses-Dist]" c="0584000 - Underground Line Expenses-Dist"/>
        <s v="[CB - Account].[Account CB - Description].&amp;[0586000 - Meter Expenses-Dist]" c="0586000 - Meter Expenses-Dist"/>
        <s v="[CB - Account].[Account CB - Description].&amp;[0587000 - Cust Install Exp-Other Dist]" c="0587000 - Cust Install Exp-Other Dist"/>
        <s v="[CB - Account].[Account CB - Description].&amp;[0588100 - Misc Distribution Exp-Other]" c="0588100 - Misc Distribution Exp-Other"/>
        <s v="[CB - Account].[Account CB - Description].&amp;[0588700 - Intcon Study Costs (D)]" c="0588700 - Intcon Study Costs (D)"/>
        <s v="[CB - Account].[Account CB - Description].&amp;[0589000 - Rents-Dist Oper]" c="0589000 - Rents-Dist Oper"/>
        <s v="[CB - Account].[Account CB - Description].&amp;[0590000 - Supervsn and Engrng-Dist Maint]" c="0590000 - Supervsn and Engrng-Dist Maint"/>
        <s v="[CB - Account].[Account CB - Description].&amp;[0592100 - Maint Station Equip-Other-Dist]" c="0592100 - Maint Station Equip-Other-Dist"/>
        <s v="[CB - Account].[Account CB - Description].&amp;[0592200 - Cir BrkrsTrnsf Mters Rely-Dist]" c="0592200 - Cir BrkrsTrnsf Mters Rely-Dist"/>
        <s v="[CB - Account].[Account CB - Description].&amp;[0593000 - Maint Overhd Lines-Other-Dist]" c="0593000 - Maint Overhd Lines-Other-Dist"/>
        <s v="[CB - Account].[Account CB - Description].&amp;[0593100 - Right-Of-Way Maintenance-Dist]" c="0593100 - Right-Of-Way Maintenance-Dist"/>
        <s v="[CB - Account].[Account CB - Description].&amp;[0594000 - Maint-Underground Lines-Dist]" c="0594000 - Maint-Underground Lines-Dist"/>
        <s v="[CB - Account].[Account CB - Description].&amp;[0595100 - Maint Line Transfrs-Other-Dist]" c="0595100 - Maint Line Transfrs-Other-Dist"/>
        <s v="[CB - Account].[Account CB - Description].&amp;[0596000 - Maint-StreetLightng/Signl-Dist]" c="0596000 - Maint-StreetLightng/Signl-Dist"/>
        <s v="[CB - Account].[Account CB - Description].&amp;[0597000 - Maintenance Of Meters-Dist]" c="0597000 - Maintenance Of Meters-Dist"/>
        <s v="[CB - Account].[Account CB - Description].&amp;[0599023 - Other Misc Expense]" c="0599023 - Other Misc Expense"/>
        <s v="[CB - Account].[Account CB - Description].&amp;[0823000 - Storage-Gas Losses]" c="0823000 - Storage-Gas Losses"/>
        <s v="[CB - Account].[Account CB - Description].&amp;[0901000 - Supervision-Cust Accts]" c="0901000 - Supervision-Cust Accts"/>
        <s v="[CB - Account].[Account CB - Description].&amp;[0902000 - Meter Reading Expense]" c="0902000 - Meter Reading Expense"/>
        <s v="[CB - Account].[Account CB - Description].&amp;[0903000 - Cust Records &amp; Collection Exp]" c="0903000 - Cust Records &amp; Collection Exp"/>
        <s v="[CB - Account].[Account CB - Description].&amp;[0903100 - Cust Contracts &amp; Orders-Local]" c="0903100 - Cust Contracts &amp; Orders-Local"/>
        <s v="[CB - Account].[Account CB - Description].&amp;[0903200 - Cust Billing &amp; Acct]" c="0903200 - Cust Billing &amp; Acct"/>
        <s v="[CB - Account].[Account CB - Description].&amp;[0903300 - Cust Collecting-Local]" c="0903300 - Cust Collecting-Local"/>
        <s v="[CB - Account].[Account CB - Description].&amp;[0903400 - Cust Receiv &amp; Collect Exp-Edp]" c="0903400 - Cust Receiv &amp; Collect Exp-Edp"/>
        <s v="[CB - Account].[Account CB - Description].&amp;[0903891 - IC Collection Agent Revenue]" c="0903891 - IC Collection Agent Revenue"/>
        <s v="[CB - Account].[Account CB - Description].&amp;[0904000 - Uncollectible Accounts]" c="0904000 - Uncollectible Accounts"/>
        <s v="[CB - Account].[Account CB - Description].&amp;[0904001 - BAD DEBT EXPENSE]" c="0904001 - BAD DEBT EXPENSE"/>
        <s v="[CB - Account].[Account CB - Description].&amp;[0904003 - Cust Acctg-Loss On Sale-A/R]" c="0904003 - Cust Acctg-Loss On Sale-A/R"/>
        <s v="[CB - Account].[Account CB - Description].&amp;[0905000 - Misc Customer Accts Expenses]" c="0905000 - Misc Customer Accts Expenses"/>
        <s v="[CB - Account].[Account CB - Description].&amp;[0908000 - Cust Asst Exp-Conservation Pro]" c="0908000 - Cust Asst Exp-Conservation Pro"/>
        <s v="[CB - Account].[Account CB - Description].&amp;[0909650 - Misc Advertising Expenses]" c="0909650 - Misc Advertising Expenses"/>
        <s v="[CB - Account].[Account CB - Description].&amp;[0910000 - Misc Cust Serv/Inform Exp]" c="0910000 - Misc Cust Serv/Inform Exp"/>
        <s v="[CB - Account].[Account CB - Description].&amp;[0910100 - Exp-Rs Reg Prod/Svces-CstAccts]" c="0910100 - Exp-Rs Reg Prod/Svces-CstAccts"/>
        <s v="[CB - Account].[Account CB - Description].&amp;[0912000 - Demonstrating &amp; Selling Exp]" c="0912000 - Demonstrating &amp; Selling Exp"/>
        <s v="[CB - Account].[Account CB - Description].&amp;[0913001 - Advertising Expense]" c="0913001 - Advertising Expense"/>
        <s v="[CB - Account].[Account CB - Description].&amp;[0920000 - A &amp; G Salaries]" c="0920000 - A &amp; G Salaries"/>
        <s v="[CB - Account].[Account CB - Description].&amp;[0920001 - SC O&amp;M Labor Deferral]" c="0920001 - SC O&amp;M Labor Deferral"/>
        <s v="[CB - Account].[Account CB - Description].&amp;[0920100 - Salaries &amp; Wages - Proj Supt -]" c="0920100 - Salaries &amp; Wages - Proj Supt -"/>
        <s v="[CB - Account].[Account CB - Description].&amp;[0921100 - Employee Expenses]" c="0921100 - Employee Expenses"/>
        <s v="[CB - Account].[Account CB - Description].&amp;[0921101 - Employee Exp - NC]" c="0921101 - Employee Exp - NC"/>
        <s v="[CB - Account].[Account CB - Description].&amp;[0921110 - Relocation Expenses]" c="0921110 - Relocation Expenses"/>
        <s v="[CB - Account].[Account CB - Description].&amp;[0921200 - Office Expenses]" c="0921200 - Office Expenses"/>
        <s v="[CB - Account].[Account CB - Description].&amp;[0921300 - Telephone And Telegraph Exp]" c="0921300 - Telephone And Telegraph Exp"/>
        <s v="[CB - Account].[Account CB - Description].&amp;[0921400 - Computer Services Expenses]" c="0921400 - Computer Services Expenses"/>
        <s v="[CB - Account].[Account CB - Description].&amp;[0921540 - Computer Rent (Go Only)]" c="0921540 - Computer Rent (Go Only)"/>
        <s v="[CB - Account].[Account CB - Description].&amp;[0921600 - Other]" c="0921600 - Other"/>
        <s v="[CB - Account].[Account CB - Description].&amp;[0921980 - Office Supplies &amp; Expenses]" c="0921980 - Office Supplies &amp; Expenses"/>
        <s v="[CB - Account].[Account CB - Description].&amp;[0922000 - Admin  Exp Transfer]" c="0922000 - Admin  Exp Transfer"/>
        <s v="[CB - Account].[Account CB - Description].&amp;[0923000 - Outside Services Employed]" c="0923000 - Outside Services Employed"/>
        <s v="[CB - Account].[Account CB - Description].&amp;[0923980 - Outside Services Employee &amp;]" c="0923980 - Outside Services Employee &amp;"/>
        <s v="[CB - Account].[Account CB - Description].&amp;[0924000 - Property Insurance]" c="0924000 - Property Insurance"/>
        <s v="[CB - Account].[Account CB - Description].&amp;[0924050 - Inter-Co Prop Ins Exp]" c="0924050 - Inter-Co Prop Ins Exp"/>
        <s v="[CB - Account].[Account CB - Description].&amp;[0924980 - Property Insurance For Corp.]" c="0924980 - Property Insurance For Corp."/>
        <s v="[CB - Account].[Account CB - Description].&amp;[0925000 - Injuries &amp; Damages]" c="0925000 - Injuries &amp; Damages"/>
        <s v="[CB - Account].[Account CB - Description].&amp;[0925051 - INTER-CO GEN LIAB EXP]" c="0925051 - INTER-CO GEN LIAB EXP"/>
        <s v="[CB - Account].[Account CB - Description].&amp;[0925200 - Injuries And Damages-Other]" c="0925200 - Injuries And Damages-Other"/>
        <s v="[CB - Account].[Account CB - Description].&amp;[0925980 - Injuries And Damages For Corp.]" c="0925980 - Injuries And Damages For Corp."/>
        <s v="[CB - Account].[Account CB - Description].&amp;[0926000 - Employee Benefits]" c="0926000 - Employee Benefits"/>
        <s v="[CB - Account].[Account CB - Description].&amp;[0926430 - Employees'Recreation Expense]" c="0926430 - Employees'Recreation Expense"/>
        <s v="[CB - Account].[Account CB - Description].&amp;[0926600 - Employee Benefits-Transferred]" c="0926600 - Employee Benefits-Transferred"/>
        <s v="[CB - Account].[Account CB - Description].&amp;[0926999 - Non Serv Pension (ASU 2017-07)]" c="0926999 - Non Serv Pension (ASU 2017-07)"/>
        <s v="[CB - Account].[Account CB - Description].&amp;[0928000 - Regulatory Expenses (Go)]" c="0928000 - Regulatory Expenses (Go)"/>
        <s v="[CB - Account].[Account CB - Description].&amp;[0928006 - State Reg Comm Proceeding]" c="0928006 - State Reg Comm Proceeding"/>
        <s v="[CB - Account].[Account CB - Description].&amp;[0929000 - Duplicate Chrgs-Enrgy To Exp]" c="0929000 - Duplicate Chrgs-Enrgy To Exp"/>
        <s v="[CB - Account].[Account CB - Description].&amp;[0929500 - Admin Exp Transf]" c="0929500 - Admin Exp Transf"/>
        <s v="[CB - Account].[Account CB - Description].&amp;[0930150 - Miscellaneous Advertising Exp]" c="0930150 - Miscellaneous Advertising Exp"/>
        <s v="[CB - Account].[Account CB - Description].&amp;[0930200 - Misc General Expenses]" c="0930200 - Misc General Expenses"/>
        <s v="[CB - Account].[Account CB - Description].&amp;[0930210 - Industry Association Dues]" c="0930210 - Industry Association Dues"/>
        <s v="[CB - Account].[Account CB - Description].&amp;[0930220 - Exp Of Servicing Securities]" c="0930220 - Exp Of Servicing Securities"/>
        <s v="[CB - Account].[Account CB - Description].&amp;[0930230 - Dues To Various Organizations]" c="0930230 - Dues To Various Organizations"/>
        <s v="[CB - Account].[Account CB - Description].&amp;[0930240 - Director'S Expenses]" c="0930240 - Director'S Expenses"/>
        <s v="[CB - Account].[Account CB - Description].&amp;[0930250 - Buy\Sell Transf Employee Homes]" c="0930250 - Buy\Sell Transf Employee Homes"/>
        <s v="[CB - Account].[Account CB - Description].&amp;[0930600 - Leased Circuit Charges-Other]" c="0930600 - Leased Circuit Charges-Other"/>
        <s v="[CB - Account].[Account CB - Description].&amp;[0930700 - Research &amp; Development]" c="0930700 - Research &amp; Development"/>
        <s v="[CB - Account].[Account CB - Description].&amp;[0930940 - General Expenses]" c="0930940 - General Expenses"/>
        <s v="[CB - Account].[Account CB - Description].&amp;[0931001 - Rents-A&amp;G]" c="0931001 - Rents-A&amp;G"/>
        <s v="[CB - Account].[Account CB - Description].&amp;[0931008 - A&amp;G Rents-IC]" c="0931008 - A&amp;G Rents-IC"/>
        <s v="[CB - Account].[Account CB - Description].&amp;[0935100 - Maint General Plant-Elec]" c="0935100 - Maint General Plant-Elec"/>
        <s v="[CB - Account].[Account CB - Description].&amp;[0935200 - Cust Infor &amp; Computer Control]" c="0935200 - Cust Infor &amp; Computer Control"/>
      </sharedItems>
    </cacheField>
    <cacheField name="[CB - Responsibility Center HIER].[Responsibility Center Effective Date].[Responsibility Center Effective Date]" caption="Responsibility Center Effective Date" numFmtId="0" hierarchy="525" level="1">
      <sharedItems containsSemiMixedTypes="0" containsString="0"/>
    </cacheField>
    <cacheField name="[CB - Responsibility Center HIER].[Responsibility Center Level 02 Name - Description].[Responsibility Center Level 02 Name - Description]" caption="Responsibility Center Level 02 Name - Description" numFmtId="0" hierarchy="537" level="2">
      <sharedItems count="9">
        <s v="[CB - Responsibility Center HIER].[Responsibility Center Level 02 Name - Description].&amp;[2022-01-01T00:00:00]&amp;[RESP_CENTER_ALLOC]&amp;[ALL_RESP_FROMS - All Responsibility Center From]&amp;[536_DEK - Duke Energy Kentucky]" c="536_DEK - Duke Energy Kentucky"/>
        <s v="[CB - Responsibility Center HIER].[Responsibility Center Level 02 Name - Description].&amp;[2022-01-01T00:00:00]&amp;[RESP_CENTER_ALLOC]&amp;[ALL_RESP_FROMS - All Responsibility Center From]&amp;[100_DUKE_POWER_CONSO - Duke Energy Carolinas]" c="100_DUKE_POWER_CONSO - Duke Energy Carolinas"/>
        <s v="[CB - Responsibility Center HIER].[Responsibility Center Level 02 Name - Description].&amp;[2022-01-01T00:00:00]&amp;[RESP_CENTER_ALLOC]&amp;[ALL_RESP_FROMS - All Responsibility Center From]&amp;[501_DECE - Duke En Commercial Enterprises]" c="501_DECE - Duke En Commercial Enterprises"/>
        <s v="[CB - Responsibility Center HIER].[Responsibility Center Level 02 Name - Description].&amp;[2022-01-01T00:00:00]&amp;[RESP_CENTER_ALLOC]&amp;[ALL_RESP_FROMS - All Responsibility Center From]&amp;[529_DEI - Duke Energy Indiana]" c="529_DEI - Duke Energy Indiana"/>
        <s v="[CB - Responsibility Center HIER].[Responsibility Center Level 02 Name - Description].&amp;[2022-01-01T00:00:00]&amp;[RESP_CENTER_ALLOC]&amp;[ALL_RESP_FROMS - All Responsibility Center From]&amp;[801_DE_PROGRESS - Duke Energy Progress]" c="801_DE_PROGRESS - Duke Energy Progress"/>
        <s v="[CB - Responsibility Center HIER].[Responsibility Center Level 02 Name - Description].&amp;[2022-01-01T00:00:00]&amp;[RESP_CENTER_ALLOC]&amp;[ALL_RESP_FROMS - All Responsibility Center From]&amp;[802_DE_FLORIDA - Duke Energy Florida]" c="802_DE_FLORIDA - Duke Energy Florida"/>
        <s v="[CB - Responsibility Center HIER].[Responsibility Center Level 02 Name - Description].&amp;[2022-01-01T00:00:00]&amp;[RESP_CENTER_ALLOC]&amp;[ALL_RESP_FROMS - All Responsibility Center From]&amp;[PNY - Piedmont Natural Gas]" c="PNY - Piedmont Natural Gas"/>
        <s v="[CB - Responsibility Center HIER].[Responsibility Center Level 02 Name - Description].&amp;[2022-01-01T00:00:00]&amp;[RESP_CENTER_ALLOC]&amp;[ALL_RESP_FROMS - All Responsibility Center From]&amp;[503_DEO - Duke Energy Ohio]" c="503_DEO - Duke Energy Ohio"/>
        <s v="[CB - Responsibility Center HIER].[Responsibility Center Level 02 Name - Description].&amp;[2022-01-01T00:00:00]&amp;[RESP_CENTER_ALLOC]&amp;[ALL_RESP_FROMS - All Responsibility Center From]&amp;[110_SERVICE_COMPANY - Duke Energy Business Services]" c="110_SERVICE_COMPANY - Duke Energy Business Services"/>
      </sharedItems>
    </cacheField>
    <cacheField name="[CB - Responsibility Center HIER].[Responsibility Center Level 02 Name - Description].[Responsibility Center Level 02 Name - Description].[Responsibility Center Level 01 Name - Description]" caption="Responsibility Center Level 01 Name - Description" propertyName="Responsibility Center Level 01 Name - Description" numFmtId="0" hierarchy="537" level="2" memberPropertyField="1">
      <sharedItems containsSemiMixedTypes="0" containsString="0"/>
    </cacheField>
    <cacheField name="[CB - Responsibility Center HIER].[Responsibility Center Level 02 Name - Description].[Responsibility Center Level 02 Name - Description1]" caption="Responsibility Center Level 02 Name - Description1" numFmtId="0" hierarchy="537" level="1">
      <sharedItems count="4" longText="1">
        <s v="[CB - Responsibility Center HIER].[Responsibility Center Level 02 Name - Description].[Responsibility Center Level 02 Name - Description1].[OTHERMEMBER.[CB - Responsibility Center HIER]].[Responsibility Center Level 02 Name - Description]].[All]]]" c="Other"/>
        <s v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="Group1"/>
        <s v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="Group2"/>
        <s v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="Group3"/>
      </sharedItems>
    </cacheField>
    <cacheField name="[Measures].[MTD Actual Amount]" caption="MTD Actual Amount" numFmtId="0" hierarchy="596" level="32767"/>
  </cacheFields>
  <cacheHierarchies count="650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Group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 unbalancedGroup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Group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Group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Group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Group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Group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Group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Group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Group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Group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Group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Group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Group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Group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Group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Group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Group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Group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Group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Group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Group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Group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Group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Group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Group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Group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Group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Group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Group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Group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Group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Group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Group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Group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Group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Group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Group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Group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Group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Group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Group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Group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 unbalancedGroup="0">
      <fieldsUsage count="2">
        <fieldUsage x="-1"/>
        <fieldUsage x="2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Group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Group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Group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Group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 unbalancedGroup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Group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Group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Group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Group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Group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Group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Group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Group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Group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Group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Group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Group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Group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Group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Group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Group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Group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Group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Group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Group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Group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Group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Group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Group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Group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Group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Group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Group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Group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Group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Group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Group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Group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Group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Group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Group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Group="0"/>
    <cacheHierarchy uniqueName="[Business Rule].[MKT LOB]" caption="MKT LOB" attribute="1" defaultMemberUniqueName="[Business Rule].[MKT LOB].[All]" allUniqueName="[Business Rule].[MKT LOB].[All]" dimensionUniqueName="[Business Rule]" displayFolder="" count="0" unbalancedGroup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Group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Group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Group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Group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Group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Group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Group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Group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Group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Group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Group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Group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Group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Group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Group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Group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Group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Group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Group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Group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Group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Group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Group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Group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Group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Group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Group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Group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Group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Group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Group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Group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Group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Group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Group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Group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Group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Group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Group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Group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Group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Group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Group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Group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Group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Group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Group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Group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Group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Group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Group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Group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 unbalancedGroup="0">
      <fieldsUsage count="2">
        <fieldUsage x="-1"/>
        <fieldUsage x="66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Group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Group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Group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Group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Group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Group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Group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Group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Group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Group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Group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Group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Group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Group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Group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Group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Group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Group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Group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Group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Group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Group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Group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Group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Group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Group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Group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Group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Group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Group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Group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Group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Group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Group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Group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Group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Group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Group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Group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Group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Group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Group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Group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Group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Group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Group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Group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Group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Group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Group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Group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Group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Group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Group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Group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Group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Group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Group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Group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Group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Group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Group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Group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Group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Group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Group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Group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Group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Group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Group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Group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Group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Group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Group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Group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Group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Group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Group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Group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Group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Group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Group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Group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Group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Group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Group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Group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Group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Group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Group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Group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Group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Group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Group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Group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Group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Group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Group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Group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Group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Group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Group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Group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Group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Group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Group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Group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Group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Group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Group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Group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Group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Group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Group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Group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Group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Group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Group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Group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Group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Group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Group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Group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Group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Group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Group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Group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Group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Group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Group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Group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Group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Group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Group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Group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Group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Group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Group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Group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Group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Group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Group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Group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Group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Group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Group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Group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Group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Group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Group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Group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Group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Group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Group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Group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Group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Group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Group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Group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Group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Group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Group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Group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Group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Group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Group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Group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Group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Group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Group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Group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Group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Group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Group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Group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Group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Group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Group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Group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 unbalancedGroup="0">
      <fieldsUsage count="14">
        <fieldUsage x="-1"/>
        <fieldUsage x="16"/>
        <fieldUsage x="17"/>
        <fieldUsage x="18"/>
        <fieldUsage x="19"/>
        <fieldUsage x="20"/>
        <fieldUsage x="21"/>
        <fieldUsage x="22"/>
        <fieldUsage x="23"/>
        <fieldUsage x="24"/>
        <fieldUsage x="25"/>
        <fieldUsage x="26"/>
        <fieldUsage x="27"/>
        <fieldUsage x="28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Group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Group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Group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Group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Group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Group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Group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Group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Group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Group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Group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Group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Group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Group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Group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Group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Group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Group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Group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Group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Group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Group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Group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Group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Group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Group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Group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Group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Group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Group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Group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Group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Group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Group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Group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Group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Group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Group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Group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Group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Group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Group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Group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Group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Group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Group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Group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Group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Group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Group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Group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Group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Group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Group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Group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Group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Group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Group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Group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Group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Group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2" unbalanced="0" unbalancedGroup="0">
      <fieldsUsage count="2">
        <fieldUsage x="-1"/>
        <fieldUsage x="12"/>
      </fieldsUsage>
    </cacheHierarchy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Group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Group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Group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Group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Group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Group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Group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Group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Group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Group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Group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Group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Group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Group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Group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Group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Group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Group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Group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Group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Group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Group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Group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Group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Group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Group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Group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Group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Group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Group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Group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Group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Group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Group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Group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Group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Group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Group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Group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Group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Group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Group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Group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Group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Group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Group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Group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Group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Group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Group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Group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Group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Group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Group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Group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Group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Group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Group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Group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Group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Group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Group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Group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Group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Group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Group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Group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Group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Group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Group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Group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Group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Group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Group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Group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Group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Group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Group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Group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Group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Group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Group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Group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Group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Group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Group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Group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Group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Group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Group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Group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Group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Group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Group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Group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Group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Group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Group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Group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Group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Group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Group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Group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Group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Group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Group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Group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Group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Group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Group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Group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Group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Group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Group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Group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Group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Group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Group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Group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Group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Group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Group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Group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Group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Group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Group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Group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Group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Group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Group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Group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Group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Group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Group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Group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Group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Group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Group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Group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Group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Group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Group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Group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2" unbalanced="0" unbalancedGroup="0">
      <fieldsUsage count="2">
        <fieldUsage x="-1"/>
        <fieldUsage x="67"/>
      </fieldsUsage>
    </cacheHierarchy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Group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Group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Group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Group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Group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Group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Group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Group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Group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Group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Group="0"/>
    <cacheHierarchy uniqueName="[CB - Responsibility Center HIER].[Responsibility Center Level 02 Name - Description]" caption="Responsibility Center Level 02 Name - Description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3" unbalanced="0" unbalancedGroup="0">
      <fieldsUsage count="3">
        <fieldUsage x="-1"/>
        <fieldUsage x="70"/>
        <fieldUsage x="68"/>
      </fieldsUsage>
      <groupLevels count="3">
        <groupLevel uniqueName="[CB - Responsibility Center HIER].[Responsibility Center Level 02 Name - Description].[(All)]" caption="(All)"/>
        <groupLevel uniqueName="[CB - Responsibility Center HIER].[Responsibility Center Level 02 Name - Description].[Responsibility Center Level 02 Name - Description1]" caption="Responsibility Center Level 02 Name - Description1" user="1"/>
        <groupLevel uniqueName="[CB - Responsibility Center HIER].[Responsibility Center Level 02 Name - Description].[Responsibility Center Level 02 Name - Description]" caption="Responsibility Center Level 02 Name - Description">
          <groups count="3">
            <group name="Responsibility_Center_Level_02_Name_-_DescriptionXl_Grp_1" uniqueName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aption="Group1" uniqueParent="[CB - Responsibility Center HIER].[Responsibility Center Level 02 Name - Description].[All]" id="1">
              <groupMembers count="6">
                <groupMember uniqueName="[CB - Responsibility Center HIER].[Responsibility Center Level 02 Name - Description].&amp;[2022-01-01T00:00:00]&amp;[RESP_CENTER_ALLOC]&amp;[ALL_RESP_FROMS - All Responsibility Center From]&amp;[100_DUKE_POWER_CONSO - Duke Energy Carolinas]"/>
                <groupMember uniqueName="[CB - Responsibility Center HIER].[Responsibility Center Level 02 Name - Description].&amp;[2022-01-01T00:00:00]&amp;[RESP_CENTER_ALLOC]&amp;[ALL_RESP_FROMS - All Responsibility Center From]&amp;[501_DECE - Duke En Commercial Enterprises]"/>
                <groupMember uniqueName="[CB - Responsibility Center HIER].[Responsibility Center Level 02 Name - Description].&amp;[2022-01-01T00:00:00]&amp;[RESP_CENTER_ALLOC]&amp;[ALL_RESP_FROMS - All Responsibility Center From]&amp;[529_DEI - Duke Energy Indiana]"/>
                <groupMember uniqueName="[CB - Responsibility Center HIER].[Responsibility Center Level 02 Name - Description].&amp;[2022-01-01T00:00:00]&amp;[RESP_CENTER_ALLOC]&amp;[ALL_RESP_FROMS - All Responsibility Center From]&amp;[801_DE_PROGRESS - Duke Energy Progress]"/>
                <groupMember uniqueName="[CB - Responsibility Center HIER].[Responsibility Center Level 02 Name - Description].&amp;[2022-01-01T00:00:00]&amp;[RESP_CENTER_ALLOC]&amp;[ALL_RESP_FROMS - All Responsibility Center From]&amp;[802_DE_FLORIDA - Duke Energy Florida]"/>
                <groupMember uniqueName="[CB - Responsibility Center HIER].[Responsibility Center Level 02 Name - Description].&amp;[2022-01-01T00:00:00]&amp;[RESP_CENTER_ALLOC]&amp;[ALL_RESP_FROMS - All Responsibility Center From]&amp;[PNY - Piedmont Natural Gas]"/>
              </groupMembers>
            </group>
            <group name="Responsibility_Center_Level_02_Name_-_DescriptionXl_Grp_2" uniqueName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aption="Group2" uniqueParent="[CB - Responsibility Center HIER].[Responsibility Center Level 02 Name - Description].[All]" id="2">
              <groupMembers count="1">
                <groupMember uniqueName="[CB - Responsibility Center HIER].[Responsibility Center Level 02 Name - Description].&amp;[2022-01-01T00:00:00]&amp;[RESP_CENTER_ALLOC]&amp;[ALL_RESP_FROMS - All Responsibility Center From]&amp;[503_DEO - Duke Energy Ohio]"/>
              </groupMembers>
            </group>
            <group name="Responsibility_Center_Level_02_Name_-_DescriptionXl_Grp_3" uniqueName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aption="Group3" uniqueParent="[CB - Responsibility Center HIER].[Responsibility Center Level 02 Name - Description].[All]" id="3">
              <groupMembers count="1">
                <groupMember uniqueName="[CB - Responsibility Center HIER].[Responsibility Center Level 02 Name - Description].&amp;[2022-01-01T00:00:00]&amp;[RESP_CENTER_ALLOC]&amp;[ALL_RESP_FROMS - All Responsibility Center From]&amp;[110_SERVICE_COMPANY - Duke Energy Business Services]"/>
              </groupMembers>
            </group>
          </groups>
        </groupLevel>
      </groupLevels>
    </cacheHierarchy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Group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Group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Group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Group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Group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Group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Group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Group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Group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Group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Group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Group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Group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Group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Group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Group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Group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Group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Group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Group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Group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Group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Group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Group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Group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Group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Group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Group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Group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Group="0"/>
    <cacheHierarchy uniqueName="[CB - Responsibility Center HIER].[Responsibility Center Parent Description]" caption="Responsibility Center Parent Description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Group="0">
      <groupLevels count="3">
        <groupLevel uniqueName="[CB - Responsibility Center HIER].[Responsibility Center Parent Description].[(All)]" caption="(All)"/>
        <groupLevel uniqueName="[CB - Responsibility Center HIER].[Responsibility Center Parent Description].[Responsibility Center Parent Description1]" caption="Responsibility Center Parent Description1" user="1"/>
        <groupLevel uniqueName="[CB - Responsibility Center HIER].[Responsibility Center Parent Description].[Responsibility Center Parent Description]" caption="Responsibility Center Parent Description">
          <groups count="2">
            <group name="Responsibility_Center_Parent_DescriptionXl_Grp_3" uniqueName="[CB - Responsibility Center HIER].[Responsibility Center Parent Description].[Responsibility Center Parent Description1].[GROUPMEMBER.[Responsibility_Center_Parent_DescriptionXl_Grp_3]].[CB - Responsibility Center HIER]].[Responsibility Center Parent Description]].[All]]]" caption="Group3" uniqueParent="[CB - Responsibility Center HIER].[Responsibility Center Parent Description].[All]" id="3">
              <groupMembers count="5">
                <groupMember uniqueName="[CB - Responsibility Center HIER].[Responsibility Center Parent Description].&amp;[DEO Gas]"/>
                <groupMember uniqueName="[CB - Responsibility Center HIER].[Responsibility Center Parent Description].&amp;[DEO Other]"/>
                <groupMember uniqueName="[CB - Responsibility Center HIER].[Responsibility Center Parent Description].&amp;[DEO Power Delivery]"/>
                <groupMember uniqueName="[CB - Responsibility Center HIER].[Responsibility Center Parent Description].&amp;[DEO_CUST_OPS]"/>
                <groupMember uniqueName="[CB - Responsibility Center HIER].[Responsibility Center Parent Description].&amp;[DEO_CUST_OTH]"/>
              </groupMembers>
            </group>
            <group name="Responsibility_Center_Parent_DescriptionXl_Grp_1" uniqueName="[CB - Responsibility Center HIER].[Responsibility Center Parent Description].[Responsibility Center Parent Description1].[GROUPMEMBER.[Responsibility_Center_Parent_DescriptionXl_Grp_1]].[CB - Responsibility Center HIER]].[Responsibility Center Parent Description]].[All]]]" caption="Group1" uniqueParent="[CB - Responsibility Center HIER].[Responsibility Center Parent Description].[All]" id="1">
              <groupMembers count="5">
                <groupMember uniqueName="[CB - Responsibility Center HIER].[Responsibility Center Parent Description].&amp;[DEK Fossil]"/>
                <groupMember uniqueName="[CB - Responsibility Center HIER].[Responsibility Center Parent Description].&amp;[DEK Power Delivery]"/>
                <groupMember uniqueName="[CB - Responsibility Center HIER].[Responsibility Center Parent Description].&amp;[DEK Customer Ops]"/>
                <groupMember uniqueName="[CB - Responsibility Center HIER].[Responsibility Center Parent Description].&amp;[DEK Gas]"/>
                <groupMember uniqueName="[CB - Responsibility Center HIER].[Responsibility Center Parent Description].&amp;[DEK Other]"/>
              </groupMembers>
            </group>
          </groups>
        </groupLevel>
      </groupLevels>
    </cacheHierarchy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Group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2" unbalanced="0" unbalancedGroup="0">
      <fieldsUsage count="2">
        <fieldUsage x="-1"/>
        <fieldUsage x="8"/>
      </fieldsUsage>
    </cacheHierarchy>
    <cacheHierarchy uniqueName="[GL Scenario].[Is Current]" caption="Is Current" attribute="1" defaultMemberUniqueName="[GL Scenario].[Is Current].[All]" allUniqueName="[GL Scenario].[Is Current].[All]" dimensionUniqueName="[GL Scenario]" displayFolder="" count="0" unbalancedGroup="0"/>
    <cacheHierarchy uniqueName="[GL Scenario].[Is Future]" caption="Is Future" attribute="1" defaultMemberUniqueName="[GL Scenario].[Is Future].[All]" allUniqueName="[GL Scenario].[Is Future].[All]" dimensionUniqueName="[GL Scenario]" displayFolder="" count="0" unbalancedGroup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Group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Group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Group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Group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Group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Group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 unbalancedGroup="0">
      <fieldsUsage count="5">
        <fieldUsage x="-1"/>
        <fieldUsage x="3"/>
        <fieldUsage x="4"/>
        <fieldUsage x="5"/>
        <fieldUsage x="13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Group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Group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Group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Group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Group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Group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Group="0" hidden="1"/>
    <cacheHierarchy uniqueName="[CB - Responsibility Center HIER].[Responsibility Center Level 02 Name - Description Internal]" caption="Responsibility Center Level 02 Name - Description Internal" attribute="1" defaultMemberUniqueName="[CB - Responsibility Center HIER].[Responsibility Center Level 02 Name - Description Internal].[All]" allUniqueName="[CB - Responsibility Center HIER].[Responsibility Center Level 02 Name - Description Internal].[All]" dimensionUniqueName="[CB - Responsibility Center HIER]" displayFolder="" count="0" unbalancedGroup="0" hidden="1"/>
    <cacheHierarchy uniqueName="[CB - Responsibility Center HIER].[Responsibility Center Level 02 Name - Description1]" caption="Responsibility Center Level 02 Name - Description1" attribute="1" defaultMemberUniqueName="[CB - Responsibility Center HIER].[Responsibility Center Level 02 Name - Description1].[All]" allUniqueName="[CB - Responsibility Center HIER].[Responsibility Center Level 02 Name - Description1].[All]" dimensionUniqueName="[CB - Responsibility Center HIER]" displayFolder="" count="0" unbalancedGroup="0" hidden="1"/>
    <cacheHierarchy uniqueName="[CB - Responsibility Center HIER].[Responsibility Center Parent Description Internal]" caption="Responsibility Center Parent Description Internal" attribute="1" defaultMemberUniqueName="[CB - Responsibility Center HIER].[Responsibility Center Parent Description Internal].[All]" allUniqueName="[CB - Responsibility Center HIER].[Responsibility Center Parent Description Internal].[All]" dimensionUniqueName="[CB - Responsibility Center HIER]" displayFolder="" count="0" unbalancedGroup="0" hidden="1"/>
    <cacheHierarchy uniqueName="[CB - Responsibility Center HIER].[Responsibility Center Parent Description1]" caption="Responsibility Center Parent Description1" attribute="1" defaultMemberUniqueName="[CB - Responsibility Center HIER].[Responsibility Center Parent Description1].[All]" allUniqueName="[CB - Responsibility Center HIER].[Responsibility Center Parent Description1].[All]" dimensionUniqueName="[CB - Responsibility Center HIER]" displayFolder="" count="0" unbalancedGroup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Group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Group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Group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Group="0" hidden="1"/>
    <cacheHierarchy uniqueName="[Time].[Fiscal Year]" caption="Fiscal Year" attribute="1" time="1" defaultMemberUniqueName="[Time].[Fiscal Year].[All]" allUniqueName="[Time].[Fiscal Year].[All]" dimensionUniqueName="[Time]" displayFolder="" count="0" unbalancedGroup="0" hidden="1"/>
    <cacheHierarchy uniqueName="[Measures].[MTD Actual Amount]" caption="MTD Actual Amount" measure="1" displayFolder="" measureGroup="Ledger AvB" count="0" oneField="1">
      <fieldsUsage count="1">
        <fieldUsage x="71"/>
      </fieldsUsage>
    </cacheHierarchy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/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ani Weatherston" refreshedDate="44946.827448611111" backgroundQuery="1" createdVersion="4" refreshedVersion="7" minRefreshableVersion="3" recordCount="0" supportSubquery="1" supportAdvancedDrill="1" xr:uid="{2BC51E3F-8105-4ABF-840C-3022FDE0ED18}">
  <cacheSource type="external" connectionId="1"/>
  <cacheFields count="72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8" level="1">
      <sharedItems count="1">
        <s v="[Business Rule].[ENT Jurisdiction].&amp;[Duke Energy Kentucky - Electric]" c="Duke Energy Kentucky - Electric"/>
      </sharedItems>
    </cacheField>
    <cacheField name="[Business Rule].[ENT Accounting Class].[ENT Accounting Class]" caption="ENT Accounting Class" numFmtId="0" hierarchy="43" level="1">
      <sharedItems count="2">
        <s v="[Business Rule].[ENT Accounting Class].&amp;[O&amp;M]" c="O&amp;M"/>
        <s v="[Business Rule].[ENT Accounting Class].&amp;[Other]" c="Other"/>
      </sharedItems>
    </cacheField>
    <cacheField name="[Time].[Time Hierarchy Y-Q-M].[Fiscal Year]" caption="Fiscal Year" numFmtId="0" hierarchy="579" level="1">
      <sharedItems count="3">
        <s v="[Time].[Time Hierarchy Y-Q-M].[Fiscal Year].&amp;[2021]" c="2021"/>
        <s v="[Time].[Time Hierarchy Y-Q-M].[Fiscal Year].&amp;[2020]" u="1" c="2020"/>
        <s v="[Time].[Time Hierarchy Y-Q-M].[Fiscal Year].&amp;[2019]" u="1" c="2019"/>
      </sharedItems>
    </cacheField>
    <cacheField name="[Time].[Time Hierarchy Y-Q-M].[Calendar Quarter]" caption="Calendar Quarter" numFmtId="0" hierarchy="579" level="2" mappingCount="1">
      <sharedItems count="4">
        <s v="[Time].[Time Hierarchy Y-Q-M].[Calendar Quarter].&amp;[2021]&amp;[1]" c="Q1 2021" cp="1">
          <x/>
        </s>
        <s v="[Time].[Time Hierarchy Y-Q-M].[Calendar Quarter].&amp;[2021]&amp;[2]" c="Q2 2021" cp="1">
          <x/>
        </s>
        <s v="[Time].[Time Hierarchy Y-Q-M].[Calendar Quarter].&amp;[2021]&amp;[3]" c="Q3 2021" cp="1">
          <x/>
        </s>
        <s v="[Time].[Time Hierarchy Y-Q-M].[Calendar Quarter].&amp;[2021]&amp;[4]" c="Q4 2021" cp="1">
          <x/>
        </s>
      </sharedItems>
      <mpMap v="6"/>
    </cacheField>
    <cacheField name="[Time].[Time Hierarchy Y-Q-M].[Accounting Period]" caption="Accounting Period" numFmtId="0" hierarchy="579" level="3" mappingCount="1">
      <sharedItems count="12">
        <s v="[Time].[Time Hierarchy Y-Q-M].[Accounting Period].&amp;[2021001]" c="Jan 2021" cp="1">
          <x/>
        </s>
        <s v="[Time].[Time Hierarchy Y-Q-M].[Accounting Period].&amp;[2021002]" c="Feb 2021" cp="1">
          <x/>
        </s>
        <s v="[Time].[Time Hierarchy Y-Q-M].[Accounting Period].&amp;[2021003]" c="Mar 2021" cp="1">
          <x/>
        </s>
        <s v="[Time].[Time Hierarchy Y-Q-M].[Accounting Period].&amp;[2021004]" c="Apr 2021" cp="1">
          <x v="1"/>
        </s>
        <s v="[Time].[Time Hierarchy Y-Q-M].[Accounting Period].&amp;[2021005]" c="May 2021" cp="1">
          <x v="1"/>
        </s>
        <s v="[Time].[Time Hierarchy Y-Q-M].[Accounting Period].&amp;[2021006]" c="Jun 2021" cp="1">
          <x v="1"/>
        </s>
        <s v="[Time].[Time Hierarchy Y-Q-M].[Accounting Period].&amp;[2021007]" c="Jul 2021" cp="1">
          <x v="2"/>
        </s>
        <s v="[Time].[Time Hierarchy Y-Q-M].[Accounting Period].&amp;[2021008]" c="Aug 2021" cp="1">
          <x v="2"/>
        </s>
        <s v="[Time].[Time Hierarchy Y-Q-M].[Accounting Period].&amp;[2021009]" c="Sep 2021" cp="1">
          <x v="2"/>
        </s>
        <s v="[Time].[Time Hierarchy Y-Q-M].[Accounting Period].&amp;[2021010]" c="Oct 2021" cp="1">
          <x v="3"/>
        </s>
        <s v="[Time].[Time Hierarchy Y-Q-M].[Accounting Period].&amp;[2021011]" c="Nov 2021" cp="1">
          <x v="3"/>
        </s>
        <s v="[Time].[Time Hierarchy Y-Q-M].[Accounting Period].&amp;[2021012]" c="Dec 2021" cp="1">
          <x v="3"/>
        </s>
      </sharedItems>
      <mpMap v="7"/>
    </cacheField>
    <cacheField name="[Time].[Time Hierarchy Y-Q-M].[Calendar Quarter].[Fiscal Year]" caption="Fiscal Year" propertyName="Fiscal Year" numFmtId="0" hierarchy="579" level="2" memberPropertyField="1">
      <sharedItems containsSemiMixedTypes="0" containsString="0" containsNumber="1" containsInteger="1" minValue="2021" maxValue="2021" count="1">
        <n v="2021"/>
      </sharedItems>
    </cacheField>
    <cacheField name="[Time].[Time Hierarchy Y-Q-M].[Accounting Period].[Calendar Quarter]" caption="Calendar Quarter" propertyName="Calendar Quarter" numFmtId="0" hierarchy="579" level="3" memberPropertyField="1">
      <sharedItems count="4">
        <s v="Q1 2021"/>
        <s v="Q2 2021"/>
        <s v="Q3 2021"/>
        <s v="Q4 2021"/>
      </sharedItems>
    </cacheField>
    <cacheField name="[GL Scenario].[GL Scenario].[GL Scenario]" caption="GL Scenario" numFmtId="0" hierarchy="570" level="1">
      <sharedItems containsSemiMixedTypes="0" containsString="0"/>
    </cacheField>
    <cacheField name="[GL Scenario].[GL Scenario].[GL Scenario].[IS Current]" caption="IS Current" propertyName="IS Current" numFmtId="0" hierarchy="570" level="1" memberPropertyField="1">
      <sharedItems containsSemiMixedTypes="0" containsString="0"/>
    </cacheField>
    <cacheField name="[GL Scenario].[GL Scenario].[GL Scenario].[Is Future]" caption="Is Future" propertyName="Is Future" numFmtId="0" hierarchy="570" level="1" memberPropertyField="1">
      <sharedItems containsSemiMixedTypes="0" containsString="0"/>
    </cacheField>
    <cacheField name="[GL Scenario].[GL Scenario].[GL Scenario].[Is Previous]" caption="Is Previous" propertyName="Is Previous" numFmtId="0" hierarchy="570" level="1" memberPropertyField="1">
      <sharedItems containsSemiMixedTypes="0" containsString="0"/>
    </cacheField>
    <cacheField name="[CB - Process HIER].[Process Level 06 Description].[Process Level 06 Description]" caption="Process Level 06 Description" numFmtId="0" hierarchy="381" level="1">
      <sharedItems containsSemiMixedTypes="0" containsString="0"/>
    </cacheField>
    <cacheField name="[Time].[Time Hierarchy Y-Q-M].[Current Reporting Month]" caption="Current Reporting Month" numFmtId="0" hierarchy="579" level="4">
      <sharedItems containsSemiMixedTypes="0" containsString="0"/>
    </cacheField>
    <cacheField name="[Time].[Time Hierarchy Y-Q-M].[Current Reporting Month].[Accounting Period]" caption="Accounting Period" propertyName="Accounting Period" numFmtId="0" hierarchy="579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79" level="4" memberPropertyField="1">
      <sharedItems containsSemiMixedTypes="0" containsString="0"/>
    </cacheField>
    <cacheField name="[CB - Operating Unit HIER].[Operating Unit Hierarchy].[Operating Unit Effective Date]" caption="Operating Unit Effective Date" numFmtId="0" hierarchy="319" level="1">
      <sharedItems containsSemiMixedTypes="0" containsString="0"/>
    </cacheField>
    <cacheField name="[CB - Operating Unit HIER].[Operating Unit Hierarchy].[Operating Unit Hierarchy Name]" caption="Operating Unit Hierarchy Name" numFmtId="0" hierarchy="319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9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9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9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9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9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9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9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9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9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9" level="12">
      <sharedItems containsSemiMixedTypes="0" containsString="0"/>
    </cacheField>
    <cacheField name="[CB - Operating Unit HIER].[Operating Unit Hierarchy].[Operating Unit HIER]" caption="Operating Unit HIER" numFmtId="0" hierarchy="319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9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9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9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9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9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9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9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9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9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9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9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9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9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9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9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9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9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9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9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9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9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9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9" level="13" memberPropertyField="1">
      <sharedItems containsSemiMixedTypes="0" containsString="0"/>
    </cacheField>
    <cacheField name="[CB - Account].[Account CB - Description].[Account CB - Description]" caption="Account CB - Description" numFmtId="0" hierarchy="139" level="1">
      <sharedItems count="136">
        <s v="[CB - Account].[Account CB - Description].&amp;[0500000 - Suprvsn and Engrg - Steam Oper]" c="0500000 - Suprvsn and Engrg - Steam Oper"/>
        <s v="[CB - Account].[Account CB - Description].&amp;[0501150 - Coal &amp; Other Fuel Handling]" c="0501150 - Coal &amp; Other Fuel Handling"/>
        <s v="[CB - Account].[Account CB - Description].&amp;[0501180 - Sale Of Fly Ash-Revenues]" c="0501180 - Sale Of Fly Ash-Revenues"/>
        <s v="[CB - Account].[Account CB - Description].&amp;[0501190 - Sale Of Fly Ash-Expenses]" c="0501190 - Sale Of Fly Ash-Expenses"/>
        <s v="[CB - Account].[Account CB - Description].&amp;[0502020 - Ammonia - Qualifying]" c="0502020 - Ammonia - Qualifying"/>
        <s v="[CB - Account].[Account CB - Description].&amp;[0502040 - COST OF LIME]" c="0502040 - COST OF LIME"/>
        <s v="[CB - Account].[Account CB - Description].&amp;[0502100 - Fossil Steam Exp-Other]" c="0502100 - Fossil Steam Exp-Other"/>
        <s v="[CB - Account].[Account CB - Description].&amp;[0502410 - Steam Oper-Bottom Ash/Fly Ash]" c="0502410 - Steam Oper-Bottom Ash/Fly Ash"/>
        <s v="[CB - Account].[Account CB - Description].&amp;[0505000 - Electric Expenses-Steam Oper]" c="0505000 - Electric Expenses-Steam Oper"/>
        <s v="[CB - Account].[Account CB - Description].&amp;[0506000 - Misc Fossil Power Expenses]" c="0506000 - Misc Fossil Power Expenses"/>
        <s v="[CB - Account].[Account CB - Description].&amp;[0510000 - Suprvsn and Engrng-Steam Maint]" c="0510000 - Suprvsn and Engrng-Steam Maint"/>
        <s v="[CB - Account].[Account CB - Description].&amp;[0510100 - Suprvsn &amp; Engrng-Steam Maint R]" c="0510100 - Suprvsn &amp; Engrng-Steam Maint R"/>
        <s v="[CB - Account].[Account CB - Description].&amp;[0511000 - Maint Of Structures-Steam]" c="0511000 - Maint Of Structures-Steam"/>
        <s v="[CB - Account].[Account CB - Description].&amp;[0512100 - Maint Of Boiler Plant-Other]" c="0512100 - Maint Of Boiler Plant-Other"/>
        <s v="[CB - Account].[Account CB - Description].&amp;[0513100 - Maint Of Electric Plant-Other]" c="0513100 - Maint Of Electric Plant-Other"/>
        <s v="[CB - Account].[Account CB - Description].&amp;[0514000 - Maintenance - Misc Steam Plant]" c="0514000 - Maintenance - Misc Steam Plant"/>
        <s v="[CB - Account].[Account CB - Description].&amp;[0524000 - Misc Expenses-Nuc Oper]" c="0524000 - Misc Expenses-Nuc Oper"/>
        <s v="[CB - Account].[Account CB - Description].&amp;[0528000 - Maint Suprvsn and Enginrng-Nuc]" c="0528000 - Maint Suprvsn and Enginrng-Nuc"/>
        <s v="[CB - Account].[Account CB - Description].&amp;[0530000 - Maint Of Reactor Plt Equip-Nuc]" c="0530000 - Maint Of Reactor Plt Equip-Nuc"/>
        <s v="[CB - Account].[Account CB - Description].&amp;[0531100 - Maint  Electric Plt-Other-Nuc]" c="0531100 - Maint  Electric Plt-Other-Nuc"/>
        <s v="[CB - Account].[Account CB - Description].&amp;[0532100 - Maint Misc Nuclear Plt-Other]" c="0532100 - Maint Misc Nuclear Plt-Other"/>
        <s v="[CB - Account].[Account CB - Description].&amp;[0535000 - Supervsn and Engrng-Hydro Oper]" c="0535000 - Supervsn and Engrng-Hydro Oper"/>
        <s v="[CB - Account].[Account CB - Description].&amp;[0546000 - Suprvsn and Enginring-CT Oper]" c="0546000 - Suprvsn and Enginring-CT Oper"/>
        <s v="[CB - Account].[Account CB - Description].&amp;[0547150 - Natural Gas Handling-CT]" c="0547150 - Natural Gas Handling-CT"/>
        <s v="[CB - Account].[Account CB - Description].&amp;[0548100 - Generation Expenses-Other CT]" c="0548100 - Generation Expenses-Other CT"/>
        <s v="[CB - Account].[Account CB - Description].&amp;[0548200 - Prime Movers - Generators- CT]" c="0548200 - Prime Movers - Generators- CT"/>
        <s v="[CB - Account].[Account CB - Description].&amp;[0549000 - Misc-Power Generation Expenses]" c="0549000 - Misc-Power Generation Expenses"/>
        <s v="[CB - Account].[Account CB - Description].&amp;[0551000 - Suprvsn and Enginring-CT Maint]" c="0551000 - Suprvsn and Enginring-CT Maint"/>
        <s v="[CB - Account].[Account CB - Description].&amp;[0552000 - Maintenance Of Structures-CT]" c="0552000 - Maintenance Of Structures-CT"/>
        <s v="[CB - Account].[Account CB - Description].&amp;[0552220 - Solar: Maint of Structures]" c="0552220 - Solar: Maint of Structures"/>
        <s v="[CB - Account].[Account CB - Description].&amp;[0553000 - Maint-Gentg and Elect Equip-CT]" c="0553000 - Maint-Gentg and Elect Equip-CT"/>
        <s v="[CB - Account].[Account CB - Description].&amp;[0554000 - Misc Power Generation Plant-CT]" c="0554000 - Misc Power Generation Plant-CT"/>
        <s v="[CB - Account].[Account CB - Description].&amp;[0556000 - System Cnts &amp; Load Dispatching]" c="0556000 - System Cnts &amp; Load Dispatching"/>
        <s v="[CB - Account].[Account CB - Description].&amp;[0557000 - Other Expenses-Oper]" c="0557000 - Other Expenses-Oper"/>
        <s v="[CB - Account].[Account CB - Description].&amp;[0557450 - Commissions/Brokerage Expense]" c="0557450 - Commissions/Brokerage Expense"/>
        <s v="[CB - Account].[Account CB - Description].&amp;[0557451 - EA &amp; Coal Broker Fees]" c="0557451 - EA &amp; Coal Broker Fees"/>
        <s v="[CB - Account].[Account CB - Description].&amp;[0560000 - Supervsn and Engrng-Trans Oper]" c="0560000 - Supervsn and Engrng-Trans Oper"/>
        <s v="[CB - Account].[Account CB - Description].&amp;[0561100 - Load Dispatch-Reliability]" c="0561100 - Load Dispatch-Reliability"/>
        <s v="[CB - Account].[Account CB - Description].&amp;[0561200 - Load Dispatch-Mnitor&amp;OprTrnSys]" c="0561200 - Load Dispatch-Mnitor&amp;OprTrnSys"/>
        <s v="[CB - Account].[Account CB - Description].&amp;[0561300 - Load Dispatch - TransSvc&amp;Sch]" c="0561300 - Load Dispatch - TransSvc&amp;Sch"/>
        <s v="[CB - Account].[Account CB - Description].&amp;[0561400 - Scheduling-Sys Cntrl&amp;Disp Svs]" c="0561400 - Scheduling-Sys Cntrl&amp;Disp Svs"/>
        <s v="[CB - Account].[Account CB - Description].&amp;[0561800 - Reliability-Plan&amp;Stds Dev]" c="0561800 - Reliability-Plan&amp;Stds Dev"/>
        <s v="[CB - Account].[Account CB - Description].&amp;[0562000 - Station Expenses]" c="0562000 - Station Expenses"/>
        <s v="[CB - Account].[Account CB - Description].&amp;[0563000 - Overhead Line Expenses-Trans]" c="0563000 - Overhead Line Expenses-Trans"/>
        <s v="[CB - Account].[Account CB - Description].&amp;[0565000 - Transm Of Elec By Others]" c="0565000 - Transm Of Elec By Others"/>
        <s v="[CB - Account].[Account CB - Description].&amp;[0566000 - Misc Trans Exp-Other]" c="0566000 - Misc Trans Exp-Other"/>
        <s v="[CB - Account].[Account CB - Description].&amp;[0566100 - Misc Trans-Trans Lines Related]" c="0566100 - Misc Trans-Trans Lines Related"/>
        <s v="[CB - Account].[Account CB - Description].&amp;[0569000 - Maint Of Structures-Trans]" c="0569000 - Maint Of Structures-Trans"/>
        <s v="[CB - Account].[Account CB - Description].&amp;[0569100 - Maint of Computer Hardware]" c="0569100 - Maint of Computer Hardware"/>
        <s v="[CB - Account].[Account CB - Description].&amp;[0569200 - Maint Of Computer Software]" c="0569200 - Maint Of Computer Software"/>
        <s v="[CB - Account].[Account CB - Description].&amp;[0570100 - Maint  Stat Equip-Other- Trans]" c="0570100 - Maint  Stat Equip-Other- Trans"/>
        <s v="[CB - Account].[Account CB - Description].&amp;[0570200 - Main-Cir BrkrsTrnsf Mtrs-Trans]" c="0570200 - Main-Cir BrkrsTrnsf Mtrs-Trans"/>
        <s v="[CB - Account].[Account CB - Description].&amp;[0571000 - Maint Of Overhead Lines-Trans]" c="0571000 - Maint Of Overhead Lines-Trans"/>
        <s v="[CB - Account].[Account CB - Description].&amp;[0575700 - Market Faciliation-Mntr&amp;Comp]" c="0575700 - Market Faciliation-Mntr&amp;Comp"/>
        <s v="[CB - Account].[Account CB - Description].&amp;[0580000 - Supervsn and Engring-Dist Oper]" c="0580000 - Supervsn and Engring-Dist Oper"/>
        <s v="[CB - Account].[Account CB - Description].&amp;[0581004 - Load Dispatch-Dist of Elec]" c="0581004 - Load Dispatch-Dist of Elec"/>
        <s v="[CB - Account].[Account CB - Description].&amp;[0582100 - Station Expenses-Other-Dist]" c="0582100 - Station Expenses-Other-Dist"/>
        <s v="[CB - Account].[Account CB - Description].&amp;[0583100 - Overhead Line Exps-Other-Dist]" c="0583100 - Overhead Line Exps-Other-Dist"/>
        <s v="[CB - Account].[Account CB - Description].&amp;[0583200 - Transf Set Rem Reset Test-Dist]" c="0583200 - Transf Set Rem Reset Test-Dist"/>
        <s v="[CB - Account].[Account CB - Description].&amp;[0584000 - Underground Line Expenses-Dist]" c="0584000 - Underground Line Expenses-Dist"/>
        <s v="[CB - Account].[Account CB - Description].&amp;[0586000 - Meter Expenses-Dist]" c="0586000 - Meter Expenses-Dist"/>
        <s v="[CB - Account].[Account CB - Description].&amp;[0587000 - Cust Install Exp-Other Dist]" c="0587000 - Cust Install Exp-Other Dist"/>
        <s v="[CB - Account].[Account CB - Description].&amp;[0588100 - Misc Distribution Exp-Other]" c="0588100 - Misc Distribution Exp-Other"/>
        <s v="[CB - Account].[Account CB - Description].&amp;[0588700 - Intcon Study Costs (D)]" c="0588700 - Intcon Study Costs (D)"/>
        <s v="[CB - Account].[Account CB - Description].&amp;[0589000 - Rents-Dist Oper]" c="0589000 - Rents-Dist Oper"/>
        <s v="[CB - Account].[Account CB - Description].&amp;[0590000 - Supervsn and Engrng-Dist Maint]" c="0590000 - Supervsn and Engrng-Dist Maint"/>
        <s v="[CB - Account].[Account CB - Description].&amp;[0591000 - Maintenance Of Structures-Dist]" c="0591000 - Maintenance Of Structures-Dist"/>
        <s v="[CB - Account].[Account CB - Description].&amp;[0592100 - Maint Station Equip-Other-Dist]" c="0592100 - Maint Station Equip-Other-Dist"/>
        <s v="[CB - Account].[Account CB - Description].&amp;[0592200 - Cir BrkrsTrnsf Mters Rely-Dist]" c="0592200 - Cir BrkrsTrnsf Mters Rely-Dist"/>
        <s v="[CB - Account].[Account CB - Description].&amp;[0593000 - Maint Overhd Lines-Other-Dist]" c="0593000 - Maint Overhd Lines-Other-Dist"/>
        <s v="[CB - Account].[Account CB - Description].&amp;[0593100 - Right-Of-Way Maintenance-Dist]" c="0593100 - Right-Of-Way Maintenance-Dist"/>
        <s v="[CB - Account].[Account CB - Description].&amp;[0594000 - Maint-Underground Lines-Dist]" c="0594000 - Maint-Underground Lines-Dist"/>
        <s v="[CB - Account].[Account CB - Description].&amp;[0595100 - Maint Line Transfrs-Other-Dist]" c="0595100 - Maint Line Transfrs-Other-Dist"/>
        <s v="[CB - Account].[Account CB - Description].&amp;[0596000 - Maint-StreetLightng/Signl-Dist]" c="0596000 - Maint-StreetLightng/Signl-Dist"/>
        <s v="[CB - Account].[Account CB - Description].&amp;[0597000 - Maintenance Of Meters-Dist]" c="0597000 - Maintenance Of Meters-Dist"/>
        <s v="[CB - Account].[Account CB - Description].&amp;[0901000 - Supervision-Cust Accts]" c="0901000 - Supervision-Cust Accts"/>
        <s v="[CB - Account].[Account CB - Description].&amp;[0902000 - Meter Reading Expense]" c="0902000 - Meter Reading Expense"/>
        <s v="[CB - Account].[Account CB - Description].&amp;[0903000 - Cust Records &amp; Collection Exp]" c="0903000 - Cust Records &amp; Collection Exp"/>
        <s v="[CB - Account].[Account CB - Description].&amp;[0903100 - Cust Contracts &amp; Orders-Local]" c="0903100 - Cust Contracts &amp; Orders-Local"/>
        <s v="[CB - Account].[Account CB - Description].&amp;[0903200 - Cust Billing &amp; Acct]" c="0903200 - Cust Billing &amp; Acct"/>
        <s v="[CB - Account].[Account CB - Description].&amp;[0903300 - Cust Collecting-Local]" c="0903300 - Cust Collecting-Local"/>
        <s v="[CB - Account].[Account CB - Description].&amp;[0903400 - Cust Receiv &amp; Collect Exp-Edp]" c="0903400 - Cust Receiv &amp; Collect Exp-Edp"/>
        <s v="[CB - Account].[Account CB - Description].&amp;[0903891 - IC Collection Agent Revenue]" c="0903891 - IC Collection Agent Revenue"/>
        <s v="[CB - Account].[Account CB - Description].&amp;[0904001 - BAD DEBT EXPENSE]" c="0904001 - BAD DEBT EXPENSE"/>
        <s v="[CB - Account].[Account CB - Description].&amp;[0905000 - Misc Customer Accts Expenses]" c="0905000 - Misc Customer Accts Expenses"/>
        <s v="[CB - Account].[Account CB - Description].&amp;[0908000 - Cust Asst Exp-Conservation Pro]" c="0908000 - Cust Asst Exp-Conservation Pro"/>
        <s v="[CB - Account].[Account CB - Description].&amp;[0909650 - Misc Advertising Expenses]" c="0909650 - Misc Advertising Expenses"/>
        <s v="[CB - Account].[Account CB - Description].&amp;[0910000 - Misc Cust Serv/Inform Exp]" c="0910000 - Misc Cust Serv/Inform Exp"/>
        <s v="[CB - Account].[Account CB - Description].&amp;[0910100 - Exp-Rs Reg Prod/Svces-CstAccts]" c="0910100 - Exp-Rs Reg Prod/Svces-CstAccts"/>
        <s v="[CB - Account].[Account CB - Description].&amp;[0912000 - Demonstrating &amp; Selling Exp]" c="0912000 - Demonstrating &amp; Selling Exp"/>
        <s v="[CB - Account].[Account CB - Description].&amp;[0912100 - Demonstration &amp; Sell-Proj Supt]" c="0912100 - Demonstration &amp; Sell-Proj Supt"/>
        <s v="[CB - Account].[Account CB - Description].&amp;[0913001 - Advertising Expense]" c="0913001 - Advertising Expense"/>
        <s v="[CB - Account].[Account CB - Description].&amp;[0920000 - A &amp; G Salaries]" c="0920000 - A &amp; G Salaries"/>
        <s v="[CB - Account].[Account CB - Description].&amp;[0920001 - SC O&amp;M Labor Deferral]" c="0920001 - SC O&amp;M Labor Deferral"/>
        <s v="[CB - Account].[Account CB - Description].&amp;[0920100 - Salaries &amp; Wages - Proj Supt -]" c="0920100 - Salaries &amp; Wages - Proj Supt -"/>
        <s v="[CB - Account].[Account CB - Description].&amp;[0921100 - Employee Expenses]" c="0921100 - Employee Expenses"/>
        <s v="[CB - Account].[Account CB - Description].&amp;[0921101 - Employee Exp - NC]" c="0921101 - Employee Exp - NC"/>
        <s v="[CB - Account].[Account CB - Description].&amp;[0921110 - Relocation Expenses]" c="0921110 - Relocation Expenses"/>
        <s v="[CB - Account].[Account CB - Description].&amp;[0921200 - Office Expenses]" c="0921200 - Office Expenses"/>
        <s v="[CB - Account].[Account CB - Description].&amp;[0921300 - Telephone And Telegraph Exp]" c="0921300 - Telephone And Telegraph Exp"/>
        <s v="[CB - Account].[Account CB - Description].&amp;[0921400 - Computer Services Expenses]" c="0921400 - Computer Services Expenses"/>
        <s v="[CB - Account].[Account CB - Description].&amp;[0921540 - Computer Rent (Go Only)]" c="0921540 - Computer Rent (Go Only)"/>
        <s v="[CB - Account].[Account CB - Description].&amp;[0921600 - Other]" c="0921600 - Other"/>
        <s v="[CB - Account].[Account CB - Description].&amp;[0921980 - Office Supplies &amp; Expenses]" c="0921980 - Office Supplies &amp; Expenses"/>
        <s v="[CB - Account].[Account CB - Description].&amp;[0922000 - Admin  Exp Transfer]" c="0922000 - Admin  Exp Transfer"/>
        <s v="[CB - Account].[Account CB - Description].&amp;[0923000 - Outside Services Employed]" c="0923000 - Outside Services Employed"/>
        <s v="[CB - Account].[Account CB - Description].&amp;[0923980 - Outside Services Employee &amp;]" c="0923980 - Outside Services Employee &amp;"/>
        <s v="[CB - Account].[Account CB - Description].&amp;[0924000 - Property Insurance]" c="0924000 - Property Insurance"/>
        <s v="[CB - Account].[Account CB - Description].&amp;[0924050 - Inter-Co Prop Ins Exp]" c="0924050 - Inter-Co Prop Ins Exp"/>
        <s v="[CB - Account].[Account CB - Description].&amp;[0924980 - Property Insurance For Corp.]" c="0924980 - Property Insurance For Corp."/>
        <s v="[CB - Account].[Account CB - Description].&amp;[0925000 - Injuries &amp; Damages]" c="0925000 - Injuries &amp; Damages"/>
        <s v="[CB - Account].[Account CB - Description].&amp;[0925051 - INTER-CO GEN LIAB EXP]" c="0925051 - INTER-CO GEN LIAB EXP"/>
        <s v="[CB - Account].[Account CB - Description].&amp;[0925200 - Injuries And Damages-Other]" c="0925200 - Injuries And Damages-Other"/>
        <s v="[CB - Account].[Account CB - Description].&amp;[0925980 - Injuries And Damages For Corp.]" c="0925980 - Injuries And Damages For Corp."/>
        <s v="[CB - Account].[Account CB - Description].&amp;[0926000 - Employee Benefits]" c="0926000 - Employee Benefits"/>
        <s v="[CB - Account].[Account CB - Description].&amp;[0926430 - Employees'Recreation Expense]" c="0926430 - Employees'Recreation Expense"/>
        <s v="[CB - Account].[Account CB - Description].&amp;[0926600 - Employee Benefits-Transferred]" c="0926600 - Employee Benefits-Transferred"/>
        <s v="[CB - Account].[Account CB - Description].&amp;[0926999 - Non Serv Pension (ASU 2017-07)]" c="0926999 - Non Serv Pension (ASU 2017-07)"/>
        <s v="[CB - Account].[Account CB - Description].&amp;[0928000 - Regulatory Expenses (Go)]" c="0928000 - Regulatory Expenses (Go)"/>
        <s v="[CB - Account].[Account CB - Description].&amp;[0928006 - State Reg Comm Proceeding]" c="0928006 - State Reg Comm Proceeding"/>
        <s v="[CB - Account].[Account CB - Description].&amp;[0928030 - Professional Fees Consultant]" c="0928030 - Professional Fees Consultant"/>
        <s v="[CB - Account].[Account CB - Description].&amp;[0929000 - Duplicate Chrgs-Enrgy To Exp]" c="0929000 - Duplicate Chrgs-Enrgy To Exp"/>
        <s v="[CB - Account].[Account CB - Description].&amp;[0929500 - Admin Exp Transf]" c="0929500 - Admin Exp Transf"/>
        <s v="[CB - Account].[Account CB - Description].&amp;[0930150 - Miscellaneous Advertising Exp]" c="0930150 - Miscellaneous Advertising Exp"/>
        <s v="[CB - Account].[Account CB - Description].&amp;[0930200 - Misc General Expenses]" c="0930200 - Misc General Expenses"/>
        <s v="[CB - Account].[Account CB - Description].&amp;[0930210 - Industry Association Dues]" c="0930210 - Industry Association Dues"/>
        <s v="[CB - Account].[Account CB - Description].&amp;[0930220 - Exp Of Servicing Securities]" c="0930220 - Exp Of Servicing Securities"/>
        <s v="[CB - Account].[Account CB - Description].&amp;[0930230 - Dues To Various Organizations]" c="0930230 - Dues To Various Organizations"/>
        <s v="[CB - Account].[Account CB - Description].&amp;[0930240 - Director'S Expenses]" c="0930240 - Director'S Expenses"/>
        <s v="[CB - Account].[Account CB - Description].&amp;[0930250 - Buy\Sell Transf Employee Homes]" c="0930250 - Buy\Sell Transf Employee Homes"/>
        <s v="[CB - Account].[Account CB - Description].&amp;[0930700 - Research &amp; Development]" c="0930700 - Research &amp; Development"/>
        <s v="[CB - Account].[Account CB - Description].&amp;[0930940 - General Expenses]" c="0930940 - General Expenses"/>
        <s v="[CB - Account].[Account CB - Description].&amp;[0931001 - Rents-A&amp;G]" c="0931001 - Rents-A&amp;G"/>
        <s v="[CB - Account].[Account CB - Description].&amp;[0931008 - A&amp;G Rents-IC]" c="0931008 - A&amp;G Rents-IC"/>
        <s v="[CB - Account].[Account CB - Description].&amp;[0935100 - Maint General Plant-Elec]" c="0935100 - Maint General Plant-Elec"/>
        <s v="[CB - Account].[Account CB - Description].&amp;[0935200 - Cust Infor &amp; Computer Control]" c="0935200 - Cust Infor &amp; Computer Control"/>
      </sharedItems>
    </cacheField>
    <cacheField name="[CB - Responsibility Center HIER].[Responsibility Center Effective Date].[Responsibility Center Effective Date]" caption="Responsibility Center Effective Date" numFmtId="0" hierarchy="525" level="1">
      <sharedItems containsSemiMixedTypes="0" containsString="0"/>
    </cacheField>
    <cacheField name="[CB - Responsibility Center HIER].[Responsibility Center Level 02 Name - Description].[Responsibility Center Level 02 Name - Description]" caption="Responsibility Center Level 02 Name - Description" numFmtId="0" hierarchy="537" level="2">
      <sharedItems count="9">
        <s v="[CB - Responsibility Center HIER].[Responsibility Center Level 02 Name - Description].&amp;[2022-01-01T00:00:00]&amp;[RESP_CENTER_ALLOC]&amp;[ALL_RESP_FROMS - All Responsibility Center From]&amp;[536_DEK - Duke Energy Kentucky]" c="536_DEK - Duke Energy Kentucky"/>
        <s v="[CB - Responsibility Center HIER].[Responsibility Center Level 02 Name - Description].&amp;[2022-01-01T00:00:00]&amp;[RESP_CENTER_ALLOC]&amp;[ALL_RESP_FROMS - All Responsibility Center From]&amp;[100_DUKE_POWER_CONSO - Duke Energy Carolinas]" c="100_DUKE_POWER_CONSO - Duke Energy Carolinas"/>
        <s v="[CB - Responsibility Center HIER].[Responsibility Center Level 02 Name - Description].&amp;[2022-01-01T00:00:00]&amp;[RESP_CENTER_ALLOC]&amp;[ALL_RESP_FROMS - All Responsibility Center From]&amp;[501_DECE - Duke En Commercial Enterprises]" c="501_DECE - Duke En Commercial Enterprises"/>
        <s v="[CB - Responsibility Center HIER].[Responsibility Center Level 02 Name - Description].&amp;[2022-01-01T00:00:00]&amp;[RESP_CENTER_ALLOC]&amp;[ALL_RESP_FROMS - All Responsibility Center From]&amp;[529_DEI - Duke Energy Indiana]" c="529_DEI - Duke Energy Indiana"/>
        <s v="[CB - Responsibility Center HIER].[Responsibility Center Level 02 Name - Description].&amp;[2022-01-01T00:00:00]&amp;[RESP_CENTER_ALLOC]&amp;[ALL_RESP_FROMS - All Responsibility Center From]&amp;[801_DE_PROGRESS - Duke Energy Progress]" c="801_DE_PROGRESS - Duke Energy Progress"/>
        <s v="[CB - Responsibility Center HIER].[Responsibility Center Level 02 Name - Description].&amp;[2022-01-01T00:00:00]&amp;[RESP_CENTER_ALLOC]&amp;[ALL_RESP_FROMS - All Responsibility Center From]&amp;[802_DE_FLORIDA - Duke Energy Florida]" c="802_DE_FLORIDA - Duke Energy Florida"/>
        <s v="[CB - Responsibility Center HIER].[Responsibility Center Level 02 Name - Description].&amp;[2022-01-01T00:00:00]&amp;[RESP_CENTER_ALLOC]&amp;[ALL_RESP_FROMS - All Responsibility Center From]&amp;[PNY - Piedmont Natural Gas]" c="PNY - Piedmont Natural Gas"/>
        <s v="[CB - Responsibility Center HIER].[Responsibility Center Level 02 Name - Description].&amp;[2022-01-01T00:00:00]&amp;[RESP_CENTER_ALLOC]&amp;[ALL_RESP_FROMS - All Responsibility Center From]&amp;[503_DEO - Duke Energy Ohio]" c="503_DEO - Duke Energy Ohio"/>
        <s v="[CB - Responsibility Center HIER].[Responsibility Center Level 02 Name - Description].&amp;[2022-01-01T00:00:00]&amp;[RESP_CENTER_ALLOC]&amp;[ALL_RESP_FROMS - All Responsibility Center From]&amp;[110_SERVICE_COMPANY - Duke Energy Business Services]" c="110_SERVICE_COMPANY - Duke Energy Business Services"/>
      </sharedItems>
    </cacheField>
    <cacheField name="[CB - Responsibility Center HIER].[Responsibility Center Level 02 Name - Description].[Responsibility Center Level 02 Name - Description].[Responsibility Center Level 01 Name - Description]" caption="Responsibility Center Level 01 Name - Description" propertyName="Responsibility Center Level 01 Name - Description" numFmtId="0" hierarchy="537" level="2" memberPropertyField="1">
      <sharedItems containsSemiMixedTypes="0" containsString="0"/>
    </cacheField>
    <cacheField name="[CB - Responsibility Center HIER].[Responsibility Center Level 02 Name - Description].[Responsibility Center Level 02 Name - Description1]" caption="Responsibility Center Level 02 Name - Description1" numFmtId="0" hierarchy="537" level="1">
      <sharedItems count="4" longText="1">
        <s v="[CB - Responsibility Center HIER].[Responsibility Center Level 02 Name - Description].[Responsibility Center Level 02 Name - Description1].[OTHERMEMBER.[CB - Responsibility Center HIER]].[Responsibility Center Level 02 Name - Description]].[All]]]" c="Other"/>
        <s v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="Group1"/>
        <s v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="Group2"/>
        <s v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="Group3"/>
      </sharedItems>
    </cacheField>
    <cacheField name="[Measures].[MTD Actual Amount]" caption="MTD Actual Amount" numFmtId="0" hierarchy="596" level="32767"/>
  </cacheFields>
  <cacheHierarchies count="650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Group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 unbalancedGroup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Group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Group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Group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Group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Group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Group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Group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Group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Group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Group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Group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Group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Group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Group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Group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Group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Group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Group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Group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Group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Group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Group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Group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Group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Group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Group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Group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Group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Group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Group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Group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Group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Group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Group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Group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Group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Group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Group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Group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Group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Group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 unbalancedGroup="0">
      <fieldsUsage count="2">
        <fieldUsage x="-1"/>
        <fieldUsage x="2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Group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Group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Group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Group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 unbalancedGroup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Group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Group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Group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Group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Group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Group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Group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Group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Group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Group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Group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Group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Group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Group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Group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Group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Group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Group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Group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Group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Group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Group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Group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Group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Group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Group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Group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Group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Group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Group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Group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Group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Group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Group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Group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Group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Group="0"/>
    <cacheHierarchy uniqueName="[Business Rule].[MKT LOB]" caption="MKT LOB" attribute="1" defaultMemberUniqueName="[Business Rule].[MKT LOB].[All]" allUniqueName="[Business Rule].[MKT LOB].[All]" dimensionUniqueName="[Business Rule]" displayFolder="" count="0" unbalancedGroup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Group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Group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Group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Group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Group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Group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Group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Group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Group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Group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Group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Group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Group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Group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Group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Group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Group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Group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Group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Group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Group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Group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Group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Group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Group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Group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Group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Group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Group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Group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Group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Group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Group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Group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Group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Group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Group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Group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Group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Group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Group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Group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Group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Group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Group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Group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Group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Group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Group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Group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Group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Group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 unbalancedGroup="0">
      <fieldsUsage count="2">
        <fieldUsage x="-1"/>
        <fieldUsage x="66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Group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Group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Group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Group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Group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Group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Group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Group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Group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Group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Group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Group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Group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Group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Group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Group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Group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Group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Group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Group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Group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Group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Group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Group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Group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Group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Group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Group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Group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Group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Group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Group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Group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Group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Group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Group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Group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Group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Group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Group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Group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Group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Group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Group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Group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Group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Group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Group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Group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Group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Group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Group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Group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Group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Group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Group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Group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Group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Group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Group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Group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Group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Group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Group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Group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Group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Group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Group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Group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Group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Group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Group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Group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Group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Group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Group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Group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Group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Group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Group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Group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Group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Group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Group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Group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Group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Group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Group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Group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Group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Group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Group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Group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Group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Group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Group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Group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Group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Group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Group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Group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Group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Group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Group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Group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Group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Group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Group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Group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Group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Group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Group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Group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Group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Group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Group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Group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Group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Group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Group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Group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Group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Group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Group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Group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Group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Group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Group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Group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Group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Group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Group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Group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Group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Group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Group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Group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Group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Group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Group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Group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Group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Group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Group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Group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Group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Group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Group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Group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Group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Group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Group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Group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Group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Group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Group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Group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Group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Group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Group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Group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Group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Group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Group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Group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Group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Group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Group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Group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Group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Group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Group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Group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Group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Group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Group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Group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Group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Group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 unbalancedGroup="0">
      <fieldsUsage count="14">
        <fieldUsage x="-1"/>
        <fieldUsage x="16"/>
        <fieldUsage x="17"/>
        <fieldUsage x="18"/>
        <fieldUsage x="19"/>
        <fieldUsage x="20"/>
        <fieldUsage x="21"/>
        <fieldUsage x="22"/>
        <fieldUsage x="23"/>
        <fieldUsage x="24"/>
        <fieldUsage x="25"/>
        <fieldUsage x="26"/>
        <fieldUsage x="27"/>
        <fieldUsage x="28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Group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Group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Group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Group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Group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Group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Group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Group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Group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Group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Group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Group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Group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Group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Group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Group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Group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Group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Group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Group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Group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Group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Group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Group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Group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Group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Group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Group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Group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Group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Group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Group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Group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Group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Group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Group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Group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Group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Group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Group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Group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Group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Group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Group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Group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Group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Group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Group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Group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Group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Group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Group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Group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Group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Group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Group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Group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Group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Group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Group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Group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2" unbalanced="0" unbalancedGroup="0">
      <fieldsUsage count="2">
        <fieldUsage x="-1"/>
        <fieldUsage x="12"/>
      </fieldsUsage>
    </cacheHierarchy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Group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Group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Group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Group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Group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Group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Group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Group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Group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Group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Group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Group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Group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Group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Group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Group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Group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Group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Group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Group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Group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Group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Group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Group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Group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Group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Group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Group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Group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Group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Group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Group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Group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Group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Group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Group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Group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Group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Group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Group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Group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Group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Group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Group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Group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Group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Group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Group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Group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Group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Group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Group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Group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Group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Group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Group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Group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Group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Group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Group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Group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Group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Group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Group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Group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Group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Group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Group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Group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Group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Group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Group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Group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Group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Group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Group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Group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Group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Group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Group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Group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Group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Group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Group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Group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Group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Group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Group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Group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Group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Group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Group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Group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Group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Group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Group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Group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Group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Group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Group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Group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Group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Group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Group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Group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Group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Group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Group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Group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Group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Group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Group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Group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Group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Group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Group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Group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Group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Group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Group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Group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Group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Group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Group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Group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Group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Group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Group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Group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Group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Group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Group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Group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Group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Group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Group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Group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Group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Group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Group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Group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Group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Group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2" unbalanced="0" unbalancedGroup="0">
      <fieldsUsage count="2">
        <fieldUsage x="-1"/>
        <fieldUsage x="67"/>
      </fieldsUsage>
    </cacheHierarchy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Group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Group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Group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Group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Group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Group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Group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Group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Group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Group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Group="0"/>
    <cacheHierarchy uniqueName="[CB - Responsibility Center HIER].[Responsibility Center Level 02 Name - Description]" caption="Responsibility Center Level 02 Name - Description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3" unbalanced="0" unbalancedGroup="0">
      <fieldsUsage count="3">
        <fieldUsage x="-1"/>
        <fieldUsage x="70"/>
        <fieldUsage x="68"/>
      </fieldsUsage>
      <groupLevels count="3">
        <groupLevel uniqueName="[CB - Responsibility Center HIER].[Responsibility Center Level 02 Name - Description].[(All)]" caption="(All)"/>
        <groupLevel uniqueName="[CB - Responsibility Center HIER].[Responsibility Center Level 02 Name - Description].[Responsibility Center Level 02 Name - Description1]" caption="Responsibility Center Level 02 Name - Description1" user="1"/>
        <groupLevel uniqueName="[CB - Responsibility Center HIER].[Responsibility Center Level 02 Name - Description].[Responsibility Center Level 02 Name - Description]" caption="Responsibility Center Level 02 Name - Description">
          <groups count="3">
            <group name="Responsibility_Center_Level_02_Name_-_DescriptionXl_Grp_1" uniqueName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aption="Group1" uniqueParent="[CB - Responsibility Center HIER].[Responsibility Center Level 02 Name - Description].[All]" id="1">
              <groupMembers count="6">
                <groupMember uniqueName="[CB - Responsibility Center HIER].[Responsibility Center Level 02 Name - Description].&amp;[2022-01-01T00:00:00]&amp;[RESP_CENTER_ALLOC]&amp;[ALL_RESP_FROMS - All Responsibility Center From]&amp;[100_DUKE_POWER_CONSO - Duke Energy Carolinas]"/>
                <groupMember uniqueName="[CB - Responsibility Center HIER].[Responsibility Center Level 02 Name - Description].&amp;[2022-01-01T00:00:00]&amp;[RESP_CENTER_ALLOC]&amp;[ALL_RESP_FROMS - All Responsibility Center From]&amp;[501_DECE - Duke En Commercial Enterprises]"/>
                <groupMember uniqueName="[CB - Responsibility Center HIER].[Responsibility Center Level 02 Name - Description].&amp;[2022-01-01T00:00:00]&amp;[RESP_CENTER_ALLOC]&amp;[ALL_RESP_FROMS - All Responsibility Center From]&amp;[529_DEI - Duke Energy Indiana]"/>
                <groupMember uniqueName="[CB - Responsibility Center HIER].[Responsibility Center Level 02 Name - Description].&amp;[2022-01-01T00:00:00]&amp;[RESP_CENTER_ALLOC]&amp;[ALL_RESP_FROMS - All Responsibility Center From]&amp;[801_DE_PROGRESS - Duke Energy Progress]"/>
                <groupMember uniqueName="[CB - Responsibility Center HIER].[Responsibility Center Level 02 Name - Description].&amp;[2022-01-01T00:00:00]&amp;[RESP_CENTER_ALLOC]&amp;[ALL_RESP_FROMS - All Responsibility Center From]&amp;[802_DE_FLORIDA - Duke Energy Florida]"/>
                <groupMember uniqueName="[CB - Responsibility Center HIER].[Responsibility Center Level 02 Name - Description].&amp;[2022-01-01T00:00:00]&amp;[RESP_CENTER_ALLOC]&amp;[ALL_RESP_FROMS - All Responsibility Center From]&amp;[PNY - Piedmont Natural Gas]"/>
              </groupMembers>
            </group>
            <group name="Responsibility_Center_Level_02_Name_-_DescriptionXl_Grp_2" uniqueName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aption="Group2" uniqueParent="[CB - Responsibility Center HIER].[Responsibility Center Level 02 Name - Description].[All]" id="2">
              <groupMembers count="1">
                <groupMember uniqueName="[CB - Responsibility Center HIER].[Responsibility Center Level 02 Name - Description].&amp;[2022-01-01T00:00:00]&amp;[RESP_CENTER_ALLOC]&amp;[ALL_RESP_FROMS - All Responsibility Center From]&amp;[503_DEO - Duke Energy Ohio]"/>
              </groupMembers>
            </group>
            <group name="Responsibility_Center_Level_02_Name_-_DescriptionXl_Grp_3" uniqueName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aption="Group3" uniqueParent="[CB - Responsibility Center HIER].[Responsibility Center Level 02 Name - Description].[All]" id="3">
              <groupMembers count="1">
                <groupMember uniqueName="[CB - Responsibility Center HIER].[Responsibility Center Level 02 Name - Description].&amp;[2022-01-01T00:00:00]&amp;[RESP_CENTER_ALLOC]&amp;[ALL_RESP_FROMS - All Responsibility Center From]&amp;[110_SERVICE_COMPANY - Duke Energy Business Services]"/>
              </groupMembers>
            </group>
          </groups>
        </groupLevel>
      </groupLevels>
    </cacheHierarchy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Group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Group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Group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Group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Group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Group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Group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Group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Group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Group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Group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Group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Group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Group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Group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Group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Group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Group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Group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Group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Group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Group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Group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Group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Group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Group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Group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Group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Group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Group="0"/>
    <cacheHierarchy uniqueName="[CB - Responsibility Center HIER].[Responsibility Center Parent Description]" caption="Responsibility Center Parent Description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Group="0">
      <groupLevels count="3">
        <groupLevel uniqueName="[CB - Responsibility Center HIER].[Responsibility Center Parent Description].[(All)]" caption="(All)"/>
        <groupLevel uniqueName="[CB - Responsibility Center HIER].[Responsibility Center Parent Description].[Responsibility Center Parent Description1]" caption="Responsibility Center Parent Description1" user="1"/>
        <groupLevel uniqueName="[CB - Responsibility Center HIER].[Responsibility Center Parent Description].[Responsibility Center Parent Description]" caption="Responsibility Center Parent Description">
          <groups count="2">
            <group name="Responsibility_Center_Parent_DescriptionXl_Grp_3" uniqueName="[CB - Responsibility Center HIER].[Responsibility Center Parent Description].[Responsibility Center Parent Description1].[GROUPMEMBER.[Responsibility_Center_Parent_DescriptionXl_Grp_3]].[CB - Responsibility Center HIER]].[Responsibility Center Parent Description]].[All]]]" caption="Group3" uniqueParent="[CB - Responsibility Center HIER].[Responsibility Center Parent Description].[All]" id="3">
              <groupMembers count="5">
                <groupMember uniqueName="[CB - Responsibility Center HIER].[Responsibility Center Parent Description].&amp;[DEO Gas]"/>
                <groupMember uniqueName="[CB - Responsibility Center HIER].[Responsibility Center Parent Description].&amp;[DEO Other]"/>
                <groupMember uniqueName="[CB - Responsibility Center HIER].[Responsibility Center Parent Description].&amp;[DEO Power Delivery]"/>
                <groupMember uniqueName="[CB - Responsibility Center HIER].[Responsibility Center Parent Description].&amp;[DEO_CUST_OPS]"/>
                <groupMember uniqueName="[CB - Responsibility Center HIER].[Responsibility Center Parent Description].&amp;[DEO_CUST_OTH]"/>
              </groupMembers>
            </group>
            <group name="Responsibility_Center_Parent_DescriptionXl_Grp_1" uniqueName="[CB - Responsibility Center HIER].[Responsibility Center Parent Description].[Responsibility Center Parent Description1].[GROUPMEMBER.[Responsibility_Center_Parent_DescriptionXl_Grp_1]].[CB - Responsibility Center HIER]].[Responsibility Center Parent Description]].[All]]]" caption="Group1" uniqueParent="[CB - Responsibility Center HIER].[Responsibility Center Parent Description].[All]" id="1">
              <groupMembers count="5">
                <groupMember uniqueName="[CB - Responsibility Center HIER].[Responsibility Center Parent Description].&amp;[DEK Fossil]"/>
                <groupMember uniqueName="[CB - Responsibility Center HIER].[Responsibility Center Parent Description].&amp;[DEK Power Delivery]"/>
                <groupMember uniqueName="[CB - Responsibility Center HIER].[Responsibility Center Parent Description].&amp;[DEK Customer Ops]"/>
                <groupMember uniqueName="[CB - Responsibility Center HIER].[Responsibility Center Parent Description].&amp;[DEK Gas]"/>
                <groupMember uniqueName="[CB - Responsibility Center HIER].[Responsibility Center Parent Description].&amp;[DEK Other]"/>
              </groupMembers>
            </group>
          </groups>
        </groupLevel>
      </groupLevels>
    </cacheHierarchy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Group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2" unbalanced="0" unbalancedGroup="0">
      <fieldsUsage count="2">
        <fieldUsage x="-1"/>
        <fieldUsage x="8"/>
      </fieldsUsage>
    </cacheHierarchy>
    <cacheHierarchy uniqueName="[GL Scenario].[Is Current]" caption="Is Current" attribute="1" defaultMemberUniqueName="[GL Scenario].[Is Current].[All]" allUniqueName="[GL Scenario].[Is Current].[All]" dimensionUniqueName="[GL Scenario]" displayFolder="" count="0" unbalancedGroup="0"/>
    <cacheHierarchy uniqueName="[GL Scenario].[Is Future]" caption="Is Future" attribute="1" defaultMemberUniqueName="[GL Scenario].[Is Future].[All]" allUniqueName="[GL Scenario].[Is Future].[All]" dimensionUniqueName="[GL Scenario]" displayFolder="" count="0" unbalancedGroup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Group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Group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Group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Group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Group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Group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 unbalancedGroup="0">
      <fieldsUsage count="5">
        <fieldUsage x="-1"/>
        <fieldUsage x="3"/>
        <fieldUsage x="4"/>
        <fieldUsage x="5"/>
        <fieldUsage x="13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Group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Group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Group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Group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Group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Group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Group="0" hidden="1"/>
    <cacheHierarchy uniqueName="[CB - Responsibility Center HIER].[Responsibility Center Level 02 Name - Description Internal]" caption="Responsibility Center Level 02 Name - Description Internal" attribute="1" defaultMemberUniqueName="[CB - Responsibility Center HIER].[Responsibility Center Level 02 Name - Description Internal].[All]" allUniqueName="[CB - Responsibility Center HIER].[Responsibility Center Level 02 Name - Description Internal].[All]" dimensionUniqueName="[CB - Responsibility Center HIER]" displayFolder="" count="0" unbalancedGroup="0" hidden="1"/>
    <cacheHierarchy uniqueName="[CB - Responsibility Center HIER].[Responsibility Center Level 02 Name - Description1]" caption="Responsibility Center Level 02 Name - Description1" attribute="1" defaultMemberUniqueName="[CB - Responsibility Center HIER].[Responsibility Center Level 02 Name - Description1].[All]" allUniqueName="[CB - Responsibility Center HIER].[Responsibility Center Level 02 Name - Description1].[All]" dimensionUniqueName="[CB - Responsibility Center HIER]" displayFolder="" count="0" unbalancedGroup="0" hidden="1"/>
    <cacheHierarchy uniqueName="[CB - Responsibility Center HIER].[Responsibility Center Parent Description Internal]" caption="Responsibility Center Parent Description Internal" attribute="1" defaultMemberUniqueName="[CB - Responsibility Center HIER].[Responsibility Center Parent Description Internal].[All]" allUniqueName="[CB - Responsibility Center HIER].[Responsibility Center Parent Description Internal].[All]" dimensionUniqueName="[CB - Responsibility Center HIER]" displayFolder="" count="0" unbalancedGroup="0" hidden="1"/>
    <cacheHierarchy uniqueName="[CB - Responsibility Center HIER].[Responsibility Center Parent Description1]" caption="Responsibility Center Parent Description1" attribute="1" defaultMemberUniqueName="[CB - Responsibility Center HIER].[Responsibility Center Parent Description1].[All]" allUniqueName="[CB - Responsibility Center HIER].[Responsibility Center Parent Description1].[All]" dimensionUniqueName="[CB - Responsibility Center HIER]" displayFolder="" count="0" unbalancedGroup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Group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Group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Group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Group="0" hidden="1"/>
    <cacheHierarchy uniqueName="[Time].[Fiscal Year]" caption="Fiscal Year" attribute="1" time="1" defaultMemberUniqueName="[Time].[Fiscal Year].[All]" allUniqueName="[Time].[Fiscal Year].[All]" dimensionUniqueName="[Time]" displayFolder="" count="0" unbalancedGroup="0" hidden="1"/>
    <cacheHierarchy uniqueName="[Measures].[MTD Actual Amount]" caption="MTD Actual Amount" measure="1" displayFolder="" measureGroup="Ledger AvB" count="0" oneField="1">
      <fieldsUsage count="1">
        <fieldUsage x="71"/>
      </fieldsUsage>
    </cacheHierarchy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/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Cache/pivotCacheDefinition3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saveData="0" refreshedBy="Dani Weatherston" refreshedDate="44946.828609143522" backgroundQuery="1" createdVersion="4" refreshedVersion="7" minRefreshableVersion="3" recordCount="0" supportSubquery="1" supportAdvancedDrill="1" xr:uid="{EF358DEE-C84D-4380-9297-0B6B9F104F2B}">
  <cacheSource type="external" connectionId="1"/>
  <cacheFields count="72">
    <cacheField name="[Business Rule].[_Rule Year].[_Rule Year]" caption="_Rule Year" numFmtId="0" hierarchy="1" level="1">
      <sharedItems containsSemiMixedTypes="0" containsString="0"/>
    </cacheField>
    <cacheField name="[Business Rule].[ENT Jurisdiction].[ENT Jurisdiction]" caption="ENT Jurisdiction" numFmtId="0" hierarchy="48" level="1">
      <sharedItems count="1">
        <s v="[Business Rule].[ENT Jurisdiction].&amp;[Duke Energy Kentucky - Electric]" c="Duke Energy Kentucky - Electric"/>
      </sharedItems>
    </cacheField>
    <cacheField name="[Business Rule].[ENT Accounting Class].[ENT Accounting Class]" caption="ENT Accounting Class" numFmtId="0" hierarchy="43" level="1">
      <sharedItems count="2">
        <s v="[Business Rule].[ENT Accounting Class].&amp;[O&amp;M]" c="O&amp;M"/>
        <s v="[Business Rule].[ENT Accounting Class].&amp;[Other]" c="Other"/>
      </sharedItems>
    </cacheField>
    <cacheField name="[Time].[Time Hierarchy Y-Q-M].[Fiscal Year]" caption="Fiscal Year" numFmtId="0" hierarchy="579" level="1">
      <sharedItems count="2">
        <s v="[Time].[Time Hierarchy Y-Q-M].[Fiscal Year].&amp;[2020]" c="2020"/>
        <s v="[Time].[Time Hierarchy Y-Q-M].[Fiscal Year].&amp;[2019]" u="1" c="2019"/>
      </sharedItems>
    </cacheField>
    <cacheField name="[Time].[Time Hierarchy Y-Q-M].[Calendar Quarter]" caption="Calendar Quarter" numFmtId="0" hierarchy="579" level="2" mappingCount="1">
      <sharedItems count="4">
        <s v="[Time].[Time Hierarchy Y-Q-M].[Calendar Quarter].&amp;[2020]&amp;[1]" c="Q1 2020" cp="1">
          <x/>
        </s>
        <s v="[Time].[Time Hierarchy Y-Q-M].[Calendar Quarter].&amp;[2020]&amp;[2]" c="Q2 2020" cp="1">
          <x/>
        </s>
        <s v="[Time].[Time Hierarchy Y-Q-M].[Calendar Quarter].&amp;[2020]&amp;[3]" c="Q3 2020" cp="1">
          <x/>
        </s>
        <s v="[Time].[Time Hierarchy Y-Q-M].[Calendar Quarter].&amp;[2020]&amp;[4]" c="Q4 2020" cp="1">
          <x/>
        </s>
      </sharedItems>
      <mpMap v="6"/>
    </cacheField>
    <cacheField name="[Time].[Time Hierarchy Y-Q-M].[Accounting Period]" caption="Accounting Period" numFmtId="0" hierarchy="579" level="3" mappingCount="1">
      <sharedItems count="12">
        <s v="[Time].[Time Hierarchy Y-Q-M].[Accounting Period].&amp;[2020001]" c="Jan 2020" cp="1">
          <x/>
        </s>
        <s v="[Time].[Time Hierarchy Y-Q-M].[Accounting Period].&amp;[2020002]" c="Feb 2020" cp="1">
          <x/>
        </s>
        <s v="[Time].[Time Hierarchy Y-Q-M].[Accounting Period].&amp;[2020003]" c="Mar 2020" cp="1">
          <x/>
        </s>
        <s v="[Time].[Time Hierarchy Y-Q-M].[Accounting Period].&amp;[2020004]" c="Apr 2020" cp="1">
          <x v="1"/>
        </s>
        <s v="[Time].[Time Hierarchy Y-Q-M].[Accounting Period].&amp;[2020005]" c="May 2020" cp="1">
          <x v="1"/>
        </s>
        <s v="[Time].[Time Hierarchy Y-Q-M].[Accounting Period].&amp;[2020006]" c="Jun 2020" cp="1">
          <x v="1"/>
        </s>
        <s v="[Time].[Time Hierarchy Y-Q-M].[Accounting Period].&amp;[2020007]" c="Jul 2020" cp="1">
          <x v="2"/>
        </s>
        <s v="[Time].[Time Hierarchy Y-Q-M].[Accounting Period].&amp;[2020008]" c="Aug 2020" cp="1">
          <x v="2"/>
        </s>
        <s v="[Time].[Time Hierarchy Y-Q-M].[Accounting Period].&amp;[2020009]" c="Sep 2020" cp="1">
          <x v="2"/>
        </s>
        <s v="[Time].[Time Hierarchy Y-Q-M].[Accounting Period].&amp;[2020010]" c="Oct 2020" cp="1">
          <x v="3"/>
        </s>
        <s v="[Time].[Time Hierarchy Y-Q-M].[Accounting Period].&amp;[2020011]" c="Nov 2020" cp="1">
          <x v="3"/>
        </s>
        <s v="[Time].[Time Hierarchy Y-Q-M].[Accounting Period].&amp;[2020012]" c="Dec 2020" cp="1">
          <x v="3"/>
        </s>
      </sharedItems>
      <mpMap v="7"/>
    </cacheField>
    <cacheField name="[Time].[Time Hierarchy Y-Q-M].[Calendar Quarter].[Fiscal Year]" caption="Fiscal Year" propertyName="Fiscal Year" numFmtId="0" hierarchy="579" level="2" memberPropertyField="1">
      <sharedItems containsSemiMixedTypes="0" containsString="0" containsNumber="1" containsInteger="1" minValue="2020" maxValue="2020" count="1">
        <n v="2020"/>
      </sharedItems>
    </cacheField>
    <cacheField name="[Time].[Time Hierarchy Y-Q-M].[Accounting Period].[Calendar Quarter]" caption="Calendar Quarter" propertyName="Calendar Quarter" numFmtId="0" hierarchy="579" level="3" memberPropertyField="1">
      <sharedItems count="4">
        <s v="Q1 2020"/>
        <s v="Q2 2020"/>
        <s v="Q3 2020"/>
        <s v="Q4 2020"/>
      </sharedItems>
    </cacheField>
    <cacheField name="[GL Scenario].[GL Scenario].[GL Scenario]" caption="GL Scenario" numFmtId="0" hierarchy="570" level="1">
      <sharedItems containsSemiMixedTypes="0" containsString="0"/>
    </cacheField>
    <cacheField name="[GL Scenario].[GL Scenario].[GL Scenario].[IS Current]" caption="IS Current" propertyName="IS Current" numFmtId="0" hierarchy="570" level="1" memberPropertyField="1">
      <sharedItems containsSemiMixedTypes="0" containsString="0"/>
    </cacheField>
    <cacheField name="[GL Scenario].[GL Scenario].[GL Scenario].[Is Future]" caption="Is Future" propertyName="Is Future" numFmtId="0" hierarchy="570" level="1" memberPropertyField="1">
      <sharedItems containsSemiMixedTypes="0" containsString="0"/>
    </cacheField>
    <cacheField name="[GL Scenario].[GL Scenario].[GL Scenario].[Is Previous]" caption="Is Previous" propertyName="Is Previous" numFmtId="0" hierarchy="570" level="1" memberPropertyField="1">
      <sharedItems containsSemiMixedTypes="0" containsString="0"/>
    </cacheField>
    <cacheField name="[CB - Process HIER].[Process Level 06 Description].[Process Level 06 Description]" caption="Process Level 06 Description" numFmtId="0" hierarchy="381" level="1">
      <sharedItems containsSemiMixedTypes="0" containsString="0"/>
    </cacheField>
    <cacheField name="[Time].[Time Hierarchy Y-Q-M].[Current Reporting Month]" caption="Current Reporting Month" numFmtId="0" hierarchy="579" level="4">
      <sharedItems containsSemiMixedTypes="0" containsString="0"/>
    </cacheField>
    <cacheField name="[Time].[Time Hierarchy Y-Q-M].[Current Reporting Month].[Accounting Period]" caption="Accounting Period" propertyName="Accounting Period" numFmtId="0" hierarchy="579" level="4" memberPropertyField="1">
      <sharedItems containsSemiMixedTypes="0" containsString="0"/>
    </cacheField>
    <cacheField name="[Time].[Time Hierarchy Y-Q-M].[Current Reporting Month].[Accounting Period Number]" caption="Accounting Period Number" propertyName="Accounting Period Number" numFmtId="0" hierarchy="579" level="4" memberPropertyField="1">
      <sharedItems containsSemiMixedTypes="0" containsString="0"/>
    </cacheField>
    <cacheField name="[CB - Operating Unit HIER].[Operating Unit Hierarchy].[Operating Unit Effective Date]" caption="Operating Unit Effective Date" numFmtId="0" hierarchy="319" level="1">
      <sharedItems containsSemiMixedTypes="0" containsString="0"/>
    </cacheField>
    <cacheField name="[CB - Operating Unit HIER].[Operating Unit Hierarchy].[Operating Unit Hierarchy Name]" caption="Operating Unit Hierarchy Name" numFmtId="0" hierarchy="319" level="2">
      <sharedItems containsSemiMixedTypes="0" containsString="0"/>
    </cacheField>
    <cacheField name="[CB - Operating Unit HIER].[Operating Unit Hierarchy].[Operating Unit Level 01 Name - Description]" caption="Operating Unit Level 01 Name - Description" numFmtId="0" hierarchy="319" level="3">
      <sharedItems containsSemiMixedTypes="0" containsString="0"/>
    </cacheField>
    <cacheField name="[CB - Operating Unit HIER].[Operating Unit Hierarchy].[Operating Unit Level 02 Name - Description]" caption="Operating Unit Level 02 Name - Description" numFmtId="0" hierarchy="319" level="4">
      <sharedItems containsSemiMixedTypes="0" containsString="0"/>
    </cacheField>
    <cacheField name="[CB - Operating Unit HIER].[Operating Unit Hierarchy].[Operating Unit Level 03 Name - Description]" caption="Operating Unit Level 03 Name - Description" numFmtId="0" hierarchy="319" level="5">
      <sharedItems containsSemiMixedTypes="0" containsString="0"/>
    </cacheField>
    <cacheField name="[CB - Operating Unit HIER].[Operating Unit Hierarchy].[Operating Unit Level 04 Name - Description]" caption="Operating Unit Level 04 Name - Description" numFmtId="0" hierarchy="319" level="6">
      <sharedItems containsSemiMixedTypes="0" containsString="0"/>
    </cacheField>
    <cacheField name="[CB - Operating Unit HIER].[Operating Unit Hierarchy].[Operating Unit Level 05 Name - Description]" caption="Operating Unit Level 05 Name - Description" numFmtId="0" hierarchy="319" level="7">
      <sharedItems containsSemiMixedTypes="0" containsString="0"/>
    </cacheField>
    <cacheField name="[CB - Operating Unit HIER].[Operating Unit Hierarchy].[Operating Unit Level 06 Name - Description]" caption="Operating Unit Level 06 Name - Description" numFmtId="0" hierarchy="319" level="8">
      <sharedItems containsSemiMixedTypes="0" containsString="0"/>
    </cacheField>
    <cacheField name="[CB - Operating Unit HIER].[Operating Unit Hierarchy].[Operating Unit Level 07 Name - Description]" caption="Operating Unit Level 07 Name - Description" numFmtId="0" hierarchy="319" level="9">
      <sharedItems containsSemiMixedTypes="0" containsString="0"/>
    </cacheField>
    <cacheField name="[CB - Operating Unit HIER].[Operating Unit Hierarchy].[Operating Unit Level 08 Name - Description]" caption="Operating Unit Level 08 Name - Description" numFmtId="0" hierarchy="319" level="10">
      <sharedItems containsSemiMixedTypes="0" containsString="0"/>
    </cacheField>
    <cacheField name="[CB - Operating Unit HIER].[Operating Unit Hierarchy].[Operating Unit Level 09 Name - Description]" caption="Operating Unit Level 09 Name - Description" numFmtId="0" hierarchy="319" level="11">
      <sharedItems containsSemiMixedTypes="0" containsString="0"/>
    </cacheField>
    <cacheField name="[CB - Operating Unit HIER].[Operating Unit Hierarchy].[Operating Unit Level 10 Name - Description]" caption="Operating Unit Level 10 Name - Description" numFmtId="0" hierarchy="319" level="12">
      <sharedItems containsSemiMixedTypes="0" containsString="0"/>
    </cacheField>
    <cacheField name="[CB - Operating Unit HIER].[Operating Unit Hierarchy].[Operating Unit HIER]" caption="Operating Unit HIER" numFmtId="0" hierarchy="319" level="13">
      <sharedItems containsSemiMixedTypes="0" containsString="0"/>
    </cacheField>
    <cacheField name="[CB - Operating Unit HIER].[Operating Unit Hierarchy].[Operating Unit Hierarchy Name].[Operating Unit Effective Date]" caption="Operating Unit Effective Date" propertyName="Operating Unit Effective Date" numFmtId="0" hierarchy="319" level="2" memberPropertyField="1">
      <sharedItems containsSemiMixedTypes="0" containsString="0"/>
    </cacheField>
    <cacheField name="[CB - Operating Unit HIER].[Operating Unit Hierarchy].[Operating Unit Level 01 Name - Description].[Operating Unit Hierarchy Name]" caption="Operating Unit Hierarchy Name" propertyName="Operating Unit Hierarchy Name" numFmtId="0" hierarchy="319" level="3" memberPropertyField="1">
      <sharedItems containsSemiMixedTypes="0" containsString="0"/>
    </cacheField>
    <cacheField name="[CB - Operating Unit HIER].[Operating Unit Hierarchy].[Operating Unit Level 02 Name - Description].[Operating Unit Level 01 Name - Description]" caption="Operating Unit Level 01 Name - Description" propertyName="Operating Unit Level 01 Name - Description" numFmtId="0" hierarchy="319" level="4" memberPropertyField="1">
      <sharedItems containsSemiMixedTypes="0" containsString="0"/>
    </cacheField>
    <cacheField name="[CB - Operating Unit HIER].[Operating Unit Hierarchy].[Operating Unit Level 03 Name - Description].[Operating Unit Level 02 Name - Description]" caption="Operating Unit Level 02 Name - Description" propertyName="Operating Unit Level 02 Name - Description" numFmtId="0" hierarchy="319" level="5" memberPropertyField="1">
      <sharedItems containsSemiMixedTypes="0" containsString="0"/>
    </cacheField>
    <cacheField name="[CB - Operating Unit HIER].[Operating Unit Hierarchy].[Operating Unit Level 04 Name - Description].[Operating Unit Level 03 Name - Description]" caption="Operating Unit Level 03 Name - Description" propertyName="Operating Unit Level 03 Name - Description" numFmtId="0" hierarchy="319" level="6" memberPropertyField="1">
      <sharedItems containsSemiMixedTypes="0" containsString="0"/>
    </cacheField>
    <cacheField name="[CB - Operating Unit HIER].[Operating Unit Hierarchy].[Operating Unit Level 05 Name - Description].[Operating Unit Level 04 Name - Description]" caption="Operating Unit Level 04 Name - Description" propertyName="Operating Unit Level 04 Name - Description" numFmtId="0" hierarchy="319" level="7" memberPropertyField="1">
      <sharedItems containsSemiMixedTypes="0" containsString="0"/>
    </cacheField>
    <cacheField name="[CB - Operating Unit HIER].[Operating Unit Hierarchy].[Operating Unit Level 06 Name - Description].[Operating Unit Level 05 Name - Description]" caption="Operating Unit Level 05 Name - Description" propertyName="Operating Unit Level 05 Name - Description" numFmtId="0" hierarchy="319" level="8" memberPropertyField="1">
      <sharedItems containsSemiMixedTypes="0" containsString="0"/>
    </cacheField>
    <cacheField name="[CB - Operating Unit HIER].[Operating Unit Hierarchy].[Operating Unit Level 07 Name - Description].[Operating Unit Level 06 Name - Description]" caption="Operating Unit Level 06 Name - Description" propertyName="Operating Unit Level 06 Name - Description" numFmtId="0" hierarchy="319" level="9" memberPropertyField="1">
      <sharedItems containsSemiMixedTypes="0" containsString="0"/>
    </cacheField>
    <cacheField name="[CB - Operating Unit HIER].[Operating Unit Hierarchy].[Operating Unit Level 08 Name - Description].[Operating Unit Level 07 Name - Description]" caption="Operating Unit Level 07 Name - Description" propertyName="Operating Unit Level 07 Name - Description" numFmtId="0" hierarchy="319" level="10" memberPropertyField="1">
      <sharedItems containsSemiMixedTypes="0" containsString="0"/>
    </cacheField>
    <cacheField name="[CB - Operating Unit HIER].[Operating Unit Hierarchy].[Operating Unit Level 09 Name - Description].[Operating Unit Level 08 Name - Description]" caption="Operating Unit Level 08 Name - Description" propertyName="Operating Unit Level 08 Name - Description" numFmtId="0" hierarchy="319" level="11" memberPropertyField="1">
      <sharedItems containsSemiMixedTypes="0" containsString="0"/>
    </cacheField>
    <cacheField name="[CB - Operating Unit HIER].[Operating Unit Hierarchy].[Operating Unit Level 10 Name - Description].[Operating Unit Level 09 Name - Description]" caption="Operating Unit Level 09 Name - Description" propertyName="Operating Unit Level 09 Name - Description" numFmtId="0" hierarchy="319" level="12" memberPropertyField="1">
      <sharedItems containsSemiMixedTypes="0" containsString="0"/>
    </cacheField>
    <cacheField name="[CB - Operating Unit HIER].[Operating Unit Hierarchy].[Operating Unit HIER].[Operating Unit HIER Description Long]" caption="Operating Unit HIER Description Long" propertyName="Operating Unit HIER Description Long" numFmtId="0" hierarchy="319" level="13" memberPropertyField="1">
      <sharedItems containsSemiMixedTypes="0" containsString="0"/>
    </cacheField>
    <cacheField name="[CB - Operating Unit HIER].[Operating Unit Hierarchy].[Operating Unit HIER].[Operating Unit HIER Description Short]" caption="Operating Unit HIER Description Short" propertyName="Operating Unit HIER Description Short" numFmtId="0" hierarchy="319" level="13" memberPropertyField="1">
      <sharedItems containsSemiMixedTypes="0" containsString="0"/>
    </cacheField>
    <cacheField name="[CB - Operating Unit HIER].[Operating Unit Hierarchy].[Operating Unit HIER].[Operating Unit HIER Type Set ID]" caption="Operating Unit HIER Type Set ID" propertyName="Operating Unit HIER Type Set ID" numFmtId="0" hierarchy="319" level="13" memberPropertyField="1">
      <sharedItems containsSemiMixedTypes="0" containsString="0"/>
    </cacheField>
    <cacheField name="[CB - Operating Unit HIER].[Operating Unit Hierarchy].[Operating Unit HIER].[Operating Unit Level 01 Description]" caption="Operating Unit Level 01 Description" propertyName="Operating Unit Level 01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1 Name]" caption="Operating Unit Level 01 Name" propertyName="Operating Unit Level 01 Name" numFmtId="0" hierarchy="319" level="13" memberPropertyField="1">
      <sharedItems containsSemiMixedTypes="0" containsString="0"/>
    </cacheField>
    <cacheField name="[CB - Operating Unit HIER].[Operating Unit Hierarchy].[Operating Unit HIER].[Operating Unit Level 02 Description]" caption="Operating Unit Level 02 Description" propertyName="Operating Unit Level 02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2 Name]" caption="Operating Unit Level 02 Name" propertyName="Operating Unit Level 02 Name" numFmtId="0" hierarchy="319" level="13" memberPropertyField="1">
      <sharedItems containsSemiMixedTypes="0" containsString="0"/>
    </cacheField>
    <cacheField name="[CB - Operating Unit HIER].[Operating Unit Hierarchy].[Operating Unit HIER].[Operating Unit Level 03 Description]" caption="Operating Unit Level 03 Description" propertyName="Operating Unit Level 03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3 Name]" caption="Operating Unit Level 03 Name" propertyName="Operating Unit Level 03 Name" numFmtId="0" hierarchy="319" level="13" memberPropertyField="1">
      <sharedItems containsSemiMixedTypes="0" containsString="0"/>
    </cacheField>
    <cacheField name="[CB - Operating Unit HIER].[Operating Unit Hierarchy].[Operating Unit HIER].[Operating Unit Level 04 Description]" caption="Operating Unit Level 04 Description" propertyName="Operating Unit Level 04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4 Name]" caption="Operating Unit Level 04 Name" propertyName="Operating Unit Level 04 Name" numFmtId="0" hierarchy="319" level="13" memberPropertyField="1">
      <sharedItems containsSemiMixedTypes="0" containsString="0"/>
    </cacheField>
    <cacheField name="[CB - Operating Unit HIER].[Operating Unit Hierarchy].[Operating Unit HIER].[Operating Unit Level 05 Description]" caption="Operating Unit Level 05 Description" propertyName="Operating Unit Level 05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5 Name]" caption="Operating Unit Level 05 Name" propertyName="Operating Unit Level 05 Name" numFmtId="0" hierarchy="319" level="13" memberPropertyField="1">
      <sharedItems containsSemiMixedTypes="0" containsString="0"/>
    </cacheField>
    <cacheField name="[CB - Operating Unit HIER].[Operating Unit Hierarchy].[Operating Unit HIER].[Operating Unit Level 06 Description]" caption="Operating Unit Level 06 Description" propertyName="Operating Unit Level 06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6 Name]" caption="Operating Unit Level 06 Name" propertyName="Operating Unit Level 06 Name" numFmtId="0" hierarchy="319" level="13" memberPropertyField="1">
      <sharedItems containsSemiMixedTypes="0" containsString="0"/>
    </cacheField>
    <cacheField name="[CB - Operating Unit HIER].[Operating Unit Hierarchy].[Operating Unit HIER].[Operating Unit Level 07 Description]" caption="Operating Unit Level 07 Description" propertyName="Operating Unit Level 07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7 Name]" caption="Operating Unit Level 07 Name" propertyName="Operating Unit Level 07 Name" numFmtId="0" hierarchy="319" level="13" memberPropertyField="1">
      <sharedItems containsSemiMixedTypes="0" containsString="0"/>
    </cacheField>
    <cacheField name="[CB - Operating Unit HIER].[Operating Unit Hierarchy].[Operating Unit HIER].[Operating Unit Level 08 Description]" caption="Operating Unit Level 08 Description" propertyName="Operating Unit Level 08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8 Name]" caption="Operating Unit Level 08 Name" propertyName="Operating Unit Level 08 Name" numFmtId="0" hierarchy="319" level="13" memberPropertyField="1">
      <sharedItems containsSemiMixedTypes="0" containsString="0"/>
    </cacheField>
    <cacheField name="[CB - Operating Unit HIER].[Operating Unit Hierarchy].[Operating Unit HIER].[Operating Unit Level 09 Description]" caption="Operating Unit Level 09 Description" propertyName="Operating Unit Level 09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09 Name]" caption="Operating Unit Level 09 Name" propertyName="Operating Unit Level 09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Description]" caption="Operating Unit Level 10 Description" propertyName="Operating Unit Level 10 Description" numFmtId="0" hierarchy="319" level="13" memberPropertyField="1">
      <sharedItems containsSemiMixedTypes="0" containsString="0"/>
    </cacheField>
    <cacheField name="[CB - Operating Unit HIER].[Operating Unit Hierarchy].[Operating Unit HIER].[Operating Unit Level 10 Name]" caption="Operating Unit Level 10 Name" propertyName="Operating Unit Level 10 Name" numFmtId="0" hierarchy="319" level="13" memberPropertyField="1">
      <sharedItems containsSemiMixedTypes="0" containsString="0"/>
    </cacheField>
    <cacheField name="[CB - Operating Unit HIER].[Operating Unit Hierarchy].[Operating Unit HIER].[Operating Unit Level 10 Name - Description]" caption="Operating Unit Level 10 Name - Description" propertyName="Operating Unit Level 10 Name -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Description]" caption="Operating Unit Parent Description" propertyName="Operating Unit Parent Description" numFmtId="0" hierarchy="319" level="13" memberPropertyField="1">
      <sharedItems containsSemiMixedTypes="0" containsString="0"/>
    </cacheField>
    <cacheField name="[CB - Operating Unit HIER].[Operating Unit Hierarchy].[Operating Unit HIER].[Operating Unit Parent Name]" caption="Operating Unit Parent Name" propertyName="Operating Unit Parent Name" numFmtId="0" hierarchy="319" level="13" memberPropertyField="1">
      <sharedItems containsSemiMixedTypes="0" containsString="0"/>
    </cacheField>
    <cacheField name="[CB - Account].[Account CB - Description].[Account CB - Description]" caption="Account CB - Description" numFmtId="0" hierarchy="139" level="1">
      <sharedItems count="159">
        <s v="[CB - Account].[Account CB - Description].&amp;[0500000 - Suprvsn and Engrg - Steam Oper]" c="0500000 - Suprvsn and Engrg - Steam Oper"/>
        <s v="[CB - Account].[Account CB - Description].&amp;[0500100 - Fossil Oper Superv&amp;Engineer-Re]" c="0500100 - Fossil Oper Superv&amp;Engineer-Re"/>
        <s v="[CB - Account].[Account CB - Description].&amp;[0501150 - Coal &amp; Other Fuel Handling]" c="0501150 - Coal &amp; Other Fuel Handling"/>
        <s v="[CB - Account].[Account CB - Description].&amp;[0501180 - Sale Of Fly Ash-Revenues]" c="0501180 - Sale Of Fly Ash-Revenues"/>
        <s v="[CB - Account].[Account CB - Description].&amp;[0501190 - Sale Of Fly Ash-Expenses]" c="0501190 - Sale Of Fly Ash-Expenses"/>
        <s v="[CB - Account].[Account CB - Description].&amp;[0502020 - Ammonia - Qualifying]" c="0502020 - Ammonia - Qualifying"/>
        <s v="[CB - Account].[Account CB - Description].&amp;[0502040 - COST OF LIME]" c="0502040 - COST OF LIME"/>
        <s v="[CB - Account].[Account CB - Description].&amp;[0502100 - Fossil Steam Exp-Other]" c="0502100 - Fossil Steam Exp-Other"/>
        <s v="[CB - Account].[Account CB - Description].&amp;[0502410 - Steam Oper-Bottom Ash/Fly Ash]" c="0502410 - Steam Oper-Bottom Ash/Fly Ash"/>
        <s v="[CB - Account].[Account CB - Description].&amp;[0505000 - Electric Expenses-Steam Oper]" c="0505000 - Electric Expenses-Steam Oper"/>
        <s v="[CB - Account].[Account CB - Description].&amp;[0506000 - Misc Fossil Power Expenses]" c="0506000 - Misc Fossil Power Expenses"/>
        <s v="[CB - Account].[Account CB - Description].&amp;[0507000 - Steam Power Gen-Op Rents]" c="0507000 - Steam Power Gen-Op Rents"/>
        <s v="[CB - Account].[Account CB - Description].&amp;[0510000 - Suprvsn and Engrng-Steam Maint]" c="0510000 - Suprvsn and Engrng-Steam Maint"/>
        <s v="[CB - Account].[Account CB - Description].&amp;[0510100 - Suprvsn &amp; Engrng-Steam Maint R]" c="0510100 - Suprvsn &amp; Engrng-Steam Maint R"/>
        <s v="[CB - Account].[Account CB - Description].&amp;[0511000 - Maint Of Structures-Steam]" c="0511000 - Maint Of Structures-Steam"/>
        <s v="[CB - Account].[Account CB - Description].&amp;[0512100 - Maint Of Boiler Plant-Other]" c="0512100 - Maint Of Boiler Plant-Other"/>
        <s v="[CB - Account].[Account CB - Description].&amp;[0513100 - Maint Of Electric Plant-Other]" c="0513100 - Maint Of Electric Plant-Other"/>
        <s v="[CB - Account].[Account CB - Description].&amp;[0514000 - Maintenance - Misc Steam Plant]" c="0514000 - Maintenance - Misc Steam Plant"/>
        <s v="[CB - Account].[Account CB - Description].&amp;[0514300 - Maintenance - Misc Steam Plant]" c="0514300 - Maintenance - Misc Steam Plant"/>
        <s v="[CB - Account].[Account CB - Description].&amp;[0524000 - Misc Expenses-Nuc Oper]" c="0524000 - Misc Expenses-Nuc Oper"/>
        <s v="[CB - Account].[Account CB - Description].&amp;[0528000 - Maint Suprvsn and Enginrng-Nuc]" c="0528000 - Maint Suprvsn and Enginrng-Nuc"/>
        <s v="[CB - Account].[Account CB - Description].&amp;[0530000 - Maint Of Reactor Plt Equip-Nuc]" c="0530000 - Maint Of Reactor Plt Equip-Nuc"/>
        <s v="[CB - Account].[Account CB - Description].&amp;[0531100 - Maint  Electric Plt-Other-Nuc]" c="0531100 - Maint  Electric Plt-Other-Nuc"/>
        <s v="[CB - Account].[Account CB - Description].&amp;[0532100 - Maint Misc Nuclear Plt-Other]" c="0532100 - Maint Misc Nuclear Plt-Other"/>
        <s v="[CB - Account].[Account CB - Description].&amp;[0535000 - Supervsn and Engrng-Hydro Oper]" c="0535000 - Supervsn and Engrng-Hydro Oper"/>
        <s v="[CB - Account].[Account CB - Description].&amp;[0546000 - Suprvsn and Enginring-CT Oper]" c="0546000 - Suprvsn and Enginring-CT Oper"/>
        <s v="[CB - Account].[Account CB - Description].&amp;[0547150 - Natural Gas Handling-CT]" c="0547150 - Natural Gas Handling-CT"/>
        <s v="[CB - Account].[Account CB - Description].&amp;[0548100 - Generation Expenses-Other CT]" c="0548100 - Generation Expenses-Other CT"/>
        <s v="[CB - Account].[Account CB - Description].&amp;[0548200 - Prime Movers - Generators- CT]" c="0548200 - Prime Movers - Generators- CT"/>
        <s v="[CB - Account].[Account CB - Description].&amp;[0549000 - Misc-Power Generation Expenses]" c="0549000 - Misc-Power Generation Expenses"/>
        <s v="[CB - Account].[Account CB - Description].&amp;[0551000 - Suprvsn and Enginring-CT Maint]" c="0551000 - Suprvsn and Enginring-CT Maint"/>
        <s v="[CB - Account].[Account CB - Description].&amp;[0552000 - Maintenance Of Structures-CT]" c="0552000 - Maintenance Of Structures-CT"/>
        <s v="[CB - Account].[Account CB - Description].&amp;[0552220 - Solar: Maint of Structures]" c="0552220 - Solar: Maint of Structures"/>
        <s v="[CB - Account].[Account CB - Description].&amp;[0553000 - Maint-Gentg and Elect Equip-CT]" c="0553000 - Maint-Gentg and Elect Equip-CT"/>
        <s v="[CB - Account].[Account CB - Description].&amp;[0554000 - Misc Power Generation Plant-CT]" c="0554000 - Misc Power Generation Plant-CT"/>
        <s v="[CB - Account].[Account CB - Description].&amp;[0554220 - Solar: Maint Misc Gen Plt]" c="0554220 - Solar: Maint Misc Gen Plt"/>
        <s v="[CB - Account].[Account CB - Description].&amp;[0556000 - System Cnts &amp; Load Dispatching]" c="0556000 - System Cnts &amp; Load Dispatching"/>
        <s v="[CB - Account].[Account CB - Description].&amp;[0557000 - Other Expenses-Oper]" c="0557000 - Other Expenses-Oper"/>
        <s v="[CB - Account].[Account CB - Description].&amp;[0557450 - Commissions/Brokerage Expense]" c="0557450 - Commissions/Brokerage Expense"/>
        <s v="[CB - Account].[Account CB - Description].&amp;[0557451 - EA &amp; Coal Broker Fees]" c="0557451 - EA &amp; Coal Broker Fees"/>
        <s v="[CB - Account].[Account CB - Description].&amp;[0560000 - Supervsn and Engrng-Trans Oper]" c="0560000 - Supervsn and Engrng-Trans Oper"/>
        <s v="[CB - Account].[Account CB - Description].&amp;[0561100 - Load Dispatch-Reliability]" c="0561100 - Load Dispatch-Reliability"/>
        <s v="[CB - Account].[Account CB - Description].&amp;[0561200 - Load Dispatch-Mnitor&amp;OprTrnSys]" c="0561200 - Load Dispatch-Mnitor&amp;OprTrnSys"/>
        <s v="[CB - Account].[Account CB - Description].&amp;[0561300 - Load Dispatch - TransSvc&amp;Sch]" c="0561300 - Load Dispatch - TransSvc&amp;Sch"/>
        <s v="[CB - Account].[Account CB - Description].&amp;[0561400 - Scheduling-Sys Cntrl&amp;Disp Svs]" c="0561400 - Scheduling-Sys Cntrl&amp;Disp Svs"/>
        <s v="[CB - Account].[Account CB - Description].&amp;[0561800 - Reliability-Plan&amp;Stds Dev]" c="0561800 - Reliability-Plan&amp;Stds Dev"/>
        <s v="[CB - Account].[Account CB - Description].&amp;[0562000 - Station Expenses]" c="0562000 - Station Expenses"/>
        <s v="[CB - Account].[Account CB - Description].&amp;[0563000 - Overhead Line Expenses-Trans]" c="0563000 - Overhead Line Expenses-Trans"/>
        <s v="[CB - Account].[Account CB - Description].&amp;[0565000 - Transm Of Elec By Others]" c="0565000 - Transm Of Elec By Others"/>
        <s v="[CB - Account].[Account CB - Description].&amp;[0566000 - Misc Trans Exp-Other]" c="0566000 - Misc Trans Exp-Other"/>
        <s v="[CB - Account].[Account CB - Description].&amp;[0566100 - Misc Trans-Trans Lines Related]" c="0566100 - Misc Trans-Trans Lines Related"/>
        <s v="[CB - Account].[Account CB - Description].&amp;[0569000 - Maint Of Structures-Trans]" c="0569000 - Maint Of Structures-Trans"/>
        <s v="[CB - Account].[Account CB - Description].&amp;[0569100 - Maint of Computer Hardware]" c="0569100 - Maint of Computer Hardware"/>
        <s v="[CB - Account].[Account CB - Description].&amp;[0569200 - Maint Of Computer Software]" c="0569200 - Maint Of Computer Software"/>
        <s v="[CB - Account].[Account CB - Description].&amp;[0570100 - Maint  Stat Equip-Other- Trans]" c="0570100 - Maint  Stat Equip-Other- Trans"/>
        <s v="[CB - Account].[Account CB - Description].&amp;[0570200 - Main-Cir BrkrsTrnsf Mtrs-Trans]" c="0570200 - Main-Cir BrkrsTrnsf Mtrs-Trans"/>
        <s v="[CB - Account].[Account CB - Description].&amp;[0571000 - Maint Of Overhead Lines-Trans]" c="0571000 - Maint Of Overhead Lines-Trans"/>
        <s v="[CB - Account].[Account CB - Description].&amp;[0575700 - Market Faciliation-Mntr&amp;Comp]" c="0575700 - Market Faciliation-Mntr&amp;Comp"/>
        <s v="[CB - Account].[Account CB - Description].&amp;[0580000 - Supervsn and Engring-Dist Oper]" c="0580000 - Supervsn and Engring-Dist Oper"/>
        <s v="[CB - Account].[Account CB - Description].&amp;[0581004 - Load Dispatch-Dist of Elec]" c="0581004 - Load Dispatch-Dist of Elec"/>
        <s v="[CB - Account].[Account CB - Description].&amp;[0582100 - Station Expenses-Other-Dist]" c="0582100 - Station Expenses-Other-Dist"/>
        <s v="[CB - Account].[Account CB - Description].&amp;[0583100 - Overhead Line Exps-Other-Dist]" c="0583100 - Overhead Line Exps-Other-Dist"/>
        <s v="[CB - Account].[Account CB - Description].&amp;[0583200 - Transf Set Rem Reset Test-Dist]" c="0583200 - Transf Set Rem Reset Test-Dist"/>
        <s v="[CB - Account].[Account CB - Description].&amp;[0584000 - Underground Line Expenses-Dist]" c="0584000 - Underground Line Expenses-Dist"/>
        <s v="[CB - Account].[Account CB - Description].&amp;[0586000 - Meter Expenses-Dist]" c="0586000 - Meter Expenses-Dist"/>
        <s v="[CB - Account].[Account CB - Description].&amp;[0587000 - Cust Install Exp-Other Dist]" c="0587000 - Cust Install Exp-Other Dist"/>
        <s v="[CB - Account].[Account CB - Description].&amp;[0588100 - Misc Distribution Exp-Other]" c="0588100 - Misc Distribution Exp-Other"/>
        <s v="[CB - Account].[Account CB - Description].&amp;[0589000 - Rents-Dist Oper]" c="0589000 - Rents-Dist Oper"/>
        <s v="[CB - Account].[Account CB - Description].&amp;[0590000 - Supervsn and Engrng-Dist Maint]" c="0590000 - Supervsn and Engrng-Dist Maint"/>
        <s v="[CB - Account].[Account CB - Description].&amp;[0592100 - Maint Station Equip-Other-Dist]" c="0592100 - Maint Station Equip-Other-Dist"/>
        <s v="[CB - Account].[Account CB - Description].&amp;[0592200 - Cir BrkrsTrnsf Mters Rely-Dist]" c="0592200 - Cir BrkrsTrnsf Mters Rely-Dist"/>
        <s v="[CB - Account].[Account CB - Description].&amp;[0593000 - Maint Overhd Lines-Other-Dist]" c="0593000 - Maint Overhd Lines-Other-Dist"/>
        <s v="[CB - Account].[Account CB - Description].&amp;[0593100 - Right-Of-Way Maintenance-Dist]" c="0593100 - Right-Of-Way Maintenance-Dist"/>
        <s v="[CB - Account].[Account CB - Description].&amp;[0594000 - Maint-Underground Lines-Dist]" c="0594000 - Maint-Underground Lines-Dist"/>
        <s v="[CB - Account].[Account CB - Description].&amp;[0595100 - Maint Line Transfrs-Other-Dist]" c="0595100 - Maint Line Transfrs-Other-Dist"/>
        <s v="[CB - Account].[Account CB - Description].&amp;[0596000 - Maint-StreetLightng/Signl-Dist]" c="0596000 - Maint-StreetLightng/Signl-Dist"/>
        <s v="[CB - Account].[Account CB - Description].&amp;[0597000 - Maintenance Of Meters-Dist]" c="0597000 - Maintenance Of Meters-Dist"/>
        <s v="[CB - Account].[Account CB - Description].&amp;[0598100 - Main Misc Dist Plt-Other-Dist]" c="0598100 - Main Misc Dist Plt-Other-Dist"/>
        <s v="[CB - Account].[Account CB - Description].&amp;[0880000 - Gas Distribution-Other Expense]" c="0880000 - Gas Distribution-Other Expense"/>
        <s v="[CB - Account].[Account CB - Description].&amp;[0901000 - Supervision-Cust Accts]" c="0901000 - Supervision-Cust Accts"/>
        <s v="[CB - Account].[Account CB - Description].&amp;[0902000 - Meter Reading Expense]" c="0902000 - Meter Reading Expense"/>
        <s v="[CB - Account].[Account CB - Description].&amp;[0903000 - Cust Records &amp; Collection Exp]" c="0903000 - Cust Records &amp; Collection Exp"/>
        <s v="[CB - Account].[Account CB - Description].&amp;[0903100 - Cust Contracts &amp; Orders-Local]" c="0903100 - Cust Contracts &amp; Orders-Local"/>
        <s v="[CB - Account].[Account CB - Description].&amp;[0903200 - Cust Billing &amp; Acct]" c="0903200 - Cust Billing &amp; Acct"/>
        <s v="[CB - Account].[Account CB - Description].&amp;[0903300 - Cust Collecting-Local]" c="0903300 - Cust Collecting-Local"/>
        <s v="[CB - Account].[Account CB - Description].&amp;[0903400 - Cust Receiv &amp; Collect Exp-Edp]" c="0903400 - Cust Receiv &amp; Collect Exp-Edp"/>
        <s v="[CB - Account].[Account CB - Description].&amp;[0903891 - IC Collection Agent Revenue]" c="0903891 - IC Collection Agent Revenue"/>
        <s v="[CB - Account].[Account CB - Description].&amp;[0904001 - BAD DEBT EXPENSE]" c="0904001 - BAD DEBT EXPENSE"/>
        <s v="[CB - Account].[Account CB - Description].&amp;[0905000 - Misc Customer Accts Expenses]" c="0905000 - Misc Customer Accts Expenses"/>
        <s v="[CB - Account].[Account CB - Description].&amp;[0908000 - Cust Asst Exp-Conservation Pro]" c="0908000 - Cust Asst Exp-Conservation Pro"/>
        <s v="[CB - Account].[Account CB - Description].&amp;[0909650 - Misc Advertising Expenses]" c="0909650 - Misc Advertising Expenses"/>
        <s v="[CB - Account].[Account CB - Description].&amp;[0910000 - Misc Cust Serv/Inform Exp]" c="0910000 - Misc Cust Serv/Inform Exp"/>
        <s v="[CB - Account].[Account CB - Description].&amp;[0910100 - Exp-Rs Reg Prod/Svces-CstAccts]" c="0910100 - Exp-Rs Reg Prod/Svces-CstAccts"/>
        <s v="[CB - Account].[Account CB - Description].&amp;[0912000 - Demonstrating &amp; Selling Exp]" c="0912000 - Demonstrating &amp; Selling Exp"/>
        <s v="[CB - Account].[Account CB - Description].&amp;[0912100 - Demonstration &amp; Sell-Proj Supt]" c="0912100 - Demonstration &amp; Sell-Proj Supt"/>
        <s v="[CB - Account].[Account CB - Description].&amp;[0912200 - EV Employee Incentive]" c="0912200 - EV Employee Incentive"/>
        <s v="[CB - Account].[Account CB - Description].&amp;[0913001 - Advertising Expense]" c="0913001 - Advertising Expense"/>
        <s v="[CB - Account].[Account CB - Description].&amp;[0920000 - A &amp; G Salaries]" c="0920000 - A &amp; G Salaries"/>
        <s v="[CB - Account].[Account CB - Description].&amp;[0920001 - SC O&amp;M Labor Deferral]" c="0920001 - SC O&amp;M Labor Deferral"/>
        <s v="[CB - Account].[Account CB - Description].&amp;[0920100 - Salaries &amp; Wages - Proj Supt -]" c="0920100 - Salaries &amp; Wages - Proj Supt -"/>
        <s v="[CB - Account].[Account CB - Description].&amp;[0921100 - Employee Expenses]" c="0921100 - Employee Expenses"/>
        <s v="[CB - Account].[Account CB - Description].&amp;[0921101 - Employee Exp - NC]" c="0921101 - Employee Exp - NC"/>
        <s v="[CB - Account].[Account CB - Description].&amp;[0921110 - Relocation Expenses]" c="0921110 - Relocation Expenses"/>
        <s v="[CB - Account].[Account CB - Description].&amp;[0921200 - Office Expenses]" c="0921200 - Office Expenses"/>
        <s v="[CB - Account].[Account CB - Description].&amp;[0921300 - Telephone And Telegraph Exp]" c="0921300 - Telephone And Telegraph Exp"/>
        <s v="[CB - Account].[Account CB - Description].&amp;[0921400 - Computer Services Expenses]" c="0921400 - Computer Services Expenses"/>
        <s v="[CB - Account].[Account CB - Description].&amp;[0921540 - Computer Rent (Go Only)]" c="0921540 - Computer Rent (Go Only)"/>
        <s v="[CB - Account].[Account CB - Description].&amp;[0921600 - Other]" c="0921600 - Other"/>
        <s v="[CB - Account].[Account CB - Description].&amp;[0921980 - Office Supplies &amp; Expenses]" c="0921980 - Office Supplies &amp; Expenses"/>
        <s v="[CB - Account].[Account CB - Description].&amp;[0923000 - Outside Services Employed]" c="0923000 - Outside Services Employed"/>
        <s v="[CB - Account].[Account CB - Description].&amp;[0923100 - Outside Svcs Cont -Proj Supt -]" c="0923100 - Outside Svcs Cont -Proj Supt -"/>
        <s v="[CB - Account].[Account CB - Description].&amp;[0923980 - Outside Services Employee &amp;]" c="0923980 - Outside Services Employee &amp;"/>
        <s v="[CB - Account].[Account CB - Description].&amp;[0924000 - Property Insurance]" c="0924000 - Property Insurance"/>
        <s v="[CB - Account].[Account CB - Description].&amp;[0924050 - Inter-Co Prop Ins Exp]" c="0924050 - Inter-Co Prop Ins Exp"/>
        <s v="[CB - Account].[Account CB - Description].&amp;[0924980 - Property Insurance For Corp.]" c="0924980 - Property Insurance For Corp."/>
        <s v="[CB - Account].[Account CB - Description].&amp;[0925000 - Injuries &amp; Damages]" c="0925000 - Injuries &amp; Damages"/>
        <s v="[CB - Account].[Account CB - Description].&amp;[0925051 - INTER-CO GEN LIAB EXP]" c="0925051 - INTER-CO GEN LIAB EXP"/>
        <s v="[CB - Account].[Account CB - Description].&amp;[0925200 - Injuries And Damages-Other]" c="0925200 - Injuries And Damages-Other"/>
        <s v="[CB - Account].[Account CB - Description].&amp;[0925980 - Injuries And Damages For Corp.]" c="0925980 - Injuries And Damages For Corp."/>
        <s v="[CB - Account].[Account CB - Description].&amp;[0926000 - Employee Benefits]" c="0926000 - Employee Benefits"/>
        <s v="[CB - Account].[Account CB - Description].&amp;[0926420 - Employees' Tuition Refund]" c="0926420 - Employees' Tuition Refund"/>
        <s v="[CB - Account].[Account CB - Description].&amp;[0926430 - Employees'Recreation Expense]" c="0926430 - Employees'Recreation Expense"/>
        <s v="[CB - Account].[Account CB - Description].&amp;[0926600 - Employee Benefits-Transferred]" c="0926600 - Employee Benefits-Transferred"/>
        <s v="[CB - Account].[Account CB - Description].&amp;[0926999 - Non Serv Pension (ASU 2017-07)]" c="0926999 - Non Serv Pension (ASU 2017-07)"/>
        <s v="[CB - Account].[Account CB - Description].&amp;[0928000 - Regulatory Expenses (Go)]" c="0928000 - Regulatory Expenses (Go)"/>
        <s v="[CB - Account].[Account CB - Description].&amp;[0928006 - State Reg Comm Proceeding]" c="0928006 - State Reg Comm Proceeding"/>
        <s v="[CB - Account].[Account CB - Description].&amp;[0928030 - Professional Fees Consultant]" c="0928030 - Professional Fees Consultant"/>
        <s v="[CB - Account].[Account CB - Description].&amp;[0929000 - Duplicate Chrgs-Enrgy To Exp]" c="0929000 - Duplicate Chrgs-Enrgy To Exp"/>
        <s v="[CB - Account].[Account CB - Description].&amp;[0929500 - Admin Exp Transf]" c="0929500 - Admin Exp Transf"/>
        <s v="[CB - Account].[Account CB - Description].&amp;[0930150 - Miscellaneous Advertising Exp]" c="0930150 - Miscellaneous Advertising Exp"/>
        <s v="[CB - Account].[Account CB - Description].&amp;[0930200 - Misc General Expenses]" c="0930200 - Misc General Expenses"/>
        <s v="[CB - Account].[Account CB - Description].&amp;[0930210 - Industry Association Dues]" c="0930210 - Industry Association Dues"/>
        <s v="[CB - Account].[Account CB - Description].&amp;[0930220 - Exp Of Servicing Securities]" c="0930220 - Exp Of Servicing Securities"/>
        <s v="[CB - Account].[Account CB - Description].&amp;[0930230 - Dues To Various Organizations]" c="0930230 - Dues To Various Organizations"/>
        <s v="[CB - Account].[Account CB - Description].&amp;[0930240 - Director'S Expenses]" c="0930240 - Director'S Expenses"/>
        <s v="[CB - Account].[Account CB - Description].&amp;[0930250 - Buy\Sell Transf Employee Homes]" c="0930250 - Buy\Sell Transf Employee Homes"/>
        <s v="[CB - Account].[Account CB - Description].&amp;[0930700 - Research &amp; Development]" c="0930700 - Research &amp; Development"/>
        <s v="[CB - Account].[Account CB - Description].&amp;[0930940 - General Expenses]" c="0930940 - General Expenses"/>
        <s v="[CB - Account].[Account CB - Description].&amp;[0931001 - Rents-A&amp;G]" c="0931001 - Rents-A&amp;G"/>
        <s v="[CB - Account].[Account CB - Description].&amp;[0931008 - A&amp;G Rents-IC]" c="0931008 - A&amp;G Rents-IC"/>
        <s v="[CB - Account].[Account CB - Description].&amp;[0932000 - Maintenance Of Gen Plant-Gas]" c="0932000 - Maintenance Of Gen Plant-Gas"/>
        <s v="[CB - Account].[Account CB - Description].&amp;[0935100 - Maint General Plant-Elec]" c="0935100 - Maint General Plant-Elec"/>
        <s v="[CB - Account].[Account CB - Description].&amp;[0935200 - Cust Infor &amp; Computer Control]" c="0935200 - Cust Infor &amp; Computer Control"/>
        <s v="[CB - Account].[Account CB - Description].&amp;[0411050 - Accretion Expense ARO]" u="1" c="0411050 - Accretion Expense ARO"/>
        <s v="[CB - Account].[Account CB - Description].&amp;[0411051 - Accretion Expense-ARO Ash Pond]" u="1" c="0411051 - Accretion Expense-ARO Ash Pond"/>
        <s v="[CB - Account].[Account CB - Description].&amp;[0416330 - Miscellaneous Expense]" u="1" c="0416330 - Miscellaneous Expense"/>
        <s v="[CB - Account].[Account CB - Description].&amp;[0417107 - Administrative Expenses]" u="1" c="0417107 - Administrative Expenses"/>
        <s v="[CB - Account].[Account CB - Description].&amp;[0417320 - Exp-Unreg Products &amp; Svcs]" u="1" c="0417320 - Exp-Unreg Products &amp; Svcs"/>
        <s v="[CB - Account].[Account CB - Description].&amp;[0426100 - Donations]" u="1" c="0426100 - Donations"/>
        <s v="[CB - Account].[Account CB - Description].&amp;[0426300 - Penalties]" u="1" c="0426300 - Penalties"/>
        <s v="[CB - Account].[Account CB - Description].&amp;[0426400 - Exp/Civic &amp; Political Activity]" u="1" c="0426400 - Exp/Civic &amp; Political Activity"/>
        <s v="[CB - Account].[Account CB - Description].&amp;[0426509 - Loss on Sale of A/R]" u="1" c="0426509 - Loss on Sale of A/R"/>
        <s v="[CB - Account].[Account CB - Description].&amp;[0426510 - Other]" u="1" c="0426510 - Other"/>
        <s v="[CB - Account].[Account CB - Description].&amp;[0426512 - Donations]" u="1" c="0426512 - Donations"/>
        <s v="[CB - Account].[Account CB - Description].&amp;[0426540 - Employee Service Club Dues]" u="1" c="0426540 - Employee Service Club Dues"/>
        <s v="[CB - Account].[Account CB - Description].&amp;[0426591 - I/C - Loss on Sale of A/R]" u="1" c="0426591 - I/C - Loss on Sale of A/R"/>
        <s v="[CB - Account].[Account CB - Description].&amp;[0426891 - IC Sale of AR Fees VIE]" u="1" c="0426891 - IC Sale of AR Fees VIE"/>
        <s v="[CB - Account].[Account CB - Description].&amp;[0454210 - Foreign Pole Revenue]" u="1" c="0454210 - Foreign Pole Revenue"/>
        <s v="[CB - Account].[Account CB - Description].&amp;[0457700 - Allocated O&amp;M Offset]" u="1" c="0457700 - Allocated O&amp;M Offset"/>
      </sharedItems>
    </cacheField>
    <cacheField name="[CB - Responsibility Center HIER].[Responsibility Center Effective Date].[Responsibility Center Effective Date]" caption="Responsibility Center Effective Date" numFmtId="0" hierarchy="525" level="1">
      <sharedItems containsSemiMixedTypes="0" containsString="0"/>
    </cacheField>
    <cacheField name="[CB - Responsibility Center HIER].[Responsibility Center Level 02 Name - Description].[Responsibility Center Level 02 Name - Description]" caption="Responsibility Center Level 02 Name - Description" numFmtId="0" hierarchy="537" level="2">
      <sharedItems count="9">
        <s v="[CB - Responsibility Center HIER].[Responsibility Center Level 02 Name - Description].&amp;[2022-01-01T00:00:00]&amp;[RESP_CENTER_ALLOC]&amp;[ALL_RESP_FROMS - All Responsibility Center From]&amp;[536_DEK - Duke Energy Kentucky]" c="536_DEK - Duke Energy Kentucky"/>
        <s v="[CB - Responsibility Center HIER].[Responsibility Center Level 02 Name - Description].&amp;[2022-01-01T00:00:00]&amp;[RESP_CENTER_ALLOC]&amp;[ALL_RESP_FROMS - All Responsibility Center From]&amp;[100_DUKE_POWER_CONSO - Duke Energy Carolinas]" c="100_DUKE_POWER_CONSO - Duke Energy Carolinas"/>
        <s v="[CB - Responsibility Center HIER].[Responsibility Center Level 02 Name - Description].&amp;[2022-01-01T00:00:00]&amp;[RESP_CENTER_ALLOC]&amp;[ALL_RESP_FROMS - All Responsibility Center From]&amp;[501_DECE - Duke En Commercial Enterprises]" c="501_DECE - Duke En Commercial Enterprises"/>
        <s v="[CB - Responsibility Center HIER].[Responsibility Center Level 02 Name - Description].&amp;[2022-01-01T00:00:00]&amp;[RESP_CENTER_ALLOC]&amp;[ALL_RESP_FROMS - All Responsibility Center From]&amp;[529_DEI - Duke Energy Indiana]" c="529_DEI - Duke Energy Indiana"/>
        <s v="[CB - Responsibility Center HIER].[Responsibility Center Level 02 Name - Description].&amp;[2022-01-01T00:00:00]&amp;[RESP_CENTER_ALLOC]&amp;[ALL_RESP_FROMS - All Responsibility Center From]&amp;[801_DE_PROGRESS - Duke Energy Progress]" c="801_DE_PROGRESS - Duke Energy Progress"/>
        <s v="[CB - Responsibility Center HIER].[Responsibility Center Level 02 Name - Description].&amp;[2022-01-01T00:00:00]&amp;[RESP_CENTER_ALLOC]&amp;[ALL_RESP_FROMS - All Responsibility Center From]&amp;[802_DE_FLORIDA - Duke Energy Florida]" c="802_DE_FLORIDA - Duke Energy Florida"/>
        <s v="[CB - Responsibility Center HIER].[Responsibility Center Level 02 Name - Description].&amp;[2022-01-01T00:00:00]&amp;[RESP_CENTER_ALLOC]&amp;[ALL_RESP_FROMS - All Responsibility Center From]&amp;[PNY - Piedmont Natural Gas]" c="PNY - Piedmont Natural Gas"/>
        <s v="[CB - Responsibility Center HIER].[Responsibility Center Level 02 Name - Description].&amp;[2022-01-01T00:00:00]&amp;[RESP_CENTER_ALLOC]&amp;[ALL_RESP_FROMS - All Responsibility Center From]&amp;[503_DEO - Duke Energy Ohio]" c="503_DEO - Duke Energy Ohio"/>
        <s v="[CB - Responsibility Center HIER].[Responsibility Center Level 02 Name - Description].&amp;[2022-01-01T00:00:00]&amp;[RESP_CENTER_ALLOC]&amp;[ALL_RESP_FROMS - All Responsibility Center From]&amp;[110_SERVICE_COMPANY - Duke Energy Business Services]" c="110_SERVICE_COMPANY - Duke Energy Business Services"/>
      </sharedItems>
    </cacheField>
    <cacheField name="[CB - Responsibility Center HIER].[Responsibility Center Level 02 Name - Description].[Responsibility Center Level 02 Name - Description].[Responsibility Center Level 01 Name - Description]" caption="Responsibility Center Level 01 Name - Description" propertyName="Responsibility Center Level 01 Name - Description" numFmtId="0" hierarchy="537" level="2" memberPropertyField="1">
      <sharedItems containsSemiMixedTypes="0" containsString="0"/>
    </cacheField>
    <cacheField name="[CB - Responsibility Center HIER].[Responsibility Center Level 02 Name - Description].[Responsibility Center Level 02 Name - Description1]" caption="Responsibility Center Level 02 Name - Description1" numFmtId="0" hierarchy="537" level="1">
      <sharedItems count="4" longText="1">
        <s v="[CB - Responsibility Center HIER].[Responsibility Center Level 02 Name - Description].[Responsibility Center Level 02 Name - Description1].[OTHERMEMBER.[CB - Responsibility Center HIER]].[Responsibility Center Level 02 Name - Description]].[All]]]" c="Other"/>
        <s v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="Group1"/>
        <s v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="Group2"/>
        <s v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="Group3"/>
      </sharedItems>
    </cacheField>
    <cacheField name="[Measures].[MTD Actual Amount]" caption="MTD Actual Amount" numFmtId="0" hierarchy="596" level="32767"/>
  </cacheFields>
  <cacheHierarchies count="650">
    <cacheHierarchy uniqueName="[Business Rule].[_Current Rule Year]" caption="_Current Rule Year" attribute="1" defaultMemberUniqueName="[Business Rule].[_Current Rule Year].[All]" allUniqueName="[Business Rule].[_Current Rule Year].[All]" dimensionUniqueName="[Business Rule]" displayFolder="" count="0" unbalancedGroup="0"/>
    <cacheHierarchy uniqueName="[Business Rule].[_Rule Year]" caption="_Rule Year" attribute="1" defaultMemberUniqueName="[Business Rule].[_Rule Year].[All]" allUniqueName="[Business Rule].[_Rule Year].[All]" dimensionUniqueName="[Business Rule]" displayFolder="" count="2" unbalanced="0" unbalancedGroup="0">
      <fieldsUsage count="2">
        <fieldUsage x="-1"/>
        <fieldUsage x="0"/>
      </fieldsUsage>
    </cacheHierarchy>
    <cacheHierarchy uniqueName="[Business Rule].[COM Account Categories HFM]" caption="COM Account Categories HFM" attribute="1" defaultMemberUniqueName="[Business Rule].[COM Account Categories HFM].[All]" allUniqueName="[Business Rule].[COM Account Categories HFM].[All]" dimensionUniqueName="[Business Rule]" displayFolder="" count="0" unbalancedGroup="0"/>
    <cacheHierarchy uniqueName="[Business Rule].[COM Finance Group]" caption="COM Finance Group" attribute="1" defaultMemberUniqueName="[Business Rule].[COM Finance Group].[All]" allUniqueName="[Business Rule].[COM Finance Group].[All]" dimensionUniqueName="[Business Rule]" displayFolder="" count="0" unbalancedGroup="0"/>
    <cacheHierarchy uniqueName="[Business Rule].[COM OM Groupings CC Vs Degs]" caption="COM OM Groupings CC Vs Degs" attribute="1" defaultMemberUniqueName="[Business Rule].[COM OM Groupings CC Vs Degs].[All]" allUniqueName="[Business Rule].[COM OM Groupings CC Vs Degs].[All]" dimensionUniqueName="[Business Rule]" displayFolder="" count="0" unbalancedGroup="0"/>
    <cacheHierarchy uniqueName="[Business Rule].[COM OM Groupings Rc Lv2]" caption="COM OM Groupings Rc Lv2" attribute="1" defaultMemberUniqueName="[Business Rule].[COM OM Groupings Rc Lv2].[All]" allUniqueName="[Business Rule].[COM OM Groupings Rc Lv2].[All]" dimensionUniqueName="[Business Rule]" displayFolder="" count="0" unbalancedGroup="0"/>
    <cacheHierarchy uniqueName="[Business Rule].[COM RC Grouping For OM]" caption="COM RC Grouping For OM" attribute="1" defaultMemberUniqueName="[Business Rule].[COM RC Grouping For OM].[All]" allUniqueName="[Business Rule].[COM RC Grouping For OM].[All]" dimensionUniqueName="[Business Rule]" displayFolder="" count="0" unbalancedGroup="0"/>
    <cacheHierarchy uniqueName="[Business Rule].[COM Rule 1]" caption="COM Rule 1" attribute="1" defaultMemberUniqueName="[Business Rule].[COM Rule 1].[All]" allUniqueName="[Business Rule].[COM Rule 1].[All]" dimensionUniqueName="[Business Rule]" displayFolder="" count="0" unbalancedGroup="0"/>
    <cacheHierarchy uniqueName="[Business Rule].[COM Rule 1 Subcat]" caption="COM Rule 1 Subcat" attribute="1" defaultMemberUniqueName="[Business Rule].[COM Rule 1 Subcat].[All]" allUniqueName="[Business Rule].[COM Rule 1 Subcat].[All]" dimensionUniqueName="[Business Rule]" displayFolder="" count="0" unbalancedGroup="0"/>
    <cacheHierarchy uniqueName="[Business Rule].[COM Rule 2]" caption="COM Rule 2" attribute="1" defaultMemberUniqueName="[Business Rule].[COM Rule 2].[All]" allUniqueName="[Business Rule].[COM Rule 2].[All]" dimensionUniqueName="[Business Rule]" displayFolder="" count="0" unbalancedGroup="0"/>
    <cacheHierarchy uniqueName="[Business Rule].[COM Rule 2 Subcat]" caption="COM Rule 2 Subcat" attribute="1" defaultMemberUniqueName="[Business Rule].[COM Rule 2 Subcat].[All]" allUniqueName="[Business Rule].[COM Rule 2 Subcat].[All]" dimensionUniqueName="[Business Rule]" displayFolder="" count="0" unbalancedGroup="0"/>
    <cacheHierarchy uniqueName="[Business Rule].[COM Symphony Phase]" caption="COM Symphony Phase" attribute="1" defaultMemberUniqueName="[Business Rule].[COM Symphony Phase].[All]" allUniqueName="[Business Rule].[COM Symphony Phase].[All]" dimensionUniqueName="[Business Rule]" displayFolder="" count="0" unbalancedGroup="0"/>
    <cacheHierarchy uniqueName="[Business Rule].[COM_LENDER_BDGT_CAT]" caption="COM_LENDER_BDGT_CAT" attribute="1" defaultMemberUniqueName="[Business Rule].[COM_LENDER_BDGT_CAT].[All]" allUniqueName="[Business Rule].[COM_LENDER_BDGT_CAT].[All]" dimensionUniqueName="[Business Rule]" displayFolder="" count="0" unbalancedGroup="0"/>
    <cacheHierarchy uniqueName="[Business Rule].[CORP Admin Svcs Reporting]" caption="CORP Admin Svcs Reporting" attribute="1" defaultMemberUniqueName="[Business Rule].[CORP Admin Svcs Reporting].[All]" allUniqueName="[Business Rule].[CORP Admin Svcs Reporting].[All]" dimensionUniqueName="[Business Rule]" displayFolder="" count="0" unbalancedGroup="0"/>
    <cacheHierarchy uniqueName="[Business Rule].[CORP Dirc Or Alloc]" caption="CORP Dirc Or Alloc" attribute="1" defaultMemberUniqueName="[Business Rule].[CORP Dirc Or Alloc].[All]" allUniqueName="[Business Rule].[CORP Dirc Or Alloc].[All]" dimensionUniqueName="[Business Rule]" displayFolder="" count="0" unbalancedGroup="0"/>
    <cacheHierarchy uniqueName="[Business Rule].[CORP EB BU GROUP]" caption="CORP EB BU GROUP" attribute="1" defaultMemberUniqueName="[Business Rule].[CORP EB BU GROUP].[All]" allUniqueName="[Business Rule].[CORP EB BU GROUP].[All]" dimensionUniqueName="[Business Rule]" displayFolder="" count="0" unbalancedGroup="0"/>
    <cacheHierarchy uniqueName="[Business Rule].[CORP EB OTHER BNFTS ADMIN EXP]" caption="CORP EB OTHER BNFTS ADMIN EXP" attribute="1" defaultMemberUniqueName="[Business Rule].[CORP EB OTHER BNFTS ADMIN EXP].[All]" allUniqueName="[Business Rule].[CORP EB OTHER BNFTS ADMIN EXP].[All]" dimensionUniqueName="[Business Rule]" displayFolder="" count="0" unbalancedGroup="0"/>
    <cacheHierarchy uniqueName="[Business Rule].[CORP EB RT GROUP]" caption="CORP EB RT GROUP" attribute="1" defaultMemberUniqueName="[Business Rule].[CORP EB RT GROUP].[All]" allUniqueName="[Business Rule].[CORP EB RT GROUP].[All]" dimensionUniqueName="[Business Rule]" displayFolder="" count="0" unbalancedGroup="0"/>
    <cacheHierarchy uniqueName="[Business Rule].[CORP EB Service vs NonService]" caption="CORP EB Service vs NonService" attribute="1" defaultMemberUniqueName="[Business Rule].[CORP EB Service vs NonService].[All]" allUniqueName="[Business Rule].[CORP EB Service vs NonService].[All]" dimensionUniqueName="[Business Rule]" displayFolder="" count="0" unbalancedGroup="0"/>
    <cacheHierarchy uniqueName="[Business Rule].[CORP Group]" caption="CORP Group" attribute="1" defaultMemberUniqueName="[Business Rule].[CORP Group].[All]" allUniqueName="[Business Rule].[CORP Group].[All]" dimensionUniqueName="[Business Rule]" displayFolder="" count="0" unbalancedGroup="0"/>
    <cacheHierarchy uniqueName="[Business Rule].[CORP Grp Strtgc Srvcs]" caption="CORP Grp Strtgc Srvcs" attribute="1" defaultMemberUniqueName="[Business Rule].[CORP Grp Strtgc Srvcs].[All]" allUniqueName="[Business Rule].[CORP Grp Strtgc Srvcs].[All]" dimensionUniqueName="[Business Rule]" displayFolder="" count="0" unbalancedGroup="0"/>
    <cacheHierarchy uniqueName="[Business Rule].[CORP Resource Group]" caption="CORP Resource Group" attribute="1" defaultMemberUniqueName="[Business Rule].[CORP Resource Group].[All]" allUniqueName="[Business Rule].[CORP Resource Group].[All]" dimensionUniqueName="[Business Rule]" displayFolder="" count="0" unbalancedGroup="0"/>
    <cacheHierarchy uniqueName="[Business Rule].[CORP Resource Grouping]" caption="CORP Resource Grouping" attribute="1" defaultMemberUniqueName="[Business Rule].[CORP Resource Grouping].[All]" allUniqueName="[Business Rule].[CORP Resource Grouping].[All]" dimensionUniqueName="[Business Rule]" displayFolder="" count="0" unbalancedGroup="0"/>
    <cacheHierarchy uniqueName="[Business Rule].[CORP Rule 1]" caption="CORP Rule 1" attribute="1" defaultMemberUniqueName="[Business Rule].[CORP Rule 1].[All]" allUniqueName="[Business Rule].[CORP Rule 1].[All]" dimensionUniqueName="[Business Rule]" displayFolder="" count="0" unbalancedGroup="0"/>
    <cacheHierarchy uniqueName="[Business Rule].[CORP Rule 1 Subcat]" caption="CORP Rule 1 Subcat" attribute="1" defaultMemberUniqueName="[Business Rule].[CORP Rule 1 Subcat].[All]" allUniqueName="[Business Rule].[CORP Rule 1 Subcat].[All]" dimensionUniqueName="[Business Rule]" displayFolder="" count="0" unbalancedGroup="0"/>
    <cacheHierarchy uniqueName="[Business Rule].[CORP Rule 2]" caption="CORP Rule 2" attribute="1" defaultMemberUniqueName="[Business Rule].[CORP Rule 2].[All]" allUniqueName="[Business Rule].[CORP Rule 2].[All]" dimensionUniqueName="[Business Rule]" displayFolder="" count="0" unbalancedGroup="0"/>
    <cacheHierarchy uniqueName="[Business Rule].[CORP Rule 2 Subcat]" caption="CORP Rule 2 Subcat" attribute="1" defaultMemberUniqueName="[Business Rule].[CORP Rule 2 Subcat].[All]" allUniqueName="[Business Rule].[CORP Rule 2 Subcat].[All]" dimensionUniqueName="[Business Rule]" displayFolder="" count="0" unbalancedGroup="0"/>
    <cacheHierarchy uniqueName="[Business Rule].[CORP Segment]" caption="CORP Segment" attribute="1" defaultMemberUniqueName="[Business Rule].[CORP Segment].[All]" allUniqueName="[Business Rule].[CORP Segment].[All]" dimensionUniqueName="[Business Rule]" displayFolder="" count="0" unbalancedGroup="0"/>
    <cacheHierarchy uniqueName="[Business Rule].[CORP Turn Exclusions]" caption="CORP Turn Exclusions" attribute="1" defaultMemberUniqueName="[Business Rule].[CORP Turn Exclusions].[All]" allUniqueName="[Business Rule].[CORP Turn Exclusions].[All]" dimensionUniqueName="[Business Rule]" displayFolder="" count="0" unbalancedGroup="0"/>
    <cacheHierarchy uniqueName="[Business Rule].[CTLR AFF ACCOUNTING ENTRIES]" caption="CTLR AFF ACCOUNTING ENTRIES" attribute="1" defaultMemberUniqueName="[Business Rule].[CTLR AFF ACCOUNTING ENTRIES].[All]" allUniqueName="[Business Rule].[CTLR AFF ACCOUNTING ENTRIES].[All]" dimensionUniqueName="[Business Rule]" displayFolder="" count="0" unbalancedGroup="0"/>
    <cacheHierarchy uniqueName="[Business Rule].[CUST Category]" caption="CUST Category" attribute="1" defaultMemberUniqueName="[Business Rule].[CUST Category].[All]" allUniqueName="[Business Rule].[CUST Category].[All]" dimensionUniqueName="[Business Rule]" displayFolder="" count="0" unbalancedGroup="0"/>
    <cacheHierarchy uniqueName="[Business Rule].[CUST Department]" caption="CUST Department" attribute="1" defaultMemberUniqueName="[Business Rule].[CUST Department].[All]" allUniqueName="[Business Rule].[CUST Department].[All]" dimensionUniqueName="[Business Rule]" displayFolder="" count="0" unbalancedGroup="0"/>
    <cacheHierarchy uniqueName="[Business Rule].[CUST New Resp Level]" caption="CUST New Resp Level" attribute="1" defaultMemberUniqueName="[Business Rule].[CUST New Resp Level].[All]" allUniqueName="[Business Rule].[CUST New Resp Level].[All]" dimensionUniqueName="[Business Rule]" displayFolder="" count="0" unbalancedGroup="0"/>
    <cacheHierarchy uniqueName="[Business Rule].[CUST Process Driver]" caption="CUST Process Driver" attribute="1" defaultMemberUniqueName="[Business Rule].[CUST Process Driver].[All]" allUniqueName="[Business Rule].[CUST Process Driver].[All]" dimensionUniqueName="[Business Rule]" displayFolder="" count="0" unbalancedGroup="0"/>
    <cacheHierarchy uniqueName="[Business Rule].[CUST Rule 1]" caption="CUST Rule 1" attribute="1" defaultMemberUniqueName="[Business Rule].[CUST Rule 1].[All]" allUniqueName="[Business Rule].[CUST Rule 1].[All]" dimensionUniqueName="[Business Rule]" displayFolder="" count="0" unbalancedGroup="0"/>
    <cacheHierarchy uniqueName="[Business Rule].[CUST Rule 1 Subcat]" caption="CUST Rule 1 Subcat" attribute="1" defaultMemberUniqueName="[Business Rule].[CUST Rule 1 Subcat].[All]" allUniqueName="[Business Rule].[CUST Rule 1 Subcat].[All]" dimensionUniqueName="[Business Rule]" displayFolder="" count="0" unbalancedGroup="0"/>
    <cacheHierarchy uniqueName="[Business Rule].[CUST Rule 2]" caption="CUST Rule 2" attribute="1" defaultMemberUniqueName="[Business Rule].[CUST Rule 2].[All]" allUniqueName="[Business Rule].[CUST Rule 2].[All]" dimensionUniqueName="[Business Rule]" displayFolder="" count="0" unbalancedGroup="0"/>
    <cacheHierarchy uniqueName="[Business Rule].[CUST Rule 2 Subcat]" caption="CUST Rule 2 Subcat" attribute="1" defaultMemberUniqueName="[Business Rule].[CUST Rule 2 Subcat].[All]" allUniqueName="[Business Rule].[CUST Rule 2 Subcat].[All]" dimensionUniqueName="[Business Rule]" displayFolder="" count="0" unbalancedGroup="0"/>
    <cacheHierarchy uniqueName="[Business Rule].[DER AFFILIATE TRANS OWNERS]" caption="DER AFFILIATE TRANS OWNERS" attribute="1" defaultMemberUniqueName="[Business Rule].[DER AFFILIATE TRANS OWNERS].[All]" allUniqueName="[Business Rule].[DER AFFILIATE TRANS OWNERS].[All]" dimensionUniqueName="[Business Rule]" displayFolder="" count="0" unbalancedGroup="0"/>
    <cacheHierarchy uniqueName="[Business Rule].[DER AFFILIATE TRANSACTIONS]" caption="DER AFFILIATE TRANSACTIONS" attribute="1" defaultMemberUniqueName="[Business Rule].[DER AFFILIATE TRANSACTIONS].[All]" allUniqueName="[Business Rule].[DER AFFILIATE TRANSACTIONS].[All]" dimensionUniqueName="[Business Rule]" displayFolder="" count="0" unbalancedGroup="0"/>
    <cacheHierarchy uniqueName="[Business Rule].[DER From Group]" caption="DER From Group" attribute="1" defaultMemberUniqueName="[Business Rule].[DER From Group].[All]" allUniqueName="[Business Rule].[DER From Group].[All]" dimensionUniqueName="[Business Rule]" displayFolder="" count="0" unbalancedGroup="0"/>
    <cacheHierarchy uniqueName="[Business Rule].[DER To Group]" caption="DER To Group" attribute="1" defaultMemberUniqueName="[Business Rule].[DER To Group].[All]" allUniqueName="[Business Rule].[DER To Group].[All]" dimensionUniqueName="[Business Rule]" displayFolder="" count="0" unbalancedGroup="0"/>
    <cacheHierarchy uniqueName="[Business Rule].[EASP Cost Driver]" caption="EASP Cost Driver" attribute="1" defaultMemberUniqueName="[Business Rule].[EASP Cost Driver].[All]" allUniqueName="[Business Rule].[EASP Cost Driver].[All]" dimensionUniqueName="[Business Rule]" displayFolder="" count="0" unbalancedGroup="0"/>
    <cacheHierarchy uniqueName="[Business Rule].[ENT Accounting Class]" caption="ENT Accounting Class" attribute="1" defaultMemberUniqueName="[Business Rule].[ENT Accounting Class].[All]" allUniqueName="[Business Rule].[ENT Accounting Class].[All]" dimensionUniqueName="[Business Rule]" displayFolder="" count="2" unbalanced="0" unbalancedGroup="0">
      <fieldsUsage count="2">
        <fieldUsage x="-1"/>
        <fieldUsage x="2"/>
      </fieldsUsage>
    </cacheHierarchy>
    <cacheHierarchy uniqueName="[Business Rule].[ENT Accounting Class Sub]" caption="ENT Accounting Class Sub" attribute="1" defaultMemberUniqueName="[Business Rule].[ENT Accounting Class Sub].[All]" allUniqueName="[Business Rule].[ENT Accounting Class Sub].[All]" dimensionUniqueName="[Business Rule]" displayFolder="" count="0" unbalancedGroup="0"/>
    <cacheHierarchy uniqueName="[Business Rule].[ENT Capital Category]" caption="ENT Capital Category" attribute="1" defaultMemberUniqueName="[Business Rule].[ENT Capital Category].[All]" allUniqueName="[Business Rule].[ENT Capital Category].[All]" dimensionUniqueName="[Business Rule]" displayFolder="" count="0" unbalancedGroup="0"/>
    <cacheHierarchy uniqueName="[Business Rule].[ENT EVP GROUP]" caption="ENT EVP GROUP" attribute="1" defaultMemberUniqueName="[Business Rule].[ENT EVP GROUP].[All]" allUniqueName="[Business Rule].[ENT EVP GROUP].[All]" dimensionUniqueName="[Business Rule]" displayFolder="" count="0" unbalancedGroup="0"/>
    <cacheHierarchy uniqueName="[Business Rule].[ENT Function]" caption="ENT Function" attribute="1" defaultMemberUniqueName="[Business Rule].[ENT Function].[All]" allUniqueName="[Business Rule].[ENT Function].[All]" dimensionUniqueName="[Business Rule]" displayFolder="" count="0" unbalancedGroup="0"/>
    <cacheHierarchy uniqueName="[Business Rule].[ENT Jurisdiction]" caption="ENT Jurisdiction" attribute="1" defaultMemberUniqueName="[Business Rule].[ENT Jurisdiction].[All]" allUniqueName="[Business Rule].[ENT Jurisdiction].[All]" dimensionUniqueName="[Business Rule]" displayFolder="" count="2" unbalanced="0" unbalancedGroup="0">
      <fieldsUsage count="2">
        <fieldUsage x="-1"/>
        <fieldUsage x="1"/>
      </fieldsUsage>
    </cacheHierarchy>
    <cacheHierarchy uniqueName="[Business Rule].[ENT Rule 1]" caption="ENT Rule 1" attribute="1" defaultMemberUniqueName="[Business Rule].[ENT Rule 1].[All]" allUniqueName="[Business Rule].[ENT Rule 1].[All]" dimensionUniqueName="[Business Rule]" displayFolder="" count="0" unbalancedGroup="0"/>
    <cacheHierarchy uniqueName="[Business Rule].[ENT Rule 1 Subcat]" caption="ENT Rule 1 Subcat" attribute="1" defaultMemberUniqueName="[Business Rule].[ENT Rule 1 Subcat].[All]" allUniqueName="[Business Rule].[ENT Rule 1 Subcat].[All]" dimensionUniqueName="[Business Rule]" displayFolder="" count="0" unbalancedGroup="0"/>
    <cacheHierarchy uniqueName="[Business Rule].[ENT Rule 2]" caption="ENT Rule 2" attribute="1" defaultMemberUniqueName="[Business Rule].[ENT Rule 2].[All]" allUniqueName="[Business Rule].[ENT Rule 2].[All]" dimensionUniqueName="[Business Rule]" displayFolder="" count="0" unbalancedGroup="0"/>
    <cacheHierarchy uniqueName="[Business Rule].[ENT Rule 2 Subcat]" caption="ENT Rule 2 Subcat" attribute="1" defaultMemberUniqueName="[Business Rule].[ENT Rule 2 Subcat].[All]" allUniqueName="[Business Rule].[ENT Rule 2 Subcat].[All]" dimensionUniqueName="[Business Rule]" displayFolder="" count="0" unbalancedGroup="0"/>
    <cacheHierarchy uniqueName="[Business Rule].[ENT Segment]" caption="ENT Segment" attribute="1" defaultMemberUniqueName="[Business Rule].[ENT Segment].[All]" allUniqueName="[Business Rule].[ENT Segment].[All]" dimensionUniqueName="[Business Rule]" displayFolder="" count="0" unbalancedGroup="0"/>
    <cacheHierarchy uniqueName="[Business Rule].[ENT Special Item Func]" caption="ENT Special Item Func" attribute="1" defaultMemberUniqueName="[Business Rule].[ENT Special Item Func].[All]" allUniqueName="[Business Rule].[ENT Special Item Func].[All]" dimensionUniqueName="[Business Rule]" displayFolder="" count="0" unbalancedGroup="0"/>
    <cacheHierarchy uniqueName="[Business Rule].[ENT Special Items]" caption="ENT Special Items" attribute="1" defaultMemberUniqueName="[Business Rule].[ENT Special Items].[All]" allUniqueName="[Business Rule].[ENT Special Items].[All]" dimensionUniqueName="[Business Rule]" displayFolder="" count="0" unbalancedGroup="0"/>
    <cacheHierarchy uniqueName="[Business Rule].[ENT Special Items Desc]" caption="ENT Special Items Desc" attribute="1" defaultMemberUniqueName="[Business Rule].[ENT Special Items Desc].[All]" allUniqueName="[Business Rule].[ENT Special Items Desc].[All]" dimensionUniqueName="[Business Rule]" displayFolder="" count="0" unbalancedGroup="0"/>
    <cacheHierarchy uniqueName="[Business Rule].[FHO Acct Class Detail]" caption="FHO Acct Class Detail" attribute="1" defaultMemberUniqueName="[Business Rule].[FHO Acct Class Detail].[All]" allUniqueName="[Business Rule].[FHO Acct Class Detail].[All]" dimensionUniqueName="[Business Rule]" displayFolder="" count="0" unbalancedGroup="0"/>
    <cacheHierarchy uniqueName="[Business Rule].[FHO Allocation Detail]" caption="FHO Allocation Detail" attribute="1" defaultMemberUniqueName="[Business Rule].[FHO Allocation Detail].[All]" allUniqueName="[Business Rule].[FHO Allocation Detail].[All]" dimensionUniqueName="[Business Rule]" displayFolder="" count="0" unbalancedGroup="0"/>
    <cacheHierarchy uniqueName="[Business Rule].[FHO Cost Type]" caption="FHO Cost Type" attribute="1" defaultMemberUniqueName="[Business Rule].[FHO Cost Type].[All]" allUniqueName="[Business Rule].[FHO Cost Type].[All]" dimensionUniqueName="[Business Rule]" displayFolder="" count="0" unbalancedGroup="0"/>
    <cacheHierarchy uniqueName="[Business Rule].[FHO Cost Type Detail]" caption="FHO Cost Type Detail" attribute="1" defaultMemberUniqueName="[Business Rule].[FHO Cost Type Detail].[All]" allUniqueName="[Business Rule].[FHO Cost Type Detail].[All]" dimensionUniqueName="[Business Rule]" displayFolder="" count="0" unbalancedGroup="0"/>
    <cacheHierarchy uniqueName="[Business Rule].[FHO Customer View]" caption="FHO Customer View" attribute="1" defaultMemberUniqueName="[Business Rule].[FHO Customer View].[All]" allUniqueName="[Business Rule].[FHO Customer View].[All]" dimensionUniqueName="[Business Rule]" displayFolder="" count="0" unbalancedGroup="0"/>
    <cacheHierarchy uniqueName="[Business Rule].[FHO Dirc Or Alloc]" caption="FHO Dirc Or Alloc" attribute="1" defaultMemberUniqueName="[Business Rule].[FHO Dirc Or Alloc].[All]" allUniqueName="[Business Rule].[FHO Dirc Or Alloc].[All]" dimensionUniqueName="[Business Rule]" displayFolder="" count="0" unbalancedGroup="0"/>
    <cacheHierarchy uniqueName="[Business Rule].[FHO Managed By]" caption="FHO Managed By" attribute="1" defaultMemberUniqueName="[Business Rule].[FHO Managed By].[All]" allUniqueName="[Business Rule].[FHO Managed By].[All]" dimensionUniqueName="[Business Rule]" displayFolder="" count="0" unbalancedGroup="0"/>
    <cacheHierarchy uniqueName="[Business Rule].[FHO Region]" caption="FHO Region" attribute="1" defaultMemberUniqueName="[Business Rule].[FHO Region].[All]" allUniqueName="[Business Rule].[FHO Region].[All]" dimensionUniqueName="[Business Rule]" displayFolder="" count="0" unbalancedGroup="0"/>
    <cacheHierarchy uniqueName="[Business Rule].[FHO Resource Grouping]" caption="FHO Resource Grouping" attribute="1" defaultMemberUniqueName="[Business Rule].[FHO Resource Grouping].[All]" allUniqueName="[Business Rule].[FHO Resource Grouping].[All]" dimensionUniqueName="[Business Rule]" displayFolder="" count="0" unbalancedGroup="0"/>
    <cacheHierarchy uniqueName="[Business Rule].[FHO Resource Grping Subcat]" caption="FHO Resource Grping Subcat" attribute="1" defaultMemberUniqueName="[Business Rule].[FHO Resource Grping Subcat].[All]" allUniqueName="[Business Rule].[FHO Resource Grping Subcat].[All]" dimensionUniqueName="[Business Rule]" displayFolder="" count="0" unbalancedGroup="0"/>
    <cacheHierarchy uniqueName="[Business Rule].[FHO Rule 1]" caption="FHO Rule 1" attribute="1" defaultMemberUniqueName="[Business Rule].[FHO Rule 1].[All]" allUniqueName="[Business Rule].[FHO Rule 1].[All]" dimensionUniqueName="[Business Rule]" displayFolder="" count="0" unbalancedGroup="0"/>
    <cacheHierarchy uniqueName="[Business Rule].[FHO Rule 1 Subcat]" caption="FHO Rule 1 Subcat" attribute="1" defaultMemberUniqueName="[Business Rule].[FHO Rule 1 Subcat].[All]" allUniqueName="[Business Rule].[FHO Rule 1 Subcat].[All]" dimensionUniqueName="[Business Rule]" displayFolder="" count="0" unbalancedGroup="0"/>
    <cacheHierarchy uniqueName="[Business Rule].[FHO Rule 2]" caption="FHO Rule 2" attribute="1" defaultMemberUniqueName="[Business Rule].[FHO Rule 2].[All]" allUniqueName="[Business Rule].[FHO Rule 2].[All]" dimensionUniqueName="[Business Rule]" displayFolder="" count="0" unbalancedGroup="0"/>
    <cacheHierarchy uniqueName="[Business Rule].[FHO Rule 2 Subcat]" caption="FHO Rule 2 Subcat" attribute="1" defaultMemberUniqueName="[Business Rule].[FHO Rule 2 Subcat].[All]" allUniqueName="[Business Rule].[FHO Rule 2 Subcat].[All]" dimensionUniqueName="[Business Rule]" displayFolder="" count="0" unbalancedGroup="0"/>
    <cacheHierarchy uniqueName="[Business Rule].[FHO Service Provider]" caption="FHO Service Provider" attribute="1" defaultMemberUniqueName="[Business Rule].[FHO Service Provider].[All]" allUniqueName="[Business Rule].[FHO Service Provider].[All]" dimensionUniqueName="[Business Rule]" displayFolder="" count="0" unbalancedGroup="0"/>
    <cacheHierarchy uniqueName="[Business Rule].[FHO Station Rule]" caption="FHO Station Rule" attribute="1" defaultMemberUniqueName="[Business Rule].[FHO Station Rule].[All]" allUniqueName="[Business Rule].[FHO Station Rule].[All]" dimensionUniqueName="[Business Rule]" displayFolder="" count="0" unbalancedGroup="0"/>
    <cacheHierarchy uniqueName="[Business Rule].[GAS Account Category]" caption="GAS Account Category" attribute="1" defaultMemberUniqueName="[Business Rule].[GAS Account Category].[All]" allUniqueName="[Business Rule].[GAS Account Category].[All]" dimensionUniqueName="[Business Rule]" displayFolder="" count="0" unbalancedGroup="0"/>
    <cacheHierarchy uniqueName="[Business Rule].[GAS Cost Driver]" caption="GAS Cost Driver" attribute="1" defaultMemberUniqueName="[Business Rule].[GAS Cost Driver].[All]" allUniqueName="[Business Rule].[GAS Cost Driver].[All]" dimensionUniqueName="[Business Rule]" displayFolder="" count="0" unbalancedGroup="0"/>
    <cacheHierarchy uniqueName="[Business Rule].[GAS Rule 1]" caption="GAS Rule 1" attribute="1" defaultMemberUniqueName="[Business Rule].[GAS Rule 1].[All]" allUniqueName="[Business Rule].[GAS Rule 1].[All]" dimensionUniqueName="[Business Rule]" displayFolder="" count="0" unbalancedGroup="0"/>
    <cacheHierarchy uniqueName="[Business Rule].[GAS Rule 1 Subcat]" caption="GAS Rule 1 Subcat" attribute="1" defaultMemberUniqueName="[Business Rule].[GAS Rule 1 Subcat].[All]" allUniqueName="[Business Rule].[GAS Rule 1 Subcat].[All]" dimensionUniqueName="[Business Rule]" displayFolder="" count="0" unbalancedGroup="0"/>
    <cacheHierarchy uniqueName="[Business Rule].[GAS Rule 2]" caption="GAS Rule 2" attribute="1" defaultMemberUniqueName="[Business Rule].[GAS Rule 2].[All]" allUniqueName="[Business Rule].[GAS Rule 2].[All]" dimensionUniqueName="[Business Rule]" displayFolder="" count="0" unbalancedGroup="0"/>
    <cacheHierarchy uniqueName="[Business Rule].[GAS Rule 2 Subcat]" caption="GAS Rule 2 Subcat" attribute="1" defaultMemberUniqueName="[Business Rule].[GAS Rule 2 Subcat].[All]" allUniqueName="[Business Rule].[GAS Rule 2 Subcat].[All]" dimensionUniqueName="[Business Rule]" displayFolder="" count="0" unbalancedGroup="0"/>
    <cacheHierarchy uniqueName="[Business Rule].[HR Cost Category]" caption="HR Cost Category" attribute="1" defaultMemberUniqueName="[Business Rule].[HR Cost Category].[All]" allUniqueName="[Business Rule].[HR Cost Category].[All]" dimensionUniqueName="[Business Rule]" displayFolder="" count="0" unbalancedGroup="0"/>
    <cacheHierarchy uniqueName="[Business Rule].[HR Exec Bnfts RT Group]" caption="HR Exec Bnfts RT Group" attribute="1" defaultMemberUniqueName="[Business Rule].[HR Exec Bnfts RT Group].[All]" allUniqueName="[Business Rule].[HR Exec Bnfts RT Group].[All]" dimensionUniqueName="[Business Rule]" displayFolder="" count="0" unbalancedGroup="0"/>
    <cacheHierarchy uniqueName="[Business Rule].[INTL Mt Category]" caption="INTL Mt Category" attribute="1" defaultMemberUniqueName="[Business Rule].[INTL Mt Category].[All]" allUniqueName="[Business Rule].[INTL Mt Category].[All]" dimensionUniqueName="[Business Rule]" displayFolder="" count="0" unbalancedGroup="0"/>
    <cacheHierarchy uniqueName="[Business Rule].[INTL Owner]" caption="INTL Owner" attribute="1" defaultMemberUniqueName="[Business Rule].[INTL Owner].[All]" allUniqueName="[Business Rule].[INTL Owner].[All]" dimensionUniqueName="[Business Rule]" displayFolder="" count="0" unbalancedGroup="0"/>
    <cacheHierarchy uniqueName="[Business Rule].[MKT Business Group]" caption="MKT Business Group" attribute="1" defaultMemberUniqueName="[Business Rule].[MKT Business Group].[All]" allUniqueName="[Business Rule].[MKT Business Group].[All]" dimensionUniqueName="[Business Rule]" displayFolder="" count="0" unbalancedGroup="0"/>
    <cacheHierarchy uniqueName="[Business Rule].[MKT Category Output]" caption="MKT Category Output" attribute="1" defaultMemberUniqueName="[Business Rule].[MKT Category Output].[All]" allUniqueName="[Business Rule].[MKT Category Output].[All]" dimensionUniqueName="[Business Rule]" displayFolder="" count="0" unbalancedGroup="0"/>
    <cacheHierarchy uniqueName="[Business Rule].[MKT Cost Driver]" caption="MKT Cost Driver" attribute="1" defaultMemberUniqueName="[Business Rule].[MKT Cost Driver].[All]" allUniqueName="[Business Rule].[MKT Cost Driver].[All]" dimensionUniqueName="[Business Rule]" displayFolder="" count="0" unbalancedGroup="0"/>
    <cacheHierarchy uniqueName="[Business Rule].[MKT LOB]" caption="MKT LOB" attribute="1" defaultMemberUniqueName="[Business Rule].[MKT LOB].[All]" allUniqueName="[Business Rule].[MKT LOB].[All]" dimensionUniqueName="[Business Rule]" displayFolder="" count="0" unbalancedGroup="0"/>
    <cacheHierarchy uniqueName="[Business Rule].[MKT PPR Reporting]" caption="MKT PPR Reporting" attribute="1" defaultMemberUniqueName="[Business Rule].[MKT PPR Reporting].[All]" allUniqueName="[Business Rule].[MKT PPR Reporting].[All]" dimensionUniqueName="[Business Rule]" displayFolder="" count="0" unbalancedGroup="0"/>
    <cacheHierarchy uniqueName="[Business Rule].[MKT Rule 1]" caption="MKT Rule 1" attribute="1" defaultMemberUniqueName="[Business Rule].[MKT Rule 1].[All]" allUniqueName="[Business Rule].[MKT Rule 1].[All]" dimensionUniqueName="[Business Rule]" displayFolder="" count="0" unbalancedGroup="0"/>
    <cacheHierarchy uniqueName="[Business Rule].[MKT Rule 1 Subcat]" caption="MKT Rule 1 Subcat" attribute="1" defaultMemberUniqueName="[Business Rule].[MKT Rule 1 Subcat].[All]" allUniqueName="[Business Rule].[MKT Rule 1 Subcat].[All]" dimensionUniqueName="[Business Rule]" displayFolder="" count="0" unbalancedGroup="0"/>
    <cacheHierarchy uniqueName="[Business Rule].[MKT Rule 2]" caption="MKT Rule 2" attribute="1" defaultMemberUniqueName="[Business Rule].[MKT Rule 2].[All]" allUniqueName="[Business Rule].[MKT Rule 2].[All]" dimensionUniqueName="[Business Rule]" displayFolder="" count="0" unbalancedGroup="0"/>
    <cacheHierarchy uniqueName="[Business Rule].[MKT Rule 2 Subcat]" caption="MKT Rule 2 Subcat" attribute="1" defaultMemberUniqueName="[Business Rule].[MKT Rule 2 Subcat].[All]" allUniqueName="[Business Rule].[MKT Rule 2 Subcat].[All]" dimensionUniqueName="[Business Rule]" displayFolder="" count="0" unbalancedGroup="0"/>
    <cacheHierarchy uniqueName="[Business Rule].[MKT Sol Reporting]" caption="MKT Sol Reporting" attribute="1" defaultMemberUniqueName="[Business Rule].[MKT Sol Reporting].[All]" allUniqueName="[Business Rule].[MKT Sol Reporting].[All]" dimensionUniqueName="[Business Rule]" displayFolder="" count="0" unbalancedGroup="0"/>
    <cacheHierarchy uniqueName="[Business Rule].[NUC Accountable Group Resp]" caption="NUC Accountable Group Resp" attribute="1" defaultMemberUniqueName="[Business Rule].[NUC Accountable Group Resp].[All]" allUniqueName="[Business Rule].[NUC Accountable Group Resp].[All]" dimensionUniqueName="[Business Rule]" displayFolder="" count="0" unbalancedGroup="0"/>
    <cacheHierarchy uniqueName="[Business Rule].[NUC Capital Groups]" caption="NUC Capital Groups" attribute="1" defaultMemberUniqueName="[Business Rule].[NUC Capital Groups].[All]" allUniqueName="[Business Rule].[NUC Capital Groups].[All]" dimensionUniqueName="[Business Rule]" displayFolder="" count="0" unbalancedGroup="0"/>
    <cacheHierarchy uniqueName="[Business Rule].[NUC Capital Groups Sum]" caption="NUC Capital Groups Sum" attribute="1" defaultMemberUniqueName="[Business Rule].[NUC Capital Groups Sum].[All]" allUniqueName="[Business Rule].[NUC Capital Groups Sum].[All]" dimensionUniqueName="[Business Rule]" displayFolder="" count="0" unbalancedGroup="0"/>
    <cacheHierarchy uniqueName="[Business Rule].[NUC Capital Report Rollups]" caption="NUC Capital Report Rollups" attribute="1" defaultMemberUniqueName="[Business Rule].[NUC Capital Report Rollups].[All]" allUniqueName="[Business Rule].[NUC Capital Report Rollups].[All]" dimensionUniqueName="[Business Rule]" displayFolder="" count="0" unbalancedGroup="0"/>
    <cacheHierarchy uniqueName="[Business Rule].[NUC Corp Avb Cst Cat]" caption="NUC Corp Avb Cst Cat" attribute="1" defaultMemberUniqueName="[Business Rule].[NUC Corp Avb Cst Cat].[All]" allUniqueName="[Business Rule].[NUC Corp Avb Cst Cat].[All]" dimensionUniqueName="[Business Rule]" displayFolder="" count="0" unbalancedGroup="0"/>
    <cacheHierarchy uniqueName="[Business Rule].[NUC Cost Category]" caption="NUC Cost Category" attribute="1" defaultMemberUniqueName="[Business Rule].[NUC Cost Category].[All]" allUniqueName="[Business Rule].[NUC Cost Category].[All]" dimensionUniqueName="[Business Rule]" displayFolder="" count="0" unbalancedGroup="0"/>
    <cacheHierarchy uniqueName="[Business Rule].[NUC Excl For Outages]" caption="NUC Excl For Outages" attribute="1" defaultMemberUniqueName="[Business Rule].[NUC Excl For Outages].[All]" allUniqueName="[Business Rule].[NUC Excl For Outages].[All]" dimensionUniqueName="[Business Rule]" displayFolder="" count="0" unbalancedGroup="0"/>
    <cacheHierarchy uniqueName="[Business Rule].[NUC Jurisdiction]" caption="NUC Jurisdiction" attribute="1" defaultMemberUniqueName="[Business Rule].[NUC Jurisdiction].[All]" allUniqueName="[Business Rule].[NUC Jurisdiction].[All]" dimensionUniqueName="[Business Rule]" displayFolder="" count="0" unbalancedGroup="0"/>
    <cacheHierarchy uniqueName="[Business Rule].[NUC Labor St]" caption="NUC Labor St" attribute="1" defaultMemberUniqueName="[Business Rule].[NUC Labor St].[All]" allUniqueName="[Business Rule].[NUC Labor St].[All]" dimensionUniqueName="[Business Rule]" displayFolder="" count="0" unbalancedGroup="0"/>
    <cacheHierarchy uniqueName="[Business Rule].[NUC Ou Total Na]" caption="NUC Ou Total Na" attribute="1" defaultMemberUniqueName="[Business Rule].[NUC Ou Total Na].[All]" allUniqueName="[Business Rule].[NUC Ou Total Na].[All]" dimensionUniqueName="[Business Rule]" displayFolder="" count="0" unbalancedGroup="0"/>
    <cacheHierarchy uniqueName="[Business Rule].[NUC Procs Cat Grp]" caption="NUC Procs Cat Grp" attribute="1" defaultMemberUniqueName="[Business Rule].[NUC Procs Cat Grp].[All]" allUniqueName="[Business Rule].[NUC Procs Cat Grp].[All]" dimensionUniqueName="[Business Rule]" displayFolder="" count="0" unbalancedGroup="0"/>
    <cacheHierarchy uniqueName="[Business Rule].[NUC Routine NonRoutine]" caption="NUC Routine NonRoutine" attribute="1" defaultMemberUniqueName="[Business Rule].[NUC Routine NonRoutine].[All]" allUniqueName="[Business Rule].[NUC Routine NonRoutine].[All]" dimensionUniqueName="[Business Rule]" displayFolder="" count="0" unbalancedGroup="0"/>
    <cacheHierarchy uniqueName="[Business Rule].[NUC Routine NonRoutine Subcat]" caption="NUC Routine NonRoutine Subcat" attribute="1" defaultMemberUniqueName="[Business Rule].[NUC Routine NonRoutine Subcat].[All]" allUniqueName="[Business Rule].[NUC Routine NonRoutine Subcat].[All]" dimensionUniqueName="[Business Rule]" displayFolder="" count="0" unbalancedGroup="0"/>
    <cacheHierarchy uniqueName="[Business Rule].[NUC Rsrc Group]" caption="NUC Rsrc Group" attribute="1" defaultMemberUniqueName="[Business Rule].[NUC Rsrc Group].[All]" allUniqueName="[Business Rule].[NUC Rsrc Group].[All]" dimensionUniqueName="[Business Rule]" displayFolder="" count="0" unbalancedGroup="0"/>
    <cacheHierarchy uniqueName="[Business Rule].[NUC Rule 1]" caption="NUC Rule 1" attribute="1" defaultMemberUniqueName="[Business Rule].[NUC Rule 1].[All]" allUniqueName="[Business Rule].[NUC Rule 1].[All]" dimensionUniqueName="[Business Rule]" displayFolder="" count="0" unbalancedGroup="0"/>
    <cacheHierarchy uniqueName="[Business Rule].[NUC Rule 1 Subcat]" caption="NUC Rule 1 Subcat" attribute="1" defaultMemberUniqueName="[Business Rule].[NUC Rule 1 Subcat].[All]" allUniqueName="[Business Rule].[NUC Rule 1 Subcat].[All]" dimensionUniqueName="[Business Rule]" displayFolder="" count="0" unbalancedGroup="0"/>
    <cacheHierarchy uniqueName="[Business Rule].[NUC Rule 2]" caption="NUC Rule 2" attribute="1" defaultMemberUniqueName="[Business Rule].[NUC Rule 2].[All]" allUniqueName="[Business Rule].[NUC Rule 2].[All]" dimensionUniqueName="[Business Rule]" displayFolder="" count="0" unbalancedGroup="0"/>
    <cacheHierarchy uniqueName="[Business Rule].[NUC Rule 2 Subcat]" caption="NUC Rule 2 Subcat" attribute="1" defaultMemberUniqueName="[Business Rule].[NUC Rule 2 Subcat].[All]" allUniqueName="[Business Rule].[NUC Rule 2 Subcat].[All]" dimensionUniqueName="[Business Rule]" displayFolder="" count="0" unbalancedGroup="0"/>
    <cacheHierarchy uniqueName="[Business Rule].[NUC Wrk Grp Sum Rsp]" caption="NUC Wrk Grp Sum Rsp" attribute="1" defaultMemberUniqueName="[Business Rule].[NUC Wrk Grp Sum Rsp].[All]" allUniqueName="[Business Rule].[NUC Wrk Grp Sum Rsp].[All]" dimensionUniqueName="[Business Rule]" displayFolder="" count="0" unbalancedGroup="0"/>
    <cacheHierarchy uniqueName="[Business Rule].[OTH Category]" caption="OTH Category" attribute="1" defaultMemberUniqueName="[Business Rule].[OTH Category].[All]" allUniqueName="[Business Rule].[OTH Category].[All]" dimensionUniqueName="[Business Rule]" displayFolder="" count="0" unbalancedGroup="0"/>
    <cacheHierarchy uniqueName="[Business Rule].[OTH Rule 1]" caption="OTH Rule 1" attribute="1" defaultMemberUniqueName="[Business Rule].[OTH Rule 1].[All]" allUniqueName="[Business Rule].[OTH Rule 1].[All]" dimensionUniqueName="[Business Rule]" displayFolder="" count="0" unbalancedGroup="0"/>
    <cacheHierarchy uniqueName="[Business Rule].[OTH Rule 1 Subcat]" caption="OTH Rule 1 Subcat" attribute="1" defaultMemberUniqueName="[Business Rule].[OTH Rule 1 Subcat].[All]" allUniqueName="[Business Rule].[OTH Rule 1 Subcat].[All]" dimensionUniqueName="[Business Rule]" displayFolder="" count="0" unbalancedGroup="0"/>
    <cacheHierarchy uniqueName="[Business Rule].[OTH Rule 2]" caption="OTH Rule 2" attribute="1" defaultMemberUniqueName="[Business Rule].[OTH Rule 2].[All]" allUniqueName="[Business Rule].[OTH Rule 2].[All]" dimensionUniqueName="[Business Rule]" displayFolder="" count="0" unbalancedGroup="0"/>
    <cacheHierarchy uniqueName="[Business Rule].[OTH Rule 2 Subcat]" caption="OTH Rule 2 Subcat" attribute="1" defaultMemberUniqueName="[Business Rule].[OTH Rule 2 Subcat].[All]" allUniqueName="[Business Rule].[OTH Rule 2 Subcat].[All]" dimensionUniqueName="[Business Rule]" displayFolder="" count="0" unbalancedGroup="0"/>
    <cacheHierarchy uniqueName="[Business Rule].[STRSVS Rule 1]" caption="STRSVS Rule 1" attribute="1" defaultMemberUniqueName="[Business Rule].[STRSVS Rule 1].[All]" allUniqueName="[Business Rule].[STRSVS Rule 1].[All]" dimensionUniqueName="[Business Rule]" displayFolder="" count="0" unbalancedGroup="0"/>
    <cacheHierarchy uniqueName="[Business Rule].[STRSVS Rule 1 Subcat]" caption="STRSVS Rule 1 Subcat" attribute="1" defaultMemberUniqueName="[Business Rule].[STRSVS Rule 1 Subcat].[All]" allUniqueName="[Business Rule].[STRSVS Rule 1 Subcat].[All]" dimensionUniqueName="[Business Rule]" displayFolder="" count="0" unbalancedGroup="0"/>
    <cacheHierarchy uniqueName="[Business Rule].[STRSVS Rule 2]" caption="STRSVS Rule 2" attribute="1" defaultMemberUniqueName="[Business Rule].[STRSVS Rule 2].[All]" allUniqueName="[Business Rule].[STRSVS Rule 2].[All]" dimensionUniqueName="[Business Rule]" displayFolder="" count="0" unbalancedGroup="0"/>
    <cacheHierarchy uniqueName="[Business Rule].[STRSVS Rule 2 Subcat]" caption="STRSVS Rule 2 Subcat" attribute="1" defaultMemberUniqueName="[Business Rule].[STRSVS Rule 2 Subcat].[All]" allUniqueName="[Business Rule].[STRSVS Rule 2 Subcat].[All]" dimensionUniqueName="[Business Rule]" displayFolder="" count="0" unbalancedGroup="0"/>
    <cacheHierarchy uniqueName="[Business Rule].[SUPPLY Chain Function]" caption="SUPPLY Chain Function" attribute="1" defaultMemberUniqueName="[Business Rule].[SUPPLY Chain Function].[All]" allUniqueName="[Business Rule].[SUPPLY Chain Function].[All]" dimensionUniqueName="[Business Rule]" displayFolder="" count="0" unbalancedGroup="0"/>
    <cacheHierarchy uniqueName="[Business Rule].[TDG Cost Driver]" caption="TDG Cost Driver" attribute="1" defaultMemberUniqueName="[Business Rule].[TDG Cost Driver].[All]" allUniqueName="[Business Rule].[TDG Cost Driver].[All]" dimensionUniqueName="[Business Rule]" displayFolder="" count="0" unbalancedGroup="0"/>
    <cacheHierarchy uniqueName="[Business Rule].[TDG CUSTOMER DELIVERY REGION]" caption="TDG CUSTOMER DELIVERY REGION" attribute="1" defaultMemberUniqueName="[Business Rule].[TDG CUSTOMER DELIVERY REGION].[All]" allUniqueName="[Business Rule].[TDG CUSTOMER DELIVERY REGION].[All]" dimensionUniqueName="[Business Rule]" displayFolder="" count="0" unbalancedGroup="0"/>
    <cacheHierarchy uniqueName="[Business Rule].[TDG DIST AVA AVB REPORTING]" caption="TDG DIST AVA AVB REPORTING" attribute="1" defaultMemberUniqueName="[Business Rule].[TDG DIST AVA AVB REPORTING].[All]" allUniqueName="[Business Rule].[TDG DIST AVA AVB REPORTING].[All]" dimensionUniqueName="[Business Rule]" displayFolder="" count="0" unbalancedGroup="0"/>
    <cacheHierarchy uniqueName="[Business Rule].[TDG FLEET COST POOL DRIVER]" caption="TDG FLEET COST POOL DRIVER" attribute="1" defaultMemberUniqueName="[Business Rule].[TDG FLEET COST POOL DRIVER].[All]" allUniqueName="[Business Rule].[TDG FLEET COST POOL DRIVER].[All]" dimensionUniqueName="[Business Rule]" displayFolder="" count="0" unbalancedGroup="0"/>
    <cacheHierarchy uniqueName="[Business Rule].[TDG GRID MOD PROJECTS]" caption="TDG GRID MOD PROJECTS" attribute="1" defaultMemberUniqueName="[Business Rule].[TDG GRID MOD PROJECTS].[All]" allUniqueName="[Business Rule].[TDG GRID MOD PROJECTS].[All]" dimensionUniqueName="[Business Rule]" displayFolder="" count="0" unbalancedGroup="0"/>
    <cacheHierarchy uniqueName="[Business Rule].[TDG Indirect Alloc]" caption="TDG Indirect Alloc" attribute="1" defaultMemberUniqueName="[Business Rule].[TDG Indirect Alloc].[All]" allUniqueName="[Business Rule].[TDG Indirect Alloc].[All]" dimensionUniqueName="[Business Rule]" displayFolder="" count="0" unbalancedGroup="0"/>
    <cacheHierarchy uniqueName="[Business Rule].[TDG Indrct Alloc Rmvd Mgmt Rpt]" caption="TDG Indrct Alloc Rmvd Mgmt Rpt" attribute="1" defaultMemberUniqueName="[Business Rule].[TDG Indrct Alloc Rmvd Mgmt Rpt].[All]" allUniqueName="[Business Rule].[TDG Indrct Alloc Rmvd Mgmt Rpt].[All]" dimensionUniqueName="[Business Rule]" displayFolder="" count="0" unbalancedGroup="0"/>
    <cacheHierarchy uniqueName="[Business Rule].[TDG REGULATORY REPORTING]" caption="TDG REGULATORY REPORTING" attribute="1" defaultMemberUniqueName="[Business Rule].[TDG REGULATORY REPORTING].[All]" allUniqueName="[Business Rule].[TDG REGULATORY REPORTING].[All]" dimensionUniqueName="[Business Rule]" displayFolder="" count="0" unbalancedGroup="0"/>
    <cacheHierarchy uniqueName="[Business Rule].[TDG Rule 1]" caption="TDG Rule 1" attribute="1" defaultMemberUniqueName="[Business Rule].[TDG Rule 1].[All]" allUniqueName="[Business Rule].[TDG Rule 1].[All]" dimensionUniqueName="[Business Rule]" displayFolder="" count="0" unbalancedGroup="0"/>
    <cacheHierarchy uniqueName="[Business Rule].[TDG Rule 1 Subcat]" caption="TDG Rule 1 Subcat" attribute="1" defaultMemberUniqueName="[Business Rule].[TDG Rule 1 Subcat].[All]" allUniqueName="[Business Rule].[TDG Rule 1 Subcat].[All]" dimensionUniqueName="[Business Rule]" displayFolder="" count="0" unbalancedGroup="0"/>
    <cacheHierarchy uniqueName="[Business Rule].[TDG Rule 2]" caption="TDG Rule 2" attribute="1" defaultMemberUniqueName="[Business Rule].[TDG Rule 2].[All]" allUniqueName="[Business Rule].[TDG Rule 2].[All]" dimensionUniqueName="[Business Rule]" displayFolder="" count="0" unbalancedGroup="0"/>
    <cacheHierarchy uniqueName="[Business Rule].[TDG Rule 2 Subcat]" caption="TDG Rule 2 Subcat" attribute="1" defaultMemberUniqueName="[Business Rule].[TDG Rule 2 Subcat].[All]" allUniqueName="[Business Rule].[TDG Rule 2 Subcat].[All]" dimensionUniqueName="[Business Rule]" displayFolder="" count="0" unbalancedGroup="0"/>
    <cacheHierarchy uniqueName="[Business Rule].[TDG SPEND CLASSIFICATION]" caption="TDG SPEND CLASSIFICATION" attribute="1" defaultMemberUniqueName="[Business Rule].[TDG SPEND CLASSIFICATION].[All]" allUniqueName="[Business Rule].[TDG SPEND CLASSIFICATION].[All]" dimensionUniqueName="[Business Rule]" displayFolder="" count="0" unbalancedGroup="0"/>
    <cacheHierarchy uniqueName="[Business Rule].[TDG TFSP Category]" caption="TDG TFSP Category" attribute="1" defaultMemberUniqueName="[Business Rule].[TDG TFSP Category].[All]" allUniqueName="[Business Rule].[TDG TFSP Category].[All]" dimensionUniqueName="[Business Rule]" displayFolder="" count="0" unbalancedGroup="0"/>
    <cacheHierarchy uniqueName="[Business Rule].[TDG Transmission Function]" caption="TDG Transmission Function" attribute="1" defaultMemberUniqueName="[Business Rule].[TDG Transmission Function].[All]" allUniqueName="[Business Rule].[TDG Transmission Function].[All]" dimensionUniqueName="[Business Rule]" displayFolder="" count="0" unbalancedGroup="0"/>
    <cacheHierarchy uniqueName="[Business Rule].[TDG TRANSMISSION PROCESS]" caption="TDG TRANSMISSION PROCESS" attribute="1" defaultMemberUniqueName="[Business Rule].[TDG TRANSMISSION PROCESS].[All]" allUniqueName="[Business Rule].[TDG TRANSMISSION PROCESS].[All]" dimensionUniqueName="[Business Rule]" displayFolder="" count="0" unbalancedGroup="0"/>
    <cacheHierarchy uniqueName="[CB - Account].[Account CB]" caption="Account CB" attribute="1" keyAttribute="1" defaultMemberUniqueName="[CB - Account].[Account CB].[All]" allUniqueName="[CB - Account].[Account CB].[All]" dimensionUniqueName="[CB - Account]" displayFolder="" count="0" unbalancedGroup="0"/>
    <cacheHierarchy uniqueName="[CB - Account].[Account CB - Description]" caption="Account CB - Description" attribute="1" defaultMemberUniqueName="[CB - Account].[Account CB - Description].[All]" allUniqueName="[CB - Account].[Account CB - Description].[All]" dimensionUniqueName="[CB - Account]" displayFolder="" count="2" unbalanced="0" unbalancedGroup="0">
      <fieldsUsage count="2">
        <fieldUsage x="-1"/>
        <fieldUsage x="66"/>
      </fieldsUsage>
    </cacheHierarchy>
    <cacheHierarchy uniqueName="[CB - Account].[Account CB Description Long]" caption="Account CB Description Long" attribute="1" defaultMemberUniqueName="[CB - Account].[Account CB Description Long].[All]" allUniqueName="[CB - Account].[Account CB Description Long].[All]" dimensionUniqueName="[CB - Account]" displayFolder="" count="0" unbalancedGroup="0"/>
    <cacheHierarchy uniqueName="[CB - Account].[Account CB Description Short]" caption="Account CB Description Short" attribute="1" defaultMemberUniqueName="[CB - Account].[Account CB Description Short].[All]" allUniqueName="[CB - Account].[Account CB Description Short].[All]" dimensionUniqueName="[CB - Account]" displayFolder="" count="0" unbalancedGroup="0"/>
    <cacheHierarchy uniqueName="[CB - Account].[Account CB GL FERC Account]" caption="Account CB GL FERC Account" attribute="1" defaultMemberUniqueName="[CB - Account].[Account CB GL FERC Account].[All]" allUniqueName="[CB - Account].[Account CB GL FERC Account].[All]" dimensionUniqueName="[CB - Account]" displayFolder="" count="0" unbalancedGroup="0"/>
    <cacheHierarchy uniqueName="[CB - Account].[Account CB Set ID]" caption="Account CB Set ID" attribute="1" defaultMemberUniqueName="[CB - Account].[Account CB Set ID].[All]" allUniqueName="[CB - Account].[Account CB Set ID].[All]" dimensionUniqueName="[CB - Account]" displayFolder="" count="0" unbalancedGroup="0"/>
    <cacheHierarchy uniqueName="[CB - Account].[Account CB Type]" caption="Account CB Type" attribute="1" defaultMemberUniqueName="[CB - Account].[Account CB Type].[All]" allUniqueName="[CB - Account].[Account CB Type].[All]" dimensionUniqueName="[CB - Account]" displayFolder="" count="0" unbalancedGroup="0"/>
    <cacheHierarchy uniqueName="[CB - Account HIER].[Account HIER]" caption="Account HIER" attribute="1" keyAttribute="1" defaultMemberUniqueName="[CB - Account HIER].[Account HIER].[All]" allUniqueName="[CB - Account HIER].[Account HIER].[All]" dimensionUniqueName="[CB - Account HIER]" displayFolder="" count="0" unbalancedGroup="0"/>
    <cacheHierarchy uniqueName="[CB - Account HIER].[Account HIER Description Long]" caption="Account HIER Description Long" attribute="1" defaultMemberUniqueName="[CB - Account HIER].[Account HIER Description Long].[All]" allUniqueName="[CB - Account HIER].[Account HIER Description Long].[All]" dimensionUniqueName="[CB - Account HIER]" displayFolder="" count="0" unbalancedGroup="0"/>
    <cacheHierarchy uniqueName="[CB - Account HIER].[Account HIER Description Short]" caption="Account HIER Description Short" attribute="1" defaultMemberUniqueName="[CB - Account HIER].[Account HIER Description Short].[All]" allUniqueName="[CB - Account HIER].[Account HIER Description Short].[All]" dimensionUniqueName="[CB - Account HIER]" displayFolder="" count="0" unbalancedGroup="0"/>
    <cacheHierarchy uniqueName="[CB - Account HIER].[Account HIER Set ID]" caption="Account HIER Set ID" attribute="1" defaultMemberUniqueName="[CB - Account HIER].[Account HIER Set ID].[All]" allUniqueName="[CB - Account HIER].[Account HIER Set ID].[All]" dimensionUniqueName="[CB - Account HIER]" displayFolder="" count="0" unbalancedGroup="0"/>
    <cacheHierarchy uniqueName="[CB - Account HIER].[Account Hierarchy]" caption="Account Hierarchy" defaultMemberUniqueName="[CB - Account HIER].[Account Hierarchy].[All]" allUniqueName="[CB - Account HIER].[Account Hierarchy].[All]" dimensionUniqueName="[CB - Account HIER]" displayFolder="" count="0" unbalancedGroup="0"/>
    <cacheHierarchy uniqueName="[CB - Account HIER].[Account Hierarchy Name]" caption="Account Hierarchy Name" attribute="1" defaultMemberUniqueName="[CB - Account HIER].[Account Hierarchy Name].[All]" allUniqueName="[CB - Account HIER].[Account Hierarchy Name].[All]" dimensionUniqueName="[CB - Account HIER]" displayFolder="" count="0" unbalancedGroup="0"/>
    <cacheHierarchy uniqueName="[CB - Account HIER].[Account Level 01 Description]" caption="Account Level 01 Description" attribute="1" defaultMemberUniqueName="[CB - Account HIER].[Account Level 01 Description].[All]" allUniqueName="[CB - Account HIER].[Account Level 01 Description].[All]" dimensionUniqueName="[CB - Account HIER]" displayFolder="" count="0" unbalancedGroup="0"/>
    <cacheHierarchy uniqueName="[CB - Account HIER].[Account Level 01 Name]" caption="Account Level 01 Name" attribute="1" defaultMemberUniqueName="[CB - Account HIER].[Account Level 01 Name].[All]" allUniqueName="[CB - Account HIER].[Account Level 01 Name].[All]" dimensionUniqueName="[CB - Account HIER]" displayFolder="" count="0" unbalancedGroup="0"/>
    <cacheHierarchy uniqueName="[CB - Account HIER].[Account Level 01 Name - Description]" caption="Account Level 01 Name - Description" attribute="1" defaultMemberUniqueName="[CB - Account HIER].[Account Level 01 Name - Description].[All]" allUniqueName="[CB - Account HIER].[Account Level 01 Name - Description].[All]" dimensionUniqueName="[CB - Account HIER]" displayFolder="" count="0" unbalancedGroup="0"/>
    <cacheHierarchy uniqueName="[CB - Account HIER].[Account Level 02 Description]" caption="Account Level 02 Description" attribute="1" defaultMemberUniqueName="[CB - Account HIER].[Account Level 02 Description].[All]" allUniqueName="[CB - Account HIER].[Account Level 02 Description].[All]" dimensionUniqueName="[CB - Account HIER]" displayFolder="" count="0" unbalancedGroup="0"/>
    <cacheHierarchy uniqueName="[CB - Account HIER].[Account Level 02 Name]" caption="Account Level 02 Name" attribute="1" defaultMemberUniqueName="[CB - Account HIER].[Account Level 02 Name].[All]" allUniqueName="[CB - Account HIER].[Account Level 02 Name].[All]" dimensionUniqueName="[CB - Account HIER]" displayFolder="" count="0" unbalancedGroup="0"/>
    <cacheHierarchy uniqueName="[CB - Account HIER].[Account Level 02 Name - Description]" caption="Account Level 02 Name - Description" attribute="1" defaultMemberUniqueName="[CB - Account HIER].[Account Level 02 Name - Description].[All]" allUniqueName="[CB - Account HIER].[Account Level 02 Name - Description].[All]" dimensionUniqueName="[CB - Account HIER]" displayFolder="" count="0" unbalancedGroup="0"/>
    <cacheHierarchy uniqueName="[CB - Account HIER].[Account Level 03 Description]" caption="Account Level 03 Description" attribute="1" defaultMemberUniqueName="[CB - Account HIER].[Account Level 03 Description].[All]" allUniqueName="[CB - Account HIER].[Account Level 03 Description].[All]" dimensionUniqueName="[CB - Account HIER]" displayFolder="" count="0" unbalancedGroup="0"/>
    <cacheHierarchy uniqueName="[CB - Account HIER].[Account Level 03 Name]" caption="Account Level 03 Name" attribute="1" defaultMemberUniqueName="[CB - Account HIER].[Account Level 03 Name].[All]" allUniqueName="[CB - Account HIER].[Account Level 03 Name].[All]" dimensionUniqueName="[CB - Account HIER]" displayFolder="" count="0" unbalancedGroup="0"/>
    <cacheHierarchy uniqueName="[CB - Account HIER].[Account Level 03 Name - Description]" caption="Account Level 03 Name - Description" attribute="1" defaultMemberUniqueName="[CB - Account HIER].[Account Level 03 Name - Description].[All]" allUniqueName="[CB - Account HIER].[Account Level 03 Name - Description].[All]" dimensionUniqueName="[CB - Account HIER]" displayFolder="" count="0" unbalancedGroup="0"/>
    <cacheHierarchy uniqueName="[CB - Account HIER].[Account Level 04 Description]" caption="Account Level 04 Description" attribute="1" defaultMemberUniqueName="[CB - Account HIER].[Account Level 04 Description].[All]" allUniqueName="[CB - Account HIER].[Account Level 04 Description].[All]" dimensionUniqueName="[CB - Account HIER]" displayFolder="" count="0" unbalancedGroup="0"/>
    <cacheHierarchy uniqueName="[CB - Account HIER].[Account Level 04 Name]" caption="Account Level 04 Name" attribute="1" defaultMemberUniqueName="[CB - Account HIER].[Account Level 04 Name].[All]" allUniqueName="[CB - Account HIER].[Account Level 04 Name].[All]" dimensionUniqueName="[CB - Account HIER]" displayFolder="" count="0" unbalancedGroup="0"/>
    <cacheHierarchy uniqueName="[CB - Account HIER].[Account Level 04 Name - Description]" caption="Account Level 04 Name - Description" attribute="1" defaultMemberUniqueName="[CB - Account HIER].[Account Level 04 Name - Description].[All]" allUniqueName="[CB - Account HIER].[Account Level 04 Name - Description].[All]" dimensionUniqueName="[CB - Account HIER]" displayFolder="" count="0" unbalancedGroup="0"/>
    <cacheHierarchy uniqueName="[CB - Account HIER].[Account Level 05 Description]" caption="Account Level 05 Description" attribute="1" defaultMemberUniqueName="[CB - Account HIER].[Account Level 05 Description].[All]" allUniqueName="[CB - Account HIER].[Account Level 05 Description].[All]" dimensionUniqueName="[CB - Account HIER]" displayFolder="" count="0" unbalancedGroup="0"/>
    <cacheHierarchy uniqueName="[CB - Account HIER].[Account Level 05 Name]" caption="Account Level 05 Name" attribute="1" defaultMemberUniqueName="[CB - Account HIER].[Account Level 05 Name].[All]" allUniqueName="[CB - Account HIER].[Account Level 05 Name].[All]" dimensionUniqueName="[CB - Account HIER]" displayFolder="" count="0" unbalancedGroup="0"/>
    <cacheHierarchy uniqueName="[CB - Account HIER].[Account Level 05 Name - Description]" caption="Account Level 05 Name - Description" attribute="1" defaultMemberUniqueName="[CB - Account HIER].[Account Level 05 Name - Description].[All]" allUniqueName="[CB - Account HIER].[Account Level 05 Name - Description].[All]" dimensionUniqueName="[CB - Account HIER]" displayFolder="" count="0" unbalancedGroup="0"/>
    <cacheHierarchy uniqueName="[CB - Account HIER].[Account Level 06 Description]" caption="Account Level 06 Description" attribute="1" defaultMemberUniqueName="[CB - Account HIER].[Account Level 06 Description].[All]" allUniqueName="[CB - Account HIER].[Account Level 06 Description].[All]" dimensionUniqueName="[CB - Account HIER]" displayFolder="" count="0" unbalancedGroup="0"/>
    <cacheHierarchy uniqueName="[CB - Account HIER].[Account Level 06 Name]" caption="Account Level 06 Name" attribute="1" defaultMemberUniqueName="[CB - Account HIER].[Account Level 06 Name].[All]" allUniqueName="[CB - Account HIER].[Account Level 06 Name].[All]" dimensionUniqueName="[CB - Account HIER]" displayFolder="" count="0" unbalancedGroup="0"/>
    <cacheHierarchy uniqueName="[CB - Account HIER].[Account Level 06 Name - Description]" caption="Account Level 06 Name - Description" attribute="1" defaultMemberUniqueName="[CB - Account HIER].[Account Level 06 Name - Description].[All]" allUniqueName="[CB - Account HIER].[Account Level 06 Name - Description].[All]" dimensionUniqueName="[CB - Account HIER]" displayFolder="" count="0" unbalancedGroup="0"/>
    <cacheHierarchy uniqueName="[CB - Account HIER].[Account Level 07 Description]" caption="Account Level 07 Description" attribute="1" defaultMemberUniqueName="[CB - Account HIER].[Account Level 07 Description].[All]" allUniqueName="[CB - Account HIER].[Account Level 07 Description].[All]" dimensionUniqueName="[CB - Account HIER]" displayFolder="" count="0" unbalancedGroup="0"/>
    <cacheHierarchy uniqueName="[CB - Account HIER].[Account Level 07 Name]" caption="Account Level 07 Name" attribute="1" defaultMemberUniqueName="[CB - Account HIER].[Account Level 07 Name].[All]" allUniqueName="[CB - Account HIER].[Account Level 07 Name].[All]" dimensionUniqueName="[CB - Account HIER]" displayFolder="" count="0" unbalancedGroup="0"/>
    <cacheHierarchy uniqueName="[CB - Account HIER].[Account Level 07 Name - Description]" caption="Account Level 07 Name - Description" attribute="1" defaultMemberUniqueName="[CB - Account HIER].[Account Level 07 Name - Description].[All]" allUniqueName="[CB - Account HIER].[Account Level 07 Name - Description].[All]" dimensionUniqueName="[CB - Account HIER]" displayFolder="" count="0" unbalancedGroup="0"/>
    <cacheHierarchy uniqueName="[CB - Account HIER].[Account Level 08 Description]" caption="Account Level 08 Description" attribute="1" defaultMemberUniqueName="[CB - Account HIER].[Account Level 08 Description].[All]" allUniqueName="[CB - Account HIER].[Account Level 08 Description].[All]" dimensionUniqueName="[CB - Account HIER]" displayFolder="" count="0" unbalancedGroup="0"/>
    <cacheHierarchy uniqueName="[CB - Account HIER].[Account Level 08 Name]" caption="Account Level 08 Name" attribute="1" defaultMemberUniqueName="[CB - Account HIER].[Account Level 08 Name].[All]" allUniqueName="[CB - Account HIER].[Account Level 08 Name].[All]" dimensionUniqueName="[CB - Account HIER]" displayFolder="" count="0" unbalancedGroup="0"/>
    <cacheHierarchy uniqueName="[CB - Account HIER].[Account Level 08 Name - Description]" caption="Account Level 08 Name - Description" attribute="1" defaultMemberUniqueName="[CB - Account HIER].[Account Level 08 Name - Description].[All]" allUniqueName="[CB - Account HIER].[Account Level 08 Name - Description].[All]" dimensionUniqueName="[CB - Account HIER]" displayFolder="" count="0" unbalancedGroup="0"/>
    <cacheHierarchy uniqueName="[CB - Account HIER].[Account Level 09 Description]" caption="Account Level 09 Description" attribute="1" defaultMemberUniqueName="[CB - Account HIER].[Account Level 09 Description].[All]" allUniqueName="[CB - Account HIER].[Account Level 09 Description].[All]" dimensionUniqueName="[CB - Account HIER]" displayFolder="" count="0" unbalancedGroup="0"/>
    <cacheHierarchy uniqueName="[CB - Account HIER].[Account Level 09 Name]" caption="Account Level 09 Name" attribute="1" defaultMemberUniqueName="[CB - Account HIER].[Account Level 09 Name].[All]" allUniqueName="[CB - Account HIER].[Account Level 09 Name].[All]" dimensionUniqueName="[CB - Account HIER]" displayFolder="" count="0" unbalancedGroup="0"/>
    <cacheHierarchy uniqueName="[CB - Account HIER].[Account Level 09 Name - Description]" caption="Account Level 09 Name - Description" attribute="1" defaultMemberUniqueName="[CB - Account HIER].[Account Level 09 Name - Description].[All]" allUniqueName="[CB - Account HIER].[Account Level 09 Name - Description].[All]" dimensionUniqueName="[CB - Account HIER]" displayFolder="" count="0" unbalancedGroup="0"/>
    <cacheHierarchy uniqueName="[CB - Account HIER].[Account Level 10 Description]" caption="Account Level 10 Description" attribute="1" defaultMemberUniqueName="[CB - Account HIER].[Account Level 10 Description].[All]" allUniqueName="[CB - Account HIER].[Account Level 10 Description].[All]" dimensionUniqueName="[CB - Account HIER]" displayFolder="" count="0" unbalancedGroup="0"/>
    <cacheHierarchy uniqueName="[CB - Account HIER].[Account Level 10 Name]" caption="Account Level 10 Name" attribute="1" defaultMemberUniqueName="[CB - Account HIER].[Account Level 10 Name].[All]" allUniqueName="[CB - Account HIER].[Account Level 10 Name].[All]" dimensionUniqueName="[CB - Account HIER]" displayFolder="" count="0" unbalancedGroup="0"/>
    <cacheHierarchy uniqueName="[CB - Account HIER].[Account Level 10 Name - Description]" caption="Account Level 10 Name - Description" attribute="1" defaultMemberUniqueName="[CB - Account HIER].[Account Level 10 Name - Description].[All]" allUniqueName="[CB - Account HIER].[Account Level 10 Name - Description].[All]" dimensionUniqueName="[CB - Account HIER]" displayFolder="" count="0" unbalancedGroup="0"/>
    <cacheHierarchy uniqueName="[CB - Account HIER].[Account Level 11 Description]" caption="Account Level 11 Description" attribute="1" defaultMemberUniqueName="[CB - Account HIER].[Account Level 11 Description].[All]" allUniqueName="[CB - Account HIER].[Account Level 11 Description].[All]" dimensionUniqueName="[CB - Account HIER]" displayFolder="" count="0" unbalancedGroup="0"/>
    <cacheHierarchy uniqueName="[CB - Account HIER].[Account Level 11 Name]" caption="Account Level 11 Name" attribute="1" defaultMemberUniqueName="[CB - Account HIER].[Account Level 11 Name].[All]" allUniqueName="[CB - Account HIER].[Account Level 11 Name].[All]" dimensionUniqueName="[CB - Account HIER]" displayFolder="" count="0" unbalancedGroup="0"/>
    <cacheHierarchy uniqueName="[CB - Account HIER].[Account Level 11 Name - Description]" caption="Account Level 11 Name - Description" attribute="1" defaultMemberUniqueName="[CB - Account HIER].[Account Level 11 Name - Description].[All]" allUniqueName="[CB - Account HIER].[Account Level 11 Name - Description].[All]" dimensionUniqueName="[CB - Account HIER]" displayFolder="" count="0" unbalancedGroup="0"/>
    <cacheHierarchy uniqueName="[CB - Account HIER].[Account Level 12 Description]" caption="Account Level 12 Description" attribute="1" defaultMemberUniqueName="[CB - Account HIER].[Account Level 12 Description].[All]" allUniqueName="[CB - Account HIER].[Account Level 12 Description].[All]" dimensionUniqueName="[CB - Account HIER]" displayFolder="" count="0" unbalancedGroup="0"/>
    <cacheHierarchy uniqueName="[CB - Account HIER].[Account Level 12 Name]" caption="Account Level 12 Name" attribute="1" defaultMemberUniqueName="[CB - Account HIER].[Account Level 12 Name].[All]" allUniqueName="[CB - Account HIER].[Account Level 12 Name].[All]" dimensionUniqueName="[CB - Account HIER]" displayFolder="" count="0" unbalancedGroup="0"/>
    <cacheHierarchy uniqueName="[CB - Account HIER].[Account Level 12 Name - Description]" caption="Account Level 12 Name - Description" attribute="1" defaultMemberUniqueName="[CB - Account HIER].[Account Level 12 Name - Description].[All]" allUniqueName="[CB - Account HIER].[Account Level 12 Name - Description].[All]" dimensionUniqueName="[CB - Account HIER]" displayFolder="" count="0" unbalancedGroup="0"/>
    <cacheHierarchy uniqueName="[CB - Account HIER].[Account Parent Description]" caption="Account Parent Description" attribute="1" defaultMemberUniqueName="[CB - Account HIER].[Account Parent Description].[All]" allUniqueName="[CB - Account HIER].[Account Parent Description].[All]" dimensionUniqueName="[CB - Account HIER]" displayFolder="" count="0" unbalancedGroup="0"/>
    <cacheHierarchy uniqueName="[CB - Account HIER].[Account Parent Name]" caption="Account Parent Name" attribute="1" defaultMemberUniqueName="[CB - Account HIER].[Account Parent Name].[All]" allUniqueName="[CB - Account HIER].[Account Parent Name].[All]" dimensionUniqueName="[CB - Account HIER]" displayFolder="" count="0" unbalancedGroup="0"/>
    <cacheHierarchy uniqueName="[CB - Affiliate].[Affiliate CB]" caption="Affiliate CB" attribute="1" keyAttribute="1" defaultMemberUniqueName="[CB - Affiliate].[Affiliate CB].[All]" allUniqueName="[CB - Affiliate].[Affiliate CB].[All]" dimensionUniqueName="[CB - Affiliate]" displayFolder="" count="0" unbalancedGroup="0"/>
    <cacheHierarchy uniqueName="[CB - Affiliate].[Affiliate CB - Description]" caption="Affiliate CB - Description" attribute="1" defaultMemberUniqueName="[CB - Affiliate].[Affiliate CB - Description].[All]" allUniqueName="[CB - Affiliate].[Affiliate CB - Description].[All]" dimensionUniqueName="[CB - Affiliate]" displayFolder="" count="0" unbalancedGroup="0"/>
    <cacheHierarchy uniqueName="[CB - Affiliate].[Affiliate CB Description Long]" caption="Affiliate CB Description Long" attribute="1" defaultMemberUniqueName="[CB - Affiliate].[Affiliate CB Description Long].[All]" allUniqueName="[CB - Affiliate].[Affiliate CB Description Long].[All]" dimensionUniqueName="[CB - Affiliate]" displayFolder="" count="0" unbalancedGroup="0"/>
    <cacheHierarchy uniqueName="[CB - Affiliate].[Affiliate CB Description Short]" caption="Affiliate CB Description Short" attribute="1" defaultMemberUniqueName="[CB - Affiliate].[Affiliate CB Description Short].[All]" allUniqueName="[CB - Affiliate].[Affiliate CB Description Short].[All]" dimensionUniqueName="[CB - Affiliate]" displayFolder="" count="0" unbalancedGroup="0"/>
    <cacheHierarchy uniqueName="[CB - Allocation Pool].[Allocation Pool CB]" caption="Allocation Pool CB" attribute="1" keyAttribute="1" defaultMemberUniqueName="[CB - Allocation Pool].[Allocation Pool CB].[All]" allUniqueName="[CB - Allocation Pool].[Allocation Pool CB].[All]" dimensionUniqueName="[CB - Allocation Pool]" displayFolder="" count="0" unbalancedGroup="0"/>
    <cacheHierarchy uniqueName="[CB - Allocation Pool].[Allocation Pool CB - Description]" caption="Allocation Pool CB - Description" attribute="1" defaultMemberUniqueName="[CB - Allocation Pool].[Allocation Pool CB - Description].[All]" allUniqueName="[CB - Allocation Pool].[Allocation Pool CB - Description].[All]" dimensionUniqueName="[CB - Allocation Pool]" displayFolder="" count="0" unbalancedGroup="0"/>
    <cacheHierarchy uniqueName="[CB - Allocation Pool].[Allocation Pool CB Description Long]" caption="Allocation Pool CB Description Long" attribute="1" defaultMemberUniqueName="[CB - Allocation Pool].[Allocation Pool CB Description Long].[All]" allUniqueName="[CB - Allocation Pool].[Allocation Pool CB Description Long].[All]" dimensionUniqueName="[CB - Allocation Pool]" displayFolder="" count="0" unbalancedGroup="0"/>
    <cacheHierarchy uniqueName="[CB - Allocation Pool].[Allocation Pool CB Description Short]" caption="Allocation Pool CB Description Short" attribute="1" defaultMemberUniqueName="[CB - Allocation Pool].[Allocation Pool CB Description Short].[All]" allUniqueName="[CB - Allocation Pool].[Allocation Pool CB Description Short].[All]" dimensionUniqueName="[CB - Allocation Pool]" displayFolder="" count="0" unbalancedGroup="0"/>
    <cacheHierarchy uniqueName="[CB - Allocation Pool HIER].[Allocation Pool HIER]" caption="Allocation Pool HIER" attribute="1" keyAttribute="1" defaultMemberUniqueName="[CB - Allocation Pool HIER].[Allocation Pool HIER].[All]" allUniqueName="[CB - Allocation Pool HIER].[Allocation Pool HIER].[All]" dimensionUniqueName="[CB - Allocation Pool HIER]" displayFolder="" count="0" unbalancedGroup="0"/>
    <cacheHierarchy uniqueName="[CB - Allocation Pool HIER].[Allocation Pool HIER Description Long]" caption="Allocation Pool HIER Description Long" attribute="1" defaultMemberUniqueName="[CB - Allocation Pool HIER].[Allocation Pool HIER Description Long].[All]" allUniqueName="[CB - Allocation Pool HIER].[Allocation Pool HIER Description Long].[All]" dimensionUniqueName="[CB - Allocation Pool HIER]" displayFolder="" count="0" unbalancedGroup="0"/>
    <cacheHierarchy uniqueName="[CB - Allocation Pool HIER].[Allocation Pool HIER Description Short]" caption="Allocation Pool HIER Description Short" attribute="1" defaultMemberUniqueName="[CB - Allocation Pool HIER].[Allocation Pool HIER Description Short].[All]" allUniqueName="[CB - Allocation Pool HIER].[Allocation Pool HIER Description Short].[All]" dimensionUniqueName="[CB - Allocation Pool HIER]" displayFolder="" count="0" unbalancedGroup="0"/>
    <cacheHierarchy uniqueName="[CB - Allocation Pool HIER].[Allocation Pool HIER Set ID]" caption="Allocation Pool HIER Set ID" attribute="1" defaultMemberUniqueName="[CB - Allocation Pool HIER].[Allocation Pool HIER Set ID].[All]" allUniqueName="[CB - Allocation Pool HIER].[Allocation Pool HIER Set ID].[All]" dimensionUniqueName="[CB - Allocation Pool HIER]" displayFolder="" count="0" unbalancedGroup="0"/>
    <cacheHierarchy uniqueName="[CB - Allocation Pool HIER].[Allocation Pool Hierarchy]" caption="Allocation Pool Hierarchy" defaultMemberUniqueName="[CB - Allocation Pool HIER].[Allocation Pool Hierarchy].[All]" allUniqueName="[CB - Allocation Pool HIER].[Allocation Pool Hierarchy].[All]" dimensionUniqueName="[CB - Allocation Pool HIER]" displayFolder="" count="0" unbalancedGroup="0"/>
    <cacheHierarchy uniqueName="[CB - Allocation Pool HIER].[Allocation Pool Hierarchy Name]" caption="Allocation Pool Hierarchy Name" attribute="1" defaultMemberUniqueName="[CB - Allocation Pool HIER].[Allocation Pool Hierarchy Name].[All]" allUniqueName="[CB - Allocation Pool HIER].[Allocation Pool Hierarchy Name].[All]" dimensionUniqueName="[CB - Allocation Pool HIER]" displayFolder="" count="0" unbalancedGroup="0"/>
    <cacheHierarchy uniqueName="[CB - Allocation Pool HIER].[Allocation Pool Level 01 Description]" caption="Allocation Pool Level 01 Description" attribute="1" defaultMemberUniqueName="[CB - Allocation Pool HIER].[Allocation Pool Level 01 Description].[All]" allUniqueName="[CB - Allocation Pool HIER].[Allocation Pool Level 01 Description].[All]" dimensionUniqueName="[CB - Allocation Pool HIER]" displayFolder="" count="0" unbalancedGroup="0"/>
    <cacheHierarchy uniqueName="[CB - Allocation Pool HIER].[Allocation Pool Level 01 Name]" caption="Allocation Pool Level 01 Name" attribute="1" defaultMemberUniqueName="[CB - Allocation Pool HIER].[Allocation Pool Level 01 Name].[All]" allUniqueName="[CB - Allocation Pool HIER].[Allocation Pool Level 01 Name].[All]" dimensionUniqueName="[CB - Allocation Pool HIER]" displayFolder="" count="0" unbalancedGroup="0"/>
    <cacheHierarchy uniqueName="[CB - Allocation Pool HIER].[Allocation Pool Level 01 Name - Description]" caption="Allocation Pool Level 01 Name - Description" attribute="1" defaultMemberUniqueName="[CB - Allocation Pool HIER].[Allocation Pool Level 01 Name - Description].[All]" allUniqueName="[CB - Allocation Pool HIER].[Allocation Pool Level 01 Name - Description].[All]" dimensionUniqueName="[CB - Allocation Pool HIER]" displayFolder="" count="0" unbalancedGroup="0"/>
    <cacheHierarchy uniqueName="[CB - Allocation Pool HIER].[Allocation Pool Level 02 Description]" caption="Allocation Pool Level 02 Description" attribute="1" defaultMemberUniqueName="[CB - Allocation Pool HIER].[Allocation Pool Level 02 Description].[All]" allUniqueName="[CB - Allocation Pool HIER].[Allocation Pool Level 02 Description].[All]" dimensionUniqueName="[CB - Allocation Pool HIER]" displayFolder="" count="0" unbalancedGroup="0"/>
    <cacheHierarchy uniqueName="[CB - Allocation Pool HIER].[Allocation Pool Level 02 Name]" caption="Allocation Pool Level 02 Name" attribute="1" defaultMemberUniqueName="[CB - Allocation Pool HIER].[Allocation Pool Level 02 Name].[All]" allUniqueName="[CB - Allocation Pool HIER].[Allocation Pool Level 02 Name].[All]" dimensionUniqueName="[CB - Allocation Pool HIER]" displayFolder="" count="0" unbalancedGroup="0"/>
    <cacheHierarchy uniqueName="[CB - Allocation Pool HIER].[Allocation Pool Level 02 Name - Description]" caption="Allocation Pool Level 02 Name - Description" attribute="1" defaultMemberUniqueName="[CB - Allocation Pool HIER].[Allocation Pool Level 02 Name - Description].[All]" allUniqueName="[CB - Allocation Pool HIER].[Allocation Pool Level 02 Name - Description].[All]" dimensionUniqueName="[CB - Allocation Pool HIER]" displayFolder="" count="0" unbalancedGroup="0"/>
    <cacheHierarchy uniqueName="[CB - Allocation Pool HIER].[Allocation Pool Level 03 Description]" caption="Allocation Pool Level 03 Description" attribute="1" defaultMemberUniqueName="[CB - Allocation Pool HIER].[Allocation Pool Level 03 Description].[All]" allUniqueName="[CB - Allocation Pool HIER].[Allocation Pool Level 03 Description].[All]" dimensionUniqueName="[CB - Allocation Pool HIER]" displayFolder="" count="0" unbalancedGroup="0"/>
    <cacheHierarchy uniqueName="[CB - Allocation Pool HIER].[Allocation Pool Level 03 Name]" caption="Allocation Pool Level 03 Name" attribute="1" defaultMemberUniqueName="[CB - Allocation Pool HIER].[Allocation Pool Level 03 Name].[All]" allUniqueName="[CB - Allocation Pool HIER].[Allocation Pool Level 03 Name].[All]" dimensionUniqueName="[CB - Allocation Pool HIER]" displayFolder="" count="0" unbalancedGroup="0"/>
    <cacheHierarchy uniqueName="[CB - Allocation Pool HIER].[Allocation Pool Level 03 Name - Description]" caption="Allocation Pool Level 03 Name - Description" attribute="1" defaultMemberUniqueName="[CB - Allocation Pool HIER].[Allocation Pool Level 03 Name - Description].[All]" allUniqueName="[CB - Allocation Pool HIER].[Allocation Pool Level 03 Name - Description].[All]" dimensionUniqueName="[CB - Allocation Pool HIER]" displayFolder="" count="0" unbalancedGroup="0"/>
    <cacheHierarchy uniqueName="[CB - Allocation Pool HIER].[Allocation Pool Level 04 Description]" caption="Allocation Pool Level 04 Description" attribute="1" defaultMemberUniqueName="[CB - Allocation Pool HIER].[Allocation Pool Level 04 Description].[All]" allUniqueName="[CB - Allocation Pool HIER].[Allocation Pool Level 04 Description].[All]" dimensionUniqueName="[CB - Allocation Pool HIER]" displayFolder="" count="0" unbalancedGroup="0"/>
    <cacheHierarchy uniqueName="[CB - Allocation Pool HIER].[Allocation Pool Level 04 Name]" caption="Allocation Pool Level 04 Name" attribute="1" defaultMemberUniqueName="[CB - Allocation Pool HIER].[Allocation Pool Level 04 Name].[All]" allUniqueName="[CB - Allocation Pool HIER].[Allocation Pool Level 04 Name].[All]" dimensionUniqueName="[CB - Allocation Pool HIER]" displayFolder="" count="0" unbalancedGroup="0"/>
    <cacheHierarchy uniqueName="[CB - Allocation Pool HIER].[Allocation Pool Level 04 Name - Description]" caption="Allocation Pool Level 04 Name - Description" attribute="1" defaultMemberUniqueName="[CB - Allocation Pool HIER].[Allocation Pool Level 04 Name - Description].[All]" allUniqueName="[CB - Allocation Pool HIER].[Allocation Pool Level 04 Name - Description].[All]" dimensionUniqueName="[CB - Allocation Pool HIER]" displayFolder="" count="0" unbalancedGroup="0"/>
    <cacheHierarchy uniqueName="[CB - Allocation Pool HIER].[Allocation Pool Level 05 Description]" caption="Allocation Pool Level 05 Description" attribute="1" defaultMemberUniqueName="[CB - Allocation Pool HIER].[Allocation Pool Level 05 Description].[All]" allUniqueName="[CB - Allocation Pool HIER].[Allocation Pool Level 05 Description].[All]" dimensionUniqueName="[CB - Allocation Pool HIER]" displayFolder="" count="0" unbalancedGroup="0"/>
    <cacheHierarchy uniqueName="[CB - Allocation Pool HIER].[Allocation Pool Level 05 Name]" caption="Allocation Pool Level 05 Name" attribute="1" defaultMemberUniqueName="[CB - Allocation Pool HIER].[Allocation Pool Level 05 Name].[All]" allUniqueName="[CB - Allocation Pool HIER].[Allocation Pool Level 05 Name].[All]" dimensionUniqueName="[CB - Allocation Pool HIER]" displayFolder="" count="0" unbalancedGroup="0"/>
    <cacheHierarchy uniqueName="[CB - Allocation Pool HIER].[Allocation Pool Level 05 Name - Description]" caption="Allocation Pool Level 05 Name - Description" attribute="1" defaultMemberUniqueName="[CB - Allocation Pool HIER].[Allocation Pool Level 05 Name - Description].[All]" allUniqueName="[CB - Allocation Pool HIER].[Allocation Pool Level 05 Name - Description].[All]" dimensionUniqueName="[CB - Allocation Pool HIER]" displayFolder="" count="0" unbalancedGroup="0"/>
    <cacheHierarchy uniqueName="[CB - Allocation Pool HIER].[Allocation Pool Parent Description]" caption="Allocation Pool Parent Description" attribute="1" defaultMemberUniqueName="[CB - Allocation Pool HIER].[Allocation Pool Parent Description].[All]" allUniqueName="[CB - Allocation Pool HIER].[Allocation Pool Parent Description].[All]" dimensionUniqueName="[CB - Allocation Pool HIER]" displayFolder="" count="0" unbalancedGroup="0"/>
    <cacheHierarchy uniqueName="[CB - Allocation Pool HIER].[Allocation Pool Parent Name]" caption="Allocation Pool Parent Name" attribute="1" defaultMemberUniqueName="[CB - Allocation Pool HIER].[Allocation Pool Parent Name].[All]" allUniqueName="[CB - Allocation Pool HIER].[Allocation Pool Parent Name].[All]" dimensionUniqueName="[CB - Allocation Pool HIER]" displayFolder="" count="0" unbalancedGroup="0"/>
    <cacheHierarchy uniqueName="[CB - Business Unit].[Business Unit CB]" caption="Business Unit CB" attribute="1" keyAttribute="1" defaultMemberUniqueName="[CB - Business Unit].[Business Unit CB].[All]" allUniqueName="[CB - Business Unit].[Business Unit CB].[All]" dimensionUniqueName="[CB - Business Unit]" displayFolder="" count="0" unbalancedGroup="0"/>
    <cacheHierarchy uniqueName="[CB - Business Unit].[Business Unit CB - Description]" caption="Business Unit CB - Description" attribute="1" defaultMemberUniqueName="[CB - Business Unit].[Business Unit CB - Description].[All]" allUniqueName="[CB - Business Unit].[Business Unit CB - Description].[All]" dimensionUniqueName="[CB - Business Unit]" displayFolder="" count="0" unbalancedGroup="0"/>
    <cacheHierarchy uniqueName="[CB - Business Unit].[Business Unit CB Description Long]" caption="Business Unit CB Description Long" attribute="1" defaultMemberUniqueName="[CB - Business Unit].[Business Unit CB Description Long].[All]" allUniqueName="[CB - Business Unit].[Business Unit CB Description Long].[All]" dimensionUniqueName="[CB - Business Unit]" displayFolder="" count="0" unbalancedGroup="0"/>
    <cacheHierarchy uniqueName="[CB - Business Unit].[Business Unit CB Description Short]" caption="Business Unit CB Description Short" attribute="1" defaultMemberUniqueName="[CB - Business Unit].[Business Unit CB Description Short].[All]" allUniqueName="[CB - Business Unit].[Business Unit CB Description Short].[All]" dimensionUniqueName="[CB - Business Unit]" displayFolder="" count="0" unbalancedGroup="0"/>
    <cacheHierarchy uniqueName="[CB - Business Unit].[Business Unit CB Eliminations Only Indicator]" caption="Business Unit CB Eliminations Only Indicator" attribute="1" defaultMemberUniqueName="[CB - Business Unit].[Business Unit CB Eliminations Only Indicator].[All]" allUniqueName="[CB - Business Unit].[Business Unit CB Eliminations Only Indicator].[All]" dimensionUniqueName="[CB - Business Unit]" displayFolder="" count="0" unbalancedGroup="0"/>
    <cacheHierarchy uniqueName="[CB - Business Unit HIER].[Business Unit HIER]" caption="Business Unit HIER" attribute="1" keyAttribute="1" defaultMemberUniqueName="[CB - Business Unit HIER].[Business Unit HIER].[All]" allUniqueName="[CB - Business Unit HIER].[Business Unit HIER].[All]" dimensionUniqueName="[CB - Business Unit HIER]" displayFolder="" count="0" unbalancedGroup="0"/>
    <cacheHierarchy uniqueName="[CB - Business Unit HIER].[Business Unit HIER Description Long]" caption="Business Unit HIER Description Long" attribute="1" defaultMemberUniqueName="[CB - Business Unit HIER].[Business Unit HIER Description Long].[All]" allUniqueName="[CB - Business Unit HIER].[Business Unit HIER Description Long].[All]" dimensionUniqueName="[CB - Business Unit HIER]" displayFolder="" count="0" unbalancedGroup="0"/>
    <cacheHierarchy uniqueName="[CB - Business Unit HIER].[Business Unit HIER Description Short]" caption="Business Unit HIER Description Short" attribute="1" defaultMemberUniqueName="[CB - Business Unit HIER].[Business Unit HIER Description Short].[All]" allUniqueName="[CB - Business Unit HIER].[Business Unit HIER Description Short].[All]" dimensionUniqueName="[CB - Business Unit HIER]" displayFolder="" count="0" unbalancedGroup="0"/>
    <cacheHierarchy uniqueName="[CB - Business Unit HIER].[Business Unit Hierarchy]" caption="Business Unit Hierarchy" defaultMemberUniqueName="[CB - Business Unit HIER].[Business Unit Hierarchy].[All]" allUniqueName="[CB - Business Unit HIER].[Business Unit Hierarchy].[All]" dimensionUniqueName="[CB - Business Unit HIER]" displayFolder="" count="0" unbalancedGroup="0"/>
    <cacheHierarchy uniqueName="[CB - Business Unit HIER].[Business Unit Hierarchy Name]" caption="Business Unit Hierarchy Name" attribute="1" defaultMemberUniqueName="[CB - Business Unit HIER].[Business Unit Hierarchy Name].[All]" allUniqueName="[CB - Business Unit HIER].[Business Unit Hierarchy Name].[All]" dimensionUniqueName="[CB - Business Unit HIER]" displayFolder="" count="0" unbalancedGroup="0"/>
    <cacheHierarchy uniqueName="[CB - Business Unit HIER].[Business Unit Level 01 Description]" caption="Business Unit Level 01 Description" attribute="1" defaultMemberUniqueName="[CB - Business Unit HIER].[Business Unit Level 01 Description].[All]" allUniqueName="[CB - Business Unit HIER].[Business Unit Level 01 Description].[All]" dimensionUniqueName="[CB - Business Unit HIER]" displayFolder="" count="0" unbalancedGroup="0"/>
    <cacheHierarchy uniqueName="[CB - Business Unit HIER].[Business Unit Level 01 Name]" caption="Business Unit Level 01 Name" attribute="1" defaultMemberUniqueName="[CB - Business Unit HIER].[Business Unit Level 01 Name].[All]" allUniqueName="[CB - Business Unit HIER].[Business Unit Level 01 Name].[All]" dimensionUniqueName="[CB - Business Unit HIER]" displayFolder="" count="0" unbalancedGroup="0"/>
    <cacheHierarchy uniqueName="[CB - Business Unit HIER].[Business Unit Level 01 Name - Description]" caption="Business Unit Level 01 Name - Description" attribute="1" defaultMemberUniqueName="[CB - Business Unit HIER].[Business Unit Level 01 Name - Description].[All]" allUniqueName="[CB - Business Unit HIER].[Business Unit Level 01 Name - Description].[All]" dimensionUniqueName="[CB - Business Unit HIER]" displayFolder="" count="0" unbalancedGroup="0"/>
    <cacheHierarchy uniqueName="[CB - Business Unit HIER].[Business Unit Level 02 Description]" caption="Business Unit Level 02 Description" attribute="1" defaultMemberUniqueName="[CB - Business Unit HIER].[Business Unit Level 02 Description].[All]" allUniqueName="[CB - Business Unit HIER].[Business Unit Level 02 Description].[All]" dimensionUniqueName="[CB - Business Unit HIER]" displayFolder="" count="0" unbalancedGroup="0"/>
    <cacheHierarchy uniqueName="[CB - Business Unit HIER].[Business Unit Level 02 Name]" caption="Business Unit Level 02 Name" attribute="1" defaultMemberUniqueName="[CB - Business Unit HIER].[Business Unit Level 02 Name].[All]" allUniqueName="[CB - Business Unit HIER].[Business Unit Level 02 Name].[All]" dimensionUniqueName="[CB - Business Unit HIER]" displayFolder="" count="0" unbalancedGroup="0"/>
    <cacheHierarchy uniqueName="[CB - Business Unit HIER].[Business Unit Level 02 Name - Description]" caption="Business Unit Level 02 Name - Description" attribute="1" defaultMemberUniqueName="[CB - Business Unit HIER].[Business Unit Level 02 Name - Description].[All]" allUniqueName="[CB - Business Unit HIER].[Business Unit Level 02 Name - Description].[All]" dimensionUniqueName="[CB - Business Unit HIER]" displayFolder="" count="0" unbalancedGroup="0"/>
    <cacheHierarchy uniqueName="[CB - Business Unit HIER].[Business Unit Level 03 Description]" caption="Business Unit Level 03 Description" attribute="1" defaultMemberUniqueName="[CB - Business Unit HIER].[Business Unit Level 03 Description].[All]" allUniqueName="[CB - Business Unit HIER].[Business Unit Level 03 Description].[All]" dimensionUniqueName="[CB - Business Unit HIER]" displayFolder="" count="0" unbalancedGroup="0"/>
    <cacheHierarchy uniqueName="[CB - Business Unit HIER].[Business Unit Level 03 Name]" caption="Business Unit Level 03 Name" attribute="1" defaultMemberUniqueName="[CB - Business Unit HIER].[Business Unit Level 03 Name].[All]" allUniqueName="[CB - Business Unit HIER].[Business Unit Level 03 Name].[All]" dimensionUniqueName="[CB - Business Unit HIER]" displayFolder="" count="0" unbalancedGroup="0"/>
    <cacheHierarchy uniqueName="[CB - Business Unit HIER].[Business Unit Level 03 Name - Description]" caption="Business Unit Level 03 Name - Description" attribute="1" defaultMemberUniqueName="[CB - Business Unit HIER].[Business Unit Level 03 Name - Description].[All]" allUniqueName="[CB - Business Unit HIER].[Business Unit Level 03 Name - Description].[All]" dimensionUniqueName="[CB - Business Unit HIER]" displayFolder="" count="0" unbalancedGroup="0"/>
    <cacheHierarchy uniqueName="[CB - Business Unit HIER].[Business Unit Level 04 Description]" caption="Business Unit Level 04 Description" attribute="1" defaultMemberUniqueName="[CB - Business Unit HIER].[Business Unit Level 04 Description].[All]" allUniqueName="[CB - Business Unit HIER].[Business Unit Level 04 Description].[All]" dimensionUniqueName="[CB - Business Unit HIER]" displayFolder="" count="0" unbalancedGroup="0"/>
    <cacheHierarchy uniqueName="[CB - Business Unit HIER].[Business Unit Level 04 Name]" caption="Business Unit Level 04 Name" attribute="1" defaultMemberUniqueName="[CB - Business Unit HIER].[Business Unit Level 04 Name].[All]" allUniqueName="[CB - Business Unit HIER].[Business Unit Level 04 Name].[All]" dimensionUniqueName="[CB - Business Unit HIER]" displayFolder="" count="0" unbalancedGroup="0"/>
    <cacheHierarchy uniqueName="[CB - Business Unit HIER].[Business Unit Level 04 Name - Description]" caption="Business Unit Level 04 Name - Description" attribute="1" defaultMemberUniqueName="[CB - Business Unit HIER].[Business Unit Level 04 Name - Description].[All]" allUniqueName="[CB - Business Unit HIER].[Business Unit Level 04 Name - Description].[All]" dimensionUniqueName="[CB - Business Unit HIER]" displayFolder="" count="0" unbalancedGroup="0"/>
    <cacheHierarchy uniqueName="[CB - Business Unit HIER].[Business Unit Level 05 Description]" caption="Business Unit Level 05 Description" attribute="1" defaultMemberUniqueName="[CB - Business Unit HIER].[Business Unit Level 05 Description].[All]" allUniqueName="[CB - Business Unit HIER].[Business Unit Level 05 Description].[All]" dimensionUniqueName="[CB - Business Unit HIER]" displayFolder="" count="0" unbalancedGroup="0"/>
    <cacheHierarchy uniqueName="[CB - Business Unit HIER].[Business Unit Level 05 Name]" caption="Business Unit Level 05 Name" attribute="1" defaultMemberUniqueName="[CB - Business Unit HIER].[Business Unit Level 05 Name].[All]" allUniqueName="[CB - Business Unit HIER].[Business Unit Level 05 Name].[All]" dimensionUniqueName="[CB - Business Unit HIER]" displayFolder="" count="0" unbalancedGroup="0"/>
    <cacheHierarchy uniqueName="[CB - Business Unit HIER].[Business Unit Level 05 Name - Description]" caption="Business Unit Level 05 Name - Description" attribute="1" defaultMemberUniqueName="[CB - Business Unit HIER].[Business Unit Level 05 Name - Description].[All]" allUniqueName="[CB - Business Unit HIER].[Business Unit Level 05 Name - Description].[All]" dimensionUniqueName="[CB - Business Unit HIER]" displayFolder="" count="0" unbalancedGroup="0"/>
    <cacheHierarchy uniqueName="[CB - Business Unit HIER].[Business Unit Level 06 Description]" caption="Business Unit Level 06 Description" attribute="1" defaultMemberUniqueName="[CB - Business Unit HIER].[Business Unit Level 06 Description].[All]" allUniqueName="[CB - Business Unit HIER].[Business Unit Level 06 Description].[All]" dimensionUniqueName="[CB - Business Unit HIER]" displayFolder="" count="0" unbalancedGroup="0"/>
    <cacheHierarchy uniqueName="[CB - Business Unit HIER].[Business Unit Level 06 Name]" caption="Business Unit Level 06 Name" attribute="1" defaultMemberUniqueName="[CB - Business Unit HIER].[Business Unit Level 06 Name].[All]" allUniqueName="[CB - Business Unit HIER].[Business Unit Level 06 Name].[All]" dimensionUniqueName="[CB - Business Unit HIER]" displayFolder="" count="0" unbalancedGroup="0"/>
    <cacheHierarchy uniqueName="[CB - Business Unit HIER].[Business Unit Level 06 Name - Description]" caption="Business Unit Level 06 Name - Description" attribute="1" defaultMemberUniqueName="[CB - Business Unit HIER].[Business Unit Level 06 Name - Description].[All]" allUniqueName="[CB - Business Unit HIER].[Business Unit Level 06 Name - Description].[All]" dimensionUniqueName="[CB - Business Unit HIER]" displayFolder="" count="0" unbalancedGroup="0"/>
    <cacheHierarchy uniqueName="[CB - Business Unit HIER].[Business Unit Level 07 Description]" caption="Business Unit Level 07 Description" attribute="1" defaultMemberUniqueName="[CB - Business Unit HIER].[Business Unit Level 07 Description].[All]" allUniqueName="[CB - Business Unit HIER].[Business Unit Level 07 Description].[All]" dimensionUniqueName="[CB - Business Unit HIER]" displayFolder="" count="0" unbalancedGroup="0"/>
    <cacheHierarchy uniqueName="[CB - Business Unit HIER].[Business Unit Level 07 Name]" caption="Business Unit Level 07 Name" attribute="1" defaultMemberUniqueName="[CB - Business Unit HIER].[Business Unit Level 07 Name].[All]" allUniqueName="[CB - Business Unit HIER].[Business Unit Level 07 Name].[All]" dimensionUniqueName="[CB - Business Unit HIER]" displayFolder="" count="0" unbalancedGroup="0"/>
    <cacheHierarchy uniqueName="[CB - Business Unit HIER].[Business Unit Level 07 Name - Description]" caption="Business Unit Level 07 Name - Description" attribute="1" defaultMemberUniqueName="[CB - Business Unit HIER].[Business Unit Level 07 Name - Description].[All]" allUniqueName="[CB - Business Unit HIER].[Business Unit Level 07 Name - Description].[All]" dimensionUniqueName="[CB - Business Unit HIER]" displayFolder="" count="0" unbalancedGroup="0"/>
    <cacheHierarchy uniqueName="[CB - Business Unit HIER].[Business Unit Level 08 Description]" caption="Business Unit Level 08 Description" attribute="1" defaultMemberUniqueName="[CB - Business Unit HIER].[Business Unit Level 08 Description].[All]" allUniqueName="[CB - Business Unit HIER].[Business Unit Level 08 Description].[All]" dimensionUniqueName="[CB - Business Unit HIER]" displayFolder="" count="0" unbalancedGroup="0"/>
    <cacheHierarchy uniqueName="[CB - Business Unit HIER].[Business Unit Level 08 Name]" caption="Business Unit Level 08 Name" attribute="1" defaultMemberUniqueName="[CB - Business Unit HIER].[Business Unit Level 08 Name].[All]" allUniqueName="[CB - Business Unit HIER].[Business Unit Level 08 Name].[All]" dimensionUniqueName="[CB - Business Unit HIER]" displayFolder="" count="0" unbalancedGroup="0"/>
    <cacheHierarchy uniqueName="[CB - Business Unit HIER].[Business Unit Level 08 Name - Description]" caption="Business Unit Level 08 Name - Description" attribute="1" defaultMemberUniqueName="[CB - Business Unit HIER].[Business Unit Level 08 Name - Description].[All]" allUniqueName="[CB - Business Unit HIER].[Business Unit Level 08 Name - Description].[All]" dimensionUniqueName="[CB - Business Unit HIER]" displayFolder="" count="0" unbalancedGroup="0"/>
    <cacheHierarchy uniqueName="[CB - Business Unit HIER].[Business Unit Level 09 Description]" caption="Business Unit Level 09 Description" attribute="1" defaultMemberUniqueName="[CB - Business Unit HIER].[Business Unit Level 09 Description].[All]" allUniqueName="[CB - Business Unit HIER].[Business Unit Level 09 Description].[All]" dimensionUniqueName="[CB - Business Unit HIER]" displayFolder="" count="0" unbalancedGroup="0"/>
    <cacheHierarchy uniqueName="[CB - Business Unit HIER].[Business Unit Level 09 Name]" caption="Business Unit Level 09 Name" attribute="1" defaultMemberUniqueName="[CB - Business Unit HIER].[Business Unit Level 09 Name].[All]" allUniqueName="[CB - Business Unit HIER].[Business Unit Level 09 Name].[All]" dimensionUniqueName="[CB - Business Unit HIER]" displayFolder="" count="0" unbalancedGroup="0"/>
    <cacheHierarchy uniqueName="[CB - Business Unit HIER].[Business Unit Level 09 Name - Description]" caption="Business Unit Level 09 Name - Description" attribute="1" defaultMemberUniqueName="[CB - Business Unit HIER].[Business Unit Level 09 Name - Description].[All]" allUniqueName="[CB - Business Unit HIER].[Business Unit Level 09 Name - Description].[All]" dimensionUniqueName="[CB - Business Unit HIER]" displayFolder="" count="0" unbalancedGroup="0"/>
    <cacheHierarchy uniqueName="[CB - Business Unit HIER].[Business Unit Level 10 Description]" caption="Business Unit Level 10 Description" attribute="1" defaultMemberUniqueName="[CB - Business Unit HIER].[Business Unit Level 10 Description].[All]" allUniqueName="[CB - Business Unit HIER].[Business Unit Level 10 Description].[All]" dimensionUniqueName="[CB - Business Unit HIER]" displayFolder="" count="0" unbalancedGroup="0"/>
    <cacheHierarchy uniqueName="[CB - Business Unit HIER].[Business Unit Level 10 Name]" caption="Business Unit Level 10 Name" attribute="1" defaultMemberUniqueName="[CB - Business Unit HIER].[Business Unit Level 10 Name].[All]" allUniqueName="[CB - Business Unit HIER].[Business Unit Level 10 Name].[All]" dimensionUniqueName="[CB - Business Unit HIER]" displayFolder="" count="0" unbalancedGroup="0"/>
    <cacheHierarchy uniqueName="[CB - Business Unit HIER].[Business Unit Level 10 Name - Description]" caption="Business Unit Level 10 Name - Description" attribute="1" defaultMemberUniqueName="[CB - Business Unit HIER].[Business Unit Level 10 Name - Description].[All]" allUniqueName="[CB - Business Unit HIER].[Business Unit Level 10 Name - Description].[All]" dimensionUniqueName="[CB - Business Unit HIER]" displayFolder="" count="0" unbalancedGroup="0"/>
    <cacheHierarchy uniqueName="[CB - Business Unit HIER].[Business Unit Level 11 Description]" caption="Business Unit Level 11 Description" attribute="1" defaultMemberUniqueName="[CB - Business Unit HIER].[Business Unit Level 11 Description].[All]" allUniqueName="[CB - Business Unit HIER].[Business Unit Level 11 Description].[All]" dimensionUniqueName="[CB - Business Unit HIER]" displayFolder="" count="0" unbalancedGroup="0"/>
    <cacheHierarchy uniqueName="[CB - Business Unit HIER].[Business Unit Level 11 Name]" caption="Business Unit Level 11 Name" attribute="1" defaultMemberUniqueName="[CB - Business Unit HIER].[Business Unit Level 11 Name].[All]" allUniqueName="[CB - Business Unit HIER].[Business Unit Level 11 Name].[All]" dimensionUniqueName="[CB - Business Unit HIER]" displayFolder="" count="0" unbalancedGroup="0"/>
    <cacheHierarchy uniqueName="[CB - Business Unit HIER].[Business Unit Level 11 Name - Description]" caption="Business Unit Level 11 Name - Description" attribute="1" defaultMemberUniqueName="[CB - Business Unit HIER].[Business Unit Level 11 Name - Description].[All]" allUniqueName="[CB - Business Unit HIER].[Business Unit Level 11 Name - Description].[All]" dimensionUniqueName="[CB - Business Unit HIER]" displayFolder="" count="0" unbalancedGroup="0"/>
    <cacheHierarchy uniqueName="[CB - Business Unit HIER].[Business Unit Level 12 Description]" caption="Business Unit Level 12 Description" attribute="1" defaultMemberUniqueName="[CB - Business Unit HIER].[Business Unit Level 12 Description].[All]" allUniqueName="[CB - Business Unit HIER].[Business Unit Level 12 Description].[All]" dimensionUniqueName="[CB - Business Unit HIER]" displayFolder="" count="0" unbalancedGroup="0"/>
    <cacheHierarchy uniqueName="[CB - Business Unit HIER].[Business Unit Level 12 Name]" caption="Business Unit Level 12 Name" attribute="1" defaultMemberUniqueName="[CB - Business Unit HIER].[Business Unit Level 12 Name].[All]" allUniqueName="[CB - Business Unit HIER].[Business Unit Level 12 Name].[All]" dimensionUniqueName="[CB - Business Unit HIER]" displayFolder="" count="0" unbalancedGroup="0"/>
    <cacheHierarchy uniqueName="[CB - Business Unit HIER].[Business Unit Level 12 Name - Description]" caption="Business Unit Level 12 Name - Description" attribute="1" defaultMemberUniqueName="[CB - Business Unit HIER].[Business Unit Level 12 Name - Description].[All]" allUniqueName="[CB - Business Unit HIER].[Business Unit Level 12 Name - Description].[All]" dimensionUniqueName="[CB - Business Unit HIER]" displayFolder="" count="0" unbalancedGroup="0"/>
    <cacheHierarchy uniqueName="[CB - Business Unit HIER].[Business Unit Level 13 Description]" caption="Business Unit Level 13 Description" attribute="1" defaultMemberUniqueName="[CB - Business Unit HIER].[Business Unit Level 13 Description].[All]" allUniqueName="[CB - Business Unit HIER].[Business Unit Level 13 Description].[All]" dimensionUniqueName="[CB - Business Unit HIER]" displayFolder="" count="0" unbalancedGroup="0"/>
    <cacheHierarchy uniqueName="[CB - Business Unit HIER].[Business Unit Level 13 Name]" caption="Business Unit Level 13 Name" attribute="1" defaultMemberUniqueName="[CB - Business Unit HIER].[Business Unit Level 13 Name].[All]" allUniqueName="[CB - Business Unit HIER].[Business Unit Level 13 Name].[All]" dimensionUniqueName="[CB - Business Unit HIER]" displayFolder="" count="0" unbalancedGroup="0"/>
    <cacheHierarchy uniqueName="[CB - Business Unit HIER].[Business Unit Level 13 Name - Description]" caption="Business Unit Level 13 Name - Description" attribute="1" defaultMemberUniqueName="[CB - Business Unit HIER].[Business Unit Level 13 Name - Description].[All]" allUniqueName="[CB - Business Unit HIER].[Business Unit Level 13 Name - Description].[All]" dimensionUniqueName="[CB - Business Unit HIER]" displayFolder="" count="0" unbalancedGroup="0"/>
    <cacheHierarchy uniqueName="[CB - Business Unit HIER].[Business Unit Level 14 Description]" caption="Business Unit Level 14 Description" attribute="1" defaultMemberUniqueName="[CB - Business Unit HIER].[Business Unit Level 14 Description].[All]" allUniqueName="[CB - Business Unit HIER].[Business Unit Level 14 Description].[All]" dimensionUniqueName="[CB - Business Unit HIER]" displayFolder="" count="0" unbalancedGroup="0"/>
    <cacheHierarchy uniqueName="[CB - Business Unit HIER].[Business Unit Level 14 Name]" caption="Business Unit Level 14 Name" attribute="1" defaultMemberUniqueName="[CB - Business Unit HIER].[Business Unit Level 14 Name].[All]" allUniqueName="[CB - Business Unit HIER].[Business Unit Level 14 Name].[All]" dimensionUniqueName="[CB - Business Unit HIER]" displayFolder="" count="0" unbalancedGroup="0"/>
    <cacheHierarchy uniqueName="[CB - Business Unit HIER].[Business Unit Level 14 Name - Description]" caption="Business Unit Level 14 Name - Description" attribute="1" defaultMemberUniqueName="[CB - Business Unit HIER].[Business Unit Level 14 Name - Description].[All]" allUniqueName="[CB - Business Unit HIER].[Business Unit Level 14 Name - Description].[All]" dimensionUniqueName="[CB - Business Unit HIER]" displayFolder="" count="0" unbalancedGroup="0"/>
    <cacheHierarchy uniqueName="[CB - Business Unit HIER].[Business Unit Parent Description]" caption="Business Unit Parent Description" attribute="1" defaultMemberUniqueName="[CB - Business Unit HIER].[Business Unit Parent Description].[All]" allUniqueName="[CB - Business Unit HIER].[Business Unit Parent Description].[All]" dimensionUniqueName="[CB - Business Unit HIER]" displayFolder="" count="0" unbalancedGroup="0"/>
    <cacheHierarchy uniqueName="[CB - Business Unit HIER].[Business Unit Parent Name]" caption="Business Unit Parent Name" attribute="1" defaultMemberUniqueName="[CB - Business Unit HIER].[Business Unit Parent Name].[All]" allUniqueName="[CB - Business Unit HIER].[Business Unit Parent Name].[All]" dimensionUniqueName="[CB - Business Unit HIER]" displayFolder="" count="0" unbalancedGroup="0"/>
    <cacheHierarchy uniqueName="[CB - Location].[Location CB]" caption="Location CB" attribute="1" keyAttribute="1" defaultMemberUniqueName="[CB - Location].[Location CB].[All]" allUniqueName="[CB - Location].[Location CB].[All]" dimensionUniqueName="[CB - Location]" displayFolder="" count="0" unbalancedGroup="0"/>
    <cacheHierarchy uniqueName="[CB - Location].[Location CB - Description]" caption="Location CB - Description" attribute="1" defaultMemberUniqueName="[CB - Location].[Location CB - Description].[All]" allUniqueName="[CB - Location].[Location CB - Description].[All]" dimensionUniqueName="[CB - Location]" displayFolder="" count="0" unbalancedGroup="0"/>
    <cacheHierarchy uniqueName="[CB - Location].[Location CB Description Long]" caption="Location CB Description Long" attribute="1" defaultMemberUniqueName="[CB - Location].[Location CB Description Long].[All]" allUniqueName="[CB - Location].[Location CB Description Long].[All]" dimensionUniqueName="[CB - Location]" displayFolder="" count="0" unbalancedGroup="0"/>
    <cacheHierarchy uniqueName="[CB - Location].[Location CB Description Short]" caption="Location CB Description Short" attribute="1" defaultMemberUniqueName="[CB - Location].[Location CB Description Short].[All]" allUniqueName="[CB - Location].[Location CB Description Short].[All]" dimensionUniqueName="[CB - Location]" displayFolder="" count="0" unbalancedGroup="0"/>
    <cacheHierarchy uniqueName="[CB - Location HIER].[Location HIER]" caption="Location HIER" attribute="1" keyAttribute="1" defaultMemberUniqueName="[CB - Location HIER].[Location HIER].[All]" allUniqueName="[CB - Location HIER].[Location HIER].[All]" dimensionUniqueName="[CB - Location HIER]" displayFolder="" count="0" unbalancedGroup="0"/>
    <cacheHierarchy uniqueName="[CB - Location HIER].[Location HIER Description Long]" caption="Location HIER Description Long" attribute="1" defaultMemberUniqueName="[CB - Location HIER].[Location HIER Description Long].[All]" allUniqueName="[CB - Location HIER].[Location HIER Description Long].[All]" dimensionUniqueName="[CB - Location HIER]" displayFolder="" count="0" unbalancedGroup="0"/>
    <cacheHierarchy uniqueName="[CB - Location HIER].[Location HIER Description Short]" caption="Location HIER Description Short" attribute="1" defaultMemberUniqueName="[CB - Location HIER].[Location HIER Description Short].[All]" allUniqueName="[CB - Location HIER].[Location HIER Description Short].[All]" dimensionUniqueName="[CB - Location HIER]" displayFolder="" count="0" unbalancedGroup="0"/>
    <cacheHierarchy uniqueName="[CB - Location HIER].[Location HIER Type Set ID]" caption="Location HIER Type Set ID" attribute="1" defaultMemberUniqueName="[CB - Location HIER].[Location HIER Type Set ID].[All]" allUniqueName="[CB - Location HIER].[Location HIER Type Set ID].[All]" dimensionUniqueName="[CB - Location HIER]" displayFolder="" count="0" unbalancedGroup="0"/>
    <cacheHierarchy uniqueName="[CB - Location HIER].[Location Hierarchy]" caption="Location Hierarchy" defaultMemberUniqueName="[CB - Location HIER].[Location Hierarchy].[All]" allUniqueName="[CB - Location HIER].[Location Hierarchy].[All]" dimensionUniqueName="[CB - Location HIER]" displayFolder="" count="0" unbalancedGroup="0"/>
    <cacheHierarchy uniqueName="[CB - Location HIER].[Location Hierarchy Name]" caption="Location Hierarchy Name" attribute="1" defaultMemberUniqueName="[CB - Location HIER].[Location Hierarchy Name].[All]" allUniqueName="[CB - Location HIER].[Location Hierarchy Name].[All]" dimensionUniqueName="[CB - Location HIER]" displayFolder="" count="0" unbalancedGroup="0"/>
    <cacheHierarchy uniqueName="[CB - Location HIER].[Location Level 01 Description]" caption="Location Level 01 Description" attribute="1" defaultMemberUniqueName="[CB - Location HIER].[Location Level 01 Description].[All]" allUniqueName="[CB - Location HIER].[Location Level 01 Description].[All]" dimensionUniqueName="[CB - Location HIER]" displayFolder="" count="0" unbalancedGroup="0"/>
    <cacheHierarchy uniqueName="[CB - Location HIER].[Location Level 01 Name]" caption="Location Level 01 Name" attribute="1" defaultMemberUniqueName="[CB - Location HIER].[Location Level 01 Name].[All]" allUniqueName="[CB - Location HIER].[Location Level 01 Name].[All]" dimensionUniqueName="[CB - Location HIER]" displayFolder="" count="0" unbalancedGroup="0"/>
    <cacheHierarchy uniqueName="[CB - Location HIER].[Location Level 01 Name - Description]" caption="Location Level 01 Name - Description" attribute="1" defaultMemberUniqueName="[CB - Location HIER].[Location Level 01 Name - Description].[All]" allUniqueName="[CB - Location HIER].[Location Level 01 Name - Description].[All]" dimensionUniqueName="[CB - Location HIER]" displayFolder="" count="0" unbalancedGroup="0"/>
    <cacheHierarchy uniqueName="[CB - Location HIER].[Location Level 02 Description]" caption="Location Level 02 Description" attribute="1" defaultMemberUniqueName="[CB - Location HIER].[Location Level 02 Description].[All]" allUniqueName="[CB - Location HIER].[Location Level 02 Description].[All]" dimensionUniqueName="[CB - Location HIER]" displayFolder="" count="0" unbalancedGroup="0"/>
    <cacheHierarchy uniqueName="[CB - Location HIER].[Location Level 02 Name]" caption="Location Level 02 Name" attribute="1" defaultMemberUniqueName="[CB - Location HIER].[Location Level 02 Name].[All]" allUniqueName="[CB - Location HIER].[Location Level 02 Name].[All]" dimensionUniqueName="[CB - Location HIER]" displayFolder="" count="0" unbalancedGroup="0"/>
    <cacheHierarchy uniqueName="[CB - Location HIER].[Location Level 02 Name - Description]" caption="Location Level 02 Name - Description" attribute="1" defaultMemberUniqueName="[CB - Location HIER].[Location Level 02 Name - Description].[All]" allUniqueName="[CB - Location HIER].[Location Level 02 Name - Description].[All]" dimensionUniqueName="[CB - Location HIER]" displayFolder="" count="0" unbalancedGroup="0"/>
    <cacheHierarchy uniqueName="[CB - Location HIER].[Location Level 03 Description]" caption="Location Level 03 Description" attribute="1" defaultMemberUniqueName="[CB - Location HIER].[Location Level 03 Description].[All]" allUniqueName="[CB - Location HIER].[Location Level 03 Description].[All]" dimensionUniqueName="[CB - Location HIER]" displayFolder="" count="0" unbalancedGroup="0"/>
    <cacheHierarchy uniqueName="[CB - Location HIER].[Location Level 03 Name]" caption="Location Level 03 Name" attribute="1" defaultMemberUniqueName="[CB - Location HIER].[Location Level 03 Name].[All]" allUniqueName="[CB - Location HIER].[Location Level 03 Name].[All]" dimensionUniqueName="[CB - Location HIER]" displayFolder="" count="0" unbalancedGroup="0"/>
    <cacheHierarchy uniqueName="[CB - Location HIER].[Location Level 03 Name - Description]" caption="Location Level 03 Name - Description" attribute="1" defaultMemberUniqueName="[CB - Location HIER].[Location Level 03 Name - Description].[All]" allUniqueName="[CB - Location HIER].[Location Level 03 Name - Description].[All]" dimensionUniqueName="[CB - Location HIER]" displayFolder="" count="0" unbalancedGroup="0"/>
    <cacheHierarchy uniqueName="[CB - Location HIER].[Location Level 04 Description]" caption="Location Level 04 Description" attribute="1" defaultMemberUniqueName="[CB - Location HIER].[Location Level 04 Description].[All]" allUniqueName="[CB - Location HIER].[Location Level 04 Description].[All]" dimensionUniqueName="[CB - Location HIER]" displayFolder="" count="0" unbalancedGroup="0"/>
    <cacheHierarchy uniqueName="[CB - Location HIER].[Location Level 04 Name]" caption="Location Level 04 Name" attribute="1" defaultMemberUniqueName="[CB - Location HIER].[Location Level 04 Name].[All]" allUniqueName="[CB - Location HIER].[Location Level 04 Name].[All]" dimensionUniqueName="[CB - Location HIER]" displayFolder="" count="0" unbalancedGroup="0"/>
    <cacheHierarchy uniqueName="[CB - Location HIER].[Location Level 04 Name - Description]" caption="Location Level 04 Name - Description" attribute="1" defaultMemberUniqueName="[CB - Location HIER].[Location Level 04 Name - Description].[All]" allUniqueName="[CB - Location HIER].[Location Level 04 Name - Description].[All]" dimensionUniqueName="[CB - Location HIER]" displayFolder="" count="0" unbalancedGroup="0"/>
    <cacheHierarchy uniqueName="[CB - Location HIER].[Location Level 05 Description]" caption="Location Level 05 Description" attribute="1" defaultMemberUniqueName="[CB - Location HIER].[Location Level 05 Description].[All]" allUniqueName="[CB - Location HIER].[Location Level 05 Description].[All]" dimensionUniqueName="[CB - Location HIER]" displayFolder="" count="0" unbalancedGroup="0"/>
    <cacheHierarchy uniqueName="[CB - Location HIER].[Location Level 05 Name]" caption="Location Level 05 Name" attribute="1" defaultMemberUniqueName="[CB - Location HIER].[Location Level 05 Name].[All]" allUniqueName="[CB - Location HIER].[Location Level 05 Name].[All]" dimensionUniqueName="[CB - Location HIER]" displayFolder="" count="0" unbalancedGroup="0"/>
    <cacheHierarchy uniqueName="[CB - Location HIER].[Location Level 05 Name - Description]" caption="Location Level 05 Name - Description" attribute="1" defaultMemberUniqueName="[CB - Location HIER].[Location Level 05 Name - Description].[All]" allUniqueName="[CB - Location HIER].[Location Level 05 Name - Description].[All]" dimensionUniqueName="[CB - Location HIER]" displayFolder="" count="0" unbalancedGroup="0"/>
    <cacheHierarchy uniqueName="[CB - Location HIER].[Location Level 06 Description]" caption="Location Level 06 Description" attribute="1" defaultMemberUniqueName="[CB - Location HIER].[Location Level 06 Description].[All]" allUniqueName="[CB - Location HIER].[Location Level 06 Description].[All]" dimensionUniqueName="[CB - Location HIER]" displayFolder="" count="0" unbalancedGroup="0"/>
    <cacheHierarchy uniqueName="[CB - Location HIER].[Location Level 06 Name]" caption="Location Level 06 Name" attribute="1" defaultMemberUniqueName="[CB - Location HIER].[Location Level 06 Name].[All]" allUniqueName="[CB - Location HIER].[Location Level 06 Name].[All]" dimensionUniqueName="[CB - Location HIER]" displayFolder="" count="0" unbalancedGroup="0"/>
    <cacheHierarchy uniqueName="[CB - Location HIER].[Location Level 06 Name - Description]" caption="Location Level 06 Name - Description" attribute="1" defaultMemberUniqueName="[CB - Location HIER].[Location Level 06 Name - Description].[All]" allUniqueName="[CB - Location HIER].[Location Level 06 Name - Description].[All]" dimensionUniqueName="[CB - Location HIER]" displayFolder="" count="0" unbalancedGroup="0"/>
    <cacheHierarchy uniqueName="[CB - Location HIER].[Location Level 07 Description]" caption="Location Level 07 Description" attribute="1" defaultMemberUniqueName="[CB - Location HIER].[Location Level 07 Description].[All]" allUniqueName="[CB - Location HIER].[Location Level 07 Description].[All]" dimensionUniqueName="[CB - Location HIER]" displayFolder="" count="0" unbalancedGroup="0"/>
    <cacheHierarchy uniqueName="[CB - Location HIER].[Location Level 07 Name]" caption="Location Level 07 Name" attribute="1" defaultMemberUniqueName="[CB - Location HIER].[Location Level 07 Name].[All]" allUniqueName="[CB - Location HIER].[Location Level 07 Name].[All]" dimensionUniqueName="[CB - Location HIER]" displayFolder="" count="0" unbalancedGroup="0"/>
    <cacheHierarchy uniqueName="[CB - Location HIER].[Location Level 07 Name - Description]" caption="Location Level 07 Name - Description" attribute="1" defaultMemberUniqueName="[CB - Location HIER].[Location Level 07 Name - Description].[All]" allUniqueName="[CB - Location HIER].[Location Level 07 Name - Description].[All]" dimensionUniqueName="[CB - Location HIER]" displayFolder="" count="0" unbalancedGroup="0"/>
    <cacheHierarchy uniqueName="[CB - Location HIER].[Location Parent Description]" caption="Location Parent Description" attribute="1" defaultMemberUniqueName="[CB - Location HIER].[Location Parent Description].[All]" allUniqueName="[CB - Location HIER].[Location Parent Description].[All]" dimensionUniqueName="[CB - Location HIER]" displayFolder="" count="0" unbalancedGroup="0"/>
    <cacheHierarchy uniqueName="[CB - Location HIER].[Location Parent Name]" caption="Location Parent Name" attribute="1" defaultMemberUniqueName="[CB - Location HIER].[Location Parent Name].[All]" allUniqueName="[CB - Location HIER].[Location Parent Name].[All]" dimensionUniqueName="[CB - Location HIER]" displayFolder="" count="0" unbalancedGroup="0"/>
    <cacheHierarchy uniqueName="[CB - Operating Unit].[Operating Unit CB]" caption="Operating Unit CB" attribute="1" keyAttribute="1" defaultMemberUniqueName="[CB - Operating Unit].[Operating Unit CB].[All]" allUniqueName="[CB - Operating Unit].[Operating Unit CB].[All]" dimensionUniqueName="[CB - Operating Unit]" displayFolder="" count="0" unbalancedGroup="0"/>
    <cacheHierarchy uniqueName="[CB - Operating Unit].[Operating Unit CB - Description]" caption="Operating Unit CB - Description" attribute="1" defaultMemberUniqueName="[CB - Operating Unit].[Operating Unit CB - Description].[All]" allUniqueName="[CB - Operating Unit].[Operating Unit CB - Description].[All]" dimensionUniqueName="[CB - Operating Unit]" displayFolder="" count="0" unbalancedGroup="0"/>
    <cacheHierarchy uniqueName="[CB - Operating Unit].[Operating Unit CB Budget Only Indicator]" caption="Operating Unit CB Budget Only Indicator" attribute="1" defaultMemberUniqueName="[CB - Operating Unit].[Operating Unit CB Budget Only Indicator].[All]" allUniqueName="[CB - Operating Unit].[Operating Unit CB Budget Only Indicator].[All]" dimensionUniqueName="[CB - Operating Unit]" displayFolder="" count="0" unbalancedGroup="0"/>
    <cacheHierarchy uniqueName="[CB - Operating Unit].[Operating Unit CB Description Long]" caption="Operating Unit CB Description Long" attribute="1" defaultMemberUniqueName="[CB - Operating Unit].[Operating Unit CB Description Long].[All]" allUniqueName="[CB - Operating Unit].[Operating Unit CB Description Long].[All]" dimensionUniqueName="[CB - Operating Unit]" displayFolder="" count="0" unbalancedGroup="0"/>
    <cacheHierarchy uniqueName="[CB - Operating Unit].[Operating Unit CB Description Short]" caption="Operating Unit CB Description Short" attribute="1" defaultMemberUniqueName="[CB - Operating Unit].[Operating Unit CB Description Short].[All]" allUniqueName="[CB - Operating Unit].[Operating Unit CB Description Short].[All]" dimensionUniqueName="[CB - Operating Unit]" displayFolder="" count="0" unbalancedGroup="0"/>
    <cacheHierarchy uniqueName="[CB - Operating Unit].[Operating Unit CB Group]" caption="Operating Unit CB Group" attribute="1" defaultMemberUniqueName="[CB - Operating Unit].[Operating Unit CB Group].[All]" allUniqueName="[CB - Operating Unit].[Operating Unit CB Group].[All]" dimensionUniqueName="[CB - Operating Unit]" displayFolder="" count="0" unbalancedGroup="0"/>
    <cacheHierarchy uniqueName="[CB - Operating Unit].[Operating Unit CB Type Set ID]" caption="Operating Unit CB Type Set ID" attribute="1" defaultMemberUniqueName="[CB - Operating Unit].[Operating Unit CB Type Set ID].[All]" allUniqueName="[CB - Operating Unit].[Operating Unit CB Type Set ID].[All]" dimensionUniqueName="[CB - Operating Unit]" displayFolder="" count="0" unbalancedGroup="0"/>
    <cacheHierarchy uniqueName="[CB - Operating Unit HIER].[Operating Unit Effective Date]" caption="Operating Unit Effective Date" attribute="1" defaultMemberUniqueName="[CB - Operating Unit HIER].[Operating Unit Effective Date].[All]" allUniqueName="[CB - Operating Unit HIER].[Operating Unit Effective Date].[All]" dimensionUniqueName="[CB - Operating Unit HIER]" displayFolder="" count="0" unbalancedGroup="0"/>
    <cacheHierarchy uniqueName="[CB - Operating Unit HIER].[Operating Unit HIER]" caption="Operating Unit HIER" attribute="1" keyAttribute="1" defaultMemberUniqueName="[CB - Operating Unit HIER].[Operating Unit HIER].[All]" allUniqueName="[CB - Operating Unit HIER].[Operating Unit HIER].[All]" dimensionUniqueName="[CB - Operating Unit HIER]" displayFolder="" count="0" unbalancedGroup="0"/>
    <cacheHierarchy uniqueName="[CB - Operating Unit HIER].[Operating Unit HIER Description Long]" caption="Operating Unit HIER Description Long" attribute="1" defaultMemberUniqueName="[CB - Operating Unit HIER].[Operating Unit HIER Description Long].[All]" allUniqueName="[CB - Operating Unit HIER].[Operating Unit HIER Description Long].[All]" dimensionUniqueName="[CB - Operating Unit HIER]" displayFolder="" count="0" unbalancedGroup="0"/>
    <cacheHierarchy uniqueName="[CB - Operating Unit HIER].[Operating Unit HIER Description Short]" caption="Operating Unit HIER Description Short" attribute="1" defaultMemberUniqueName="[CB - Operating Unit HIER].[Operating Unit HIER Description Short].[All]" allUniqueName="[CB - Operating Unit HIER].[Operating Unit HIER Description Short].[All]" dimensionUniqueName="[CB - Operating Unit HIER]" displayFolder="" count="0" unbalancedGroup="0"/>
    <cacheHierarchy uniqueName="[CB - Operating Unit HIER].[Operating Unit HIER Type Set ID]" caption="Operating Unit HIER Type Set ID" attribute="1" defaultMemberUniqueName="[CB - Operating Unit HIER].[Operating Unit HIER Type Set ID].[All]" allUniqueName="[CB - Operating Unit HIER].[Operating Unit HIER Type Set ID].[All]" dimensionUniqueName="[CB - Operating Unit HIER]" displayFolder="" count="0" unbalancedGroup="0"/>
    <cacheHierarchy uniqueName="[CB - Operating Unit HIER].[Operating Unit Hierarchy]" caption="Operating Unit Hierarchy" defaultMemberUniqueName="[CB - Operating Unit HIER].[Operating Unit Hierarchy].[All]" allUniqueName="[CB - Operating Unit HIER].[Operating Unit Hierarchy].[All]" dimensionUniqueName="[CB - Operating Unit HIER]" displayFolder="" count="14" unbalanced="0" unbalancedGroup="0">
      <fieldsUsage count="14">
        <fieldUsage x="-1"/>
        <fieldUsage x="16"/>
        <fieldUsage x="17"/>
        <fieldUsage x="18"/>
        <fieldUsage x="19"/>
        <fieldUsage x="20"/>
        <fieldUsage x="21"/>
        <fieldUsage x="22"/>
        <fieldUsage x="23"/>
        <fieldUsage x="24"/>
        <fieldUsage x="25"/>
        <fieldUsage x="26"/>
        <fieldUsage x="27"/>
        <fieldUsage x="28"/>
      </fieldsUsage>
    </cacheHierarchy>
    <cacheHierarchy uniqueName="[CB - Operating Unit HIER].[Operating Unit Hierarchy Name]" caption="Operating Unit Hierarchy Name" attribute="1" defaultMemberUniqueName="[CB - Operating Unit HIER].[Operating Unit Hierarchy Name].[All]" allUniqueName="[CB - Operating Unit HIER].[Operating Unit Hierarchy Name].[All]" dimensionUniqueName="[CB - Operating Unit HIER]" displayFolder="" count="0" unbalancedGroup="0"/>
    <cacheHierarchy uniqueName="[CB - Operating Unit HIER].[Operating Unit Level 01 Description]" caption="Operating Unit Level 01 Description" attribute="1" defaultMemberUniqueName="[CB - Operating Unit HIER].[Operating Unit Level 01 Description].[All]" allUniqueName="[CB - Operating Unit HIER].[Operating Unit Level 01 Description].[All]" dimensionUniqueName="[CB - Operating Unit HIER]" displayFolder="" count="0" unbalancedGroup="0"/>
    <cacheHierarchy uniqueName="[CB - Operating Unit HIER].[Operating Unit Level 01 Name]" caption="Operating Unit Level 01 Name" attribute="1" defaultMemberUniqueName="[CB - Operating Unit HIER].[Operating Unit Level 01 Name].[All]" allUniqueName="[CB - Operating Unit HIER].[Operating Unit Level 01 Name].[All]" dimensionUniqueName="[CB - Operating Unit HIER]" displayFolder="" count="0" unbalancedGroup="0"/>
    <cacheHierarchy uniqueName="[CB - Operating Unit HIER].[Operating Unit Level 01 Name - Description]" caption="Operating Unit Level 01 Name - Description" attribute="1" defaultMemberUniqueName="[CB - Operating Unit HIER].[Operating Unit Level 01 Name - Description].[All]" allUniqueName="[CB - Operating Unit HIER].[Operating Unit Level 01 Name - Description].[All]" dimensionUniqueName="[CB - Operating Unit HIER]" displayFolder="" count="0" unbalancedGroup="0"/>
    <cacheHierarchy uniqueName="[CB - Operating Unit HIER].[Operating Unit Level 02 Description]" caption="Operating Unit Level 02 Description" attribute="1" defaultMemberUniqueName="[CB - Operating Unit HIER].[Operating Unit Level 02 Description].[All]" allUniqueName="[CB - Operating Unit HIER].[Operating Unit Level 02 Description].[All]" dimensionUniqueName="[CB - Operating Unit HIER]" displayFolder="" count="0" unbalancedGroup="0"/>
    <cacheHierarchy uniqueName="[CB - Operating Unit HIER].[Operating Unit Level 02 Name]" caption="Operating Unit Level 02 Name" attribute="1" defaultMemberUniqueName="[CB - Operating Unit HIER].[Operating Unit Level 02 Name].[All]" allUniqueName="[CB - Operating Unit HIER].[Operating Unit Level 02 Name].[All]" dimensionUniqueName="[CB - Operating Unit HIER]" displayFolder="" count="0" unbalancedGroup="0"/>
    <cacheHierarchy uniqueName="[CB - Operating Unit HIER].[Operating Unit Level 02 Name - Description]" caption="Operating Unit Level 02 Name - Description" attribute="1" defaultMemberUniqueName="[CB - Operating Unit HIER].[Operating Unit Level 02 Name - Description].[All]" allUniqueName="[CB - Operating Unit HIER].[Operating Unit Level 02 Name - Description].[All]" dimensionUniqueName="[CB - Operating Unit HIER]" displayFolder="" count="0" unbalancedGroup="0"/>
    <cacheHierarchy uniqueName="[CB - Operating Unit HIER].[Operating Unit Level 03 Description]" caption="Operating Unit Level 03 Description" attribute="1" defaultMemberUniqueName="[CB - Operating Unit HIER].[Operating Unit Level 03 Description].[All]" allUniqueName="[CB - Operating Unit HIER].[Operating Unit Level 03 Description].[All]" dimensionUniqueName="[CB - Operating Unit HIER]" displayFolder="" count="0" unbalancedGroup="0"/>
    <cacheHierarchy uniqueName="[CB - Operating Unit HIER].[Operating Unit Level 03 Name]" caption="Operating Unit Level 03 Name" attribute="1" defaultMemberUniqueName="[CB - Operating Unit HIER].[Operating Unit Level 03 Name].[All]" allUniqueName="[CB - Operating Unit HIER].[Operating Unit Level 03 Name].[All]" dimensionUniqueName="[CB - Operating Unit HIER]" displayFolder="" count="0" unbalancedGroup="0"/>
    <cacheHierarchy uniqueName="[CB - Operating Unit HIER].[Operating Unit Level 03 Name - Description]" caption="Operating Unit Level 03 Name - Description" attribute="1" defaultMemberUniqueName="[CB - Operating Unit HIER].[Operating Unit Level 03 Name - Description].[All]" allUniqueName="[CB - Operating Unit HIER].[Operating Unit Level 03 Name - Description].[All]" dimensionUniqueName="[CB - Operating Unit HIER]" displayFolder="" count="0" unbalancedGroup="0"/>
    <cacheHierarchy uniqueName="[CB - Operating Unit HIER].[Operating Unit Level 04 Description]" caption="Operating Unit Level 04 Description" attribute="1" defaultMemberUniqueName="[CB - Operating Unit HIER].[Operating Unit Level 04 Description].[All]" allUniqueName="[CB - Operating Unit HIER].[Operating Unit Level 04 Description].[All]" dimensionUniqueName="[CB - Operating Unit HIER]" displayFolder="" count="0" unbalancedGroup="0"/>
    <cacheHierarchy uniqueName="[CB - Operating Unit HIER].[Operating Unit Level 04 Name]" caption="Operating Unit Level 04 Name" attribute="1" defaultMemberUniqueName="[CB - Operating Unit HIER].[Operating Unit Level 04 Name].[All]" allUniqueName="[CB - Operating Unit HIER].[Operating Unit Level 04 Name].[All]" dimensionUniqueName="[CB - Operating Unit HIER]" displayFolder="" count="0" unbalancedGroup="0"/>
    <cacheHierarchy uniqueName="[CB - Operating Unit HIER].[Operating Unit Level 04 Name - Description]" caption="Operating Unit Level 04 Name - Description" attribute="1" defaultMemberUniqueName="[CB - Operating Unit HIER].[Operating Unit Level 04 Name - Description].[All]" allUniqueName="[CB - Operating Unit HIER].[Operating Unit Level 04 Name - Description].[All]" dimensionUniqueName="[CB - Operating Unit HIER]" displayFolder="" count="0" unbalancedGroup="0"/>
    <cacheHierarchy uniqueName="[CB - Operating Unit HIER].[Operating Unit Level 05 Description]" caption="Operating Unit Level 05 Description" attribute="1" defaultMemberUniqueName="[CB - Operating Unit HIER].[Operating Unit Level 05 Description].[All]" allUniqueName="[CB - Operating Unit HIER].[Operating Unit Level 05 Description].[All]" dimensionUniqueName="[CB - Operating Unit HIER]" displayFolder="" count="0" unbalancedGroup="0"/>
    <cacheHierarchy uniqueName="[CB - Operating Unit HIER].[Operating Unit Level 05 Name]" caption="Operating Unit Level 05 Name" attribute="1" defaultMemberUniqueName="[CB - Operating Unit HIER].[Operating Unit Level 05 Name].[All]" allUniqueName="[CB - Operating Unit HIER].[Operating Unit Level 05 Name].[All]" dimensionUniqueName="[CB - Operating Unit HIER]" displayFolder="" count="0" unbalancedGroup="0"/>
    <cacheHierarchy uniqueName="[CB - Operating Unit HIER].[Operating Unit Level 05 Name - Description]" caption="Operating Unit Level 05 Name - Description" attribute="1" defaultMemberUniqueName="[CB - Operating Unit HIER].[Operating Unit Level 05 Name - Description].[All]" allUniqueName="[CB - Operating Unit HIER].[Operating Unit Level 05 Name - Description].[All]" dimensionUniqueName="[CB - Operating Unit HIER]" displayFolder="" count="0" unbalancedGroup="0"/>
    <cacheHierarchy uniqueName="[CB - Operating Unit HIER].[Operating Unit Level 06 Description]" caption="Operating Unit Level 06 Description" attribute="1" defaultMemberUniqueName="[CB - Operating Unit HIER].[Operating Unit Level 06 Description].[All]" allUniqueName="[CB - Operating Unit HIER].[Operating Unit Level 06 Description].[All]" dimensionUniqueName="[CB - Operating Unit HIER]" displayFolder="" count="0" unbalancedGroup="0"/>
    <cacheHierarchy uniqueName="[CB - Operating Unit HIER].[Operating Unit Level 06 Name]" caption="Operating Unit Level 06 Name" attribute="1" defaultMemberUniqueName="[CB - Operating Unit HIER].[Operating Unit Level 06 Name].[All]" allUniqueName="[CB - Operating Unit HIER].[Operating Unit Level 06 Name].[All]" dimensionUniqueName="[CB - Operating Unit HIER]" displayFolder="" count="0" unbalancedGroup="0"/>
    <cacheHierarchy uniqueName="[CB - Operating Unit HIER].[Operating Unit Level 06 Name - Description]" caption="Operating Unit Level 06 Name - Description" attribute="1" defaultMemberUniqueName="[CB - Operating Unit HIER].[Operating Unit Level 06 Name - Description].[All]" allUniqueName="[CB - Operating Unit HIER].[Operating Unit Level 06 Name - Description].[All]" dimensionUniqueName="[CB - Operating Unit HIER]" displayFolder="" count="0" unbalancedGroup="0"/>
    <cacheHierarchy uniqueName="[CB - Operating Unit HIER].[Operating Unit Level 07 Description]" caption="Operating Unit Level 07 Description" attribute="1" defaultMemberUniqueName="[CB - Operating Unit HIER].[Operating Unit Level 07 Description].[All]" allUniqueName="[CB - Operating Unit HIER].[Operating Unit Level 07 Description].[All]" dimensionUniqueName="[CB - Operating Unit HIER]" displayFolder="" count="0" unbalancedGroup="0"/>
    <cacheHierarchy uniqueName="[CB - Operating Unit HIER].[Operating Unit Level 07 Name]" caption="Operating Unit Level 07 Name" attribute="1" defaultMemberUniqueName="[CB - Operating Unit HIER].[Operating Unit Level 07 Name].[All]" allUniqueName="[CB - Operating Unit HIER].[Operating Unit Level 07 Name].[All]" dimensionUniqueName="[CB - Operating Unit HIER]" displayFolder="" count="0" unbalancedGroup="0"/>
    <cacheHierarchy uniqueName="[CB - Operating Unit HIER].[Operating Unit Level 07 Name - Description]" caption="Operating Unit Level 07 Name - Description" attribute="1" defaultMemberUniqueName="[CB - Operating Unit HIER].[Operating Unit Level 07 Name - Description].[All]" allUniqueName="[CB - Operating Unit HIER].[Operating Unit Level 07 Name - Description].[All]" dimensionUniqueName="[CB - Operating Unit HIER]" displayFolder="" count="0" unbalancedGroup="0"/>
    <cacheHierarchy uniqueName="[CB - Operating Unit HIER].[Operating Unit Level 08 Description]" caption="Operating Unit Level 08 Description" attribute="1" defaultMemberUniqueName="[CB - Operating Unit HIER].[Operating Unit Level 08 Description].[All]" allUniqueName="[CB - Operating Unit HIER].[Operating Unit Level 08 Description].[All]" dimensionUniqueName="[CB - Operating Unit HIER]" displayFolder="" count="0" unbalancedGroup="0"/>
    <cacheHierarchy uniqueName="[CB - Operating Unit HIER].[Operating Unit Level 08 Name]" caption="Operating Unit Level 08 Name" attribute="1" defaultMemberUniqueName="[CB - Operating Unit HIER].[Operating Unit Level 08 Name].[All]" allUniqueName="[CB - Operating Unit HIER].[Operating Unit Level 08 Name].[All]" dimensionUniqueName="[CB - Operating Unit HIER]" displayFolder="" count="0" unbalancedGroup="0"/>
    <cacheHierarchy uniqueName="[CB - Operating Unit HIER].[Operating Unit Level 08 Name - Description]" caption="Operating Unit Level 08 Name - Description" attribute="1" defaultMemberUniqueName="[CB - Operating Unit HIER].[Operating Unit Level 08 Name - Description].[All]" allUniqueName="[CB - Operating Unit HIER].[Operating Unit Level 08 Name - Description].[All]" dimensionUniqueName="[CB - Operating Unit HIER]" displayFolder="" count="0" unbalancedGroup="0"/>
    <cacheHierarchy uniqueName="[CB - Operating Unit HIER].[Operating Unit Level 09 Description]" caption="Operating Unit Level 09 Description" attribute="1" defaultMemberUniqueName="[CB - Operating Unit HIER].[Operating Unit Level 09 Description].[All]" allUniqueName="[CB - Operating Unit HIER].[Operating Unit Level 09 Description].[All]" dimensionUniqueName="[CB - Operating Unit HIER]" displayFolder="" count="0" unbalancedGroup="0"/>
    <cacheHierarchy uniqueName="[CB - Operating Unit HIER].[Operating Unit Level 09 Name]" caption="Operating Unit Level 09 Name" attribute="1" defaultMemberUniqueName="[CB - Operating Unit HIER].[Operating Unit Level 09 Name].[All]" allUniqueName="[CB - Operating Unit HIER].[Operating Unit Level 09 Name].[All]" dimensionUniqueName="[CB - Operating Unit HIER]" displayFolder="" count="0" unbalancedGroup="0"/>
    <cacheHierarchy uniqueName="[CB - Operating Unit HIER].[Operating Unit Level 09 Name - Description]" caption="Operating Unit Level 09 Name - Description" attribute="1" defaultMemberUniqueName="[CB - Operating Unit HIER].[Operating Unit Level 09 Name - Description].[All]" allUniqueName="[CB - Operating Unit HIER].[Operating Unit Level 09 Name - Description].[All]" dimensionUniqueName="[CB - Operating Unit HIER]" displayFolder="" count="0" unbalancedGroup="0"/>
    <cacheHierarchy uniqueName="[CB - Operating Unit HIER].[Operating Unit Level 10 Description]" caption="Operating Unit Level 10 Description" attribute="1" defaultMemberUniqueName="[CB - Operating Unit HIER].[Operating Unit Level 10 Description].[All]" allUniqueName="[CB - Operating Unit HIER].[Operating Unit Level 10 Description].[All]" dimensionUniqueName="[CB - Operating Unit HIER]" displayFolder="" count="0" unbalancedGroup="0"/>
    <cacheHierarchy uniqueName="[CB - Operating Unit HIER].[Operating Unit Level 10 Name]" caption="Operating Unit Level 10 Name" attribute="1" defaultMemberUniqueName="[CB - Operating Unit HIER].[Operating Unit Level 10 Name].[All]" allUniqueName="[CB - Operating Unit HIER].[Operating Unit Level 10 Name].[All]" dimensionUniqueName="[CB - Operating Unit HIER]" displayFolder="" count="0" unbalancedGroup="0"/>
    <cacheHierarchy uniqueName="[CB - Operating Unit HIER].[Operating Unit Level 10 Name - Description]" caption="Operating Unit Level 10 Name - Description" attribute="1" defaultMemberUniqueName="[CB - Operating Unit HIER].[Operating Unit Level 10 Name - Description].[All]" allUniqueName="[CB - Operating Unit HIER].[Operating Unit Level 10 Name - Description].[All]" dimensionUniqueName="[CB - Operating Unit HIER]" displayFolder="" count="0" unbalancedGroup="0"/>
    <cacheHierarchy uniqueName="[CB - Operating Unit HIER].[Operating Unit Parent Description]" caption="Operating Unit Parent Description" attribute="1" defaultMemberUniqueName="[CB - Operating Unit HIER].[Operating Unit Parent Description].[All]" allUniqueName="[CB - Operating Unit HIER].[Operating Unit Parent Description].[All]" dimensionUniqueName="[CB - Operating Unit HIER]" displayFolder="" count="0" unbalancedGroup="0"/>
    <cacheHierarchy uniqueName="[CB - Operating Unit HIER].[Operating Unit Parent Name]" caption="Operating Unit Parent Name" attribute="1" defaultMemberUniqueName="[CB - Operating Unit HIER].[Operating Unit Parent Name].[All]" allUniqueName="[CB - Operating Unit HIER].[Operating Unit Parent Name].[All]" dimensionUniqueName="[CB - Operating Unit HIER]" displayFolder="" count="0" unbalancedGroup="0"/>
    <cacheHierarchy uniqueName="[CB - Process].[Process CB]" caption="Process CB" attribute="1" defaultMemberUniqueName="[CB - Process].[Process CB].[All]" allUniqueName="[CB - Process].[Process CB].[All]" dimensionUniqueName="[CB - Process]" displayFolder="" count="0" unbalancedGroup="0"/>
    <cacheHierarchy uniqueName="[CB - Process].[Process CB - Description]" caption="Process CB - Description" attribute="1" defaultMemberUniqueName="[CB - Process].[Process CB - Description].[All]" allUniqueName="[CB - Process].[Process CB - Description].[All]" dimensionUniqueName="[CB - Process]" displayFolder="" count="0" unbalancedGroup="0"/>
    <cacheHierarchy uniqueName="[CB - Process].[Process CB Category]" caption="Process CB Category" attribute="1" defaultMemberUniqueName="[CB - Process].[Process CB Category].[All]" allUniqueName="[CB - Process].[Process CB Category].[All]" dimensionUniqueName="[CB - Process]" displayFolder="" count="0" unbalancedGroup="0"/>
    <cacheHierarchy uniqueName="[CB - Process].[Process CB Category Description]" caption="Process CB Category Description" attribute="1" defaultMemberUniqueName="[CB - Process].[Process CB Category Description].[All]" allUniqueName="[CB - Process].[Process CB Category Description].[All]" dimensionUniqueName="[CB - Process]" displayFolder="" count="0" unbalancedGroup="0"/>
    <cacheHierarchy uniqueName="[CB - Process].[Process CB Description Long]" caption="Process CB Description Long" attribute="1" defaultMemberUniqueName="[CB - Process].[Process CB Description Long].[All]" allUniqueName="[CB - Process].[Process CB Description Long].[All]" dimensionUniqueName="[CB - Process]" displayFolder="" count="0" unbalancedGroup="0"/>
    <cacheHierarchy uniqueName="[CB - Process].[Process CB Description Short]" caption="Process CB Description Short" attribute="1" defaultMemberUniqueName="[CB - Process].[Process CB Description Short].[All]" allUniqueName="[CB - Process].[Process CB Description Short].[All]" dimensionUniqueName="[CB - Process]" displayFolder="" count="0" unbalancedGroup="0"/>
    <cacheHierarchy uniqueName="[CB - Process].[Process CB Set ID]" caption="Process CB Set ID" attribute="1" defaultMemberUniqueName="[CB - Process].[Process CB Set ID].[All]" allUniqueName="[CB - Process].[Process CB Set ID].[All]" dimensionUniqueName="[CB - Process]" displayFolder="" count="0" unbalancedGroup="0"/>
    <cacheHierarchy uniqueName="[CB - Process HIER].[Process HIER]" caption="Process HIER" attribute="1" keyAttribute="1" defaultMemberUniqueName="[CB - Process HIER].[Process HIER].[All]" allUniqueName="[CB - Process HIER].[Process HIER].[All]" dimensionUniqueName="[CB - Process HIER]" displayFolder="" count="0" unbalancedGroup="0"/>
    <cacheHierarchy uniqueName="[CB - Process HIER].[Process HIER Description Long]" caption="Process HIER Description Long" attribute="1" defaultMemberUniqueName="[CB - Process HIER].[Process HIER Description Long].[All]" allUniqueName="[CB - Process HIER].[Process HIER Description Long].[All]" dimensionUniqueName="[CB - Process HIER]" displayFolder="" count="0" unbalancedGroup="0"/>
    <cacheHierarchy uniqueName="[CB - Process HIER].[Process HIER Description Short]" caption="Process HIER Description Short" attribute="1" defaultMemberUniqueName="[CB - Process HIER].[Process HIER Description Short].[All]" allUniqueName="[CB - Process HIER].[Process HIER Description Short].[All]" dimensionUniqueName="[CB - Process HIER]" displayFolder="" count="0" unbalancedGroup="0"/>
    <cacheHierarchy uniqueName="[CB - Process HIER].[Process HIER Set ID]" caption="Process HIER Set ID" attribute="1" defaultMemberUniqueName="[CB - Process HIER].[Process HIER Set ID].[All]" allUniqueName="[CB - Process HIER].[Process HIER Set ID].[All]" dimensionUniqueName="[CB - Process HIER]" displayFolder="" count="0" unbalancedGroup="0"/>
    <cacheHierarchy uniqueName="[CB - Process HIER].[Process Hierarchy]" caption="Process Hierarchy" defaultMemberUniqueName="[CB - Process HIER].[Process Hierarchy].[All]" allUniqueName="[CB - Process HIER].[Process Hierarchy].[All]" dimensionUniqueName="[CB - Process HIER]" displayFolder="" count="0" unbalancedGroup="0"/>
    <cacheHierarchy uniqueName="[CB - Process HIER].[Process Hierarchy Name]" caption="Process Hierarchy Name" attribute="1" defaultMemberUniqueName="[CB - Process HIER].[Process Hierarchy Name].[All]" allUniqueName="[CB - Process HIER].[Process Hierarchy Name].[All]" dimensionUniqueName="[CB - Process HIER]" displayFolder="" count="0" unbalancedGroup="0"/>
    <cacheHierarchy uniqueName="[CB - Process HIER].[Process Level 01 Description]" caption="Process Level 01 Description" attribute="1" defaultMemberUniqueName="[CB - Process HIER].[Process Level 01 Description].[All]" allUniqueName="[CB - Process HIER].[Process Level 01 Description].[All]" dimensionUniqueName="[CB - Process HIER]" displayFolder="" count="0" unbalancedGroup="0"/>
    <cacheHierarchy uniqueName="[CB - Process HIER].[Process Level 01 Name]" caption="Process Level 01 Name" attribute="1" defaultMemberUniqueName="[CB - Process HIER].[Process Level 01 Name].[All]" allUniqueName="[CB - Process HIER].[Process Level 01 Name].[All]" dimensionUniqueName="[CB - Process HIER]" displayFolder="" count="0" unbalancedGroup="0"/>
    <cacheHierarchy uniqueName="[CB - Process HIER].[Process Level 01 Name - Description]" caption="Process Level 01 Name - Description" attribute="1" defaultMemberUniqueName="[CB - Process HIER].[Process Level 01 Name - Description].[All]" allUniqueName="[CB - Process HIER].[Process Level 01 Name - Description].[All]" dimensionUniqueName="[CB - Process HIER]" displayFolder="" count="0" unbalancedGroup="0"/>
    <cacheHierarchy uniqueName="[CB - Process HIER].[Process Level 02 Description]" caption="Process Level 02 Description" attribute="1" defaultMemberUniqueName="[CB - Process HIER].[Process Level 02 Description].[All]" allUniqueName="[CB - Process HIER].[Process Level 02 Description].[All]" dimensionUniqueName="[CB - Process HIER]" displayFolder="" count="0" unbalancedGroup="0"/>
    <cacheHierarchy uniqueName="[CB - Process HIER].[Process Level 02 Name]" caption="Process Level 02 Name" attribute="1" defaultMemberUniqueName="[CB - Process HIER].[Process Level 02 Name].[All]" allUniqueName="[CB - Process HIER].[Process Level 02 Name].[All]" dimensionUniqueName="[CB - Process HIER]" displayFolder="" count="0" unbalancedGroup="0"/>
    <cacheHierarchy uniqueName="[CB - Process HIER].[Process Level 02 Name - Description]" caption="Process Level 02 Name - Description" attribute="1" defaultMemberUniqueName="[CB - Process HIER].[Process Level 02 Name - Description].[All]" allUniqueName="[CB - Process HIER].[Process Level 02 Name - Description].[All]" dimensionUniqueName="[CB - Process HIER]" displayFolder="" count="0" unbalancedGroup="0"/>
    <cacheHierarchy uniqueName="[CB - Process HIER].[Process Level 03 Description]" caption="Process Level 03 Description" attribute="1" defaultMemberUniqueName="[CB - Process HIER].[Process Level 03 Description].[All]" allUniqueName="[CB - Process HIER].[Process Level 03 Description].[All]" dimensionUniqueName="[CB - Process HIER]" displayFolder="" count="0" unbalancedGroup="0"/>
    <cacheHierarchy uniqueName="[CB - Process HIER].[Process Level 03 Name]" caption="Process Level 03 Name" attribute="1" defaultMemberUniqueName="[CB - Process HIER].[Process Level 03 Name].[All]" allUniqueName="[CB - Process HIER].[Process Level 03 Name].[All]" dimensionUniqueName="[CB - Process HIER]" displayFolder="" count="0" unbalancedGroup="0"/>
    <cacheHierarchy uniqueName="[CB - Process HIER].[Process Level 03 Name - Description]" caption="Process Level 03 Name - Description" attribute="1" defaultMemberUniqueName="[CB - Process HIER].[Process Level 03 Name - Description].[All]" allUniqueName="[CB - Process HIER].[Process Level 03 Name - Description].[All]" dimensionUniqueName="[CB - Process HIER]" displayFolder="" count="0" unbalancedGroup="0"/>
    <cacheHierarchy uniqueName="[CB - Process HIER].[Process Level 04 Description]" caption="Process Level 04 Description" attribute="1" defaultMemberUniqueName="[CB - Process HIER].[Process Level 04 Description].[All]" allUniqueName="[CB - Process HIER].[Process Level 04 Description].[All]" dimensionUniqueName="[CB - Process HIER]" displayFolder="" count="0" unbalancedGroup="0"/>
    <cacheHierarchy uniqueName="[CB - Process HIER].[Process Level 04 Name]" caption="Process Level 04 Name" attribute="1" defaultMemberUniqueName="[CB - Process HIER].[Process Level 04 Name].[All]" allUniqueName="[CB - Process HIER].[Process Level 04 Name].[All]" dimensionUniqueName="[CB - Process HIER]" displayFolder="" count="0" unbalancedGroup="0"/>
    <cacheHierarchy uniqueName="[CB - Process HIER].[Process Level 04 Name - Description]" caption="Process Level 04 Name - Description" attribute="1" defaultMemberUniqueName="[CB - Process HIER].[Process Level 04 Name - Description].[All]" allUniqueName="[CB - Process HIER].[Process Level 04 Name - Description].[All]" dimensionUniqueName="[CB - Process HIER]" displayFolder="" count="0" unbalancedGroup="0"/>
    <cacheHierarchy uniqueName="[CB - Process HIER].[Process Level 05 Description]" caption="Process Level 05 Description" attribute="1" defaultMemberUniqueName="[CB - Process HIER].[Process Level 05 Description].[All]" allUniqueName="[CB - Process HIER].[Process Level 05 Description].[All]" dimensionUniqueName="[CB - Process HIER]" displayFolder="" count="0" unbalancedGroup="0"/>
    <cacheHierarchy uniqueName="[CB - Process HIER].[Process Level 05 Name]" caption="Process Level 05 Name" attribute="1" defaultMemberUniqueName="[CB - Process HIER].[Process Level 05 Name].[All]" allUniqueName="[CB - Process HIER].[Process Level 05 Name].[All]" dimensionUniqueName="[CB - Process HIER]" displayFolder="" count="0" unbalancedGroup="0"/>
    <cacheHierarchy uniqueName="[CB - Process HIER].[Process Level 05 Name - Description]" caption="Process Level 05 Name - Description" attribute="1" defaultMemberUniqueName="[CB - Process HIER].[Process Level 05 Name - Description].[All]" allUniqueName="[CB - Process HIER].[Process Level 05 Name - Description].[All]" dimensionUniqueName="[CB - Process HIER]" displayFolder="" count="0" unbalancedGroup="0"/>
    <cacheHierarchy uniqueName="[CB - Process HIER].[Process Level 06 Description]" caption="Process Level 06 Description" attribute="1" defaultMemberUniqueName="[CB - Process HIER].[Process Level 06 Description].[All]" allUniqueName="[CB - Process HIER].[Process Level 06 Description].[All]" dimensionUniqueName="[CB - Process HIER]" displayFolder="" count="2" unbalanced="0" unbalancedGroup="0">
      <fieldsUsage count="2">
        <fieldUsage x="-1"/>
        <fieldUsage x="12"/>
      </fieldsUsage>
    </cacheHierarchy>
    <cacheHierarchy uniqueName="[CB - Process HIER].[Process Level 06 Name]" caption="Process Level 06 Name" attribute="1" defaultMemberUniqueName="[CB - Process HIER].[Process Level 06 Name].[All]" allUniqueName="[CB - Process HIER].[Process Level 06 Name].[All]" dimensionUniqueName="[CB - Process HIER]" displayFolder="" count="0" unbalancedGroup="0"/>
    <cacheHierarchy uniqueName="[CB - Process HIER].[Process Level 06 Name - Description]" caption="Process Level 06 Name - Description" attribute="1" defaultMemberUniqueName="[CB - Process HIER].[Process Level 06 Name - Description].[All]" allUniqueName="[CB - Process HIER].[Process Level 06 Name - Description].[All]" dimensionUniqueName="[CB - Process HIER]" displayFolder="" count="0" unbalancedGroup="0"/>
    <cacheHierarchy uniqueName="[CB - Process HIER].[Process Level 07 Description]" caption="Process Level 07 Description" attribute="1" defaultMemberUniqueName="[CB - Process HIER].[Process Level 07 Description].[All]" allUniqueName="[CB - Process HIER].[Process Level 07 Description].[All]" dimensionUniqueName="[CB - Process HIER]" displayFolder="" count="0" unbalancedGroup="0"/>
    <cacheHierarchy uniqueName="[CB - Process HIER].[Process Level 07 Name]" caption="Process Level 07 Name" attribute="1" defaultMemberUniqueName="[CB - Process HIER].[Process Level 07 Name].[All]" allUniqueName="[CB - Process HIER].[Process Level 07 Name].[All]" dimensionUniqueName="[CB - Process HIER]" displayFolder="" count="0" unbalancedGroup="0"/>
    <cacheHierarchy uniqueName="[CB - Process HIER].[Process Level 07 Name - Description]" caption="Process Level 07 Name - Description" attribute="1" defaultMemberUniqueName="[CB - Process HIER].[Process Level 07 Name - Description].[All]" allUniqueName="[CB - Process HIER].[Process Level 07 Name - Description].[All]" dimensionUniqueName="[CB - Process HIER]" displayFolder="" count="0" unbalancedGroup="0"/>
    <cacheHierarchy uniqueName="[CB - Process HIER].[Process Level 08 Description]" caption="Process Level 08 Description" attribute="1" defaultMemberUniqueName="[CB - Process HIER].[Process Level 08 Description].[All]" allUniqueName="[CB - Process HIER].[Process Level 08 Description].[All]" dimensionUniqueName="[CB - Process HIER]" displayFolder="" count="0" unbalancedGroup="0"/>
    <cacheHierarchy uniqueName="[CB - Process HIER].[Process Level 08 Name]" caption="Process Level 08 Name" attribute="1" defaultMemberUniqueName="[CB - Process HIER].[Process Level 08 Name].[All]" allUniqueName="[CB - Process HIER].[Process Level 08 Name].[All]" dimensionUniqueName="[CB - Process HIER]" displayFolder="" count="0" unbalancedGroup="0"/>
    <cacheHierarchy uniqueName="[CB - Process HIER].[Process Level 08 Name - Description]" caption="Process Level 08 Name - Description" attribute="1" defaultMemberUniqueName="[CB - Process HIER].[Process Level 08 Name - Description].[All]" allUniqueName="[CB - Process HIER].[Process Level 08 Name - Description].[All]" dimensionUniqueName="[CB - Process HIER]" displayFolder="" count="0" unbalancedGroup="0"/>
    <cacheHierarchy uniqueName="[CB - Process HIER].[Process Level 09 Description]" caption="Process Level 09 Description" attribute="1" defaultMemberUniqueName="[CB - Process HIER].[Process Level 09 Description].[All]" allUniqueName="[CB - Process HIER].[Process Level 09 Description].[All]" dimensionUniqueName="[CB - Process HIER]" displayFolder="" count="0" unbalancedGroup="0"/>
    <cacheHierarchy uniqueName="[CB - Process HIER].[Process Level 09 Name]" caption="Process Level 09 Name" attribute="1" defaultMemberUniqueName="[CB - Process HIER].[Process Level 09 Name].[All]" allUniqueName="[CB - Process HIER].[Process Level 09 Name].[All]" dimensionUniqueName="[CB - Process HIER]" displayFolder="" count="0" unbalancedGroup="0"/>
    <cacheHierarchy uniqueName="[CB - Process HIER].[Process Level 09 Name - Description]" caption="Process Level 09 Name - Description" attribute="1" defaultMemberUniqueName="[CB - Process HIER].[Process Level 09 Name - Description].[All]" allUniqueName="[CB - Process HIER].[Process Level 09 Name - Description].[All]" dimensionUniqueName="[CB - Process HIER]" displayFolder="" count="0" unbalancedGroup="0"/>
    <cacheHierarchy uniqueName="[CB - Process HIER].[Process Level 10 Description]" caption="Process Level 10 Description" attribute="1" defaultMemberUniqueName="[CB - Process HIER].[Process Level 10 Description].[All]" allUniqueName="[CB - Process HIER].[Process Level 10 Description].[All]" dimensionUniqueName="[CB - Process HIER]" displayFolder="" count="0" unbalancedGroup="0"/>
    <cacheHierarchy uniqueName="[CB - Process HIER].[Process Level 10 Name]" caption="Process Level 10 Name" attribute="1" defaultMemberUniqueName="[CB - Process HIER].[Process Level 10 Name].[All]" allUniqueName="[CB - Process HIER].[Process Level 10 Name].[All]" dimensionUniqueName="[CB - Process HIER]" displayFolder="" count="0" unbalancedGroup="0"/>
    <cacheHierarchy uniqueName="[CB - Process HIER].[Process Level 10 Name - Description]" caption="Process Level 10 Name - Description" attribute="1" defaultMemberUniqueName="[CB - Process HIER].[Process Level 10 Name - Description].[All]" allUniqueName="[CB - Process HIER].[Process Level 10 Name - Description].[All]" dimensionUniqueName="[CB - Process HIER]" displayFolder="" count="0" unbalancedGroup="0"/>
    <cacheHierarchy uniqueName="[CB - Process HIER].[Process Parent Description]" caption="Process Parent Description" attribute="1" defaultMemberUniqueName="[CB - Process HIER].[Process Parent Description].[All]" allUniqueName="[CB - Process HIER].[Process Parent Description].[All]" dimensionUniqueName="[CB - Process HIER]" displayFolder="" count="0" unbalancedGroup="0"/>
    <cacheHierarchy uniqueName="[CB - Process HIER].[Process Parent Name]" caption="Process Parent Name" attribute="1" defaultMemberUniqueName="[CB - Process HIER].[Process Parent Name].[All]" allUniqueName="[CB - Process HIER].[Process Parent Name].[All]" dimensionUniqueName="[CB - Process HIER]" displayFolder="" count="0" unbalancedGroup="0"/>
    <cacheHierarchy uniqueName="[CB - Product].[Product CB]" caption="Product CB" attribute="1" keyAttribute="1" defaultMemberUniqueName="[CB - Product].[Product CB].[All]" allUniqueName="[CB - Product].[Product CB].[All]" dimensionUniqueName="[CB - Product]" displayFolder="" count="0" unbalancedGroup="0"/>
    <cacheHierarchy uniqueName="[CB - Product].[Product CB - Description]" caption="Product CB - Description" attribute="1" defaultMemberUniqueName="[CB - Product].[Product CB - Description].[All]" allUniqueName="[CB - Product].[Product CB - Description].[All]" dimensionUniqueName="[CB - Product]" displayFolder="" count="0" unbalancedGroup="0"/>
    <cacheHierarchy uniqueName="[CB - Product].[Product CB Description Long]" caption="Product CB Description Long" attribute="1" defaultMemberUniqueName="[CB - Product].[Product CB Description Long].[All]" allUniqueName="[CB - Product].[Product CB Description Long].[All]" dimensionUniqueName="[CB - Product]" displayFolder="" count="0" unbalancedGroup="0"/>
    <cacheHierarchy uniqueName="[CB - Product].[Product CB Description Short]" caption="Product CB Description Short" attribute="1" defaultMemberUniqueName="[CB - Product].[Product CB Description Short].[All]" allUniqueName="[CB - Product].[Product CB Description Short].[All]" dimensionUniqueName="[CB - Product]" displayFolder="" count="0" unbalancedGroup="0"/>
    <cacheHierarchy uniqueName="[CB - Product HIER].[Product HIER]" caption="Product HIER" attribute="1" keyAttribute="1" defaultMemberUniqueName="[CB - Product HIER].[Product HIER].[All]" allUniqueName="[CB - Product HIER].[Product HIER].[All]" dimensionUniqueName="[CB - Product HIER]" displayFolder="" count="0" unbalancedGroup="0"/>
    <cacheHierarchy uniqueName="[CB - Product HIER].[Product HIER Description Long]" caption="Product HIER Description Long" attribute="1" defaultMemberUniqueName="[CB - Product HIER].[Product HIER Description Long].[All]" allUniqueName="[CB - Product HIER].[Product HIER Description Long].[All]" dimensionUniqueName="[CB - Product HIER]" displayFolder="" count="0" unbalancedGroup="0"/>
    <cacheHierarchy uniqueName="[CB - Product HIER].[Product HIER Description Short]" caption="Product HIER Description Short" attribute="1" defaultMemberUniqueName="[CB - Product HIER].[Product HIER Description Short].[All]" allUniqueName="[CB - Product HIER].[Product HIER Description Short].[All]" dimensionUniqueName="[CB - Product HIER]" displayFolder="" count="0" unbalancedGroup="0"/>
    <cacheHierarchy uniqueName="[CB - Product HIER].[Product HIER Set ID]" caption="Product HIER Set ID" attribute="1" defaultMemberUniqueName="[CB - Product HIER].[Product HIER Set ID].[All]" allUniqueName="[CB - Product HIER].[Product HIER Set ID].[All]" dimensionUniqueName="[CB - Product HIER]" displayFolder="" count="0" unbalancedGroup="0"/>
    <cacheHierarchy uniqueName="[CB - Product HIER].[Product Hierarchy]" caption="Product Hierarchy" defaultMemberUniqueName="[CB - Product HIER].[Product Hierarchy].[All]" allUniqueName="[CB - Product HIER].[Product Hierarchy].[All]" dimensionUniqueName="[CB - Product HIER]" displayFolder="" count="0" unbalancedGroup="0"/>
    <cacheHierarchy uniqueName="[CB - Product HIER].[Product Hierarchy Name]" caption="Product Hierarchy Name" attribute="1" defaultMemberUniqueName="[CB - Product HIER].[Product Hierarchy Name].[All]" allUniqueName="[CB - Product HIER].[Product Hierarchy Name].[All]" dimensionUniqueName="[CB - Product HIER]" displayFolder="" count="0" unbalancedGroup="0"/>
    <cacheHierarchy uniqueName="[CB - Product HIER].[Product Level 01 Description]" caption="Product Level 01 Description" attribute="1" defaultMemberUniqueName="[CB - Product HIER].[Product Level 01 Description].[All]" allUniqueName="[CB - Product HIER].[Product Level 01 Description].[All]" dimensionUniqueName="[CB - Product HIER]" displayFolder="" count="0" unbalancedGroup="0"/>
    <cacheHierarchy uniqueName="[CB - Product HIER].[Product Level 01 Name]" caption="Product Level 01 Name" attribute="1" defaultMemberUniqueName="[CB - Product HIER].[Product Level 01 Name].[All]" allUniqueName="[CB - Product HIER].[Product Level 01 Name].[All]" dimensionUniqueName="[CB - Product HIER]" displayFolder="" count="0" unbalancedGroup="0"/>
    <cacheHierarchy uniqueName="[CB - Product HIER].[Product Level 01 Name - Description]" caption="Product Level 01 Name - Description" attribute="1" defaultMemberUniqueName="[CB - Product HIER].[Product Level 01 Name - Description].[All]" allUniqueName="[CB - Product HIER].[Product Level 01 Name - Description].[All]" dimensionUniqueName="[CB - Product HIER]" displayFolder="" count="0" unbalancedGroup="0"/>
    <cacheHierarchy uniqueName="[CB - Product HIER].[Product Level 02 Description]" caption="Product Level 02 Description" attribute="1" defaultMemberUniqueName="[CB - Product HIER].[Product Level 02 Description].[All]" allUniqueName="[CB - Product HIER].[Product Level 02 Description].[All]" dimensionUniqueName="[CB - Product HIER]" displayFolder="" count="0" unbalancedGroup="0"/>
    <cacheHierarchy uniqueName="[CB - Product HIER].[Product Level 02 Name]" caption="Product Level 02 Name" attribute="1" defaultMemberUniqueName="[CB - Product HIER].[Product Level 02 Name].[All]" allUniqueName="[CB - Product HIER].[Product Level 02 Name].[All]" dimensionUniqueName="[CB - Product HIER]" displayFolder="" count="0" unbalancedGroup="0"/>
    <cacheHierarchy uniqueName="[CB - Product HIER].[Product Level 02 Name - Description]" caption="Product Level 02 Name - Description" attribute="1" defaultMemberUniqueName="[CB - Product HIER].[Product Level 02 Name - Description].[All]" allUniqueName="[CB - Product HIER].[Product Level 02 Name - Description].[All]" dimensionUniqueName="[CB - Product HIER]" displayFolder="" count="0" unbalancedGroup="0"/>
    <cacheHierarchy uniqueName="[CB - Product HIER].[Product Level 03 Description]" caption="Product Level 03 Description" attribute="1" defaultMemberUniqueName="[CB - Product HIER].[Product Level 03 Description].[All]" allUniqueName="[CB - Product HIER].[Product Level 03 Description].[All]" dimensionUniqueName="[CB - Product HIER]" displayFolder="" count="0" unbalancedGroup="0"/>
    <cacheHierarchy uniqueName="[CB - Product HIER].[Product Level 03 Name]" caption="Product Level 03 Name" attribute="1" defaultMemberUniqueName="[CB - Product HIER].[Product Level 03 Name].[All]" allUniqueName="[CB - Product HIER].[Product Level 03 Name].[All]" dimensionUniqueName="[CB - Product HIER]" displayFolder="" count="0" unbalancedGroup="0"/>
    <cacheHierarchy uniqueName="[CB - Product HIER].[Product Level 03 Name - Description]" caption="Product Level 03 Name - Description" attribute="1" defaultMemberUniqueName="[CB - Product HIER].[Product Level 03 Name - Description].[All]" allUniqueName="[CB - Product HIER].[Product Level 03 Name - Description].[All]" dimensionUniqueName="[CB - Product HIER]" displayFolder="" count="0" unbalancedGroup="0"/>
    <cacheHierarchy uniqueName="[CB - Product HIER].[Product Level 04 Description]" caption="Product Level 04 Description" attribute="1" defaultMemberUniqueName="[CB - Product HIER].[Product Level 04 Description].[All]" allUniqueName="[CB - Product HIER].[Product Level 04 Description].[All]" dimensionUniqueName="[CB - Product HIER]" displayFolder="" count="0" unbalancedGroup="0"/>
    <cacheHierarchy uniqueName="[CB - Product HIER].[Product Level 04 Name]" caption="Product Level 04 Name" attribute="1" defaultMemberUniqueName="[CB - Product HIER].[Product Level 04 Name].[All]" allUniqueName="[CB - Product HIER].[Product Level 04 Name].[All]" dimensionUniqueName="[CB - Product HIER]" displayFolder="" count="0" unbalancedGroup="0"/>
    <cacheHierarchy uniqueName="[CB - Product HIER].[Product Level 04 Name - Description]" caption="Product Level 04 Name - Description" attribute="1" defaultMemberUniqueName="[CB - Product HIER].[Product Level 04 Name - Description].[All]" allUniqueName="[CB - Product HIER].[Product Level 04 Name - Description].[All]" dimensionUniqueName="[CB - Product HIER]" displayFolder="" count="0" unbalancedGroup="0"/>
    <cacheHierarchy uniqueName="[CB - Product HIER].[Product Level 05 Description]" caption="Product Level 05 Description" attribute="1" defaultMemberUniqueName="[CB - Product HIER].[Product Level 05 Description].[All]" allUniqueName="[CB - Product HIER].[Product Level 05 Description].[All]" dimensionUniqueName="[CB - Product HIER]" displayFolder="" count="0" unbalancedGroup="0"/>
    <cacheHierarchy uniqueName="[CB - Product HIER].[Product Level 05 Name]" caption="Product Level 05 Name" attribute="1" defaultMemberUniqueName="[CB - Product HIER].[Product Level 05 Name].[All]" allUniqueName="[CB - Product HIER].[Product Level 05 Name].[All]" dimensionUniqueName="[CB - Product HIER]" displayFolder="" count="0" unbalancedGroup="0"/>
    <cacheHierarchy uniqueName="[CB - Product HIER].[Product Level 05 Name - Description]" caption="Product Level 05 Name - Description" attribute="1" defaultMemberUniqueName="[CB - Product HIER].[Product Level 05 Name - Description].[All]" allUniqueName="[CB - Product HIER].[Product Level 05 Name - Description].[All]" dimensionUniqueName="[CB - Product HIER]" displayFolder="" count="0" unbalancedGroup="0"/>
    <cacheHierarchy uniqueName="[CB - Product HIER].[Product Level 06 Description]" caption="Product Level 06 Description" attribute="1" defaultMemberUniqueName="[CB - Product HIER].[Product Level 06 Description].[All]" allUniqueName="[CB - Product HIER].[Product Level 06 Description].[All]" dimensionUniqueName="[CB - Product HIER]" displayFolder="" count="0" unbalancedGroup="0"/>
    <cacheHierarchy uniqueName="[CB - Product HIER].[Product Level 06 Name]" caption="Product Level 06 Name" attribute="1" defaultMemberUniqueName="[CB - Product HIER].[Product Level 06 Name].[All]" allUniqueName="[CB - Product HIER].[Product Level 06 Name].[All]" dimensionUniqueName="[CB - Product HIER]" displayFolder="" count="0" unbalancedGroup="0"/>
    <cacheHierarchy uniqueName="[CB - Product HIER].[Product Level 06 Name - Description]" caption="Product Level 06 Name - Description" attribute="1" defaultMemberUniqueName="[CB - Product HIER].[Product Level 06 Name - Description].[All]" allUniqueName="[CB - Product HIER].[Product Level 06 Name - Description].[All]" dimensionUniqueName="[CB - Product HIER]" displayFolder="" count="0" unbalancedGroup="0"/>
    <cacheHierarchy uniqueName="[CB - Product HIER].[Product Level 07 Description]" caption="Product Level 07 Description" attribute="1" defaultMemberUniqueName="[CB - Product HIER].[Product Level 07 Description].[All]" allUniqueName="[CB - Product HIER].[Product Level 07 Description].[All]" dimensionUniqueName="[CB - Product HIER]" displayFolder="" count="0" unbalancedGroup="0"/>
    <cacheHierarchy uniqueName="[CB - Product HIER].[Product Level 07 Name]" caption="Product Level 07 Name" attribute="1" defaultMemberUniqueName="[CB - Product HIER].[Product Level 07 Name].[All]" allUniqueName="[CB - Product HIER].[Product Level 07 Name].[All]" dimensionUniqueName="[CB - Product HIER]" displayFolder="" count="0" unbalancedGroup="0"/>
    <cacheHierarchy uniqueName="[CB - Product HIER].[Product Level 07 Name - Description]" caption="Product Level 07 Name - Description" attribute="1" defaultMemberUniqueName="[CB - Product HIER].[Product Level 07 Name - Description].[All]" allUniqueName="[CB - Product HIER].[Product Level 07 Name - Description].[All]" dimensionUniqueName="[CB - Product HIER]" displayFolder="" count="0" unbalancedGroup="0"/>
    <cacheHierarchy uniqueName="[CB - Product HIER].[Product Level 08 Description]" caption="Product Level 08 Description" attribute="1" defaultMemberUniqueName="[CB - Product HIER].[Product Level 08 Description].[All]" allUniqueName="[CB - Product HIER].[Product Level 08 Description].[All]" dimensionUniqueName="[CB - Product HIER]" displayFolder="" count="0" unbalancedGroup="0"/>
    <cacheHierarchy uniqueName="[CB - Product HIER].[Product Level 08 Name]" caption="Product Level 08 Name" attribute="1" defaultMemberUniqueName="[CB - Product HIER].[Product Level 08 Name].[All]" allUniqueName="[CB - Product HIER].[Product Level 08 Name].[All]" dimensionUniqueName="[CB - Product HIER]" displayFolder="" count="0" unbalancedGroup="0"/>
    <cacheHierarchy uniqueName="[CB - Product HIER].[Product Level 08 Name - Description]" caption="Product Level 08 Name - Description" attribute="1" defaultMemberUniqueName="[CB - Product HIER].[Product Level 08 Name - Description].[All]" allUniqueName="[CB - Product HIER].[Product Level 08 Name - Description].[All]" dimensionUniqueName="[CB - Product HIER]" displayFolder="" count="0" unbalancedGroup="0"/>
    <cacheHierarchy uniqueName="[CB - Product HIER].[Product Level 09 Description]" caption="Product Level 09 Description" attribute="1" defaultMemberUniqueName="[CB - Product HIER].[Product Level 09 Description].[All]" allUniqueName="[CB - Product HIER].[Product Level 09 Description].[All]" dimensionUniqueName="[CB - Product HIER]" displayFolder="" count="0" unbalancedGroup="0"/>
    <cacheHierarchy uniqueName="[CB - Product HIER].[Product Level 09 Name]" caption="Product Level 09 Name" attribute="1" defaultMemberUniqueName="[CB - Product HIER].[Product Level 09 Name].[All]" allUniqueName="[CB - Product HIER].[Product Level 09 Name].[All]" dimensionUniqueName="[CB - Product HIER]" displayFolder="" count="0" unbalancedGroup="0"/>
    <cacheHierarchy uniqueName="[CB - Product HIER].[Product Level 09 Name - Description]" caption="Product Level 09 Name - Description" attribute="1" defaultMemberUniqueName="[CB - Product HIER].[Product Level 09 Name - Description].[All]" allUniqueName="[CB - Product HIER].[Product Level 09 Name - Description].[All]" dimensionUniqueName="[CB - Product HIER]" displayFolder="" count="0" unbalancedGroup="0"/>
    <cacheHierarchy uniqueName="[CB - Product HIER].[Product Level 10 Description]" caption="Product Level 10 Description" attribute="1" defaultMemberUniqueName="[CB - Product HIER].[Product Level 10 Description].[All]" allUniqueName="[CB - Product HIER].[Product Level 10 Description].[All]" dimensionUniqueName="[CB - Product HIER]" displayFolder="" count="0" unbalancedGroup="0"/>
    <cacheHierarchy uniqueName="[CB - Product HIER].[Product Level 10 Name]" caption="Product Level 10 Name" attribute="1" defaultMemberUniqueName="[CB - Product HIER].[Product Level 10 Name].[All]" allUniqueName="[CB - Product HIER].[Product Level 10 Name].[All]" dimensionUniqueName="[CB - Product HIER]" displayFolder="" count="0" unbalancedGroup="0"/>
    <cacheHierarchy uniqueName="[CB - Product HIER].[Product Level 10 Name - Description]" caption="Product Level 10 Name - Description" attribute="1" defaultMemberUniqueName="[CB - Product HIER].[Product Level 10 Name - Description].[All]" allUniqueName="[CB - Product HIER].[Product Level 10 Name - Description].[All]" dimensionUniqueName="[CB - Product HIER]" displayFolder="" count="0" unbalancedGroup="0"/>
    <cacheHierarchy uniqueName="[CB - Product HIER].[Product Parent Description]" caption="Product Parent Description" attribute="1" defaultMemberUniqueName="[CB - Product HIER].[Product Parent Description].[All]" allUniqueName="[CB - Product HIER].[Product Parent Description].[All]" dimensionUniqueName="[CB - Product HIER]" displayFolder="" count="0" unbalancedGroup="0"/>
    <cacheHierarchy uniqueName="[CB - Product HIER].[Product Parent Name]" caption="Product Parent Name" attribute="1" defaultMemberUniqueName="[CB - Product HIER].[Product Parent Name].[All]" allUniqueName="[CB - Product HIER].[Product Parent Name].[All]" dimensionUniqueName="[CB - Product HIER]" displayFolder="" count="0" unbalancedGroup="0"/>
    <cacheHierarchy uniqueName="[CB - Project].[Actual Closed Date]" caption="Actual Closed Date" attribute="1" defaultMemberUniqueName="[CB - Project].[Actual Closed Date].[All]" allUniqueName="[CB - Project].[Actual Closed Date].[All]" dimensionUniqueName="[CB - Project]" displayFolder="" count="0" unbalancedGroup="0"/>
    <cacheHierarchy uniqueName="[CB - Project].[Actual In Service Date]" caption="Actual In Service Date" attribute="1" defaultMemberUniqueName="[CB - Project].[Actual In Service Date].[All]" allUniqueName="[CB - Project].[Actual In Service Date].[All]" dimensionUniqueName="[CB - Project]" displayFolder="" count="0" unbalancedGroup="0"/>
    <cacheHierarchy uniqueName="[CB - Project].[Actual Start Date]" caption="Actual Start Date" attribute="1" defaultMemberUniqueName="[CB - Project].[Actual Start Date].[All]" allUniqueName="[CB - Project].[Actual Start Date].[All]" dimensionUniqueName="[CB - Project]" displayFolder="" count="0" unbalancedGroup="0"/>
    <cacheHierarchy uniqueName="[CB - Project].[Asset Loc Long Desc PRD]" caption="Asset Loc Long Desc PRD" attribute="1" defaultMemberUniqueName="[CB - Project].[Asset Loc Long Desc PRD].[All]" allUniqueName="[CB - Project].[Asset Loc Long Desc PRD].[All]" dimensionUniqueName="[CB - Project]" displayFolder="" count="0" unbalancedGroup="0"/>
    <cacheHierarchy uniqueName="[CB - Project].[Asset Location ID PRD]" caption="Asset Location ID PRD" attribute="1" defaultMemberUniqueName="[CB - Project].[Asset Location ID PRD].[All]" allUniqueName="[CB - Project].[Asset Location ID PRD].[All]" dimensionUniqueName="[CB - Project]" displayFolder="" count="0" unbalancedGroup="0"/>
    <cacheHierarchy uniqueName="[CB - Project].[Blanket Code]" caption="Blanket Code" attribute="1" defaultMemberUniqueName="[CB - Project].[Blanket Code].[All]" allUniqueName="[CB - Project].[Blanket Code].[All]" dimensionUniqueName="[CB - Project]" displayFolder="" count="0" unbalancedGroup="0"/>
    <cacheHierarchy uniqueName="[CB - Project].[Business Expansion Name]" caption="Business Expansion Name" attribute="1" defaultMemberUniqueName="[CB - Project].[Business Expansion Name].[All]" allUniqueName="[CB - Project].[Business Expansion Name].[All]" dimensionUniqueName="[CB - Project]" displayFolder="" count="0" unbalancedGroup="0"/>
    <cacheHierarchy uniqueName="[CB - Project].[Business Program Name]" caption="Business Program Name" attribute="1" defaultMemberUniqueName="[CB - Project].[Business Program Name].[All]" allUniqueName="[CB - Project].[Business Program Name].[All]" dimensionUniqueName="[CB - Project]" displayFolder="" count="0" unbalancedGroup="0"/>
    <cacheHierarchy uniqueName="[CB - Project].[Charge Close Date]" caption="Charge Close Date" attribute="1" defaultMemberUniqueName="[CB - Project].[Charge Close Date].[All]" allUniqueName="[CB - Project].[Charge Close Date].[All]" dimensionUniqueName="[CB - Project]" displayFolder="" count="0" unbalancedGroup="0"/>
    <cacheHierarchy uniqueName="[CB - Project].[Estimated In Service Date]" caption="Estimated In Service Date" attribute="1" defaultMemberUniqueName="[CB - Project].[Estimated In Service Date].[All]" allUniqueName="[CB - Project].[Estimated In Service Date].[All]" dimensionUniqueName="[CB - Project]" displayFolder="" count="0" unbalancedGroup="0"/>
    <cacheHierarchy uniqueName="[CB - Project].[FI Project Class]" caption="FI Project Class" attribute="1" defaultMemberUniqueName="[CB - Project].[FI Project Class].[All]" allUniqueName="[CB - Project].[FI Project Class].[All]" dimensionUniqueName="[CB - Project]" displayFolder="" count="0" unbalancedGroup="0"/>
    <cacheHierarchy uniqueName="[CB - Project].[FI Project Status]" caption="FI Project Status" attribute="1" defaultMemberUniqueName="[CB - Project].[FI Project Status].[All]" allUniqueName="[CB - Project].[FI Project Status].[All]" dimensionUniqueName="[CB - Project]" displayFolder="" count="0" unbalancedGroup="0"/>
    <cacheHierarchy uniqueName="[CB - Project].[Functional CB Class]" caption="Functional CB Class" attribute="1" defaultMemberUniqueName="[CB - Project].[Functional CB Class].[All]" allUniqueName="[CB - Project].[Functional CB Class].[All]" dimensionUniqueName="[CB - Project]" displayFolder="" count="0" unbalancedGroup="0"/>
    <cacheHierarchy uniqueName="[CB - Project].[Funding Project]" caption="Funding Project" attribute="1" defaultMemberUniqueName="[CB - Project].[Funding Project].[All]" allUniqueName="[CB - Project].[Funding Project].[All]" dimensionUniqueName="[CB - Project]" displayFolder="" count="0" unbalancedGroup="0"/>
    <cacheHierarchy uniqueName="[CB - Project].[Funding Project - Business Expansion Name]" caption="Funding Project - Business Expansion Name" attribute="1" defaultMemberUniqueName="[CB - Project].[Funding Project - Business Expansion Name].[All]" allUniqueName="[CB - Project].[Funding Project - Business Expansion Name].[All]" dimensionUniqueName="[CB - Project]" displayFolder="" count="0" unbalancedGroup="0"/>
    <cacheHierarchy uniqueName="[CB - Project].[Funding Project - Business Program Name]" caption="Funding Project - Business Program Name" attribute="1" defaultMemberUniqueName="[CB - Project].[Funding Project - Business Program Name].[All]" allUniqueName="[CB - Project].[Funding Project - Business Program Name].[All]" dimensionUniqueName="[CB - Project]" displayFolder="" count="0" unbalancedGroup="0"/>
    <cacheHierarchy uniqueName="[CB - Project].[Funding Project - Outage Number]" caption="Funding Project - Outage Number" attribute="1" defaultMemberUniqueName="[CB - Project].[Funding Project - Outage Number].[All]" allUniqueName="[CB - Project].[Funding Project - Outage Number].[All]" dimensionUniqueName="[CB - Project]" displayFolder="" count="0" unbalancedGroup="0"/>
    <cacheHierarchy uniqueName="[CB - Project].[Funding Project - Outage Required]" caption="Funding Project - Outage Required" attribute="1" defaultMemberUniqueName="[CB - Project].[Funding Project - Outage Required].[All]" allUniqueName="[CB - Project].[Funding Project - Outage Required].[All]" dimensionUniqueName="[CB - Project]" displayFolder="" count="0" unbalancedGroup="0"/>
    <cacheHierarchy uniqueName="[CB - Project].[Funding Project - Owner Name]" caption="Funding Project - Owner Name" attribute="1" defaultMemberUniqueName="[CB - Project].[Funding Project - Owner Name].[All]" allUniqueName="[CB - Project].[Funding Project - Owner Name].[All]" dimensionUniqueName="[CB - Project]" displayFolder="" count="0" unbalancedGroup="0"/>
    <cacheHierarchy uniqueName="[CB - Project].[Funding Project - Project Routing]" caption="Funding Project - Project Routing" attribute="1" defaultMemberUniqueName="[CB - Project].[Funding Project - Project Routing].[All]" allUniqueName="[CB - Project].[Funding Project - Project Routing].[All]" dimensionUniqueName="[CB - Project]" displayFolder="" count="0" unbalancedGroup="0"/>
    <cacheHierarchy uniqueName="[CB - Project].[Funding Project Description]" caption="Funding Project Description" attribute="1" defaultMemberUniqueName="[CB - Project].[Funding Project Description].[All]" allUniqueName="[CB - Project].[Funding Project Description].[All]" dimensionUniqueName="[CB - Project]" displayFolder="" count="0" unbalancedGroup="0"/>
    <cacheHierarchy uniqueName="[CB - Project].[Funding Project Indicator]" caption="Funding Project Indicator" attribute="1" defaultMemberUniqueName="[CB - Project].[Funding Project Indicator].[All]" allUniqueName="[CB - Project].[Funding Project Indicator].[All]" dimensionUniqueName="[CB - Project]" displayFolder="" count="0" unbalancedGroup="0"/>
    <cacheHierarchy uniqueName="[CB - Project].[Funding Project Substation]" caption="Funding Project Substation" attribute="1" defaultMemberUniqueName="[CB - Project].[Funding Project Substation].[All]" allUniqueName="[CB - Project].[Funding Project Substation].[All]" dimensionUniqueName="[CB - Project]" displayFolder="" count="0" unbalancedGroup="0"/>
    <cacheHierarchy uniqueName="[CB - Project].[Investment Identifier]" caption="Investment Identifier" attribute="1" defaultMemberUniqueName="[CB - Project].[Investment Identifier].[All]" allUniqueName="[CB - Project].[Investment Identifier].[All]" dimensionUniqueName="[CB - Project]" displayFolder="" count="0" unbalancedGroup="0"/>
    <cacheHierarchy uniqueName="[CB - Project].[IT Project Classification]" caption="IT Project Classification" attribute="1" defaultMemberUniqueName="[CB - Project].[IT Project Classification].[All]" allUniqueName="[CB - Project].[IT Project Classification].[All]" dimensionUniqueName="[CB - Project]" displayFolder="" count="0" unbalancedGroup="0"/>
    <cacheHierarchy uniqueName="[CB - Project].[Joint Owner Allocation Rate]" caption="Joint Owner Allocation Rate" attribute="1" defaultMemberUniqueName="[CB - Project].[Joint Owner Allocation Rate].[All]" allUniqueName="[CB - Project].[Joint Owner Allocation Rate].[All]" dimensionUniqueName="[CB - Project]" displayFolder="" count="0" unbalancedGroup="0"/>
    <cacheHierarchy uniqueName="[CB - Project].[Major Location Description]" caption="Major Location Description" attribute="1" defaultMemberUniqueName="[CB - Project].[Major Location Description].[All]" allUniqueName="[CB - Project].[Major Location Description].[All]" dimensionUniqueName="[CB - Project]" displayFolder="" count="0" unbalancedGroup="0"/>
    <cacheHierarchy uniqueName="[CB - Project].[Major Location ID]" caption="Major Location ID" attribute="1" defaultMemberUniqueName="[CB - Project].[Major Location ID].[All]" allUniqueName="[CB - Project].[Major Location ID].[All]" dimensionUniqueName="[CB - Project]" displayFolder="" count="0" unbalancedGroup="0"/>
    <cacheHierarchy uniqueName="[CB - Project].[Major Location State]" caption="Major Location State" attribute="1" defaultMemberUniqueName="[CB - Project].[Major Location State].[All]" allUniqueName="[CB - Project].[Major Location State].[All]" dimensionUniqueName="[CB - Project]" displayFolder="" count="0" unbalancedGroup="0"/>
    <cacheHierarchy uniqueName="[CB - Project].[Outage Number]" caption="Outage Number" attribute="1" defaultMemberUniqueName="[CB - Project].[Outage Number].[All]" allUniqueName="[CB - Project].[Outage Number].[All]" dimensionUniqueName="[CB - Project]" displayFolder="" count="0" unbalancedGroup="0"/>
    <cacheHierarchy uniqueName="[CB - Project].[Post In Service Carrying Charge]" caption="Post In Service Carrying Charge" attribute="1" defaultMemberUniqueName="[CB - Project].[Post In Service Carrying Charge].[All]" allUniqueName="[CB - Project].[Post In Service Carrying Charge].[All]" dimensionUniqueName="[CB - Project]" displayFolder="" count="0" unbalancedGroup="0"/>
    <cacheHierarchy uniqueName="[CB - Project].[Project CB]" caption="Project CB" attribute="1" defaultMemberUniqueName="[CB - Project].[Project CB].[All]" allUniqueName="[CB - Project].[Project CB].[All]" dimensionUniqueName="[CB - Project]" displayFolder="" count="0" unbalancedGroup="0"/>
    <cacheHierarchy uniqueName="[CB - Project].[Project CB - Description]" caption="Project CB - Description" attribute="1" defaultMemberUniqueName="[CB - Project].[Project CB - Description].[All]" allUniqueName="[CB - Project].[Project CB - Description].[All]" dimensionUniqueName="[CB - Project]" displayFolder="" count="0" unbalancedGroup="0"/>
    <cacheHierarchy uniqueName="[CB - Project].[Project CB Class]" caption="Project CB Class" attribute="1" defaultMemberUniqueName="[CB - Project].[Project CB Class].[All]" allUniqueName="[CB - Project].[Project CB Class].[All]" dimensionUniqueName="[CB - Project]" displayFolder="" count="0" unbalancedGroup="0"/>
    <cacheHierarchy uniqueName="[CB - Project].[Project CB Class – Description]" caption="Project CB Class – Description" attribute="1" defaultMemberUniqueName="[CB - Project].[Project CB Class – Description].[All]" allUniqueName="[CB - Project].[Project CB Class – Description].[All]" dimensionUniqueName="[CB - Project]" displayFolder="" count="0" unbalancedGroup="0"/>
    <cacheHierarchy uniqueName="[CB - Project].[Project CB Description]" caption="Project CB Description" attribute="1" defaultMemberUniqueName="[CB - Project].[Project CB Description].[All]" allUniqueName="[CB - Project].[Project CB Description].[All]" dimensionUniqueName="[CB - Project]" displayFolder="" count="0" unbalancedGroup="0"/>
    <cacheHierarchy uniqueName="[CB - Project].[Project CB Grouping]" caption="Project CB Grouping" defaultMemberUniqueName="[CB - Project].[Project CB Grouping].[All]" allUniqueName="[CB - Project].[Project CB Grouping].[All]" dimensionUniqueName="[CB - Project]" displayFolder="" count="0" unbalancedGroup="0"/>
    <cacheHierarchy uniqueName="[CB - Project].[Project CB Prefix]" caption="Project CB Prefix" attribute="1" defaultMemberUniqueName="[CB - Project].[Project CB Prefix].[All]" allUniqueName="[CB - Project].[Project CB Prefix].[All]" dimensionUniqueName="[CB - Project]" displayFolder="" count="0" unbalancedGroup="0"/>
    <cacheHierarchy uniqueName="[CB - Resource Type].[Resource Type CB]" caption="Resource Type CB" attribute="1" keyAttribute="1" defaultMemberUniqueName="[CB - Resource Type].[Resource Type CB].[All]" allUniqueName="[CB - Resource Type].[Resource Type CB].[All]" dimensionUniqueName="[CB - Resource Type]" displayFolder="" count="0" unbalancedGroup="0"/>
    <cacheHierarchy uniqueName="[CB - Resource Type].[Resource Type CB - Description]" caption="Resource Type CB - Description" attribute="1" defaultMemberUniqueName="[CB - Resource Type].[Resource Type CB - Description].[All]" allUniqueName="[CB - Resource Type].[Resource Type CB - Description].[All]" dimensionUniqueName="[CB - Resource Type]" displayFolder="" count="0" unbalancedGroup="0"/>
    <cacheHierarchy uniqueName="[CB - Resource Type].[Resource Type CB Description Long]" caption="Resource Type CB Description Long" attribute="1" defaultMemberUniqueName="[CB - Resource Type].[Resource Type CB Description Long].[All]" allUniqueName="[CB - Resource Type].[Resource Type CB Description Long].[All]" dimensionUniqueName="[CB - Resource Type]" displayFolder="" count="0" unbalancedGroup="0"/>
    <cacheHierarchy uniqueName="[CB - Resource Type].[Resource Type CB Description Short]" caption="Resource Type CB Description Short" attribute="1" defaultMemberUniqueName="[CB - Resource Type].[Resource Type CB Description Short].[All]" allUniqueName="[CB - Resource Type].[Resource Type CB Description Short].[All]" dimensionUniqueName="[CB - Resource Type]" displayFolder="" count="0" unbalancedGroup="0"/>
    <cacheHierarchy uniqueName="[CB - Resource Type].[Resource Type CB Set ID]" caption="Resource Type CB Set ID" attribute="1" defaultMemberUniqueName="[CB - Resource Type].[Resource Type CB Set ID].[All]" allUniqueName="[CB - Resource Type].[Resource Type CB Set ID].[All]" dimensionUniqueName="[CB - Resource Type]" displayFolder="" count="0" unbalancedGroup="0"/>
    <cacheHierarchy uniqueName="[CB - Resource Type HIER].[Resource Type HIER]" caption="Resource Type HIER" attribute="1" keyAttribute="1" defaultMemberUniqueName="[CB - Resource Type HIER].[Resource Type HIER].[All]" allUniqueName="[CB - Resource Type HIER].[Resource Type HIER].[All]" dimensionUniqueName="[CB - Resource Type HIER]" displayFolder="" count="0" unbalancedGroup="0"/>
    <cacheHierarchy uniqueName="[CB - Resource Type HIER].[Resource Type HIER Description Long]" caption="Resource Type HIER Description Long" attribute="1" defaultMemberUniqueName="[CB - Resource Type HIER].[Resource Type HIER Description Long].[All]" allUniqueName="[CB - Resource Type HIER].[Resource Type HIER Description Long].[All]" dimensionUniqueName="[CB - Resource Type HIER]" displayFolder="" count="0" unbalancedGroup="0"/>
    <cacheHierarchy uniqueName="[CB - Resource Type HIER].[Resource Type HIER Description Short]" caption="Resource Type HIER Description Short" attribute="1" defaultMemberUniqueName="[CB - Resource Type HIER].[Resource Type HIER Description Short].[All]" allUniqueName="[CB - Resource Type HIER].[Resource Type HIER Description Short].[All]" dimensionUniqueName="[CB - Resource Type HIER]" displayFolder="" count="0" unbalancedGroup="0"/>
    <cacheHierarchy uniqueName="[CB - Resource Type HIER].[Resource Type HIER Set ID]" caption="Resource Type HIER Set ID" attribute="1" defaultMemberUniqueName="[CB - Resource Type HIER].[Resource Type HIER Set ID].[All]" allUniqueName="[CB - Resource Type HIER].[Resource Type HIER Set ID].[All]" dimensionUniqueName="[CB - Resource Type HIER]" displayFolder="" count="0" unbalancedGroup="0"/>
    <cacheHierarchy uniqueName="[CB - Resource Type HIER].[Resource Type Hierarchy]" caption="Resource Type Hierarchy" defaultMemberUniqueName="[CB - Resource Type HIER].[Resource Type Hierarchy].[All]" allUniqueName="[CB - Resource Type HIER].[Resource Type Hierarchy].[All]" dimensionUniqueName="[CB - Resource Type HIER]" displayFolder="" count="0" unbalancedGroup="0"/>
    <cacheHierarchy uniqueName="[CB - Resource Type HIER].[Resource Type Hierarchy Name]" caption="Resource Type Hierarchy Name" attribute="1" defaultMemberUniqueName="[CB - Resource Type HIER].[Resource Type Hierarchy Name].[All]" allUniqueName="[CB - Resource Type HIER].[Resource Type Hierarchy Name].[All]" dimensionUniqueName="[CB - Resource Type HIER]" displayFolder="" count="0" unbalancedGroup="0"/>
    <cacheHierarchy uniqueName="[CB - Resource Type HIER].[Resource Type Level 01 Description]" caption="Resource Type Level 01 Description" attribute="1" defaultMemberUniqueName="[CB - Resource Type HIER].[Resource Type Level 01 Description].[All]" allUniqueName="[CB - Resource Type HIER].[Resource Type Level 01 Description].[All]" dimensionUniqueName="[CB - Resource Type HIER]" displayFolder="" count="0" unbalancedGroup="0"/>
    <cacheHierarchy uniqueName="[CB - Resource Type HIER].[Resource Type Level 01 Name]" caption="Resource Type Level 01 Name" attribute="1" defaultMemberUniqueName="[CB - Resource Type HIER].[Resource Type Level 01 Name].[All]" allUniqueName="[CB - Resource Type HIER].[Resource Type Level 01 Name].[All]" dimensionUniqueName="[CB - Resource Type HIER]" displayFolder="" count="0" unbalancedGroup="0"/>
    <cacheHierarchy uniqueName="[CB - Resource Type HIER].[Resource Type Level 01 Name - Description]" caption="Resource Type Level 01 Name - Description" attribute="1" defaultMemberUniqueName="[CB - Resource Type HIER].[Resource Type Level 01 Name - Description].[All]" allUniqueName="[CB - Resource Type HIER].[Resource Type Level 01 Name - Description].[All]" dimensionUniqueName="[CB - Resource Type HIER]" displayFolder="" count="0" unbalancedGroup="0"/>
    <cacheHierarchy uniqueName="[CB - Resource Type HIER].[Resource Type Level 02 Description]" caption="Resource Type Level 02 Description" attribute="1" defaultMemberUniqueName="[CB - Resource Type HIER].[Resource Type Level 02 Description].[All]" allUniqueName="[CB - Resource Type HIER].[Resource Type Level 02 Description].[All]" dimensionUniqueName="[CB - Resource Type HIER]" displayFolder="" count="0" unbalancedGroup="0"/>
    <cacheHierarchy uniqueName="[CB - Resource Type HIER].[Resource Type Level 02 Name]" caption="Resource Type Level 02 Name" attribute="1" defaultMemberUniqueName="[CB - Resource Type HIER].[Resource Type Level 02 Name].[All]" allUniqueName="[CB - Resource Type HIER].[Resource Type Level 02 Name].[All]" dimensionUniqueName="[CB - Resource Type HIER]" displayFolder="" count="0" unbalancedGroup="0"/>
    <cacheHierarchy uniqueName="[CB - Resource Type HIER].[Resource Type Level 02 Name - Description]" caption="Resource Type Level 02 Name - Description" attribute="1" defaultMemberUniqueName="[CB - Resource Type HIER].[Resource Type Level 02 Name - Description].[All]" allUniqueName="[CB - Resource Type HIER].[Resource Type Level 02 Name - Description].[All]" dimensionUniqueName="[CB - Resource Type HIER]" displayFolder="" count="0" unbalancedGroup="0"/>
    <cacheHierarchy uniqueName="[CB - Resource Type HIER].[Resource Type Level 03 Description]" caption="Resource Type Level 03 Description" attribute="1" defaultMemberUniqueName="[CB - Resource Type HIER].[Resource Type Level 03 Description].[All]" allUniqueName="[CB - Resource Type HIER].[Resource Type Level 03 Description].[All]" dimensionUniqueName="[CB - Resource Type HIER]" displayFolder="" count="0" unbalancedGroup="0"/>
    <cacheHierarchy uniqueName="[CB - Resource Type HIER].[Resource Type Level 03 Name]" caption="Resource Type Level 03 Name" attribute="1" defaultMemberUniqueName="[CB - Resource Type HIER].[Resource Type Level 03 Name].[All]" allUniqueName="[CB - Resource Type HIER].[Resource Type Level 03 Name].[All]" dimensionUniqueName="[CB - Resource Type HIER]" displayFolder="" count="0" unbalancedGroup="0"/>
    <cacheHierarchy uniqueName="[CB - Resource Type HIER].[Resource Type Level 03 Name - Description]" caption="Resource Type Level 03 Name - Description" attribute="1" defaultMemberUniqueName="[CB - Resource Type HIER].[Resource Type Level 03 Name - Description].[All]" allUniqueName="[CB - Resource Type HIER].[Resource Type Level 03 Name - Description].[All]" dimensionUniqueName="[CB - Resource Type HIER]" displayFolder="" count="0" unbalancedGroup="0"/>
    <cacheHierarchy uniqueName="[CB - Resource Type HIER].[Resource Type Level 04 Description]" caption="Resource Type Level 04 Description" attribute="1" defaultMemberUniqueName="[CB - Resource Type HIER].[Resource Type Level 04 Description].[All]" allUniqueName="[CB - Resource Type HIER].[Resource Type Level 04 Description].[All]" dimensionUniqueName="[CB - Resource Type HIER]" displayFolder="" count="0" unbalancedGroup="0"/>
    <cacheHierarchy uniqueName="[CB - Resource Type HIER].[Resource Type Level 04 Name]" caption="Resource Type Level 04 Name" attribute="1" defaultMemberUniqueName="[CB - Resource Type HIER].[Resource Type Level 04 Name].[All]" allUniqueName="[CB - Resource Type HIER].[Resource Type Level 04 Name].[All]" dimensionUniqueName="[CB - Resource Type HIER]" displayFolder="" count="0" unbalancedGroup="0"/>
    <cacheHierarchy uniqueName="[CB - Resource Type HIER].[Resource Type Level 04 Name - Description]" caption="Resource Type Level 04 Name - Description" attribute="1" defaultMemberUniqueName="[CB - Resource Type HIER].[Resource Type Level 04 Name - Description].[All]" allUniqueName="[CB - Resource Type HIER].[Resource Type Level 04 Name - Description].[All]" dimensionUniqueName="[CB - Resource Type HIER]" displayFolder="" count="0" unbalancedGroup="0"/>
    <cacheHierarchy uniqueName="[CB - Resource Type HIER].[Resource Type Level 05 Description]" caption="Resource Type Level 05 Description" attribute="1" defaultMemberUniqueName="[CB - Resource Type HIER].[Resource Type Level 05 Description].[All]" allUniqueName="[CB - Resource Type HIER].[Resource Type Level 05 Description].[All]" dimensionUniqueName="[CB - Resource Type HIER]" displayFolder="" count="0" unbalancedGroup="0"/>
    <cacheHierarchy uniqueName="[CB - Resource Type HIER].[Resource Type Level 05 Name]" caption="Resource Type Level 05 Name" attribute="1" defaultMemberUniqueName="[CB - Resource Type HIER].[Resource Type Level 05 Name].[All]" allUniqueName="[CB - Resource Type HIER].[Resource Type Level 05 Name].[All]" dimensionUniqueName="[CB - Resource Type HIER]" displayFolder="" count="0" unbalancedGroup="0"/>
    <cacheHierarchy uniqueName="[CB - Resource Type HIER].[Resource Type Level 05 Name - Description]" caption="Resource Type Level 05 Name - Description" attribute="1" defaultMemberUniqueName="[CB - Resource Type HIER].[Resource Type Level 05 Name - Description].[All]" allUniqueName="[CB - Resource Type HIER].[Resource Type Level 05 Name - Description].[All]" dimensionUniqueName="[CB - Resource Type HIER]" displayFolder="" count="0" unbalancedGroup="0"/>
    <cacheHierarchy uniqueName="[CB - Resource Type HIER].[Resource Type Level 06 Description]" caption="Resource Type Level 06 Description" attribute="1" defaultMemberUniqueName="[CB - Resource Type HIER].[Resource Type Level 06 Description].[All]" allUniqueName="[CB - Resource Type HIER].[Resource Type Level 06 Description].[All]" dimensionUniqueName="[CB - Resource Type HIER]" displayFolder="" count="0" unbalancedGroup="0"/>
    <cacheHierarchy uniqueName="[CB - Resource Type HIER].[Resource Type Level 06 Name]" caption="Resource Type Level 06 Name" attribute="1" defaultMemberUniqueName="[CB - Resource Type HIER].[Resource Type Level 06 Name].[All]" allUniqueName="[CB - Resource Type HIER].[Resource Type Level 06 Name].[All]" dimensionUniqueName="[CB - Resource Type HIER]" displayFolder="" count="0" unbalancedGroup="0"/>
    <cacheHierarchy uniqueName="[CB - Resource Type HIER].[Resource Type Level 06 Name - Description]" caption="Resource Type Level 06 Name - Description" attribute="1" defaultMemberUniqueName="[CB - Resource Type HIER].[Resource Type Level 06 Name - Description].[All]" allUniqueName="[CB - Resource Type HIER].[Resource Type Level 06 Name - Description].[All]" dimensionUniqueName="[CB - Resource Type HIER]" displayFolder="" count="0" unbalancedGroup="0"/>
    <cacheHierarchy uniqueName="[CB - Resource Type HIER].[Resource Type Level 07 Description]" caption="Resource Type Level 07 Description" attribute="1" defaultMemberUniqueName="[CB - Resource Type HIER].[Resource Type Level 07 Description].[All]" allUniqueName="[CB - Resource Type HIER].[Resource Type Level 07 Description].[All]" dimensionUniqueName="[CB - Resource Type HIER]" displayFolder="" count="0" unbalancedGroup="0"/>
    <cacheHierarchy uniqueName="[CB - Resource Type HIER].[Resource Type Level 07 Name]" caption="Resource Type Level 07 Name" attribute="1" defaultMemberUniqueName="[CB - Resource Type HIER].[Resource Type Level 07 Name].[All]" allUniqueName="[CB - Resource Type HIER].[Resource Type Level 07 Name].[All]" dimensionUniqueName="[CB - Resource Type HIER]" displayFolder="" count="0" unbalancedGroup="0"/>
    <cacheHierarchy uniqueName="[CB - Resource Type HIER].[Resource Type Level 07 Name - Description]" caption="Resource Type Level 07 Name - Description" attribute="1" defaultMemberUniqueName="[CB - Resource Type HIER].[Resource Type Level 07 Name - Description].[All]" allUniqueName="[CB - Resource Type HIER].[Resource Type Level 07 Name - Description].[All]" dimensionUniqueName="[CB - Resource Type HIER]" displayFolder="" count="0" unbalancedGroup="0"/>
    <cacheHierarchy uniqueName="[CB - Resource Type HIER].[Resource Type Level 08 Description]" caption="Resource Type Level 08 Description" attribute="1" defaultMemberUniqueName="[CB - Resource Type HIER].[Resource Type Level 08 Description].[All]" allUniqueName="[CB - Resource Type HIER].[Resource Type Level 08 Description].[All]" dimensionUniqueName="[CB - Resource Type HIER]" displayFolder="" count="0" unbalancedGroup="0"/>
    <cacheHierarchy uniqueName="[CB - Resource Type HIER].[Resource Type Level 08 Name]" caption="Resource Type Level 08 Name" attribute="1" defaultMemberUniqueName="[CB - Resource Type HIER].[Resource Type Level 08 Name].[All]" allUniqueName="[CB - Resource Type HIER].[Resource Type Level 08 Name].[All]" dimensionUniqueName="[CB - Resource Type HIER]" displayFolder="" count="0" unbalancedGroup="0"/>
    <cacheHierarchy uniqueName="[CB - Resource Type HIER].[Resource Type Level 08 Name - Description]" caption="Resource Type Level 08 Name - Description" attribute="1" defaultMemberUniqueName="[CB - Resource Type HIER].[Resource Type Level 08 Name - Description].[All]" allUniqueName="[CB - Resource Type HIER].[Resource Type Level 08 Name - Description].[All]" dimensionUniqueName="[CB - Resource Type HIER]" displayFolder="" count="0" unbalancedGroup="0"/>
    <cacheHierarchy uniqueName="[CB - Resource Type HIER].[Resource Type Level 09 Description]" caption="Resource Type Level 09 Description" attribute="1" defaultMemberUniqueName="[CB - Resource Type HIER].[Resource Type Level 09 Description].[All]" allUniqueName="[CB - Resource Type HIER].[Resource Type Level 09 Description].[All]" dimensionUniqueName="[CB - Resource Type HIER]" displayFolder="" count="0" unbalancedGroup="0"/>
    <cacheHierarchy uniqueName="[CB - Resource Type HIER].[Resource Type Level 09 Name]" caption="Resource Type Level 09 Name" attribute="1" defaultMemberUniqueName="[CB - Resource Type HIER].[Resource Type Level 09 Name].[All]" allUniqueName="[CB - Resource Type HIER].[Resource Type Level 09 Name].[All]" dimensionUniqueName="[CB - Resource Type HIER]" displayFolder="" count="0" unbalancedGroup="0"/>
    <cacheHierarchy uniqueName="[CB - Resource Type HIER].[Resource Type Level 09 Name - Description]" caption="Resource Type Level 09 Name - Description" attribute="1" defaultMemberUniqueName="[CB - Resource Type HIER].[Resource Type Level 09 Name - Description].[All]" allUniqueName="[CB - Resource Type HIER].[Resource Type Level 09 Name - Description].[All]" dimensionUniqueName="[CB - Resource Type HIER]" displayFolder="" count="0" unbalancedGroup="0"/>
    <cacheHierarchy uniqueName="[CB - Resource Type HIER].[Resource Type Parent Description]" caption="Resource Type Parent Description" attribute="1" defaultMemberUniqueName="[CB - Resource Type HIER].[Resource Type Parent Description].[All]" allUniqueName="[CB - Resource Type HIER].[Resource Type Parent Description].[All]" dimensionUniqueName="[CB - Resource Type HIER]" displayFolder="" count="0" unbalancedGroup="0"/>
    <cacheHierarchy uniqueName="[CB - Resource Type HIER].[Resource Type Parent Name]" caption="Resource Type Parent Name" attribute="1" defaultMemberUniqueName="[CB - Resource Type HIER].[Resource Type Parent Name].[All]" allUniqueName="[CB - Resource Type HIER].[Resource Type Parent Name].[All]" dimensionUniqueName="[CB - Resource Type HIER]" displayFolder="" count="0" unbalancedGroup="0"/>
    <cacheHierarchy uniqueName="[CB - Responsibility Center].[Responsibility Center CB]" caption="Responsibility Center CB" attribute="1" keyAttribute="1" defaultMemberUniqueName="[CB - Responsibility Center].[Responsibility Center CB].[All]" allUniqueName="[CB - Responsibility Center].[Responsibility Center CB].[All]" dimensionUniqueName="[CB - Responsibility Center]" displayFolder="" count="0" unbalancedGroup="0"/>
    <cacheHierarchy uniqueName="[CB - Responsibility Center].[Responsibility Center CB - Description]" caption="Responsibility Center CB - Description" attribute="1" defaultMemberUniqueName="[CB - Responsibility Center].[Responsibility Center CB - Description].[All]" allUniqueName="[CB - Responsibility Center].[Responsibility Center CB - Description].[All]" dimensionUniqueName="[CB - Responsibility Center]" displayFolder="" count="0" unbalancedGroup="0"/>
    <cacheHierarchy uniqueName="[CB - Responsibility Center].[Responsibility Center CB Budget Only Indicator]" caption="Responsibility Center CB Budget Only Indicator" attribute="1" defaultMemberUniqueName="[CB - Responsibility Center].[Responsibility Center CB Budget Only Indicator].[All]" allUniqueName="[CB - Responsibility Center].[Responsibility Center CB Budget Only Indicator].[All]" dimensionUniqueName="[CB - Responsibility Center]" displayFolder="" count="0" unbalancedGroup="0"/>
    <cacheHierarchy uniqueName="[CB - Responsibility Center].[Responsibility Center CB Description Long]" caption="Responsibility Center CB Description Long" attribute="1" defaultMemberUniqueName="[CB - Responsibility Center].[Responsibility Center CB Description Long].[All]" allUniqueName="[CB - Responsibility Center].[Responsibility Center CB Description Long].[All]" dimensionUniqueName="[CB - Responsibility Center]" displayFolder="" count="0" unbalancedGroup="0"/>
    <cacheHierarchy uniqueName="[CB - Responsibility Center].[Responsibility Center CB Description Short]" caption="Responsibility Center CB Description Short" attribute="1" defaultMemberUniqueName="[CB - Responsibility Center].[Responsibility Center CB Description Short].[All]" allUniqueName="[CB - Responsibility Center].[Responsibility Center CB Description Short].[All]" dimensionUniqueName="[CB - Responsibility Center]" displayFolder="" count="0" unbalancedGroup="0"/>
    <cacheHierarchy uniqueName="[CB - Responsibility Center].[Responsibility Center CB Manager Name]" caption="Responsibility Center CB Manager Name" attribute="1" defaultMemberUniqueName="[CB - Responsibility Center].[Responsibility Center CB Manager Name].[All]" allUniqueName="[CB - Responsibility Center].[Responsibility Center CB Manager Name].[All]" dimensionUniqueName="[CB - Responsibility Center]" displayFolder="" count="0" unbalancedGroup="0"/>
    <cacheHierarchy uniqueName="[CB - Responsibility Center].[Responsibility Center CB Type Set ID]" caption="Responsibility Center CB Type Set ID" attribute="1" defaultMemberUniqueName="[CB - Responsibility Center].[Responsibility Center CB Type Set ID].[All]" allUniqueName="[CB - Responsibility Center].[Responsibility Center CB Type Set ID].[All]" dimensionUniqueName="[CB - Responsibility Center]" displayFolder="" count="0" unbalancedGroup="0"/>
    <cacheHierarchy uniqueName="[CB - Responsibility Center HIER].[Responsibility Center Effective Date]" caption="Responsibility Center Effective Date" attribute="1" defaultMemberUniqueName="[CB - Responsibility Center HIER].[Responsibility Center Effective Date].[All]" allUniqueName="[CB - Responsibility Center HIER].[Responsibility Center Effective Date].[All]" dimensionUniqueName="[CB - Responsibility Center HIER]" displayFolder="" count="2" unbalanced="0" unbalancedGroup="0">
      <fieldsUsage count="2">
        <fieldUsage x="-1"/>
        <fieldUsage x="67"/>
      </fieldsUsage>
    </cacheHierarchy>
    <cacheHierarchy uniqueName="[CB - Responsibility Center HIER].[Responsibility Center HIER]" caption="Responsibility Center HIER" attribute="1" keyAttribute="1" defaultMemberUniqueName="[CB - Responsibility Center HIER].[Responsibility Center HIER].[All]" allUniqueName="[CB - Responsibility Center HIER].[Responsibility Center HIER].[All]" dimensionUniqueName="[CB - Responsibility Center HIER]" displayFolder="" count="0" unbalancedGroup="0"/>
    <cacheHierarchy uniqueName="[CB - Responsibility Center HIER].[Responsibility Center HIER Description Long]" caption="Responsibility Center HIER Description Long" attribute="1" defaultMemberUniqueName="[CB - Responsibility Center HIER].[Responsibility Center HIER Description Long].[All]" allUniqueName="[CB - Responsibility Center HIER].[Responsibility Center HIER Description Long].[All]" dimensionUniqueName="[CB - Responsibility Center HIER]" displayFolder="" count="0" unbalancedGroup="0"/>
    <cacheHierarchy uniqueName="[CB - Responsibility Center HIER].[Responsibility Center HIER Description Short]" caption="Responsibility Center HIER Description Short" attribute="1" defaultMemberUniqueName="[CB - Responsibility Center HIER].[Responsibility Center HIER Description Short].[All]" allUniqueName="[CB - Responsibility Center HIER].[Responsibility Center HIER Description Short].[All]" dimensionUniqueName="[CB - Responsibility Center HIER]" displayFolder="" count="0" unbalancedGroup="0"/>
    <cacheHierarchy uniqueName="[CB - Responsibility Center HIER].[Responsibility Center HIER Type Set ID]" caption="Responsibility Center HIER Type Set ID" attribute="1" defaultMemberUniqueName="[CB - Responsibility Center HIER].[Responsibility Center HIER Type Set ID].[All]" allUniqueName="[CB - Responsibility Center HIER].[Responsibility Center HIER Type Set ID].[All]" dimensionUniqueName="[CB - Responsibility Center HIER]" displayFolder="" count="0" unbalancedGroup="0"/>
    <cacheHierarchy uniqueName="[CB - Responsibility Center HIER].[Responsibility Center Hierarchy]" caption="Responsibility Center Hierarchy" defaultMemberUniqueName="[CB - Responsibility Center HIER].[Responsibility Center Hierarchy].[All]" allUniqueName="[CB - Responsibility Center HIER].[Responsibility Center Hierarchy].[All]" dimensionUniqueName="[CB - Responsibility Center HIER]" displayFolder="" count="0" unbalancedGroup="0"/>
    <cacheHierarchy uniqueName="[CB - Responsibility Center HIER].[Responsibility Center Hierarchy Name]" caption="Responsibility Center Hierarchy Name" attribute="1" defaultMemberUniqueName="[CB - Responsibility Center HIER].[Responsibility Center Hierarchy Name].[All]" allUniqueName="[CB - Responsibility Center HIER].[Responsibility Center Hierarchy Name].[All]" dimensionUniqueName="[CB - Responsibility Center HIER]" displayFolder="" count="0" unbalancedGroup="0"/>
    <cacheHierarchy uniqueName="[CB - Responsibility Center HIER].[Responsibility Center Level 01 Description]" caption="Responsibility Center Level 01 Description" attribute="1" defaultMemberUniqueName="[CB - Responsibility Center HIER].[Responsibility Center Level 01 Description].[All]" allUniqueName="[CB - Responsibility Center HIER].[Responsibility Center Level 01 Description].[All]" dimensionUniqueName="[CB - Responsibility Center HIER]" displayFolder="" count="0" unbalancedGroup="0"/>
    <cacheHierarchy uniqueName="[CB - Responsibility Center HIER].[Responsibility Center Level 01 Name]" caption="Responsibility Center Level 01 Name" attribute="1" defaultMemberUniqueName="[CB - Responsibility Center HIER].[Responsibility Center Level 01 Name].[All]" allUniqueName="[CB - Responsibility Center HIER].[Responsibility Center Level 01 Name].[All]" dimensionUniqueName="[CB - Responsibility Center HIER]" displayFolder="" count="0" unbalancedGroup="0"/>
    <cacheHierarchy uniqueName="[CB - Responsibility Center HIER].[Responsibility Center Level 01 Name - Description]" caption="Responsibility Center Level 01 Name - Description" attribute="1" defaultMemberUniqueName="[CB - Responsibility Center HIER].[Responsibility Center Level 01 Name - Description].[All]" allUniqueName="[CB - Responsibility Center HIER].[Responsibility Center Level 01 Name - Description].[All]" dimensionUniqueName="[CB - Responsibility Center HIER]" displayFolder="" count="0" unbalancedGroup="0"/>
    <cacheHierarchy uniqueName="[CB - Responsibility Center HIER].[Responsibility Center Level 02 Description]" caption="Responsibility Center Level 02 Description" attribute="1" defaultMemberUniqueName="[CB - Responsibility Center HIER].[Responsibility Center Level 02 Description].[All]" allUniqueName="[CB - Responsibility Center HIER].[Responsibility Center Level 02 Description].[All]" dimensionUniqueName="[CB - Responsibility Center HIER]" displayFolder="" count="0" unbalancedGroup="0"/>
    <cacheHierarchy uniqueName="[CB - Responsibility Center HIER].[Responsibility Center Level 02 Name]" caption="Responsibility Center Level 02 Name" attribute="1" defaultMemberUniqueName="[CB - Responsibility Center HIER].[Responsibility Center Level 02 Name].[All]" allUniqueName="[CB - Responsibility Center HIER].[Responsibility Center Level 02 Name].[All]" dimensionUniqueName="[CB - Responsibility Center HIER]" displayFolder="" count="0" unbalancedGroup="0"/>
    <cacheHierarchy uniqueName="[CB - Responsibility Center HIER].[Responsibility Center Level 02 Name - Description]" caption="Responsibility Center Level 02 Name - Description" defaultMemberUniqueName="[CB - Responsibility Center HIER].[Responsibility Center Level 02 Name - Description].[All]" allUniqueName="[CB - Responsibility Center HIER].[Responsibility Center Level 02 Name - Description].[All]" dimensionUniqueName="[CB - Responsibility Center HIER]" displayFolder="" count="3" unbalanced="0" unbalancedGroup="0">
      <fieldsUsage count="3">
        <fieldUsage x="-1"/>
        <fieldUsage x="70"/>
        <fieldUsage x="68"/>
      </fieldsUsage>
      <groupLevels count="3">
        <groupLevel uniqueName="[CB - Responsibility Center HIER].[Responsibility Center Level 02 Name - Description].[(All)]" caption="(All)"/>
        <groupLevel uniqueName="[CB - Responsibility Center HIER].[Responsibility Center Level 02 Name - Description].[Responsibility Center Level 02 Name - Description1]" caption="Responsibility Center Level 02 Name - Description1" user="1"/>
        <groupLevel uniqueName="[CB - Responsibility Center HIER].[Responsibility Center Level 02 Name - Description].[Responsibility Center Level 02 Name - Description]" caption="Responsibility Center Level 02 Name - Description">
          <groups count="3">
            <group name="Responsibility_Center_Level_02_Name_-_DescriptionXl_Grp_1" uniqueName="[CB - Responsibility Center HIER].[Responsibility Center Level 02 Name - Description].[Responsibility Center Level 02 Name - Description1].[GROUPMEMBER.[Responsibility_Center_Level_02_Name_-_DescriptionXl_Grp_1]].[CB - Responsibility Center HIER]].[Responsibility Center Level 02 Name - Description]].[All]]]" caption="Group1" uniqueParent="[CB - Responsibility Center HIER].[Responsibility Center Level 02 Name - Description].[All]" id="1">
              <groupMembers count="6">
                <groupMember uniqueName="[CB - Responsibility Center HIER].[Responsibility Center Level 02 Name - Description].&amp;[2022-01-01T00:00:00]&amp;[RESP_CENTER_ALLOC]&amp;[ALL_RESP_FROMS - All Responsibility Center From]&amp;[100_DUKE_POWER_CONSO - Duke Energy Carolinas]"/>
                <groupMember uniqueName="[CB - Responsibility Center HIER].[Responsibility Center Level 02 Name - Description].&amp;[2022-01-01T00:00:00]&amp;[RESP_CENTER_ALLOC]&amp;[ALL_RESP_FROMS - All Responsibility Center From]&amp;[501_DECE - Duke En Commercial Enterprises]"/>
                <groupMember uniqueName="[CB - Responsibility Center HIER].[Responsibility Center Level 02 Name - Description].&amp;[2022-01-01T00:00:00]&amp;[RESP_CENTER_ALLOC]&amp;[ALL_RESP_FROMS - All Responsibility Center From]&amp;[529_DEI - Duke Energy Indiana]"/>
                <groupMember uniqueName="[CB - Responsibility Center HIER].[Responsibility Center Level 02 Name - Description].&amp;[2022-01-01T00:00:00]&amp;[RESP_CENTER_ALLOC]&amp;[ALL_RESP_FROMS - All Responsibility Center From]&amp;[801_DE_PROGRESS - Duke Energy Progress]"/>
                <groupMember uniqueName="[CB - Responsibility Center HIER].[Responsibility Center Level 02 Name - Description].&amp;[2022-01-01T00:00:00]&amp;[RESP_CENTER_ALLOC]&amp;[ALL_RESP_FROMS - All Responsibility Center From]&amp;[802_DE_FLORIDA - Duke Energy Florida]"/>
                <groupMember uniqueName="[CB - Responsibility Center HIER].[Responsibility Center Level 02 Name - Description].&amp;[2022-01-01T00:00:00]&amp;[RESP_CENTER_ALLOC]&amp;[ALL_RESP_FROMS - All Responsibility Center From]&amp;[PNY - Piedmont Natural Gas]"/>
              </groupMembers>
            </group>
            <group name="Responsibility_Center_Level_02_Name_-_DescriptionXl_Grp_2" uniqueName="[CB - Responsibility Center HIER].[Responsibility Center Level 02 Name - Description].[Responsibility Center Level 02 Name - Description1].[GROUPMEMBER.[Responsibility_Center_Level_02_Name_-_DescriptionXl_Grp_2]].[CB - Responsibility Center HIER]].[Responsibility Center Level 02 Name - Description]].[All]]]" caption="Group2" uniqueParent="[CB - Responsibility Center HIER].[Responsibility Center Level 02 Name - Description].[All]" id="2">
              <groupMembers count="1">
                <groupMember uniqueName="[CB - Responsibility Center HIER].[Responsibility Center Level 02 Name - Description].&amp;[2022-01-01T00:00:00]&amp;[RESP_CENTER_ALLOC]&amp;[ALL_RESP_FROMS - All Responsibility Center From]&amp;[503_DEO - Duke Energy Ohio]"/>
              </groupMembers>
            </group>
            <group name="Responsibility_Center_Level_02_Name_-_DescriptionXl_Grp_3" uniqueName="[CB - Responsibility Center HIER].[Responsibility Center Level 02 Name - Description].[Responsibility Center Level 02 Name - Description1].[GROUPMEMBER.[Responsibility_Center_Level_02_Name_-_DescriptionXl_Grp_3]].[CB - Responsibility Center HIER]].[Responsibility Center Level 02 Name - Description]].[All]]]" caption="Group3" uniqueParent="[CB - Responsibility Center HIER].[Responsibility Center Level 02 Name - Description].[All]" id="3">
              <groupMembers count="1">
                <groupMember uniqueName="[CB - Responsibility Center HIER].[Responsibility Center Level 02 Name - Description].&amp;[2022-01-01T00:00:00]&amp;[RESP_CENTER_ALLOC]&amp;[ALL_RESP_FROMS - All Responsibility Center From]&amp;[110_SERVICE_COMPANY - Duke Energy Business Services]"/>
              </groupMembers>
            </group>
          </groups>
        </groupLevel>
      </groupLevels>
    </cacheHierarchy>
    <cacheHierarchy uniqueName="[CB - Responsibility Center HIER].[Responsibility Center Level 03 Description]" caption="Responsibility Center Level 03 Description" attribute="1" defaultMemberUniqueName="[CB - Responsibility Center HIER].[Responsibility Center Level 03 Description].[All]" allUniqueName="[CB - Responsibility Center HIER].[Responsibility Center Level 03 Description].[All]" dimensionUniqueName="[CB - Responsibility Center HIER]" displayFolder="" count="0" unbalancedGroup="0"/>
    <cacheHierarchy uniqueName="[CB - Responsibility Center HIER].[Responsibility Center Level 03 Name]" caption="Responsibility Center Level 03 Name" attribute="1" defaultMemberUniqueName="[CB - Responsibility Center HIER].[Responsibility Center Level 03 Name].[All]" allUniqueName="[CB - Responsibility Center HIER].[Responsibility Center Level 03 Name].[All]" dimensionUniqueName="[CB - Responsibility Center HIER]" displayFolder="" count="0" unbalancedGroup="0"/>
    <cacheHierarchy uniqueName="[CB - Responsibility Center HIER].[Responsibility Center Level 03 Name - Description]" caption="Responsibility Center Level 03 Name - Description" attribute="1" defaultMemberUniqueName="[CB - Responsibility Center HIER].[Responsibility Center Level 03 Name - Description].[All]" allUniqueName="[CB - Responsibility Center HIER].[Responsibility Center Level 03 Name - Description].[All]" dimensionUniqueName="[CB - Responsibility Center HIER]" displayFolder="" count="0" unbalancedGroup="0"/>
    <cacheHierarchy uniqueName="[CB - Responsibility Center HIER].[Responsibility Center Level 04 Description]" caption="Responsibility Center Level 04 Description" attribute="1" defaultMemberUniqueName="[CB - Responsibility Center HIER].[Responsibility Center Level 04 Description].[All]" allUniqueName="[CB - Responsibility Center HIER].[Responsibility Center Level 04 Description].[All]" dimensionUniqueName="[CB - Responsibility Center HIER]" displayFolder="" count="0" unbalancedGroup="0"/>
    <cacheHierarchy uniqueName="[CB - Responsibility Center HIER].[Responsibility Center Level 04 Name]" caption="Responsibility Center Level 04 Name" attribute="1" defaultMemberUniqueName="[CB - Responsibility Center HIER].[Responsibility Center Level 04 Name].[All]" allUniqueName="[CB - Responsibility Center HIER].[Responsibility Center Level 04 Name].[All]" dimensionUniqueName="[CB - Responsibility Center HIER]" displayFolder="" count="0" unbalancedGroup="0"/>
    <cacheHierarchy uniqueName="[CB - Responsibility Center HIER].[Responsibility Center Level 04 Name - Description]" caption="Responsibility Center Level 04 Name - Description" attribute="1" defaultMemberUniqueName="[CB - Responsibility Center HIER].[Responsibility Center Level 04 Name - Description].[All]" allUniqueName="[CB - Responsibility Center HIER].[Responsibility Center Level 04 Name - Description].[All]" dimensionUniqueName="[CB - Responsibility Center HIER]" displayFolder="" count="0" unbalancedGroup="0"/>
    <cacheHierarchy uniqueName="[CB - Responsibility Center HIER].[Responsibility Center Level 05 Description]" caption="Responsibility Center Level 05 Description" attribute="1" defaultMemberUniqueName="[CB - Responsibility Center HIER].[Responsibility Center Level 05 Description].[All]" allUniqueName="[CB - Responsibility Center HIER].[Responsibility Center Level 05 Description].[All]" dimensionUniqueName="[CB - Responsibility Center HIER]" displayFolder="" count="0" unbalancedGroup="0"/>
    <cacheHierarchy uniqueName="[CB - Responsibility Center HIER].[Responsibility Center Level 05 Name]" caption="Responsibility Center Level 05 Name" attribute="1" defaultMemberUniqueName="[CB - Responsibility Center HIER].[Responsibility Center Level 05 Name].[All]" allUniqueName="[CB - Responsibility Center HIER].[Responsibility Center Level 05 Name].[All]" dimensionUniqueName="[CB - Responsibility Center HIER]" displayFolder="" count="0" unbalancedGroup="0"/>
    <cacheHierarchy uniqueName="[CB - Responsibility Center HIER].[Responsibility Center Level 05 Name - Description]" caption="Responsibility Center Level 05 Name - Description" attribute="1" defaultMemberUniqueName="[CB - Responsibility Center HIER].[Responsibility Center Level 05 Name - Description].[All]" allUniqueName="[CB - Responsibility Center HIER].[Responsibility Center Level 05 Name - Description].[All]" dimensionUniqueName="[CB - Responsibility Center HIER]" displayFolder="" count="0" unbalancedGroup="0"/>
    <cacheHierarchy uniqueName="[CB - Responsibility Center HIER].[Responsibility Center Level 06 Description]" caption="Responsibility Center Level 06 Description" attribute="1" defaultMemberUniqueName="[CB - Responsibility Center HIER].[Responsibility Center Level 06 Description].[All]" allUniqueName="[CB - Responsibility Center HIER].[Responsibility Center Level 06 Description].[All]" dimensionUniqueName="[CB - Responsibility Center HIER]" displayFolder="" count="0" unbalancedGroup="0"/>
    <cacheHierarchy uniqueName="[CB - Responsibility Center HIER].[Responsibility Center Level 06 Name]" caption="Responsibility Center Level 06 Name" attribute="1" defaultMemberUniqueName="[CB - Responsibility Center HIER].[Responsibility Center Level 06 Name].[All]" allUniqueName="[CB - Responsibility Center HIER].[Responsibility Center Level 06 Name].[All]" dimensionUniqueName="[CB - Responsibility Center HIER]" displayFolder="" count="0" unbalancedGroup="0"/>
    <cacheHierarchy uniqueName="[CB - Responsibility Center HIER].[Responsibility Center Level 06 Name - Description]" caption="Responsibility Center Level 06 Name - Description" attribute="1" defaultMemberUniqueName="[CB - Responsibility Center HIER].[Responsibility Center Level 06 Name - Description].[All]" allUniqueName="[CB - Responsibility Center HIER].[Responsibility Center Level 06 Name - Description].[All]" dimensionUniqueName="[CB - Responsibility Center HIER]" displayFolder="" count="0" unbalancedGroup="0"/>
    <cacheHierarchy uniqueName="[CB - Responsibility Center HIER].[Responsibility Center Level 07 Description]" caption="Responsibility Center Level 07 Description" attribute="1" defaultMemberUniqueName="[CB - Responsibility Center HIER].[Responsibility Center Level 07 Description].[All]" allUniqueName="[CB - Responsibility Center HIER].[Responsibility Center Level 07 Description].[All]" dimensionUniqueName="[CB - Responsibility Center HIER]" displayFolder="" count="0" unbalancedGroup="0"/>
    <cacheHierarchy uniqueName="[CB - Responsibility Center HIER].[Responsibility Center Level 07 Name]" caption="Responsibility Center Level 07 Name" attribute="1" defaultMemberUniqueName="[CB - Responsibility Center HIER].[Responsibility Center Level 07 Name].[All]" allUniqueName="[CB - Responsibility Center HIER].[Responsibility Center Level 07 Name].[All]" dimensionUniqueName="[CB - Responsibility Center HIER]" displayFolder="" count="0" unbalancedGroup="0"/>
    <cacheHierarchy uniqueName="[CB - Responsibility Center HIER].[Responsibility Center Level 07 Name - Description]" caption="Responsibility Center Level 07 Name - Description" attribute="1" defaultMemberUniqueName="[CB - Responsibility Center HIER].[Responsibility Center Level 07 Name - Description].[All]" allUniqueName="[CB - Responsibility Center HIER].[Responsibility Center Level 07 Name - Description].[All]" dimensionUniqueName="[CB - Responsibility Center HIER]" displayFolder="" count="0" unbalancedGroup="0"/>
    <cacheHierarchy uniqueName="[CB - Responsibility Center HIER].[Responsibility Center Level 08 Description]" caption="Responsibility Center Level 08 Description" attribute="1" defaultMemberUniqueName="[CB - Responsibility Center HIER].[Responsibility Center Level 08 Description].[All]" allUniqueName="[CB - Responsibility Center HIER].[Responsibility Center Level 08 Description].[All]" dimensionUniqueName="[CB - Responsibility Center HIER]" displayFolder="" count="0" unbalancedGroup="0"/>
    <cacheHierarchy uniqueName="[CB - Responsibility Center HIER].[Responsibility Center Level 08 Name]" caption="Responsibility Center Level 08 Name" attribute="1" defaultMemberUniqueName="[CB - Responsibility Center HIER].[Responsibility Center Level 08 Name].[All]" allUniqueName="[CB - Responsibility Center HIER].[Responsibility Center Level 08 Name].[All]" dimensionUniqueName="[CB - Responsibility Center HIER]" displayFolder="" count="0" unbalancedGroup="0"/>
    <cacheHierarchy uniqueName="[CB - Responsibility Center HIER].[Responsibility Center Level 08 Name - Description]" caption="Responsibility Center Level 08 Name - Description" attribute="1" defaultMemberUniqueName="[CB - Responsibility Center HIER].[Responsibility Center Level 08 Name - Description].[All]" allUniqueName="[CB - Responsibility Center HIER].[Responsibility Center Level 08 Name - Description].[All]" dimensionUniqueName="[CB - Responsibility Center HIER]" displayFolder="" count="0" unbalancedGroup="0"/>
    <cacheHierarchy uniqueName="[CB - Responsibility Center HIER].[Responsibility Center Level 09 Description]" caption="Responsibility Center Level 09 Description" attribute="1" defaultMemberUniqueName="[CB - Responsibility Center HIER].[Responsibility Center Level 09 Description].[All]" allUniqueName="[CB - Responsibility Center HIER].[Responsibility Center Level 09 Description].[All]" dimensionUniqueName="[CB - Responsibility Center HIER]" displayFolder="" count="0" unbalancedGroup="0"/>
    <cacheHierarchy uniqueName="[CB - Responsibility Center HIER].[Responsibility Center Level 09 Name]" caption="Responsibility Center Level 09 Name" attribute="1" defaultMemberUniqueName="[CB - Responsibility Center HIER].[Responsibility Center Level 09 Name].[All]" allUniqueName="[CB - Responsibility Center HIER].[Responsibility Center Level 09 Name].[All]" dimensionUniqueName="[CB - Responsibility Center HIER]" displayFolder="" count="0" unbalancedGroup="0"/>
    <cacheHierarchy uniqueName="[CB - Responsibility Center HIER].[Responsibility Center Level 09 Name - Description]" caption="Responsibility Center Level 09 Name - Description" attribute="1" defaultMemberUniqueName="[CB - Responsibility Center HIER].[Responsibility Center Level 09 Name - Description].[All]" allUniqueName="[CB - Responsibility Center HIER].[Responsibility Center Level 09 Name - Description].[All]" dimensionUniqueName="[CB - Responsibility Center HIER]" displayFolder="" count="0" unbalancedGroup="0"/>
    <cacheHierarchy uniqueName="[CB - Responsibility Center HIER].[Responsibility Center Level 10 Description]" caption="Responsibility Center Level 10 Description" attribute="1" defaultMemberUniqueName="[CB - Responsibility Center HIER].[Responsibility Center Level 10 Description].[All]" allUniqueName="[CB - Responsibility Center HIER].[Responsibility Center Level 10 Description].[All]" dimensionUniqueName="[CB - Responsibility Center HIER]" displayFolder="" count="0" unbalancedGroup="0"/>
    <cacheHierarchy uniqueName="[CB - Responsibility Center HIER].[Responsibility Center Level 10 Name]" caption="Responsibility Center Level 10 Name" attribute="1" defaultMemberUniqueName="[CB - Responsibility Center HIER].[Responsibility Center Level 10 Name].[All]" allUniqueName="[CB - Responsibility Center HIER].[Responsibility Center Level 10 Name].[All]" dimensionUniqueName="[CB - Responsibility Center HIER]" displayFolder="" count="0" unbalancedGroup="0"/>
    <cacheHierarchy uniqueName="[CB - Responsibility Center HIER].[Responsibility Center Level 10 Name - Description]" caption="Responsibility Center Level 10 Name - Description" attribute="1" defaultMemberUniqueName="[CB - Responsibility Center HIER].[Responsibility Center Level 10 Name - Description].[All]" allUniqueName="[CB - Responsibility Center HIER].[Responsibility Center Level 10 Name - Description].[All]" dimensionUniqueName="[CB - Responsibility Center HIER]" displayFolder="" count="0" unbalancedGroup="0"/>
    <cacheHierarchy uniqueName="[CB - Responsibility Center HIER].[Responsibility Center Level 11 Description]" caption="Responsibility Center Level 11 Description" attribute="1" defaultMemberUniqueName="[CB - Responsibility Center HIER].[Responsibility Center Level 11 Description].[All]" allUniqueName="[CB - Responsibility Center HIER].[Responsibility Center Level 11 Description].[All]" dimensionUniqueName="[CB - Responsibility Center HIER]" displayFolder="" count="0" unbalancedGroup="0"/>
    <cacheHierarchy uniqueName="[CB - Responsibility Center HIER].[Responsibility Center Level 11 Name]" caption="Responsibility Center Level 11 Name" attribute="1" defaultMemberUniqueName="[CB - Responsibility Center HIER].[Responsibility Center Level 11 Name].[All]" allUniqueName="[CB - Responsibility Center HIER].[Responsibility Center Level 11 Name].[All]" dimensionUniqueName="[CB - Responsibility Center HIER]" displayFolder="" count="0" unbalancedGroup="0"/>
    <cacheHierarchy uniqueName="[CB - Responsibility Center HIER].[Responsibility Center Level 11 Name - Description]" caption="Responsibility Center Level 11 Name - Description" attribute="1" defaultMemberUniqueName="[CB - Responsibility Center HIER].[Responsibility Center Level 11 Name - Description].[All]" allUniqueName="[CB - Responsibility Center HIER].[Responsibility Center Level 11 Name - Description].[All]" dimensionUniqueName="[CB - Responsibility Center HIER]" displayFolder="" count="0" unbalancedGroup="0"/>
    <cacheHierarchy uniqueName="[CB - Responsibility Center HIER].[Responsibility Center Level 12 Description]" caption="Responsibility Center Level 12 Description" attribute="1" defaultMemberUniqueName="[CB - Responsibility Center HIER].[Responsibility Center Level 12 Description].[All]" allUniqueName="[CB - Responsibility Center HIER].[Responsibility Center Level 12 Description].[All]" dimensionUniqueName="[CB - Responsibility Center HIER]" displayFolder="" count="0" unbalancedGroup="0"/>
    <cacheHierarchy uniqueName="[CB - Responsibility Center HIER].[Responsibility Center Level 12 Name]" caption="Responsibility Center Level 12 Name" attribute="1" defaultMemberUniqueName="[CB - Responsibility Center HIER].[Responsibility Center Level 12 Name].[All]" allUniqueName="[CB - Responsibility Center HIER].[Responsibility Center Level 12 Name].[All]" dimensionUniqueName="[CB - Responsibility Center HIER]" displayFolder="" count="0" unbalancedGroup="0"/>
    <cacheHierarchy uniqueName="[CB - Responsibility Center HIER].[Responsibility Center Level 12 Name - Description]" caption="Responsibility Center Level 12 Name - Description" attribute="1" defaultMemberUniqueName="[CB - Responsibility Center HIER].[Responsibility Center Level 12 Name - Description].[All]" allUniqueName="[CB - Responsibility Center HIER].[Responsibility Center Level 12 Name - Description].[All]" dimensionUniqueName="[CB - Responsibility Center HIER]" displayFolder="" count="0" unbalancedGroup="0"/>
    <cacheHierarchy uniqueName="[CB - Responsibility Center HIER].[Responsibility Center Parent Description]" caption="Responsibility Center Parent Description" defaultMemberUniqueName="[CB - Responsibility Center HIER].[Responsibility Center Parent Description].[All]" allUniqueName="[CB - Responsibility Center HIER].[Responsibility Center Parent Description].[All]" dimensionUniqueName="[CB - Responsibility Center HIER]" displayFolder="" count="0" unbalancedGroup="0">
      <groupLevels count="3">
        <groupLevel uniqueName="[CB - Responsibility Center HIER].[Responsibility Center Parent Description].[(All)]" caption="(All)"/>
        <groupLevel uniqueName="[CB - Responsibility Center HIER].[Responsibility Center Parent Description].[Responsibility Center Parent Description1]" caption="Responsibility Center Parent Description1" user="1"/>
        <groupLevel uniqueName="[CB - Responsibility Center HIER].[Responsibility Center Parent Description].[Responsibility Center Parent Description]" caption="Responsibility Center Parent Description">
          <groups count="2">
            <group name="Responsibility_Center_Parent_DescriptionXl_Grp_3" uniqueName="[CB - Responsibility Center HIER].[Responsibility Center Parent Description].[Responsibility Center Parent Description1].[GROUPMEMBER.[Responsibility_Center_Parent_DescriptionXl_Grp_3]].[CB - Responsibility Center HIER]].[Responsibility Center Parent Description]].[All]]]" caption="Group3" uniqueParent="[CB - Responsibility Center HIER].[Responsibility Center Parent Description].[All]" id="3">
              <groupMembers count="5">
                <groupMember uniqueName="[CB - Responsibility Center HIER].[Responsibility Center Parent Description].&amp;[DEO Gas]"/>
                <groupMember uniqueName="[CB - Responsibility Center HIER].[Responsibility Center Parent Description].&amp;[DEO Other]"/>
                <groupMember uniqueName="[CB - Responsibility Center HIER].[Responsibility Center Parent Description].&amp;[DEO Power Delivery]"/>
                <groupMember uniqueName="[CB - Responsibility Center HIER].[Responsibility Center Parent Description].&amp;[DEO_CUST_OPS]"/>
                <groupMember uniqueName="[CB - Responsibility Center HIER].[Responsibility Center Parent Description].&amp;[DEO_CUST_OTH]"/>
              </groupMembers>
            </group>
            <group name="Responsibility_Center_Parent_DescriptionXl_Grp_1" uniqueName="[CB - Responsibility Center HIER].[Responsibility Center Parent Description].[Responsibility Center Parent Description1].[GROUPMEMBER.[Responsibility_Center_Parent_DescriptionXl_Grp_1]].[CB - Responsibility Center HIER]].[Responsibility Center Parent Description]].[All]]]" caption="Group1" uniqueParent="[CB - Responsibility Center HIER].[Responsibility Center Parent Description].[All]" id="1">
              <groupMembers count="5">
                <groupMember uniqueName="[CB - Responsibility Center HIER].[Responsibility Center Parent Description].&amp;[DEK Fossil]"/>
                <groupMember uniqueName="[CB - Responsibility Center HIER].[Responsibility Center Parent Description].&amp;[DEK Power Delivery]"/>
                <groupMember uniqueName="[CB - Responsibility Center HIER].[Responsibility Center Parent Description].&amp;[DEK Customer Ops]"/>
                <groupMember uniqueName="[CB - Responsibility Center HIER].[Responsibility Center Parent Description].&amp;[DEK Gas]"/>
                <groupMember uniqueName="[CB - Responsibility Center HIER].[Responsibility Center Parent Description].&amp;[DEK Other]"/>
              </groupMembers>
            </group>
          </groups>
        </groupLevel>
      </groupLevels>
    </cacheHierarchy>
    <cacheHierarchy uniqueName="[CB - Responsibility Center HIER].[Responsibility Center Parent Name]" caption="Responsibility Center Parent Name" attribute="1" defaultMemberUniqueName="[CB - Responsibility Center HIER].[Responsibility Center Parent Name].[All]" allUniqueName="[CB - Responsibility Center HIER].[Responsibility Center Parent Name].[All]" dimensionUniqueName="[CB - Responsibility Center HIER]" displayFolder="" count="0" unbalancedGroup="0"/>
    <cacheHierarchy uniqueName="[GL Scenario].[GL Scenario]" caption="GL Scenario" attribute="1" keyAttribute="1" defaultMemberUniqueName="[GL Scenario].[GL Scenario].[All]" allUniqueName="[GL Scenario].[GL Scenario].[All]" dimensionUniqueName="[GL Scenario]" displayFolder="" count="2" unbalanced="0" unbalancedGroup="0">
      <fieldsUsage count="2">
        <fieldUsage x="-1"/>
        <fieldUsage x="8"/>
      </fieldsUsage>
    </cacheHierarchy>
    <cacheHierarchy uniqueName="[GL Scenario].[Is Current]" caption="Is Current" attribute="1" defaultMemberUniqueName="[GL Scenario].[Is Current].[All]" allUniqueName="[GL Scenario].[Is Current].[All]" dimensionUniqueName="[GL Scenario]" displayFolder="" count="0" unbalancedGroup="0"/>
    <cacheHierarchy uniqueName="[GL Scenario].[Is Future]" caption="Is Future" attribute="1" defaultMemberUniqueName="[GL Scenario].[Is Future].[All]" allUniqueName="[GL Scenario].[Is Future].[All]" dimensionUniqueName="[GL Scenario]" displayFolder="" count="0" unbalancedGroup="0"/>
    <cacheHierarchy uniqueName="[GL Scenario].[Is Previous]" caption="Is Previous" attribute="1" defaultMemberUniqueName="[GL Scenario].[Is Previous].[All]" allUniqueName="[GL Scenario].[Is Previous].[All]" dimensionUniqueName="[GL Scenario]" displayFolder="" count="0" unbalancedGroup="0"/>
    <cacheHierarchy uniqueName="[GL Statistics Code].[GL Statistics Code]" caption="GL Statistics Code" attribute="1" keyAttribute="1" defaultMemberUniqueName="[GL Statistics Code].[GL Statistics Code].[All]" allUniqueName="[GL Statistics Code].[GL Statistics Code].[All]" dimensionUniqueName="[GL Statistics Code]" displayFolder="" count="0" unbalancedGroup="0"/>
    <cacheHierarchy uniqueName="[GL Statistics Code].[GL Statistics Code Descr]" caption="GL Statistics Code Descr" attribute="1" defaultMemberUniqueName="[GL Statistics Code].[GL Statistics Code Descr].[All]" allUniqueName="[GL Statistics Code].[GL Statistics Code Descr].[All]" dimensionUniqueName="[GL Statistics Code]" displayFolder="" count="0" unbalancedGroup="0"/>
    <cacheHierarchy uniqueName="[GL Statistics Code].[GL Statistics Code Unit Of Measure]" caption="GL Statistics Code Unit Of Measure" attribute="1" defaultMemberUniqueName="[GL Statistics Code].[GL Statistics Code Unit Of Measure].[All]" allUniqueName="[GL Statistics Code].[GL Statistics Code Unit Of Measure].[All]" dimensionUniqueName="[GL Statistics Code]" displayFolder="" count="0" unbalancedGroup="0"/>
    <cacheHierarchy uniqueName="[Refresh Date Time].[Refresh Date Time]" caption="Refresh Date Time" attribute="1" keyAttribute="1" defaultMemberUniqueName="[Refresh Date Time].[Refresh Date Time].[All]" allUniqueName="[Refresh Date Time].[Refresh Date Time].[All]" dimensionUniqueName="[Refresh Date Time]" displayFolder="" count="0" unbalancedGroup="0"/>
    <cacheHierarchy uniqueName="[Source Activity].[Source Activity]" caption="Source Activity" attribute="1" keyAttribute="1" defaultMemberUniqueName="[Source Activity].[Source Activity].[All]" allUniqueName="[Source Activity].[Source Activity].[All]" dimensionUniqueName="[Source Activity]" displayFolder="" count="0" unbalancedGroup="0"/>
    <cacheHierarchy uniqueName="[Time].[Time Hierarchy Y-Q-M]" caption="Time Hierarchy Y-Q-M" time="1" defaultMemberUniqueName="[Time].[Time Hierarchy Y-Q-M].[All]" allUniqueName="[Time].[Time Hierarchy Y-Q-M].[All]" dimensionUniqueName="[Time]" displayFolder="" count="5" unbalanced="0" unbalancedGroup="0">
      <fieldsUsage count="5">
        <fieldUsage x="-1"/>
        <fieldUsage x="3"/>
        <fieldUsage x="4"/>
        <fieldUsage x="5"/>
        <fieldUsage x="13"/>
      </fieldsUsage>
    </cacheHierarchy>
    <cacheHierarchy uniqueName="[Business Rule].[MD5 DIM KEY]" caption="MD5 DIM KEY" attribute="1" keyAttribute="1" defaultMemberUniqueName="[Business Rule].[MD5 DIM KEY].[All]" allUniqueName="[Business Rule].[MD5 DIM KEY].[All]" dimensionUniqueName="[Business Rule]" displayFolder="" count="0" unbalancedGroup="0" hidden="1"/>
    <cacheHierarchy uniqueName="[BUSINESS RULE DIM].[MD5 BRIDGE KEY]" caption="MD5 BRIDGE KEY" attribute="1" keyAttribute="1" defaultMemberUniqueName="[BUSINESS RULE DIM].[MD5 BRIDGE KEY].[All]" allUniqueName="[BUSINESS RULE DIM].[MD5 BRIDGE KEY].[All]" dimensionUniqueName="[BUSINESS RULE DIM]" displayFolder="" count="0" unbalancedGroup="0" hidden="1"/>
    <cacheHierarchy uniqueName="[Business Unit Security Group].[Authorized User Security Class]" caption="Authorized User Security Class" attribute="1" defaultMemberUniqueName="[Business Unit Security Group].[Authorized User Security Class].[All]" allUniqueName="[Business Unit Security Group].[Authorized User Security Class].[All]" dimensionUniqueName="[Business Unit Security Group]" displayFolder="" count="0" unbalancedGroup="0" hidden="1"/>
    <cacheHierarchy uniqueName="[Business Unit Security Group].[Business Unit]" caption="Business Unit" attribute="1" defaultMemberUniqueName="[Business Unit Security Group].[Business Unit].[All]" allUniqueName="[Business Unit Security Group].[Business Unit].[All]" dimensionUniqueName="[Business Unit Security Group]" displayFolder="" count="0" unbalancedGroup="0" hidden="1"/>
    <cacheHierarchy uniqueName="[Business Unit Security Group].[Business Unit Group Key]" caption="Business Unit Group Key" attribute="1" keyAttribute="1" defaultMemberUniqueName="[Business Unit Security Group].[Business Unit Group Key].[All]" allUniqueName="[Business Unit Security Group].[Business Unit Group Key].[All]" dimensionUniqueName="[Business Unit Security Group]" displayFolder="" count="0" unbalancedGroup="0" hidden="1"/>
    <cacheHierarchy uniqueName="[CB - Process].[Process CB Origl ID]" caption="Process CB Origl ID" attribute="1" keyAttribute="1" defaultMemberUniqueName="[CB - Process].[Process CB Origl ID].[All]" allUniqueName="[CB - Process].[Process CB Origl ID].[All]" dimensionUniqueName="[CB - Process]" displayFolder="" count="0" unbalancedGroup="0" hidden="1"/>
    <cacheHierarchy uniqueName="[CB - Project].[Project CB Detail]" caption="Project CB Detail" attribute="1" keyAttribute="1" defaultMemberUniqueName="[CB - Project].[Project CB Detail].[All]" allUniqueName="[CB - Project].[Project CB Detail].[All]" dimensionUniqueName="[CB - Project]" displayFolder="" count="0" unbalancedGroup="0" hidden="1"/>
    <cacheHierarchy uniqueName="[CB - Responsibility Center HIER].[Responsibility Center Level 02 Name - Description Internal]" caption="Responsibility Center Level 02 Name - Description Internal" attribute="1" defaultMemberUniqueName="[CB - Responsibility Center HIER].[Responsibility Center Level 02 Name - Description Internal].[All]" allUniqueName="[CB - Responsibility Center HIER].[Responsibility Center Level 02 Name - Description Internal].[All]" dimensionUniqueName="[CB - Responsibility Center HIER]" displayFolder="" count="0" unbalancedGroup="0" hidden="1"/>
    <cacheHierarchy uniqueName="[CB - Responsibility Center HIER].[Responsibility Center Level 02 Name - Description1]" caption="Responsibility Center Level 02 Name - Description1" attribute="1" defaultMemberUniqueName="[CB - Responsibility Center HIER].[Responsibility Center Level 02 Name - Description1].[All]" allUniqueName="[CB - Responsibility Center HIER].[Responsibility Center Level 02 Name - Description1].[All]" dimensionUniqueName="[CB - Responsibility Center HIER]" displayFolder="" count="0" unbalancedGroup="0" hidden="1"/>
    <cacheHierarchy uniqueName="[CB - Responsibility Center HIER].[Responsibility Center Parent Description Internal]" caption="Responsibility Center Parent Description Internal" attribute="1" defaultMemberUniqueName="[CB - Responsibility Center HIER].[Responsibility Center Parent Description Internal].[All]" allUniqueName="[CB - Responsibility Center HIER].[Responsibility Center Parent Description Internal].[All]" dimensionUniqueName="[CB - Responsibility Center HIER]" displayFolder="" count="0" unbalancedGroup="0" hidden="1"/>
    <cacheHierarchy uniqueName="[CB - Responsibility Center HIER].[Responsibility Center Parent Description1]" caption="Responsibility Center Parent Description1" attribute="1" defaultMemberUniqueName="[CB - Responsibility Center HIER].[Responsibility Center Parent Description1].[All]" allUniqueName="[CB - Responsibility Center HIER].[Responsibility Center Parent Description1].[All]" dimensionUniqueName="[CB - Responsibility Center HIER]" displayFolder="" count="0" unbalancedGroup="0" hidden="1"/>
    <cacheHierarchy uniqueName="[Time].[Accounting Period]" caption="Accounting Period" attribute="1" time="1" defaultMemberUniqueName="[Time].[Accounting Period].[All]" allUniqueName="[Time].[Accounting Period].[All]" dimensionUniqueName="[Time]" displayFolder="" count="0" unbalancedGroup="0" hidden="1"/>
    <cacheHierarchy uniqueName="[Time].[Accounting Period Number]" caption="Accounting Period Number" attribute="1" time="1" defaultMemberUniqueName="[Time].[Accounting Period Number].[All]" allUniqueName="[Time].[Accounting Period Number].[All]" dimensionUniqueName="[Time]" displayFolder="" count="0" unbalancedGroup="0" hidden="1"/>
    <cacheHierarchy uniqueName="[Time].[Calendar Quarter]" caption="Calendar Quarter" attribute="1" time="1" defaultMemberUniqueName="[Time].[Calendar Quarter].[All]" allUniqueName="[Time].[Calendar Quarter].[All]" dimensionUniqueName="[Time]" displayFolder="" count="0" unbalancedGroup="0" hidden="1"/>
    <cacheHierarchy uniqueName="[Time].[Current Reporting Month]" caption="Current Reporting Month" attribute="1" time="1" keyAttribute="1" defaultMemberUniqueName="[Time].[Current Reporting Month].[All]" allUniqueName="[Time].[Current Reporting Month].[All]" dimensionUniqueName="[Time]" displayFolder="" count="0" memberValueDatatype="130" unbalancedGroup="0" hidden="1"/>
    <cacheHierarchy uniqueName="[Time].[Fiscal Year]" caption="Fiscal Year" attribute="1" time="1" defaultMemberUniqueName="[Time].[Fiscal Year].[All]" allUniqueName="[Time].[Fiscal Year].[All]" dimensionUniqueName="[Time]" displayFolder="" count="0" unbalancedGroup="0" hidden="1"/>
    <cacheHierarchy uniqueName="[Measures].[MTD Actual Amount]" caption="MTD Actual Amount" measure="1" displayFolder="" measureGroup="Ledger AvB" count="0" oneField="1">
      <fieldsUsage count="1">
        <fieldUsage x="71"/>
      </fieldsUsage>
    </cacheHierarchy>
    <cacheHierarchy uniqueName="[Measures].[MTD Budget Amount]" caption="MTD Budget Amount" measure="1" displayFolder="" measureGroup="Ledger AvB" count="0"/>
    <cacheHierarchy uniqueName="[Measures].[MTD Original Budget Amount]" caption="MTD Original Budget Amount" measure="1" displayFolder="" measureGroup="Ledger AvB" count="0"/>
    <cacheHierarchy uniqueName="[Measures].[MTD Working Revised Budget Amount]" caption="MTD Working Revised Budget Amount" measure="1" displayFolder="" measureGroup="Ledger AvB" count="0"/>
    <cacheHierarchy uniqueName="[Measures].[MTD Projection Amount]" caption="MTD Projection Amount" measure="1" displayFolder="" measureGroup="Ledger AvB" count="0"/>
    <cacheHierarchy uniqueName="[Measures].[Actual Statistics Amount]" caption="Actual Statistics Amount" measure="1" displayFolder="" measureGroup="Ledger AvB" count="0"/>
    <cacheHierarchy uniqueName="[Measures].[Budget Statistics Amount]" caption="Budget Statistics Amount" measure="1" displayFolder="" measureGroup="Ledger AvB" count="0"/>
    <cacheHierarchy uniqueName="[Measures].[MTD Info Budget Amount]" caption="MTD Info Budget Amount" measure="1" displayFolder="" measureGroup="Ledger AvB" count="0"/>
    <cacheHierarchy uniqueName="[Measures].[YTD Actual Amount]" caption="YTD Actual Amount" measure="1" displayFolder="" measureGroup="Ledger AvB" count="0"/>
    <cacheHierarchy uniqueName="[Measures].[QTD Actual Amount]" caption="QTD Actual Amount" measure="1" displayFolder="" measureGroup="Ledger AvB" count="0"/>
    <cacheHierarchy uniqueName="[Measures].[YTD Budget Amount]" caption="YTD Budget Amount" measure="1" displayFolder="" measureGroup="Ledger AvB" count="0"/>
    <cacheHierarchy uniqueName="[Measures].[YTD Info Budget Amount]" caption="YTD Info Budget Amount" measure="1" displayFolder="" measureGroup="Ledger AvB" count="0"/>
    <cacheHierarchy uniqueName="[Measures].[YTD Original Budget Amount]" caption="YTD Original Budget Amount" measure="1" displayFolder="" measureGroup="Ledger AvB" count="0"/>
    <cacheHierarchy uniqueName="[Measures].[YTD Projection Amount]" caption="YTD Projection Amount" measure="1" displayFolder="" measureGroup="Ledger AvB" count="0"/>
    <cacheHierarchy uniqueName="[Measures].[YTD Working Revised Budget Amount]" caption="YTD Working Revised Budget Amount" measure="1" displayFolder="" measureGroup="Ledger AvB" count="0"/>
    <cacheHierarchy uniqueName="[Measures].[QTD Budget Amount]" caption="QTD Budget Amount" measure="1" displayFolder="" measureGroup="Ledger AvB" count="0"/>
    <cacheHierarchy uniqueName="[Measures].[QTD Info Budget Amount]" caption="QTD Info Budget Amount" measure="1" displayFolder="" measureGroup="Ledger AvB" count="0"/>
    <cacheHierarchy uniqueName="[Measures].[QTD Original Budget Amount]" caption="QTD Original Budget Amount" measure="1" displayFolder="" measureGroup="Ledger AvB" count="0"/>
    <cacheHierarchy uniqueName="[Measures].[QTD Projection Amount]" caption="QTD Projection Amount" measure="1" displayFolder="" measureGroup="Ledger AvB" count="0"/>
    <cacheHierarchy uniqueName="[Measures].[QTD Working Revised Budget Amount]" caption="QTD Working Revised Budget Amount" measure="1" displayFolder="" measureGroup="Ledger AvB" count="0"/>
    <cacheHierarchy uniqueName="[Measures].[TTD Actual Amount]" caption="TTD Actual Amount" measure="1" displayFolder="" measureGroup="Ledger AvB" count="0"/>
    <cacheHierarchy uniqueName="[Measures].[TTD Budget Amount]" caption="TTD Budget Amount" measure="1" displayFolder="" measureGroup="Ledger AvB" count="0"/>
    <cacheHierarchy uniqueName="[Measures].[TTD Info Budget Amount]" caption="TTD Info Budget Amount" measure="1" displayFolder="" measureGroup="Ledger AvB" count="0"/>
    <cacheHierarchy uniqueName="[Measures].[Annual Budget Amount]" caption="Annual Budget Amount" measure="1" displayFolder="" measureGroup="Ledger AvB" count="0"/>
    <cacheHierarchy uniqueName="[Measures].[Annual Info Budget Amount]" caption="Annual Info Budget Amount" measure="1" displayFolder="" measureGroup="Ledger AvB" count="0"/>
    <cacheHierarchy uniqueName="[Measures].[Annual Projection Amount]" caption="Annual Projection Amount" measure="1" displayFolder="" measureGroup="Ledger AvB" count="0"/>
    <cacheHierarchy uniqueName="[Measures].[Annual AvP Variance]" caption="Annual AvP Variance" measure="1" displayFolder="" measureGroup="Ledger AvB" count="0"/>
    <cacheHierarchy uniqueName="[Measures].[Annual Original Budget Amount]" caption="Annual Original Budget Amount" measure="1" displayFolder="" measureGroup="Ledger AvB" count="0"/>
    <cacheHierarchy uniqueName="[Measures].[Annual Working Revised Budget Amount]" caption="Annual Working Revised Budget Amount" measure="1" displayFolder="" measureGroup="Ledger AvB" count="0"/>
    <cacheHierarchy uniqueName="[Measures].[MTD AvB Variance]" caption="MTD AvB Variance" measure="1" displayFolder="" measureGroup="Ledger AvB" count="0"/>
    <cacheHierarchy uniqueName="[Measures].[QTD AvB Variance]" caption="QTD AvB Variance" measure="1" displayFolder="" measureGroup="Ledger AvB" count="0"/>
    <cacheHierarchy uniqueName="[Measures].[YTD AvB Variance]" caption="YTD AvB Variance" measure="1" displayFolder="" measureGroup="Ledger AvB" count="0"/>
    <cacheHierarchy uniqueName="[Measures].[Prior Year MTD Actual Amount]" caption="Prior Year MTD Actual Amount" measure="1" displayFolder="" measureGroup="Ledger AvB" count="0"/>
    <cacheHierarchy uniqueName="[Measures].[MTD AvA Variance]" caption="MTD AvA Variance" measure="1" displayFolder="" measureGroup="Ledger AvB" count="0"/>
    <cacheHierarchy uniqueName="[Measures].[Prior Year QTD Actual Amount]" caption="Prior Year QTD Actual Amount" measure="1" displayFolder="" measureGroup="Ledger AvB" count="0"/>
    <cacheHierarchy uniqueName="[Measures].[QTD AvA Variance]" caption="QTD AvA Variance" measure="1" displayFolder="" measureGroup="Ledger AvB" count="0"/>
    <cacheHierarchy uniqueName="[Measures].[Prior Year YTD Actual Amount]" caption="Prior Year YTD Actual Amount" measure="1" displayFolder="" measureGroup="Ledger AvB" count="0"/>
    <cacheHierarchy uniqueName="[Measures].[Prior Year Actual Statistics Amount]" caption="Prior Year Actual Statistics Amount" measure="1" displayFolder="" measureGroup="Ledger AvB" count="0"/>
    <cacheHierarchy uniqueName="[Measures].[Actual Statistics Amount AvA Variance]" caption="Actual Statistics Amount AvA Variance" measure="1" displayFolder="" measureGroup="Ledger AvB" count="0"/>
    <cacheHierarchy uniqueName="[Measures].[YTD AvA Variance]" caption="YTD AvA Variance" measure="1" displayFolder="" measureGroup="Ledger AvB" count="0"/>
    <cacheHierarchy uniqueName="[Measures].[Prior Year TTD Actual Amount]" caption="Prior Year TTD Actual Amount" measure="1" displayFolder="" measureGroup="Ledger AvB" count="0"/>
    <cacheHierarchy uniqueName="[Measures].[TTD AvA Variance]" caption="TTD AvA Variance" measure="1" displayFolder="" measureGroup="Ledger AvB" count="0"/>
    <cacheHierarchy uniqueName="[Measures].[BUSINESS RULE BRIDGE Count]" caption="BUSINESS RULE BRIDGE Count" measure="1" displayFolder="" measureGroup="Business Rule Bridge" count="0" hidden="1"/>
    <cacheHierarchy uniqueName="[Measures].[BU Tree Bridge Count]" caption="BU Tree Bridge Count" measure="1" displayFolder="" measureGroup="BU Tree Bridge" count="0" hidden="1"/>
    <cacheHierarchy uniqueName="[Measures].[Acct Tree Bridge Count]" caption="Acct Tree Bridge Count" measure="1" displayFolder="" measureGroup="Acct Tree Bridge" count="0" hidden="1"/>
    <cacheHierarchy uniqueName="[Measures].[Oper Unit Tree Bridge Count]" caption="Oper Unit Tree Bridge Count" measure="1" displayFolder="" measureGroup="Oper Unit Tree Bridge" count="0" hidden="1"/>
    <cacheHierarchy uniqueName="[Measures].[Resp Center Tree Bridge Count]" caption="Resp Center Tree Bridge Count" measure="1" displayFolder="" measureGroup="Resp Center Tree Bridge" count="0" hidden="1"/>
    <cacheHierarchy uniqueName="[Measures].[Rsrc Type Tree Bridge Count]" caption="Rsrc Type Tree Bridge Count" measure="1" displayFolder="" measureGroup="Rsrc Type Tree Bridge" count="0" hidden="1"/>
    <cacheHierarchy uniqueName="[Measures].[Alloc Pool Tree Bridge Count]" caption="Alloc Pool Tree Bridge Count" measure="1" displayFolder="" measureGroup="Alloc Pool Tree Bridge" count="0" hidden="1"/>
    <cacheHierarchy uniqueName="[Measures].[Product Tree Bridge Count]" caption="Product Tree Bridge Count" measure="1" displayFolder="" measureGroup="Product Tree Bridge" count="0" hidden="1"/>
    <cacheHierarchy uniqueName="[Measures].[Location Tree Bridge Count]" caption="Location Tree Bridge Count" measure="1" displayFolder="" measureGroup="Location Tree Bridge" count="0" hidden="1"/>
    <cacheHierarchy uniqueName="[Measures].[PROCESS TREE BRIDGE Count]" caption="PROCESS TREE BRIDGE Count" measure="1" displayFolder="" measureGroup="Process Tree Bridge" count="0" hidden="1"/>
    <cacheHierarchy uniqueName="[Measures].[Standard Calendar Actual Amount]" caption="Standard Calendar Actual Amount" measure="1" displayFolder="" count="0" hidden="1"/>
    <cacheHierarchy uniqueName="[Measures].[Non Standard Calendar YTD]" caption="Non Standard Calendar YTD" measure="1" displayFolder="" count="0" hidden="1"/>
  </cacheHierarchies>
  <kpis count="0"/>
  <dimensions count="27">
    <dimension name="Business Rule" uniqueName="[Business Rule]" caption="Business Rule"/>
    <dimension name="CB - Account" uniqueName="[CB - Account]" caption="CB - Account"/>
    <dimension name="CB - Account HIER" uniqueName="[CB - Account HIER]" caption="CB - Account HIER"/>
    <dimension name="CB - Affiliate" uniqueName="[CB - Affiliate]" caption="CB - Affiliate"/>
    <dimension name="CB - Allocation Pool" uniqueName="[CB - Allocation Pool]" caption="CB - Allocation Pool"/>
    <dimension name="CB - Allocation Pool HIER" uniqueName="[CB - Allocation Pool HIER]" caption="CB - Allocation Pool HIER"/>
    <dimension name="CB - Business Unit" uniqueName="[CB - Business Unit]" caption="CB - Business Unit"/>
    <dimension name="CB - Business Unit HIER" uniqueName="[CB - Business Unit HIER]" caption="CB - Business Unit HIER"/>
    <dimension name="CB - Location" uniqueName="[CB - Location]" caption="CB - Location"/>
    <dimension name="CB - Location HIER" uniqueName="[CB - Location HIER]" caption="CB - Location HIER"/>
    <dimension name="CB - Operating Unit" uniqueName="[CB - Operating Unit]" caption="CB - Operating Unit"/>
    <dimension name="CB - Operating Unit HIER" uniqueName="[CB - Operating Unit HIER]" caption="CB - Operating Unit HIER"/>
    <dimension name="CB - Process" uniqueName="[CB - Process]" caption="CB - Process"/>
    <dimension name="CB - Process HIER" uniqueName="[CB - Process HIER]" caption="CB - Process HIER"/>
    <dimension name="CB - Product" uniqueName="[CB - Product]" caption="CB - Product"/>
    <dimension name="CB - Product HIER" uniqueName="[CB - Product HIER]" caption="CB - Product HIER"/>
    <dimension name="CB - Project" uniqueName="[CB - Project]" caption="CB - Project"/>
    <dimension name="CB - Resource Type" uniqueName="[CB - Resource Type]" caption="CB - Resource Type"/>
    <dimension name="CB - Resource Type HIER" uniqueName="[CB - Resource Type HIER]" caption="CB - Resource Type HIER"/>
    <dimension name="CB - Responsibility Center" uniqueName="[CB - Responsibility Center]" caption="CB - Responsibility Center"/>
    <dimension name="CB - Responsibility Center HIER" uniqueName="[CB - Responsibility Center HIER]" caption="CB - Responsibility Center HIER"/>
    <dimension name="GL Scenario" uniqueName="[GL Scenario]" caption="GL Scenario"/>
    <dimension name="GL Statistics Code" uniqueName="[GL Statistics Code]" caption="GL Statistics Code"/>
    <dimension measure="1" name="Measures" uniqueName="[Measures]" caption="Measures"/>
    <dimension name="Refresh Date Time" uniqueName="[Refresh Date Time]" caption="Refresh Date Time"/>
    <dimension name="Source Activity" uniqueName="[Source Activity]" caption="Source Activity"/>
    <dimension name="Time" uniqueName="[Time]" caption="Time"/>
  </dimensions>
  <measureGroups count="11">
    <measureGroup name="Acct Tree Bridge" caption="Acct Tree Bridge"/>
    <measureGroup name="Alloc Pool Tree Bridge" caption="Alloc Pool Tree Bridge"/>
    <measureGroup name="BU Tree Bridge" caption="BU Tree Bridge"/>
    <measureGroup name="Business Rule Bridge" caption="Business Rule Bridge"/>
    <measureGroup name="Ledger AvB" caption="Ledger AvB"/>
    <measureGroup name="Location Tree Bridge" caption="Location Tree Bridge"/>
    <measureGroup name="Oper Unit Tree Bridge" caption="Oper Unit Tree Bridge"/>
    <measureGroup name="Process Tree Bridge" caption="Process Tree Bridge"/>
    <measureGroup name="Product Tree Bridge" caption="Product Tree Bridge"/>
    <measureGroup name="Resp Center Tree Bridge" caption="Resp Center Tree Bridge"/>
    <measureGroup name="Rsrc Type Tree Bridge" caption="Rsrc Type Tree Bridge"/>
  </measureGroups>
  <maps count="44">
    <map measureGroup="0" dimension="1"/>
    <map measureGroup="0" dimension="2"/>
    <map measureGroup="1" dimension="4"/>
    <map measureGroup="1" dimension="5"/>
    <map measureGroup="2" dimension="6"/>
    <map measureGroup="2" dimension="7"/>
    <map measureGroup="3" dimension="0"/>
    <map measureGroup="4" dimension="0"/>
    <map measureGroup="4" dimension="1"/>
    <map measureGroup="4" dimension="2"/>
    <map measureGroup="4" dimension="3"/>
    <map measureGroup="4" dimension="4"/>
    <map measureGroup="4" dimension="5"/>
    <map measureGroup="4" dimension="6"/>
    <map measureGroup="4" dimension="7"/>
    <map measureGroup="4" dimension="8"/>
    <map measureGroup="4" dimension="9"/>
    <map measureGroup="4" dimension="10"/>
    <map measureGroup="4" dimension="11"/>
    <map measureGroup="4" dimension="12"/>
    <map measureGroup="4" dimension="13"/>
    <map measureGroup="4" dimension="14"/>
    <map measureGroup="4" dimension="15"/>
    <map measureGroup="4" dimension="16"/>
    <map measureGroup="4" dimension="17"/>
    <map measureGroup="4" dimension="18"/>
    <map measureGroup="4" dimension="19"/>
    <map measureGroup="4" dimension="20"/>
    <map measureGroup="4" dimension="21"/>
    <map measureGroup="4" dimension="22"/>
    <map measureGroup="4" dimension="25"/>
    <map measureGroup="4" dimension="26"/>
    <map measureGroup="5" dimension="8"/>
    <map measureGroup="5" dimension="9"/>
    <map measureGroup="6" dimension="10"/>
    <map measureGroup="6" dimension="11"/>
    <map measureGroup="7" dimension="12"/>
    <map measureGroup="7" dimension="13"/>
    <map measureGroup="8" dimension="14"/>
    <map measureGroup="8" dimension="15"/>
    <map measureGroup="9" dimension="19"/>
    <map measureGroup="9" dimension="20"/>
    <map measureGroup="10" dimension="17"/>
    <map measureGroup="10" dimension="18"/>
  </maps>
  <extLst>
    <ext xmlns:x14="http://schemas.microsoft.com/office/spreadsheetml/2009/9/main" uri="{725AE2AE-9491-48be-B2B4-4EB974FC3084}">
      <x14:pivotCacheDefinition supportSubqueryNonVisual="1" supportSubqueryCalcMem="1" supportAddCalcMems="1"/>
    </ext>
  </extLst>
</pivotCacheDefinition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3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81F03AF3-005C-4125-8A2C-96EF12138BA7}" name="PivotTable1" cacheId="2" applyNumberFormats="0" applyBorderFormats="0" applyFontFormats="0" applyPatternFormats="0" applyAlignmentFormats="0" applyWidthHeightFormats="1" dataCaption="Values" updatedVersion="7" minRefreshableVersion="3" useAutoFormatting="1" subtotalHiddenItems="1" itemPrintTitles="1" createdVersion="4" indent="0" compact="0" compactData="0" gridDropZones="1" multipleFieldFilters="0" fieldListSortAscending="1">
  <location ref="A20:P379" firstHeaderRow="1" firstDataRow="4" firstDataCol="2" rowPageCount="6" colPageCount="1"/>
  <pivotFields count="72">
    <pivotField axis="axisPage" compact="0" allDrilled="1" outline="0" showAll="0" dataSourceSort="1" defaultAttributeDrillState="1">
      <items count="1">
        <item t="default"/>
      </items>
    </pivotField>
    <pivotField axis="axisPage" compact="0" allDrilled="1" outline="0" showAll="0" dataSourceSort="1" defaultAttributeDrillState="1">
      <items count="2">
        <item s="1" x="0"/>
        <item t="default"/>
      </items>
    </pivotField>
    <pivotField axis="axisPage" compact="0" allDrilled="1" outline="0" showAll="0" dataSourceSort="1" defaultAttributeDrillState="1">
      <items count="3">
        <item s="1" x="0"/>
        <item s="1" x="1"/>
        <item t="default"/>
      </items>
    </pivotField>
    <pivotField axis="axisCol" compact="0" allDrilled="1" outline="0" showAll="0" dataSourceSort="1">
      <items count="3">
        <item c="1" x="0" d="1"/>
        <item x="1" d="1"/>
        <item t="default"/>
      </items>
    </pivotField>
    <pivotField axis="axisCol" compact="0" outline="0" showAll="0" dataSourceSort="1" defaultSubtotal="0">
      <items count="4">
        <item s="1" c="1" x="0"/>
        <item s="1" c="1" x="1"/>
        <item s="1" c="1" x="2"/>
        <item s="1" c="1" x="3"/>
      </items>
    </pivotField>
    <pivotField axis="axisCol" compact="0" allDrilled="1" outline="0" showAll="0" dataSourceSort="1">
      <items count="13">
        <item c="1" x="0"/>
        <item c="1" x="1"/>
        <item c="1" x="2"/>
        <item c="1" x="3"/>
        <item c="1" x="4"/>
        <item c="1" x="5"/>
        <item c="1" x="6"/>
        <item c="1" x="7"/>
        <item c="1" x="8"/>
        <item c="1" x="9"/>
        <item c="1" x="10"/>
        <item c="1" x="11"/>
        <item t="default"/>
      </items>
    </pivotField>
    <pivotField compact="0" outline="0" showAll="0" dataSourceSort="1" defaultSubtotal="0" showPropTip="1"/>
    <pivotField compact="0" outline="0" showAll="0" dataSourceSort="1" defaultSubtotal="0" showPropTip="1"/>
    <pivotField axis="axisPage" compact="0" allDrilled="1" outline="0" showAll="0" dataSourceSort="1" defaultAttributeDrillState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allDrilled="1" outline="0" showAll="0" sortType="ascending" defaultAttributeDrillState="1">
      <items count="1">
        <item t="default"/>
      </items>
    </pivotField>
    <pivotField axis="axisCol" compact="0" outline="0" showAll="0" hideNewItems="1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axis="axisPage" compact="0" allDrilled="1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axis="axisRow" compact="0" allDrilled="1" outline="0" showAll="0" dataSourceSort="1" defaultAttributeDrillState="1">
      <items count="160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  <item s="1" x="21"/>
        <item s="1" x="22"/>
        <item s="1" x="23"/>
        <item s="1" x="24"/>
        <item s="1" x="25"/>
        <item s="1" x="26"/>
        <item s="1" x="27"/>
        <item s="1" x="28"/>
        <item s="1" x="29"/>
        <item s="1" x="30"/>
        <item s="1" x="31"/>
        <item s="1" x="32"/>
        <item s="1" x="33"/>
        <item s="1" x="34"/>
        <item s="1" x="35"/>
        <item s="1" x="36"/>
        <item s="1" x="37"/>
        <item s="1" x="38"/>
        <item s="1" x="39"/>
        <item s="1" x="40"/>
        <item s="1" x="41"/>
        <item s="1" x="42"/>
        <item s="1" x="43"/>
        <item s="1" x="44"/>
        <item s="1" x="45"/>
        <item s="1" x="46"/>
        <item s="1" x="47"/>
        <item s="1" x="48"/>
        <item s="1" x="49"/>
        <item s="1" x="50"/>
        <item s="1" x="51"/>
        <item s="1" x="52"/>
        <item s="1" x="53"/>
        <item s="1" x="54"/>
        <item s="1" x="55"/>
        <item s="1" x="56"/>
        <item s="1" x="57"/>
        <item s="1" x="58"/>
        <item s="1" x="59"/>
        <item s="1" x="60"/>
        <item s="1" x="61"/>
        <item s="1" x="62"/>
        <item s="1" x="63"/>
        <item s="1" x="64"/>
        <item s="1" x="65"/>
        <item s="1" x="66"/>
        <item s="1" x="67"/>
        <item s="1" x="68"/>
        <item s="1" x="69"/>
        <item s="1" x="70"/>
        <item s="1" x="71"/>
        <item s="1" x="72"/>
        <item s="1" x="73"/>
        <item s="1" x="74"/>
        <item s="1" x="75"/>
        <item s="1" x="76"/>
        <item s="1" x="77"/>
        <item s="1" x="78"/>
        <item s="1" x="79"/>
        <item s="1" x="80"/>
        <item s="1" x="81"/>
        <item s="1" x="82"/>
        <item s="1" x="83"/>
        <item s="1" x="84"/>
        <item s="1" x="85"/>
        <item s="1" x="86"/>
        <item s="1" x="87"/>
        <item s="1" x="88"/>
        <item s="1" x="89"/>
        <item s="1" x="90"/>
        <item s="1" x="91"/>
        <item s="1" x="92"/>
        <item s="1" x="93"/>
        <item s="1" x="94"/>
        <item s="1" x="95"/>
        <item s="1" x="96"/>
        <item s="1" x="97"/>
        <item s="1" x="98"/>
        <item s="1" x="99"/>
        <item s="1" x="100"/>
        <item s="1" x="101"/>
        <item s="1" x="102"/>
        <item s="1" x="103"/>
        <item s="1" x="104"/>
        <item s="1" x="105"/>
        <item s="1" x="106"/>
        <item s="1" x="107"/>
        <item s="1" x="108"/>
        <item s="1" x="109"/>
        <item s="1" x="110"/>
        <item s="1" x="111"/>
        <item s="1" x="112"/>
        <item s="1" x="113"/>
        <item s="1" x="114"/>
        <item s="1" x="115"/>
        <item s="1" x="116"/>
        <item s="1" x="117"/>
        <item s="1" x="118"/>
        <item s="1" x="119"/>
        <item s="1" x="120"/>
        <item s="1" x="121"/>
        <item s="1" x="122"/>
        <item s="1" x="123"/>
        <item s="1" x="124"/>
        <item s="1" x="125"/>
        <item s="1" x="126"/>
        <item s="1" x="127"/>
        <item s="1" x="128"/>
        <item s="1" x="129"/>
        <item s="1" x="130"/>
        <item s="1" x="131"/>
        <item s="1" x="132"/>
        <item s="1" x="133"/>
        <item s="1" x="134"/>
        <item s="1" x="135"/>
        <item s="1" x="136"/>
        <item s="1" x="137"/>
        <item s="1" x="138"/>
        <item s="1" x="139"/>
        <item s="1" x="140"/>
        <item s="1" x="141"/>
        <item s="1" x="142"/>
        <item x="143"/>
        <item x="144"/>
        <item x="145"/>
        <item x="146"/>
        <item x="147"/>
        <item x="148"/>
        <item x="149"/>
        <item x="150"/>
        <item x="151"/>
        <item x="152"/>
        <item x="153"/>
        <item x="154"/>
        <item x="155"/>
        <item x="156"/>
        <item x="157"/>
        <item x="158"/>
        <item t="default"/>
      </items>
    </pivotField>
    <pivotField axis="axisPage" compact="0" allDrilled="1" outline="0" showAll="0" dataSourceSort="1" defaultAttributeDrillState="1">
      <items count="1">
        <item t="default"/>
      </items>
    </pivotField>
    <pivotField axis="axisRow" compact="0" outline="0" showAll="0" dataSourceSort="1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t="default"/>
      </items>
    </pivotField>
    <pivotField compact="0" outline="0" showAll="0" dataSourceSort="1" showPropTip="1"/>
    <pivotField axis="axisRow" compact="0" allDrilled="1" outline="0" showAll="0" hideNewItems="1">
      <items count="5">
        <item n="536_DEK - Duke Energy Kentucky" c="1" x="0"/>
        <item n="503_DEO - Duke Energy Ohio" c="1" x="2"/>
        <item n="110_SERVICE_COMPANY - Duke Energy Business Services" c="1" x="3"/>
        <item n="Other Affiliates" c="1" x="1"/>
        <item t="default"/>
      </items>
    </pivotField>
    <pivotField dataField="1" compact="0" outline="0" showAll="0"/>
  </pivotFields>
  <rowFields count="2">
    <field x="70"/>
    <field x="66"/>
  </rowFields>
  <rowItems count="356">
    <i>
      <x/>
      <x/>
    </i>
    <i r="1">
      <x v="2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2"/>
    </i>
    <i r="1">
      <x v="13"/>
    </i>
    <i r="1">
      <x v="14"/>
    </i>
    <i r="1">
      <x v="15"/>
    </i>
    <i r="1">
      <x v="16"/>
    </i>
    <i r="1">
      <x v="17"/>
    </i>
    <i r="1">
      <x v="18"/>
    </i>
    <i r="1">
      <x v="19"/>
    </i>
    <i r="1">
      <x v="20"/>
    </i>
    <i r="1">
      <x v="21"/>
    </i>
    <i r="1">
      <x v="22"/>
    </i>
    <i r="1">
      <x v="23"/>
    </i>
    <i r="1">
      <x v="25"/>
    </i>
    <i r="1">
      <x v="26"/>
    </i>
    <i r="1">
      <x v="27"/>
    </i>
    <i r="1">
      <x v="28"/>
    </i>
    <i r="1">
      <x v="29"/>
    </i>
    <i r="1">
      <x v="30"/>
    </i>
    <i r="1">
      <x v="31"/>
    </i>
    <i r="1">
      <x v="32"/>
    </i>
    <i r="1">
      <x v="33"/>
    </i>
    <i r="1">
      <x v="34"/>
    </i>
    <i r="1">
      <x v="35"/>
    </i>
    <i r="1">
      <x v="37"/>
    </i>
    <i r="1">
      <x v="38"/>
    </i>
    <i r="1">
      <x v="41"/>
    </i>
    <i r="1">
      <x v="42"/>
    </i>
    <i r="1">
      <x v="43"/>
    </i>
    <i r="1">
      <x v="44"/>
    </i>
    <i r="1">
      <x v="45"/>
    </i>
    <i r="1">
      <x v="46"/>
    </i>
    <i r="1">
      <x v="47"/>
    </i>
    <i r="1">
      <x v="48"/>
    </i>
    <i r="1">
      <x v="49"/>
    </i>
    <i r="1">
      <x v="50"/>
    </i>
    <i r="1">
      <x v="51"/>
    </i>
    <i r="1">
      <x v="53"/>
    </i>
    <i r="1">
      <x v="54"/>
    </i>
    <i r="1">
      <x v="55"/>
    </i>
    <i r="1">
      <x v="56"/>
    </i>
    <i r="1">
      <x v="58"/>
    </i>
    <i r="1">
      <x v="59"/>
    </i>
    <i r="1">
      <x v="60"/>
    </i>
    <i r="1">
      <x v="61"/>
    </i>
    <i r="1">
      <x v="62"/>
    </i>
    <i r="1">
      <x v="63"/>
    </i>
    <i r="1">
      <x v="64"/>
    </i>
    <i r="1">
      <x v="65"/>
    </i>
    <i r="1">
      <x v="66"/>
    </i>
    <i r="1">
      <x v="67"/>
    </i>
    <i r="1">
      <x v="68"/>
    </i>
    <i r="1">
      <x v="69"/>
    </i>
    <i r="1">
      <x v="70"/>
    </i>
    <i r="1">
      <x v="71"/>
    </i>
    <i r="1">
      <x v="72"/>
    </i>
    <i r="1">
      <x v="73"/>
    </i>
    <i r="1">
      <x v="74"/>
    </i>
    <i r="1">
      <x v="75"/>
    </i>
    <i r="1">
      <x v="76"/>
    </i>
    <i r="1">
      <x v="79"/>
    </i>
    <i r="1">
      <x v="80"/>
    </i>
    <i r="1">
      <x v="81"/>
    </i>
    <i r="1">
      <x v="82"/>
    </i>
    <i r="1">
      <x v="83"/>
    </i>
    <i r="1">
      <x v="84"/>
    </i>
    <i r="1">
      <x v="86"/>
    </i>
    <i r="1">
      <x v="87"/>
    </i>
    <i r="1">
      <x v="89"/>
    </i>
    <i r="1">
      <x v="91"/>
    </i>
    <i r="1">
      <x v="92"/>
    </i>
    <i r="1">
      <x v="93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4"/>
    </i>
    <i r="1">
      <x v="105"/>
    </i>
    <i r="1">
      <x v="106"/>
    </i>
    <i r="1">
      <x v="107"/>
    </i>
    <i r="1">
      <x v="108"/>
    </i>
    <i r="1">
      <x v="109"/>
    </i>
    <i r="1">
      <x v="110"/>
    </i>
    <i r="1">
      <x v="112"/>
    </i>
    <i r="1">
      <x v="115"/>
    </i>
    <i r="1">
      <x v="116"/>
    </i>
    <i r="1">
      <x v="119"/>
    </i>
    <i r="1">
      <x v="122"/>
    </i>
    <i r="1">
      <x v="125"/>
    </i>
    <i r="1">
      <x v="128"/>
    </i>
    <i r="1">
      <x v="130"/>
    </i>
    <i r="1">
      <x v="131"/>
    </i>
    <i r="1">
      <x v="133"/>
    </i>
    <i r="1">
      <x v="135"/>
    </i>
    <i r="1">
      <x v="137"/>
    </i>
    <i r="1">
      <x v="138"/>
    </i>
    <i r="1">
      <x v="141"/>
    </i>
    <i r="1">
      <x v="142"/>
    </i>
    <i t="default">
      <x/>
    </i>
    <i>
      <x v="1"/>
      <x v="14"/>
    </i>
    <i r="1">
      <x v="15"/>
    </i>
    <i r="1">
      <x v="16"/>
    </i>
    <i r="1">
      <x v="17"/>
    </i>
    <i r="1">
      <x v="31"/>
    </i>
    <i r="1">
      <x v="33"/>
    </i>
    <i r="1">
      <x v="37"/>
    </i>
    <i r="1">
      <x v="46"/>
    </i>
    <i r="1">
      <x v="47"/>
    </i>
    <i r="1">
      <x v="49"/>
    </i>
    <i r="1">
      <x v="51"/>
    </i>
    <i r="1">
      <x v="54"/>
    </i>
    <i r="1">
      <x v="55"/>
    </i>
    <i r="1">
      <x v="56"/>
    </i>
    <i r="1">
      <x v="60"/>
    </i>
    <i r="1">
      <x v="61"/>
    </i>
    <i r="1">
      <x v="64"/>
    </i>
    <i r="1">
      <x v="65"/>
    </i>
    <i r="1">
      <x v="66"/>
    </i>
    <i r="1">
      <x v="68"/>
    </i>
    <i r="1">
      <x v="69"/>
    </i>
    <i r="1">
      <x v="70"/>
    </i>
    <i r="1">
      <x v="71"/>
    </i>
    <i r="1">
      <x v="72"/>
    </i>
    <i r="1">
      <x v="73"/>
    </i>
    <i r="1">
      <x v="75"/>
    </i>
    <i r="1">
      <x v="76"/>
    </i>
    <i r="1">
      <x v="77"/>
    </i>
    <i r="1">
      <x v="78"/>
    </i>
    <i r="1">
      <x v="79"/>
    </i>
    <i r="1">
      <x v="80"/>
    </i>
    <i r="1">
      <x v="81"/>
    </i>
    <i r="1">
      <x v="82"/>
    </i>
    <i r="1">
      <x v="83"/>
    </i>
    <i r="1">
      <x v="84"/>
    </i>
    <i r="1">
      <x v="91"/>
    </i>
    <i r="1">
      <x v="93"/>
    </i>
    <i r="1">
      <x v="97"/>
    </i>
    <i r="1">
      <x v="100"/>
    </i>
    <i r="1">
      <x v="103"/>
    </i>
    <i r="1">
      <x v="109"/>
    </i>
    <i r="1">
      <x v="119"/>
    </i>
    <i r="1">
      <x v="122"/>
    </i>
    <i r="1">
      <x v="126"/>
    </i>
    <i r="1">
      <x v="130"/>
    </i>
    <i r="1">
      <x v="140"/>
    </i>
    <i t="default">
      <x v="1"/>
    </i>
    <i>
      <x v="2"/>
      <x/>
    </i>
    <i r="1">
      <x v="1"/>
    </i>
    <i r="1">
      <x v="2"/>
    </i>
    <i r="1">
      <x v="4"/>
    </i>
    <i r="1">
      <x v="7"/>
    </i>
    <i r="1">
      <x v="10"/>
    </i>
    <i r="1">
      <x v="12"/>
    </i>
    <i r="1">
      <x v="13"/>
    </i>
    <i r="1">
      <x v="14"/>
    </i>
    <i r="1">
      <x v="15"/>
    </i>
    <i r="1">
      <x v="16"/>
    </i>
    <i r="1">
      <x v="17"/>
    </i>
    <i r="1">
      <x v="20"/>
    </i>
    <i r="1">
      <x v="24"/>
    </i>
    <i r="1">
      <x v="25"/>
    </i>
    <i r="1">
      <x v="26"/>
    </i>
    <i r="1">
      <x v="27"/>
    </i>
    <i r="1">
      <x v="29"/>
    </i>
    <i r="1">
      <x v="30"/>
    </i>
    <i r="1">
      <x v="31"/>
    </i>
    <i r="1">
      <x v="33"/>
    </i>
    <i r="1">
      <x v="34"/>
    </i>
    <i r="1">
      <x v="36"/>
    </i>
    <i r="1">
      <x v="37"/>
    </i>
    <i r="1">
      <x v="39"/>
    </i>
    <i r="1">
      <x v="40"/>
    </i>
    <i r="1">
      <x v="41"/>
    </i>
    <i r="1">
      <x v="42"/>
    </i>
    <i r="1">
      <x v="43"/>
    </i>
    <i r="1">
      <x v="44"/>
    </i>
    <i r="1">
      <x v="45"/>
    </i>
    <i r="1">
      <x v="46"/>
    </i>
    <i r="1">
      <x v="47"/>
    </i>
    <i r="1">
      <x v="48"/>
    </i>
    <i r="1">
      <x v="49"/>
    </i>
    <i r="1">
      <x v="50"/>
    </i>
    <i r="1">
      <x v="51"/>
    </i>
    <i r="1">
      <x v="52"/>
    </i>
    <i r="1">
      <x v="53"/>
    </i>
    <i r="1">
      <x v="54"/>
    </i>
    <i r="1">
      <x v="55"/>
    </i>
    <i r="1">
      <x v="56"/>
    </i>
    <i r="1">
      <x v="57"/>
    </i>
    <i r="1">
      <x v="58"/>
    </i>
    <i r="1">
      <x v="59"/>
    </i>
    <i r="1">
      <x v="60"/>
    </i>
    <i r="1">
      <x v="61"/>
    </i>
    <i r="1">
      <x v="62"/>
    </i>
    <i r="1">
      <x v="63"/>
    </i>
    <i r="1">
      <x v="64"/>
    </i>
    <i r="1">
      <x v="65"/>
    </i>
    <i r="1">
      <x v="66"/>
    </i>
    <i r="1">
      <x v="68"/>
    </i>
    <i r="1">
      <x v="69"/>
    </i>
    <i r="1">
      <x v="70"/>
    </i>
    <i r="1">
      <x v="71"/>
    </i>
    <i r="1">
      <x v="72"/>
    </i>
    <i r="1">
      <x v="73"/>
    </i>
    <i r="1">
      <x v="74"/>
    </i>
    <i r="1">
      <x v="75"/>
    </i>
    <i r="1">
      <x v="76"/>
    </i>
    <i r="1">
      <x v="78"/>
    </i>
    <i r="1">
      <x v="79"/>
    </i>
    <i r="1">
      <x v="80"/>
    </i>
    <i r="1">
      <x v="81"/>
    </i>
    <i r="1">
      <x v="82"/>
    </i>
    <i r="1">
      <x v="83"/>
    </i>
    <i r="1">
      <x v="84"/>
    </i>
    <i r="1">
      <x v="85"/>
    </i>
    <i r="1">
      <x v="87"/>
    </i>
    <i r="1">
      <x v="89"/>
    </i>
    <i r="1">
      <x v="90"/>
    </i>
    <i r="1">
      <x v="91"/>
    </i>
    <i r="1">
      <x v="92"/>
    </i>
    <i r="1">
      <x v="93"/>
    </i>
    <i r="1">
      <x v="94"/>
    </i>
    <i r="1">
      <x v="95"/>
    </i>
    <i r="1">
      <x v="96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4"/>
    </i>
    <i r="1">
      <x v="105"/>
    </i>
    <i r="1">
      <x v="106"/>
    </i>
    <i r="1">
      <x v="107"/>
    </i>
    <i r="1">
      <x v="108"/>
    </i>
    <i r="1">
      <x v="109"/>
    </i>
    <i r="1">
      <x v="110"/>
    </i>
    <i r="1">
      <x v="111"/>
    </i>
    <i r="1">
      <x v="112"/>
    </i>
    <i r="1">
      <x v="113"/>
    </i>
    <i r="1">
      <x v="114"/>
    </i>
    <i r="1">
      <x v="115"/>
    </i>
    <i r="1">
      <x v="117"/>
    </i>
    <i r="1">
      <x v="118"/>
    </i>
    <i r="1">
      <x v="119"/>
    </i>
    <i r="1">
      <x v="120"/>
    </i>
    <i r="1">
      <x v="122"/>
    </i>
    <i r="1">
      <x v="123"/>
    </i>
    <i r="1">
      <x v="124"/>
    </i>
    <i r="1">
      <x v="125"/>
    </i>
    <i r="1">
      <x v="126"/>
    </i>
    <i r="1">
      <x v="127"/>
    </i>
    <i r="1">
      <x v="129"/>
    </i>
    <i r="1">
      <x v="130"/>
    </i>
    <i r="1">
      <x v="131"/>
    </i>
    <i r="1">
      <x v="132"/>
    </i>
    <i r="1">
      <x v="133"/>
    </i>
    <i r="1">
      <x v="134"/>
    </i>
    <i r="1">
      <x v="135"/>
    </i>
    <i r="1">
      <x v="136"/>
    </i>
    <i r="1">
      <x v="137"/>
    </i>
    <i r="1">
      <x v="138"/>
    </i>
    <i r="1">
      <x v="139"/>
    </i>
    <i r="1">
      <x v="141"/>
    </i>
    <i r="1">
      <x v="142"/>
    </i>
    <i t="default">
      <x v="2"/>
    </i>
    <i>
      <x v="3"/>
      <x/>
    </i>
    <i r="1">
      <x v="2"/>
    </i>
    <i r="1">
      <x v="3"/>
    </i>
    <i r="1">
      <x v="4"/>
    </i>
    <i r="1">
      <x v="7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16"/>
    </i>
    <i r="1">
      <x v="17"/>
    </i>
    <i r="1">
      <x v="18"/>
    </i>
    <i r="1">
      <x v="19"/>
    </i>
    <i r="1">
      <x v="20"/>
    </i>
    <i r="1">
      <x v="21"/>
    </i>
    <i r="1">
      <x v="22"/>
    </i>
    <i r="1">
      <x v="23"/>
    </i>
    <i r="1">
      <x v="26"/>
    </i>
    <i r="1">
      <x v="29"/>
    </i>
    <i r="1">
      <x v="30"/>
    </i>
    <i r="1">
      <x v="31"/>
    </i>
    <i r="1">
      <x v="33"/>
    </i>
    <i r="1">
      <x v="34"/>
    </i>
    <i r="1">
      <x v="37"/>
    </i>
    <i r="1">
      <x v="38"/>
    </i>
    <i r="1">
      <x v="41"/>
    </i>
    <i r="1">
      <x v="42"/>
    </i>
    <i r="1">
      <x v="43"/>
    </i>
    <i r="1">
      <x v="46"/>
    </i>
    <i r="1">
      <x v="49"/>
    </i>
    <i r="1">
      <x v="53"/>
    </i>
    <i r="1">
      <x v="55"/>
    </i>
    <i r="1">
      <x v="56"/>
    </i>
    <i r="1">
      <x v="60"/>
    </i>
    <i r="1">
      <x v="62"/>
    </i>
    <i r="1">
      <x v="65"/>
    </i>
    <i r="1">
      <x v="66"/>
    </i>
    <i r="1">
      <x v="70"/>
    </i>
    <i r="1">
      <x v="71"/>
    </i>
    <i r="1">
      <x v="72"/>
    </i>
    <i r="1">
      <x v="75"/>
    </i>
    <i r="1">
      <x v="76"/>
    </i>
    <i r="1">
      <x v="79"/>
    </i>
    <i r="1">
      <x v="80"/>
    </i>
    <i r="1">
      <x v="81"/>
    </i>
    <i r="1">
      <x v="82"/>
    </i>
    <i r="1">
      <x v="83"/>
    </i>
    <i r="1">
      <x v="84"/>
    </i>
    <i r="1">
      <x v="85"/>
    </i>
    <i r="1">
      <x v="88"/>
    </i>
    <i r="1">
      <x v="90"/>
    </i>
    <i r="1">
      <x v="91"/>
    </i>
    <i r="1">
      <x v="92"/>
    </i>
    <i r="1">
      <x v="93"/>
    </i>
    <i r="1">
      <x v="94"/>
    </i>
    <i r="1">
      <x v="95"/>
    </i>
    <i r="1">
      <x v="96"/>
    </i>
    <i r="1">
      <x v="97"/>
    </i>
    <i r="1">
      <x v="99"/>
    </i>
    <i r="1">
      <x v="100"/>
    </i>
    <i r="1">
      <x v="103"/>
    </i>
    <i r="1">
      <x v="104"/>
    </i>
    <i r="1">
      <x v="105"/>
    </i>
    <i r="1">
      <x v="109"/>
    </i>
    <i r="1">
      <x v="119"/>
    </i>
    <i r="1">
      <x v="121"/>
    </i>
    <i r="1">
      <x v="122"/>
    </i>
    <i r="1">
      <x v="129"/>
    </i>
    <i r="1">
      <x v="130"/>
    </i>
    <i r="1">
      <x v="133"/>
    </i>
    <i r="1">
      <x v="135"/>
    </i>
    <i r="1">
      <x v="137"/>
    </i>
    <i r="1">
      <x v="138"/>
    </i>
    <i t="default">
      <x v="3"/>
    </i>
    <i t="grand">
      <x/>
    </i>
  </rowItems>
  <colFields count="3">
    <field x="3"/>
    <field x="4"/>
    <field x="5"/>
  </colFields>
  <colItems count="14">
    <i>
      <x/>
      <x/>
      <x/>
    </i>
    <i r="2">
      <x v="1"/>
    </i>
    <i r="2">
      <x v="2"/>
    </i>
    <i r="1">
      <x v="1"/>
      <x v="3"/>
    </i>
    <i r="2">
      <x v="4"/>
    </i>
    <i r="2">
      <x v="5"/>
    </i>
    <i r="1">
      <x v="2"/>
      <x v="6"/>
    </i>
    <i r="2">
      <x v="7"/>
    </i>
    <i r="2">
      <x v="8"/>
    </i>
    <i r="1">
      <x v="3"/>
      <x v="9"/>
    </i>
    <i r="2">
      <x v="10"/>
    </i>
    <i r="2">
      <x v="11"/>
    </i>
    <i t="default">
      <x/>
    </i>
    <i t="grand">
      <x/>
    </i>
  </colItems>
  <pageFields count="6">
    <pageField fld="0" hier="1" name="[Business Rule].[_Rule Year].&amp;[2022]" cap="2022"/>
    <pageField fld="16" hier="319" name="[CB - Operating Unit HIER].[Operating Unit Hierarchy].[Operating Unit Effective Date].&amp;[2022-01-01T00:00:00]" cap="1/01/2022"/>
    <pageField fld="8" hier="570" name="[GL Scenario].[GL Scenario].&amp;[1]" cap="Actuals"/>
    <pageField fld="1" hier="48" name="[Business Rule].[ENT Jurisdiction].&amp;[Duke Energy Kentucky - Electric]" cap="Duke Energy Kentucky - Electric"/>
    <pageField fld="2" hier="43" name="[Business Rule].[ENT Accounting Class].[All]" cap="All"/>
    <pageField fld="67" hier="525" name="[CB - Responsibility Center HIER].[Responsibility Center Effective Date].&amp;[2022-01-01T00:00:00]" cap="1/01/2022"/>
  </pageFields>
  <dataFields count="1">
    <dataField fld="71" baseField="0" baseItem="0"/>
  </dataFields>
  <formats count="15">
    <format dxfId="22">
      <pivotArea outline="0" collapsedLevelsAreSubtotals="1" fieldPosition="0"/>
    </format>
    <format dxfId="21">
      <pivotArea field="1" type="button" dataOnly="0" labelOnly="1" outline="0" axis="axisPage" fieldPosition="3"/>
    </format>
    <format dxfId="20">
      <pivotArea dataOnly="0" outline="0" fieldPosition="0">
        <references count="1">
          <reference field="1" count="0" defaultSubtotal="1"/>
        </references>
      </pivotArea>
    </format>
    <format dxfId="19">
      <pivotArea dataOnly="0" labelOnly="1" outline="0" fieldPosition="0">
        <references count="2">
          <reference field="66" count="50">
            <x v="6"/>
            <x v="7"/>
            <x v="8"/>
            <x v="9"/>
            <x v="10"/>
            <x v="12"/>
            <x v="13"/>
            <x v="14"/>
            <x v="15"/>
            <x v="16"/>
            <x v="17"/>
            <x v="18"/>
            <x v="19"/>
            <x v="20"/>
            <x v="21"/>
            <x v="22"/>
            <x v="23"/>
            <x v="25"/>
            <x v="26"/>
            <x v="27"/>
            <x v="28"/>
            <x v="29"/>
            <x v="30"/>
            <x v="31"/>
            <x v="32"/>
            <x v="33"/>
            <x v="34"/>
            <x v="35"/>
            <x v="37"/>
            <x v="38"/>
            <x v="41"/>
            <x v="42"/>
            <x v="43"/>
            <x v="44"/>
            <x v="45"/>
            <x v="46"/>
            <x v="47"/>
            <x v="48"/>
            <x v="49"/>
            <x v="50"/>
            <x v="51"/>
            <x v="53"/>
            <x v="54"/>
            <x v="55"/>
            <x v="56"/>
            <x v="58"/>
            <x v="59"/>
            <x v="60"/>
            <x v="61"/>
            <x v="62"/>
          </reference>
          <reference field="70" count="1" selected="0">
            <x v="0"/>
          </reference>
        </references>
      </pivotArea>
    </format>
    <format dxfId="18">
      <pivotArea dataOnly="0" labelOnly="1" outline="0" fieldPosition="0">
        <references count="2">
          <reference field="66" count="50">
            <x v="63"/>
            <x v="64"/>
            <x v="65"/>
            <x v="66"/>
            <x v="67"/>
            <x v="68"/>
            <x v="69"/>
            <x v="70"/>
            <x v="71"/>
            <x v="72"/>
            <x v="73"/>
            <x v="74"/>
            <x v="75"/>
            <x v="76"/>
            <x v="79"/>
            <x v="80"/>
            <x v="81"/>
            <x v="82"/>
            <x v="83"/>
            <x v="84"/>
            <x v="86"/>
            <x v="87"/>
            <x v="89"/>
            <x v="91"/>
            <x v="92"/>
            <x v="93"/>
            <x v="97"/>
            <x v="98"/>
            <x v="99"/>
            <x v="100"/>
            <x v="101"/>
            <x v="102"/>
            <x v="103"/>
            <x v="104"/>
            <x v="105"/>
            <x v="106"/>
            <x v="107"/>
            <x v="108"/>
            <x v="109"/>
            <x v="110"/>
            <x v="112"/>
            <x v="115"/>
            <x v="116"/>
            <x v="119"/>
            <x v="122"/>
            <x v="125"/>
            <x v="128"/>
            <x v="130"/>
            <x v="131"/>
            <x v="133"/>
          </reference>
          <reference field="70" count="1" selected="0">
            <x v="0"/>
          </reference>
        </references>
      </pivotArea>
    </format>
    <format dxfId="17">
      <pivotArea dataOnly="0" labelOnly="1" outline="0" fieldPosition="0">
        <references count="2">
          <reference field="66" count="47">
            <x v="14"/>
            <x v="15"/>
            <x v="16"/>
            <x v="17"/>
            <x v="31"/>
            <x v="33"/>
            <x v="37"/>
            <x v="46"/>
            <x v="47"/>
            <x v="49"/>
            <x v="51"/>
            <x v="54"/>
            <x v="55"/>
            <x v="56"/>
            <x v="60"/>
            <x v="61"/>
            <x v="64"/>
            <x v="65"/>
            <x v="66"/>
            <x v="68"/>
            <x v="69"/>
            <x v="70"/>
            <x v="71"/>
            <x v="72"/>
            <x v="73"/>
            <x v="75"/>
            <x v="76"/>
            <x v="77"/>
            <x v="78"/>
            <x v="79"/>
            <x v="80"/>
            <x v="81"/>
            <x v="82"/>
            <x v="83"/>
            <x v="84"/>
            <x v="91"/>
            <x v="93"/>
            <x v="97"/>
            <x v="100"/>
            <x v="103"/>
            <x v="109"/>
            <x v="119"/>
            <x v="122"/>
            <x v="126"/>
            <x v="130"/>
            <x v="140"/>
            <x v="145"/>
          </reference>
          <reference field="70" count="1" selected="0">
            <x v="1"/>
          </reference>
        </references>
      </pivotArea>
    </format>
    <format dxfId="16">
      <pivotArea dataOnly="0" labelOnly="1" outline="0" fieldPosition="0">
        <references count="2">
          <reference field="66" count="50">
            <x v="0"/>
            <x v="1"/>
            <x v="2"/>
            <x v="4"/>
            <x v="7"/>
            <x v="10"/>
            <x v="12"/>
            <x v="13"/>
            <x v="14"/>
            <x v="15"/>
            <x v="16"/>
            <x v="17"/>
            <x v="20"/>
            <x v="24"/>
            <x v="25"/>
            <x v="26"/>
            <x v="27"/>
            <x v="29"/>
            <x v="30"/>
            <x v="31"/>
            <x v="33"/>
            <x v="34"/>
            <x v="36"/>
            <x v="37"/>
            <x v="39"/>
            <x v="40"/>
            <x v="41"/>
            <x v="42"/>
            <x v="43"/>
            <x v="44"/>
            <x v="45"/>
            <x v="46"/>
            <x v="47"/>
            <x v="48"/>
            <x v="49"/>
            <x v="50"/>
            <x v="51"/>
            <x v="52"/>
            <x v="53"/>
            <x v="54"/>
            <x v="145"/>
            <x v="146"/>
            <x v="147"/>
            <x v="148"/>
            <x v="150"/>
            <x v="151"/>
            <x v="152"/>
            <x v="153"/>
            <x v="154"/>
            <x v="158"/>
          </reference>
          <reference field="70" count="1" selected="0">
            <x v="2"/>
          </reference>
        </references>
      </pivotArea>
    </format>
    <format dxfId="15">
      <pivotArea dataOnly="0" labelOnly="1" outline="0" fieldPosition="0">
        <references count="2">
          <reference field="66" count="50">
            <x v="55"/>
            <x v="56"/>
            <x v="57"/>
            <x v="58"/>
            <x v="59"/>
            <x v="60"/>
            <x v="61"/>
            <x v="62"/>
            <x v="63"/>
            <x v="64"/>
            <x v="65"/>
            <x v="66"/>
            <x v="68"/>
            <x v="69"/>
            <x v="70"/>
            <x v="71"/>
            <x v="72"/>
            <x v="73"/>
            <x v="74"/>
            <x v="75"/>
            <x v="76"/>
            <x v="78"/>
            <x v="79"/>
            <x v="80"/>
            <x v="81"/>
            <x v="82"/>
            <x v="83"/>
            <x v="84"/>
            <x v="85"/>
            <x v="87"/>
            <x v="89"/>
            <x v="90"/>
            <x v="91"/>
            <x v="92"/>
            <x v="93"/>
            <x v="94"/>
            <x v="95"/>
            <x v="96"/>
            <x v="97"/>
            <x v="98"/>
            <x v="99"/>
            <x v="100"/>
            <x v="101"/>
            <x v="102"/>
            <x v="103"/>
            <x v="104"/>
            <x v="105"/>
            <x v="106"/>
            <x v="107"/>
            <x v="108"/>
          </reference>
          <reference field="70" count="1" selected="0">
            <x v="2"/>
          </reference>
        </references>
      </pivotArea>
    </format>
    <format dxfId="14">
      <pivotArea dataOnly="0" labelOnly="1" outline="0" fieldPosition="0">
        <references count="2">
          <reference field="66" count="30">
            <x v="109"/>
            <x v="110"/>
            <x v="111"/>
            <x v="112"/>
            <x v="113"/>
            <x v="114"/>
            <x v="115"/>
            <x v="117"/>
            <x v="118"/>
            <x v="119"/>
            <x v="120"/>
            <x v="122"/>
            <x v="123"/>
            <x v="124"/>
            <x v="125"/>
            <x v="126"/>
            <x v="127"/>
            <x v="129"/>
            <x v="130"/>
            <x v="131"/>
            <x v="132"/>
            <x v="133"/>
            <x v="134"/>
            <x v="135"/>
            <x v="136"/>
            <x v="137"/>
            <x v="138"/>
            <x v="139"/>
            <x v="141"/>
            <x v="142"/>
          </reference>
          <reference field="70" count="1" selected="0">
            <x v="2"/>
          </reference>
        </references>
      </pivotArea>
    </format>
    <format dxfId="13">
      <pivotArea dataOnly="0" labelOnly="1" outline="0" fieldPosition="0">
        <references count="2">
          <reference field="66" count="50">
            <x v="0"/>
            <x v="2"/>
            <x v="3"/>
            <x v="4"/>
            <x v="7"/>
            <x v="9"/>
            <x v="10"/>
            <x v="11"/>
            <x v="12"/>
            <x v="13"/>
            <x v="14"/>
            <x v="15"/>
            <x v="16"/>
            <x v="17"/>
            <x v="18"/>
            <x v="19"/>
            <x v="20"/>
            <x v="21"/>
            <x v="22"/>
            <x v="23"/>
            <x v="26"/>
            <x v="29"/>
            <x v="30"/>
            <x v="31"/>
            <x v="33"/>
            <x v="34"/>
            <x v="37"/>
            <x v="38"/>
            <x v="41"/>
            <x v="42"/>
            <x v="43"/>
            <x v="46"/>
            <x v="49"/>
            <x v="53"/>
            <x v="55"/>
            <x v="56"/>
            <x v="60"/>
            <x v="62"/>
            <x v="65"/>
            <x v="66"/>
            <x v="70"/>
            <x v="71"/>
            <x v="72"/>
            <x v="75"/>
            <x v="76"/>
            <x v="79"/>
            <x v="80"/>
            <x v="81"/>
            <x v="147"/>
            <x v="148"/>
          </reference>
          <reference field="70" count="1" selected="0">
            <x v="3"/>
          </reference>
        </references>
      </pivotArea>
    </format>
    <format dxfId="12">
      <pivotArea dataOnly="0" labelOnly="1" outline="0" fieldPosition="0">
        <references count="2">
          <reference field="66" count="28">
            <x v="82"/>
            <x v="83"/>
            <x v="84"/>
            <x v="85"/>
            <x v="88"/>
            <x v="90"/>
            <x v="91"/>
            <x v="92"/>
            <x v="93"/>
            <x v="94"/>
            <x v="95"/>
            <x v="96"/>
            <x v="97"/>
            <x v="99"/>
            <x v="100"/>
            <x v="103"/>
            <x v="104"/>
            <x v="105"/>
            <x v="109"/>
            <x v="119"/>
            <x v="121"/>
            <x v="122"/>
            <x v="129"/>
            <x v="130"/>
            <x v="133"/>
            <x v="135"/>
            <x v="137"/>
            <x v="138"/>
          </reference>
          <reference field="70" count="1" selected="0">
            <x v="3"/>
          </reference>
        </references>
      </pivotArea>
    </format>
    <format dxfId="11">
      <pivotArea dataOnly="0" labelOnly="1" outline="0" fieldPosition="0">
        <references count="1">
          <reference field="66" count="50">
            <x v="0"/>
            <x v="1"/>
            <x v="2"/>
            <x v="3"/>
            <x v="4"/>
            <x v="5"/>
            <x v="6"/>
            <x v="7"/>
            <x v="8"/>
            <x v="9"/>
            <x v="10"/>
            <x v="11"/>
            <x v="12"/>
            <x v="13"/>
            <x v="14"/>
            <x v="15"/>
            <x v="16"/>
            <x v="17"/>
            <x v="18"/>
            <x v="19"/>
            <x v="20"/>
            <x v="21"/>
            <x v="22"/>
            <x v="23"/>
            <x v="24"/>
            <x v="25"/>
            <x v="26"/>
            <x v="27"/>
            <x v="28"/>
            <x v="29"/>
            <x v="30"/>
            <x v="31"/>
            <x v="32"/>
            <x v="33"/>
            <x v="143"/>
            <x v="144"/>
            <x v="145"/>
            <x v="146"/>
            <x v="147"/>
            <x v="148"/>
            <x v="149"/>
            <x v="150"/>
            <x v="151"/>
            <x v="152"/>
            <x v="153"/>
            <x v="154"/>
            <x v="155"/>
            <x v="156"/>
            <x v="157"/>
            <x v="158"/>
          </reference>
        </references>
      </pivotArea>
    </format>
    <format dxfId="10">
      <pivotArea dataOnly="0" labelOnly="1" outline="0" fieldPosition="0">
        <references count="1">
          <reference field="66" count="50">
            <x v="34"/>
            <x v="35"/>
            <x v="36"/>
            <x v="37"/>
            <x v="38"/>
            <x v="39"/>
            <x v="40"/>
            <x v="41"/>
            <x v="42"/>
            <x v="43"/>
            <x v="44"/>
            <x v="45"/>
            <x v="46"/>
            <x v="47"/>
            <x v="48"/>
            <x v="49"/>
            <x v="50"/>
            <x v="51"/>
            <x v="52"/>
            <x v="53"/>
            <x v="54"/>
            <x v="55"/>
            <x v="56"/>
            <x v="57"/>
            <x v="58"/>
            <x v="59"/>
            <x v="60"/>
            <x v="61"/>
            <x v="62"/>
            <x v="63"/>
            <x v="64"/>
            <x v="65"/>
            <x v="66"/>
            <x v="67"/>
            <x v="68"/>
            <x v="69"/>
            <x v="70"/>
            <x v="71"/>
            <x v="72"/>
            <x v="73"/>
            <x v="74"/>
            <x v="75"/>
            <x v="76"/>
            <x v="77"/>
            <x v="78"/>
            <x v="79"/>
            <x v="80"/>
            <x v="81"/>
            <x v="82"/>
            <x v="83"/>
          </reference>
        </references>
      </pivotArea>
    </format>
    <format dxfId="9">
      <pivotArea dataOnly="0" labelOnly="1" outline="0" fieldPosition="0">
        <references count="1">
          <reference field="66" count="50">
            <x v="84"/>
            <x v="85"/>
            <x v="86"/>
            <x v="87"/>
            <x v="88"/>
            <x v="89"/>
            <x v="90"/>
            <x v="91"/>
            <x v="92"/>
            <x v="93"/>
            <x v="94"/>
            <x v="95"/>
            <x v="96"/>
            <x v="97"/>
            <x v="98"/>
            <x v="99"/>
            <x v="100"/>
            <x v="101"/>
            <x v="102"/>
            <x v="103"/>
            <x v="104"/>
            <x v="105"/>
            <x v="106"/>
            <x v="107"/>
            <x v="108"/>
            <x v="109"/>
            <x v="110"/>
            <x v="111"/>
            <x v="112"/>
            <x v="113"/>
            <x v="114"/>
            <x v="115"/>
            <x v="116"/>
            <x v="117"/>
            <x v="118"/>
            <x v="119"/>
            <x v="120"/>
            <x v="121"/>
            <x v="122"/>
            <x v="123"/>
            <x v="124"/>
            <x v="125"/>
            <x v="126"/>
            <x v="127"/>
            <x v="128"/>
            <x v="129"/>
            <x v="130"/>
            <x v="131"/>
            <x v="132"/>
            <x v="133"/>
          </reference>
        </references>
      </pivotArea>
    </format>
    <format dxfId="8">
      <pivotArea dataOnly="0" labelOnly="1" outline="0" fieldPosition="0">
        <references count="1">
          <reference field="66" count="9">
            <x v="134"/>
            <x v="135"/>
            <x v="136"/>
            <x v="137"/>
            <x v="138"/>
            <x v="139"/>
            <x v="140"/>
            <x v="141"/>
            <x v="142"/>
          </reference>
        </references>
      </pivotArea>
    </format>
  </formats>
  <pivotHierarchies count="650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 multipleItemSelectionAllowed="1"/>
    <pivotHierarchy/>
    <pivotHierarchy/>
    <pivotHierarchy/>
    <pivotHierarchy multipleItemSelectionAllowed="1">
      <members count="2" level="1">
        <member name=""/>
        <member name="[Business Rule].[ENT Jurisdiction].&amp;[Duke Energy Kentucky - Electric - Special Governance]"/>
      </members>
    </pivotHierarchy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2854" level="1">
        <member name="[CB - Account].[Account CB - Description].&amp;[  - NO VALUE]"/>
        <member name="[CB - Account].[Account CB - Description].&amp;[~ - Missing]"/>
        <member name="[CB - Account].[Account CB - Description].&amp;[0001000 - Sales - TNM Nat Gas W/DETM]"/>
        <member name="[CB - Account].[Account CB - Description].&amp;[0001001 - Investment in Alliance]"/>
        <member name="[CB - Account].[Account CB - Description].&amp;[0001002 - Investments]"/>
        <member name="[CB - Account].[Account CB - Description].&amp;[0001003 - Cash - Bank Boston Operations]"/>
        <member name="[CB - Account].[Account CB - Description].&amp;[0001004 - Cash - Sec. 125]"/>
        <member name="[CB - Account].[Account CB - Description].&amp;[0001005 - Cash BankofAmerica - Commodity]"/>
        <member name="[CB - Account].[Account CB - Description].&amp;[0001006 - Project Construction - AES]"/>
        <member name="[CB - Account].[Account CB - Description].&amp;[0001007 - Accum Amort - Org Costs]"/>
        <member name="[CB - Account].[Account CB - Description].&amp;[0001008 - Accrued 401K]"/>
        <member name="[CB - Account].[Account CB - Description].&amp;[0001009 - Accrued Benefits - Duke]"/>
        <member name="[CB - Account].[Account CB - Description].&amp;[0001010 - NP - Duke Capital Short Term]"/>
        <member name="[CB - Account].[Account CB - Description].&amp;[0001011 - AP Trade]"/>
        <member name="[CB - Account].[Account CB - Description].&amp;[0001012 - State Income Payable]"/>
        <member name="[CB - Account].[Account CB - Description].&amp;[0001013 - Deferred Liability-Noncompete]"/>
        <member name="[CB - Account].[Account CB - Description].&amp;[0001014 - Accrued Sales Tax]"/>
        <member name="[CB - Account].[Account CB - Description].&amp;[0001015 - Reserves Short Term]"/>
        <member name="[CB - Account].[Account CB - Description].&amp;[0001016 - Foreign Income Tax Expense]"/>
        <member name="[CB - Account].[Account CB - Description].&amp;[0001017 - Construction NYPA Revenue]"/>
        <member name="[CB - Account].[Account CB - Description].&amp;[0001018 - Construction Revenue]"/>
        <member name="[CB - Account].[Account CB - Description].&amp;[0001019 - Electric Revenue]"/>
        <member name="[CB - Account].[Account CB - Description].&amp;[0001020 - Gas Revenue]"/>
        <member name="[CB - Account].[Account CB - Description].&amp;[0001021 - Other Revenue]"/>
        <member name="[CB - Account].[Account CB - Description].&amp;[0001022 - Consulting Revenue]"/>
        <member name="[CB - Account].[Account CB - Description].&amp;[0001023 - Direct Insurance]"/>
        <member name="[CB - Account].[Account CB - Description].&amp;[0001024 - Mobile Phone-Direct]"/>
        <member name="[CB - Account].[Account CB - Description].&amp;[0001025 - Risk Reserve]"/>
        <member name="[CB - Account].[Account CB - Description].&amp;[0001026 - Payroll Variance-Direct]"/>
        <member name="[CB - Account].[Account CB - Description].&amp;[0001027 - Recruiting-Advertising]"/>
        <member name="[CB - Account].[Account CB - Description].&amp;[0001028 - Amort - Retail]"/>
        <member name="[CB - Account].[Account CB - Description].&amp;[0001029 - Bad Debt Expense]"/>
        <member name="[CB - Account].[Account CB - Description].&amp;[0001030 - Contributions]"/>
        <member name="[CB - Account].[Account CB - Description].&amp;[0001031 - Professional Fees, Mktg/Adv]"/>
        <member name="[CB - Account].[Account CB - Description].&amp;[0001032 - Placement Fees]"/>
        <member name="[CB - Account].[Account CB - Description].&amp;[0001033 - Indirect Allocated Salaries]"/>
        <member name="[CB - Account].[Account CB - Description].&amp;[0001034 - Franchise Taxes]"/>
        <member name="[CB - Account].[Account CB - Description].&amp;[0001035 - Workman's Comp. Insurance]"/>
        <member name="[CB - Account].[Account CB - Description].&amp;[0001036 - Office Overhead]"/>
        <member name="[CB - Account].[Account CB - Description].&amp;[0001037 - Interest Expense - Amort-Acq]"/>
        <member name="[CB - Account].[Account CB - Description].&amp;[0001038 - Gas Purchases w/DETM]"/>
        <member name="[CB - Account].[Account CB - Description].&amp;[0001039 - Deferred Liablity-Severence]"/>
        <member name="[CB - Account].[Account CB - Description].&amp;[0001040 - Interco Revenue with DETM]"/>
        <member name="[CB - Account].[Account CB - Description].&amp;[0001041 - Interco Purchase with DETM]"/>
        <member name="[CB - Account].[Account CB - Description].&amp;[0001042 - Dues and Subscriptions]"/>
        <member name="[CB - Account].[Account CB - Description].&amp;[0001043 - Corp Allocation-Duke]"/>
        <member name="[CB - Account].[Account CB - Description].&amp;[0001044 - CORP ALLOCATION-IM]"/>
        <member name="[CB - Account].[Account CB - Description].&amp;[0001045 - CORP ALLOCATION-DSI]"/>
        <member name="[CB - Account].[Account CB - Description].&amp;[0001046 - Inventory Reserve]"/>
        <member name="[CB - Account].[Account CB - Description].&amp;[0001047 - Automobile Maintenance]"/>
        <member name="[CB - Account].[Account CB - Description].&amp;[0101001 - Gps-Transmission Plant]"/>
        <member name="[CB - Account].[Account CB - Description].&amp;[0101002 - GPS-Prod Extract Plant]"/>
        <member name="[CB - Account].[Account CB - Description].&amp;[0101020 - Intangible Plant - Gas]"/>
        <member name="[CB - Account].[Account CB - Description].&amp;[0101021 - Gps-Prod &amp; Gathering]"/>
        <member name="[CB - Account].[Account CB - Description].&amp;[0101023 - Gps-Underground Storage]"/>
        <member name="[CB - Account].[Account CB - Description].&amp;[0101024 - Gps-Base Load Lng &amp; Plant]"/>
        <member name="[CB - Account].[Account CB - Description].&amp;[0101025 - Gps-General Plant]"/>
        <member name="[CB - Account].[Account CB - Description].&amp;[0101026 - Gps-Reverse Ferc Retiremnt]"/>
        <member name="[CB - Account].[Account CB - Description].&amp;[0101027 - Gps-Reverse Fsal/Cst To Ret]"/>
        <member name="[CB - Account].[Account CB - Description].&amp;[0101028 - Gps-Retirements]"/>
        <member name="[CB - Account].[Account CB - Description].&amp;[0101029 - Gps-Storage]"/>
        <member name="[CB - Account].[Account CB - Description].&amp;[0101030 - Interco PPE-leased to DCI]"/>
        <member name="[CB - Account].[Account CB - Description].&amp;[0101031 - Land - Gas]"/>
        <member name="[CB - Account].[Account CB - Description].&amp;[0101032 - Trans Plant - DEGT only]"/>
        <member name="[CB - Account].[Account CB - Description].&amp;[0101033 - PP&amp;E HOLDING ACCOUNT]"/>
        <member name="[CB - Account].[Account CB - Description].&amp;[0101100 - LT Capital Lease Asset]"/>
        <member name="[CB - Account].[Account CB - Description].&amp;[0101102 - Oper Lease Right of Use asset]"/>
        <member name="[CB - Account].[Account CB - Description].&amp;[0101103 - Cap Lease Rate Base]"/>
        <member name="[CB - Account].[Account CB - Description].&amp;[0101105 - Interco Oper Lease - ROU Asset]"/>
        <member name="[CB - Account].[Account CB - Description].&amp;[0101109 - EPIS - Disallowance - NC]"/>
        <member name="[CB - Account].[Account CB - Description].&amp;[0101110 - Oper Lse Right of Use Asset RH]"/>
        <member name="[CB - Account].[Account CB - Description].&amp;[0101120 - AHFS -PROP PLANT EQUIP]"/>
        <member name="[CB - Account].[Account CB - Description].&amp;[0101125 - REG AHFSNCA_PP&amp;E]"/>
        <member name="[CB - Account].[Account CB - Description].&amp;[0101130 - CAP LEASE - NCEMC]"/>
        <member name="[CB - Account].[Account CB - Description].&amp;[0101152 - IC Lease-Cap(Acct Oper)]"/>
        <member name="[CB - Account].[Account CB - Description].&amp;[0101155 - Common Plant-Purch Acctg]"/>
        <member name="[CB - Account].[Account CB - Description].&amp;[0101200 - PROP_PLANT_EQUIP_PUR_ACCTG_ADJ]"/>
        <member name="[CB - Account].[Account CB - Description].&amp;[0101211 - Cap Lease - ORB Def Tax]"/>
        <member name="[CB - Account].[Account CB - Description].&amp;[0101300 - Other Utility Plant, net]"/>
        <member name="[CB - Account].[Account CB - Description].&amp;[0101350 - IC Lease-PP&amp;E]"/>
        <member name="[CB - Account].[Account CB - Description].&amp;[0101360 - Cap Lease Rate Base (I/C)]"/>
        <member name="[CB - Account].[Account CB - Description].&amp;[0101499 - Asset Retirement Obligations]"/>
        <member name="[CB - Account].[Account CB - Description].&amp;[0101503 - DENA Plant In Service]"/>
        <member name="[CB - Account].[Account CB - Description].&amp;[0101555 - ROU Asset - Oper Lessor]"/>
        <member name="[CB - Account].[Account CB - Description].&amp;[0101556 - ROU Asset - Sales Type Lease]"/>
        <member name="[CB - Account].[Account CB - Description].&amp;[0101710 - EPIS Contra ADC - RETAIL - NC]"/>
        <member name="[CB - Account].[Account CB - Description].&amp;[0101711 - EPIS-HARRIS DSLW]"/>
        <member name="[CB - Account].[Account CB - Description].&amp;[0101720 - EPIS Contra ADC - RETAIL - SC]"/>
        <member name="[CB - Account].[Account CB - Description].&amp;[0101730 - EPIS Contra ADC - WHOLESALE]"/>
        <member name="[CB - Account].[Account CB - Description].&amp;[0101740 - EPIS-RECLASSIFICATION CONTRA(A]"/>
        <member name="[CB - Account].[Account CB - Description].&amp;[0101750 - EPIS-CONTRA AFUDC]"/>
        <member name="[CB - Account].[Account CB - Description].&amp;[0101760 - CONTRA EPIS-OATT]"/>
        <member name="[CB - Account].[Account CB - Description].&amp;[0101770 - EPIS Contra ADC - PC]"/>
        <member name="[CB - Account].[Account CB - Description].&amp;[0101870 - Non-Reg Plant in Service ARO]"/>
        <member name="[CB - Account].[Account CB - Description].&amp;[0101897 - VIE - Restrict PPE Cost Land]"/>
        <member name="[CB - Account].[Account CB - Description].&amp;[0101898 - VIE-Restrict PPE Cost Other]"/>
        <member name="[CB - Account].[Account CB - Description].&amp;[0101955 - Alloc-Com Plt in Srv Prch Adj]"/>
        <member name="[CB - Account].[Account CB - Description].&amp;[0102000 - Gas Plant Purchase/Sold]"/>
        <member name="[CB - Account].[Account CB - Description].&amp;[0102100 - Electric Plant Purchased]"/>
        <member name="[CB - Account].[Account CB - Description].&amp;[0102200 - Electric Plant Sold]"/>
        <member name="[CB - Account].[Account CB - Description].&amp;[0105030 - Elect Plnt Held for Future Use]"/>
        <member name="[CB - Account].[Account CB - Description].&amp;[0105100 - Plt Held For Future Use-Wo Sys]"/>
        <member name="[CB - Account].[Account CB - Description].&amp;[0105200 - Plt Held For Future Use-Prs]"/>
        <member name="[CB - Account].[Account CB - Description].&amp;[0105250 - Plant Held For Future Use-Rsrv]"/>
        <member name="[CB - Account].[Account CB - Description].&amp;[0105300 - Comp Future Use Unclassified]"/>
        <member name="[CB - Account].[Account CB - Description].&amp;[0106005 - Ccnc-History Conversion]"/>
        <member name="[CB - Account].[Account CB - Description].&amp;[0106006 - Ccnc-Intangible Plant]"/>
        <member name="[CB - Account].[Account CB - Description].&amp;[0106007 - Ccnc-Gathering Plant]"/>
        <member name="[CB - Account].[Account CB - Description].&amp;[0106008 - Ccnc-Product Extract Plnt]"/>
        <member name="[CB - Account].[Account CB - Description].&amp;[0106009 - Ccnc-Underground Stor]"/>
        <member name="[CB - Account].[Account CB - Description].&amp;[0106010 - Ccnc-Base Load-Fasb 71]"/>
        <member name="[CB - Account].[Account CB - Description].&amp;[0106011 - Ccnc-Transmission Plant]"/>
        <member name="[CB - Account].[Account CB - Description].&amp;[0106012 - Ccnc-General Plant]"/>
        <member name="[CB - Account].[Account CB - Description].&amp;[0106013 - Ccnc-Base Load Lng&amp;Plant]"/>
        <member name="[CB - Account].[Account CB - Description].&amp;[0106014 - Intangibles General]"/>
        <member name="[CB - Account].[Account CB - Description].&amp;[0106015 - CCNC-Prod_Extract Plant]"/>
        <member name="[CB - Account].[Account CB - Description].&amp;[0106100 - INTANGIBLES_EMISSION_ALLOWANCE]"/>
        <member name="[CB - Account].[Account CB - Description].&amp;[0106101 - Comp Const Not Class-Land]"/>
        <member name="[CB - Account].[Account CB - Description].&amp;[0106200 - Intangibles gen pur acctg adj]"/>
        <member name="[CB - Account].[Account CB - Description].&amp;[0106201 - CCNC-Reg Plant-Elec GDT]"/>
        <member name="[CB - Account].[Account CB - Description].&amp;[0106301 - CCNC-Reg Plant-Oth Bldgs Impr]"/>
        <member name="[CB - Account].[Account CB - Description].&amp;[0106302 - CCNC - Assets Held for Sale]"/>
        <member name="[CB - Account].[Account CB - Description].&amp;[0106401 - CCNC-Equipment]"/>
        <member name="[CB - Account].[Account CB - Description].&amp;[0106501 - CCNC-Vehicles]"/>
        <member name="[CB - Account].[Account CB - Description].&amp;[0106601 - CCNC-Other (inc. Intangibles)]"/>
        <member name="[CB - Account].[Account CB - Description].&amp;[0106710 - CCNC Contra ADC - RETAIL - NC]"/>
        <member name="[CB - Account].[Account CB - Description].&amp;[0106720 - CCNC Contra ADC - RETAIL - SC]"/>
        <member name="[CB - Account].[Account CB - Description].&amp;[0106730 - CCNC Contra ADC - WHOLESALE]"/>
        <member name="[CB - Account].[Account CB - Description].&amp;[0106897 - VIE-Restrict PPE Cost RegPlt]"/>
        <member name="[CB - Account].[Account CB - Description].&amp;[0106980 - Comp Const Unclassified-Elect]"/>
        <member name="[CB - Account].[Account CB - Description].&amp;[0107001 - Const. Work in Progress]"/>
        <member name="[CB - Account].[Account CB - Description].&amp;[0107002 - Non-Utility CWIP-Other]"/>
        <member name="[CB - Account].[Account CB - Description].&amp;[0107003 - CWIP - Assets Held for Sale]"/>
        <member name="[CB - Account].[Account CB - Description].&amp;[0107100 - CWIP-EBIT-ROCE]"/>
        <member name="[CB - Account].[Account CB - Description].&amp;[0107160 - NR CWIP Leasehold Improvements]"/>
        <member name="[CB - Account].[Account CB - Description].&amp;[0107200 - NR CWIP]"/>
        <member name="[CB - Account].[Account CB - Description].&amp;[0107300 - Contra CWIP-Levy Wholesale]"/>
        <member name="[CB - Account].[Account CB - Description].&amp;[0107400 - Contra CWIP-Recoverable Nucl]"/>
        <member name="[CB - Account].[Account CB - Description].&amp;[0107503 - CWIP - DENA]"/>
        <member name="[CB - Account].[Account CB - Description].&amp;[0107710 - CWIP Contra ADC - RETAIL - NC]"/>
        <member name="[CB - Account].[Account CB - Description].&amp;[0107720 - CWIP Contra ADC - RETAIL - SC]"/>
        <member name="[CB - Account].[Account CB - Description].&amp;[0107730 - CWIP Contra ADC - WHOLESALE]"/>
        <member name="[CB - Account].[Account CB - Description].&amp;[0107777 - Non-Reg CWIP suspense]"/>
        <member name="[CB - Account].[Account CB - Description].&amp;[0107888 - CWIP - BU Bal Sht - Svc Co Exp]"/>
        <member name="[CB - Account].[Account CB - Description].&amp;[0107890 - CWIP - No Work Order]"/>
        <member name="[CB - Account].[Account CB - Description].&amp;[0107897 - VIE-Restricted PPE Cost CIP]"/>
        <member name="[CB - Account].[Account CB - Description].&amp;[0107980 - Cwip-Electric]"/>
        <member name="[CB - Account].[Account CB - Description].&amp;[0108001 - Accumulated DD&amp;A-Pur]"/>
        <member name="[CB - Account].[Account CB - Description].&amp;[0108002 - Dd&amp;A-Transm-Onshore]"/>
        <member name="[CB - Account].[Account CB - Description].&amp;[0108003 - DEC COR Settlement SC]"/>
        <member name="[CB - Account].[Account CB - Description].&amp;[0108004 - DEC COR Settlement - NC]"/>
        <member name="[CB - Account].[Account CB - Description].&amp;[0108009 - Accum D&amp;A Real Estate]"/>
        <member name="[CB - Account].[Account CB - Description].&amp;[0108010 - Dd&amp;A Intang Plant]"/>
        <member name="[CB - Account].[Account CB - Description].&amp;[0108011 - Dd&amp;A-Prod &amp; Gath Plant]"/>
        <member name="[CB - Account].[Account CB - Description].&amp;[0108012 - Dd&amp;A-Prod Extract Plant]"/>
        <member name="[CB - Account].[Account CB - Description].&amp;[0108013 - Dd&amp;A Lng Term &amp; Process]"/>
        <member name="[CB - Account].[Account CB - Description].&amp;[0108014 - Dd&amp;A Reverse Ferc Retire]"/>
        <member name="[CB - Account].[Account CB - Description].&amp;[0108015 - Dd&amp;A Retirement]"/>
        <member name="[CB - Account].[Account CB - Description].&amp;[0108016 - Dd&amp;A-Underground Storage]"/>
        <member name="[CB - Account].[Account CB - Description].&amp;[0108017 - Dd&amp;A-Transm-Neg Salvage]"/>
        <member name="[CB - Account].[Account CB - Description].&amp;[0108018 - Dd&amp;A Transm Mobil Commun]"/>
        <member name="[CB - Account].[Account CB - Description].&amp;[0108019 - Dd&amp;A Gen Plt Transp Equip]"/>
        <member name="[CB - Account].[Account CB - Description].&amp;[0108020 - Dd&amp;A-Genl Plt-Power Op Eq]"/>
        <member name="[CB - Account].[Account CB - Description].&amp;[0108021 - Dd&amp;A-Genl Plt-Computer Eq]"/>
        <member name="[CB - Account].[Account CB - Description].&amp;[0108022 - Dd&amp;A-Genl Plt-Airplanes]"/>
        <member name="[CB - Account].[Account CB - Description].&amp;[0108023 - Dd&amp;A-Genl Plt-Trailers]"/>
        <member name="[CB - Account].[Account CB - Description].&amp;[0108024 - Dd&amp;A Lng Term Depr Reserve]"/>
        <member name="[CB - Account].[Account CB - Description].&amp;[0108025 - Dd&amp;A Gath Neg Sal]"/>
        <member name="[CB - Account].[Account CB - Description].&amp;[0108026 - Dd&amp;A-Transm-Offshore]"/>
        <member name="[CB - Account].[Account CB - Description].&amp;[0108027 - Dd&amp;A Transm Future Use]"/>
        <member name="[CB - Account].[Account CB - Description].&amp;[0108028 - Dd&amp;A-General Plant]"/>
        <member name="[CB - Account].[Account CB - Description].&amp;[0108029 - Dd&amp;A-Prod/Gath Plt-Offshore]"/>
        <member name="[CB - Account].[Account CB - Description].&amp;[0108030 - Dd&amp;A-History Conversion]"/>
        <member name="[CB - Account].[Account CB - Description].&amp;[0108031 - Dd&amp;A-Communication]"/>
        <member name="[CB - Account].[Account CB - Description].&amp;[0108032 - DD&amp;A Trans Offshore Commun.]"/>
        <member name="[CB - Account].[Account CB - Description].&amp;[0108033 - DD&amp;A Trans-Onshore IncomeProj]"/>
        <member name="[CB - Account].[Account CB - Description].&amp;[0108034 - Retirement Work In Prog]"/>
        <member name="[CB - Account].[Account CB - Description].&amp;[0108035 - Accum Amort Intang General]"/>
        <member name="[CB - Account].[Account CB - Description].&amp;[0108036 - Acc Depr - To Be Retired]"/>
        <member name="[CB - Account].[Account CB - Description].&amp;[0108037 - Acc Depr - Retired Plants]"/>
        <member name="[CB - Account].[Account CB - Description].&amp;[0108060 - CONTRA-ACCUM DEPR OATT]"/>
        <member name="[CB - Account].[Account CB - Description].&amp;[0108087 - Accelerated Depreciation]"/>
        <member name="[CB - Account].[Account CB - Description].&amp;[0108100 - Rsrv For Deprec-Autos &amp; Trucks]"/>
        <member name="[CB - Account].[Account CB - Description].&amp;[0108102 - Acc DD&amp;A-Common Purch Acctg]"/>
        <member name="[CB - Account].[Account CB - Description].&amp;[0108109 - Acc Depr - Disallowance - NC]"/>
        <member name="[CB - Account].[Account CB - Description].&amp;[0108110 - Rsrv For Deprec-Steam Stations]"/>
        <member name="[CB - Account].[Account CB - Description].&amp;[0108111 - Rsrv For Deprec-Stm Clean]"/>
        <member name="[CB - Account].[Account CB - Description].&amp;[0108120 - Rsrv For Deprec.-Hydro Plant]"/>
        <member name="[CB - Account].[Account CB - Description].&amp;[0108121 - DD&amp;A Tangible Drilling Cost]"/>
        <member name="[CB - Account].[Account CB - Description].&amp;[0108130 - Rsrv For Deprec-Transm. Plant]"/>
        <member name="[CB - Account].[Account CB - Description].&amp;[0108140 - Rsrv For Deprec-Distrib. Plant]"/>
        <member name="[CB - Account].[Account CB - Description].&amp;[0108150 - Rsrv For Deprec-General Plant]"/>
        <member name="[CB - Account].[Account CB - Description].&amp;[0108152 - IC Lease-Cap(Act as Op) Amort]"/>
        <member name="[CB - Account].[Account CB - Description].&amp;[0108155 - FAS 143 COR CONTRA]"/>
        <member name="[CB - Account].[Account CB - Description].&amp;[0108160 - Rsrv For Deprec-Comb. Turbines]"/>
        <member name="[CB - Account].[Account CB - Description].&amp;[0108170 - SCHM Rsrv for Depr NPLSec 124A]"/>
        <member name="[CB - Account].[Account CB - Description].&amp;[0108180 - Rsrv For Deprec-Edp Equipment]"/>
        <member name="[CB - Account].[Account CB - Description].&amp;[0108190 - Rsrv For Deprec-Constr. Equip.]"/>
        <member name="[CB - Account].[Account CB - Description].&amp;[0108200 - Rsrv For Deprec-Nuclear Stat.]"/>
        <member name="[CB - Account].[Account CB - Description].&amp;[0108201 - Acc Lease Amort-Cap Lease (Op)]"/>
        <member name="[CB - Account].[Account CB - Description].&amp;[0108203 - Acc DD&amp;A-Cap Rate Base]"/>
        <member name="[CB - Account].[Account CB - Description].&amp;[0108205 - Interco Accumulated DD&amp;A - ROU]"/>
        <member name="[CB - Account].[Account CB - Description].&amp;[0108210 - Depr Lse Right of use Asset RH]"/>
        <member name="[CB - Account].[Account CB - Description].&amp;[0108211 - Acc Lease Amort-ORB Defer Tax]"/>
        <member name="[CB - Account].[Account CB - Description].&amp;[0108220 - 12/95]"/>
        <member name="[CB - Account].[Account CB - Description].&amp;[0108250 - 12/95]"/>
        <member name="[CB - Account].[Account CB - Description].&amp;[0108300 - ACCUM_DD&amp;A_PP&amp;E_PUR-ACCTG_ADJ]"/>
        <member name="[CB - Account].[Account CB - Description].&amp;[0108302 - Elec Acc Depr-AHFS]"/>
        <member name="[CB - Account].[Account CB - Description].&amp;[0108303 - Elec Acc Depr COR-AHFS]"/>
        <member name="[CB - Account].[Account CB - Description].&amp;[0108304 - RWIP FUTURE USE]"/>
        <member name="[CB - Account].[Account CB - Description].&amp;[0108305 - DEP COR Settlement- NCUC]"/>
        <member name="[CB - Account].[Account CB - Description].&amp;[0108306 - NON-RAD DECOM-W COR]"/>
        <member name="[CB - Account].[Account CB - Description].&amp;[0108307 - NON-RAD DECOM-R COR]"/>
        <member name="[CB - Account].[Account CB - Description].&amp;[0108308 - Nuclear COR]"/>
        <member name="[CB - Account].[Account CB - Description].&amp;[0108309 - NON-RAD DECOM-UNFD-W COR]"/>
        <member name="[CB - Account].[Account CB - Description].&amp;[0108310 - Fossil Dismantlement COR]"/>
        <member name="[CB - Account].[Account CB - Description].&amp;[0108320 - Final Dismantlement COR]"/>
        <member name="[CB - Account].[Account CB - Description].&amp;[0108350 - IC Lease-Acc Depr &amp; Amort]"/>
        <member name="[CB - Account].[Account CB - Description].&amp;[0108360 - Acc DD&amp;A-Cap Rate Base (I/C)]"/>
        <member name="[CB - Account].[Account CB - Description].&amp;[0108400 - Rsrv For Decommissioning-Nucle]"/>
        <member name="[CB - Account].[Account CB - Description].&amp;[0108401 - Accum Provision Fossil Dismant]"/>
        <member name="[CB - Account].[Account CB - Description].&amp;[0108402 - ACC DEPR-NON-RAD DECOM-UNFD-W]"/>
        <member name="[CB - Account].[Account CB - Description].&amp;[0108403 - Accum Prov Nuclear COR]"/>
        <member name="[CB - Account].[Account CB - Description].&amp;[0108404 - ACC DEPR-NON-RAD DECOM-R]"/>
        <member name="[CB - Account].[Account CB - Description].&amp;[0108405 - ACC DEPR-NON-RAD DECOM-W]"/>
        <member name="[CB - Account].[Account CB - Description].&amp;[0108406 - ACC DEPR HARRIS DSLW]"/>
        <member name="[CB - Account].[Account CB - Description].&amp;[0108407 - ACC DEPR-CONTRA AFUDC]"/>
        <member name="[CB - Account].[Account CB - Description].&amp;[0108408 - ACCELERATED DEPRECIATION NCUC]"/>
        <member name="[CB - Account].[Account CB - Description].&amp;[0108409 - ACCELERATED DEPRECIATION SCPSC]"/>
        <member name="[CB - Account].[Account CB - Description].&amp;[0108412 - RWIP - Assets Held for Sale]"/>
        <member name="[CB - Account].[Account CB - Description].&amp;[0108503 - Accum Depr - DENA]"/>
        <member name="[CB - Account].[Account CB - Description].&amp;[0108551 - RWIP - Reg No Work Order SC]"/>
        <member name="[CB - Account].[Account CB - Description].&amp;[0108552 - Non-Reg Plant in Svc Res Adj]"/>
        <member name="[CB - Account].[Account CB - Description].&amp;[0108555 - Accum Depr - Oper Lessor]"/>
        <member name="[CB - Account].[Account CB - Description].&amp;[0108600 - SCHM Retirement Wip]"/>
        <member name="[CB - Account].[Account CB - Description].&amp;[0108610 - RWIP-EBIT-ROCE]"/>
        <member name="[CB - Account].[Account CB - Description].&amp;[0108630 - Nuclear Decommissioning Charge]"/>
        <member name="[CB - Account].[Account CB - Description].&amp;[0108700 - ACC DEPR RATE DIFF]"/>
        <member name="[CB - Account].[Account CB - Description].&amp;[0108710 - DEPR Contra ADC - RETAIL - NC]"/>
        <member name="[CB - Account].[Account CB - Description].&amp;[0108720 - DEPR Contra ADC - RETAIL - SC]"/>
        <member name="[CB - Account].[Account CB - Description].&amp;[0108730 - DEPR Contra ADC - WHOLESALE]"/>
        <member name="[CB - Account].[Account CB - Description].&amp;[0108740 - Acc DEPR Contra ADC - PC]"/>
        <member name="[CB - Account].[Account CB - Description].&amp;[0108741 - Acc DEPR-WH RT 9/88]"/>
        <member name="[CB - Account].[Account CB - Description].&amp;[0108742 - Acc DEPR-WH RT PA]"/>
        <member name="[CB - Account].[Account CB - Description].&amp;[0108743 - Acc DEPR-WH RT Diff]"/>
        <member name="[CB - Account].[Account CB - Description].&amp;[0108744 - Acc DEPR-SC RT Diff]"/>
        <member name="[CB - Account].[Account CB - Description].&amp;[0108800 - 12/95]"/>
        <member name="[CB - Account].[Account CB - Description].&amp;[0108888 - RWIP - BU Bal Sht - Svc Co Exp]"/>
        <member name="[CB - Account].[Account CB - Description].&amp;[0108897 - VIE-Restrict PPE Accum Deprec]"/>
        <member name="[CB - Account].[Account CB - Description].&amp;[0108952 - Allocated - Common RWIP]"/>
        <member name="[CB - Account].[Account CB - Description].&amp;[0108980 - Retirement Wip-Electric]"/>
        <member name="[CB - Account].[Account CB - Description].&amp;[0108990 - Rsrv For Deprec-Suspense]"/>
        <member name="[CB - Account].[Account CB - Description].&amp;[0108999 - IC - Acc Depreciation]"/>
        <member name="[CB - Account].[Account CB - Description].&amp;[0111000 - Acc Prov A&amp;D-Intangible]"/>
        <member name="[CB - Account].[Account CB - Description].&amp;[0111001 - Acc Prov A&amp;D-Ngp&amp;Gp-Onsho]"/>
        <member name="[CB - Account].[Account CB - Description].&amp;[0111002 - Accum Amort-Other Sto]"/>
        <member name="[CB - Account].[Account CB - Description].&amp;[0111003 - Acc Prov A&amp;D Lng Cap Lease]"/>
        <member name="[CB - Account].[Account CB - Description].&amp;[0111004 - Acc Prov A&amp;D Genl Plant]"/>
        <member name="[CB - Account].[Account CB - Description].&amp;[0111005 - Accum Amort-Transmis]"/>
        <member name="[CB - Account].[Account CB - Description].&amp;[0111006 - Accum Amrt Intang Filings]"/>
        <member name="[CB - Account].[Account CB - Description].&amp;[0111007 - Accum Amrt Intang Software]"/>
        <member name="[CB - Account].[Account CB - Description].&amp;[0111008 - Accum Amrt Intang Other]"/>
        <member name="[CB - Account].[Account CB - Description].&amp;[0111200 - Acc Prov-Amor Elec Plt/Future]"/>
        <member name="[CB - Account].[Account CB - Description].&amp;[0111300 - Acc Prov-Amor Elec Plt-Softwar]"/>
        <member name="[CB - Account].[Account CB - Description].&amp;[0111400 - Franchise Reserve]"/>
        <member name="[CB - Account].[Account CB - Description].&amp;[0111500 - FEASIBILITY STUDIES RESERVE]"/>
        <member name="[CB - Account].[Account CB - Description].&amp;[0111503 - Accum Amort - DENA]"/>
        <member name="[CB - Account].[Account CB - Description].&amp;[0111600 - ACC_PRO_AMOR_EL_PLT-PUR_AC_ADJ]"/>
        <member name="[CB - Account].[Account CB - Description].&amp;[0114000 - Plant Acquisition Adj]"/>
        <member name="[CB - Account].[Account CB - Description].&amp;[0114001 - Purchase Price Adjustment]"/>
        <member name="[CB - Account].[Account CB - Description].&amp;[0114002 - Pur Acctg-Dsit]"/>
        <member name="[CB - Account].[Account CB - Description].&amp;[0114005 - Pur Acctg-Goodwill]"/>
        <member name="[CB - Account].[Account CB - Description].&amp;[0114006 - Pur Acctg-Goodwill Contra]"/>
        <member name="[CB - Account].[Account CB - Description].&amp;[0114007 - Pur Acctg-Pp&amp;E]"/>
        <member name="[CB - Account].[Account CB - Description].&amp;[0114008 - Pur Acctg-Dfit]"/>
        <member name="[CB - Account].[Account CB - Description].&amp;[0114010 - Pur Acctg-Paid-In-Capital]"/>
        <member name="[CB - Account].[Account CB - Description].&amp;[0114011 - Pur Acctng-Reserves]"/>
        <member name="[CB - Account].[Account CB - Description].&amp;[0114012 - Purch-Acctg - DEGT only]"/>
        <member name="[CB - Account].[Account CB - Description].&amp;[0114013 - Pur Acctg - Retained Earnings]"/>
        <member name="[CB - Account].[Account CB - Description].&amp;[0114014 - PA-Def Foreign Inc Tax-Other]"/>
        <member name="[CB - Account].[Account CB - Description].&amp;[0114022 - Pur Acctg-Inventory]"/>
        <member name="[CB - Account].[Account CB - Description].&amp;[0114023 - Pur Acctg-Environmental Liab]"/>
        <member name="[CB - Account].[Account CB - Description].&amp;[0114105 - Common Plant Purch Acct Adj]"/>
        <member name="[CB - Account].[Account CB - Description].&amp;[0115000 - Acc Prov Plt Acquis Adj]"/>
        <member name="[CB - Account].[Account CB - Description].&amp;[0115001 - Pur Acctg-Amort Pp&amp;E]"/>
        <member name="[CB - Account].[Account CB - Description].&amp;[0115150 - Common Accum Dep-Pur Adj]"/>
        <member name="[CB - Account].[Account CB - Description].&amp;[0116000 - Other Electric Plant Ad]"/>
        <member name="[CB - Account].[Account CB - Description].&amp;[0117000 - Storage Gas-Noncurrent Invento]"/>
        <member name="[CB - Account].[Account CB - Description].&amp;[0117101 - Storage Gas-Noncurrent Invento]"/>
        <member name="[CB - Account].[Account CB - Description].&amp;[0117201 - System Gas Current]"/>
        <member name="[CB - Account].[Account CB - Description].&amp;[0118200 - Other Utility Plant]"/>
        <member name="[CB - Account].[Account CB - Description].&amp;[0118300 - Other Utility Cwip]"/>
        <member name="[CB - Account].[Account CB - Description].&amp;[0118600 - Comp Const Water &amp; Transit]"/>
        <member name="[CB - Account].[Account CB - Description].&amp;[0118980 - Other Utility Cwip]"/>
        <member name="[CB - Account].[Account CB - Description].&amp;[0119100 - Water Plt-Acc Depreciation]"/>
        <member name="[CB - Account].[Account CB - Description].&amp;[0119200 - Inactive]"/>
        <member name="[CB - Account].[Account CB - Description].&amp;[0119300 - Other Utility-Retirement Wip]"/>
        <member name="[CB - Account].[Account CB - Description].&amp;[0119301 - Acc Depr &amp; Amort Other Util]"/>
        <member name="[CB - Account].[Account CB - Description].&amp;[0119980 - Other Utility-Retirement Wip]"/>
        <member name="[CB - Account].[Account CB - Description].&amp;[0120100 - Nuclear Fuel In Process]"/>
        <member name="[CB - Account].[Account CB - Description].&amp;[0120110 - NFIP-EBIT-ROCE]"/>
        <member name="[CB - Account].[Account CB - Description].&amp;[0120120 - Inactive]"/>
        <member name="[CB - Account].[Account CB - Description].&amp;[0120130 - Inactive]"/>
        <member name="[CB - Account].[Account CB - Description].&amp;[0120200 - Nuclear Fuel Material &amp; Assemb]"/>
        <member name="[CB - Account].[Account CB - Description].&amp;[0120210 - Inactive]"/>
        <member name="[CB - Account].[Account CB - Description].&amp;[0120220 - Inactive]"/>
        <member name="[CB - Account].[Account CB - Description].&amp;[0120300 - Nuc Fuel Assemblies In Reactor]"/>
        <member name="[CB - Account].[Account CB - Description].&amp;[0120400 - Spent Nuclear Fuel Assemblies]"/>
        <member name="[CB - Account].[Account CB - Description].&amp;[0120510 - Acc Amor-Nuc Fuel Assemblies]"/>
        <member name="[CB - Account].[Account CB - Description].&amp;[0120511 - Nuc Fuel DOE payments/Accruals]"/>
        <member name="[CB - Account].[Account CB - Description].&amp;[0120512 - Nuclear Fuel Retirements]"/>
        <member name="[CB - Account].[Account CB - Description].&amp;[0120520 - Inactive]"/>
        <member name="[CB - Account].[Account CB - Description].&amp;[0120530 - Nuc Fuel Disposal Cost-Payment]"/>
        <member name="[CB - Account].[Account CB - Description].&amp;[0120540 - Nuc Fuel Disposal Cost]"/>
        <member name="[CB - Account].[Account CB - Description].&amp;[0120550 - Acc amort-Canister-Oconee Rob]"/>
        <member name="[CB - Account].[Account CB - Description].&amp;[0120551 - Acc Amor-Canister_McGuire Brun]"/>
        <member name="[CB - Account].[Account CB - Description].&amp;[0120552 - SCHM Acc Amor-Canister-Catawba]"/>
        <member name="[CB - Account].[Account CB - Description].&amp;[0120560 - Inactive]"/>
        <member name="[CB - Account].[Account CB - Description].&amp;[0120970 - Inactive]"/>
        <member name="[CB - Account].[Account CB - Description].&amp;[0120980 - Inactive]"/>
        <member name="[CB - Account].[Account CB - Description].&amp;[0121000 - Nonutil Prop-General]"/>
        <member name="[CB - Account].[Account CB - Description].&amp;[0121001 - Non-Utility Property Svc Co]"/>
        <member name="[CB - Account].[Account CB - Description].&amp;[0121002 - Nonutil Prop-Edi Connect]"/>
        <member name="[CB - Account].[Account CB - Description].&amp;[0121003 - Nonutil Prop-Edi Connect]"/>
        <member name="[CB - Account].[Account CB - Description].&amp;[0121004 - Nonutil Prop-Dsel Hydrol]"/>
        <member name="[CB - Account].[Account CB - Description].&amp;[0121005 - Nonutil Prop-Heat Cogener]"/>
        <member name="[CB - Account].[Account CB - Description].&amp;[0121006 - Nonutil Prop-Ibm 3090]"/>
        <member name="[CB - Account].[Account CB - Description].&amp;[0121007 - Nonutil-Prop Not In Service]"/>
        <member name="[CB - Account].[Account CB - Description].&amp;[0121008 - Nonutil Prop-General Plant]"/>
        <member name="[CB - Account].[Account CB - Description].&amp;[0121009 - Nonutil-Prop Not In Service]"/>
        <member name="[CB - Account].[Account CB - Description].&amp;[0121010 - Nonutil Prop-Leasehld Imprvmnt]"/>
        <member name="[CB - Account].[Account CB - Description].&amp;[0121100 - Undevel Power Sites-NonUtil]"/>
        <member name="[CB - Account].[Account CB - Description].&amp;[0121200 - Electrc Plt Not In Use-NonUtil]"/>
        <member name="[CB - Account].[Account CB - Description].&amp;[0121220 - Non-Proj Access Areas-NonUtil]"/>
        <member name="[CB - Account].[Account CB - Description].&amp;[0121300 - Structures-NonUtil]"/>
        <member name="[CB - Account].[Account CB - Description].&amp;[0121302 - BUILDINGS]"/>
        <member name="[CB - Account].[Account CB - Description].&amp;[0121305 - MOTOR VEHICLES]"/>
        <member name="[CB - Account].[Account CB - Description].&amp;[0121310 - Structures Not In Use]"/>
        <member name="[CB - Account].[Account CB - Description].&amp;[0121320 - Structures In Use]"/>
        <member name="[CB - Account].[Account CB - Description].&amp;[0121350 - Non-Util-Furniture&amp;Fixtures]"/>
        <member name="[CB - Account].[Account CB - Description].&amp;[0121360 - Non-Util-Computer Equipment]"/>
        <member name="[CB - Account].[Account CB - Description].&amp;[0121370 - Non-Util-Communication Equip]"/>
        <member name="[CB - Account].[Account CB - Description].&amp;[0121400 - NONUTIL_PROP_GEN_PUR_ACCTG_ADJ]"/>
        <member name="[CB - Account].[Account CB - Description].&amp;[0121410 - LEASED STRUCT-NonUtil]"/>
        <member name="[CB - Account].[Account CB - Description].&amp;[0121420 - Merch. Misc. Equip.]"/>
        <member name="[CB - Account].[Account CB - Description].&amp;[0121430 - Merch. Furn. &amp; Fixtures]"/>
        <member name="[CB - Account].[Account CB - Description].&amp;[0121440 - Merch. Computer Equip.]"/>
        <member name="[CB - Account].[Account CB - Description].&amp;[0121450 - Merch. Communications Equip.]"/>
        <member name="[CB - Account].[Account CB - Description].&amp;[0121500 - Nonutility-Construction Wip]"/>
        <member name="[CB - Account].[Account CB - Description].&amp;[0121556 - Non-Util Prop Reserve Adj]"/>
        <member name="[CB - Account].[Account CB - Description].&amp;[0121600 - Comp Const Not Classified-Nonu]"/>
        <member name="[CB - Account].[Account CB - Description].&amp;[0121710 - Misc Other Nonutility Prop-Nc]"/>
        <member name="[CB - Account].[Account CB - Description].&amp;[0121720 - Nonutility Capital Lease]"/>
        <member name="[CB - Account].[Account CB - Description].&amp;[0121750 - Misc Other Nonutility Prop-Sc]"/>
        <member name="[CB - Account].[Account CB - Description].&amp;[0121810 - Forest Plantation/Tree Plnting]"/>
        <member name="[CB - Account].[Account CB - Description].&amp;[0121840 - Pulpwood-Pine]"/>
        <member name="[CB - Account].[Account CB - Description].&amp;[0121850 - Pulpwood-Hardwood]"/>
        <member name="[CB - Account].[Account CB - Description].&amp;[0121860 - Saw Timber-Pine]"/>
        <member name="[CB - Account].[Account CB - Description].&amp;[0121870 - Saw Timber-Hardwood]"/>
        <member name="[CB - Account].[Account CB - Description].&amp;[0121888 - Non-Util Prpty BU B/S SC Exp]"/>
        <member name="[CB - Account].[Account CB - Description].&amp;[0121910 - Nonutility Buses]"/>
        <member name="[CB - Account].[Account CB - Description].&amp;[0121920 - Inactive]"/>
        <member name="[CB - Account].[Account CB - Description].&amp;[0121930 - Fossil DFD Profit]"/>
        <member name="[CB - Account].[Account CB - Description].&amp;[0121940 - Nuclear DFD Profit]"/>
        <member name="[CB - Account].[Account CB - Description].&amp;[0121950 - Hydro DFD Profit]"/>
        <member name="[CB - Account].[Account CB - Description].&amp;[0121960 - Other Production DFD Profit]"/>
        <member name="[CB - Account].[Account CB - Description].&amp;[0121980 - Inactive]"/>
        <member name="[CB - Account].[Account CB - Description].&amp;[0122000 - Dd&amp;A-Nonutil Prop-Gen]"/>
        <member name="[CB - Account].[Account CB - Description].&amp;[0122001 - Dd&amp;A-Nonutil Prop-Gen]"/>
        <member name="[CB - Account].[Account CB - Description].&amp;[0122002 - Dd&amp;A-Nonutil-Ibm Epiccon]"/>
        <member name="[CB - Account].[Account CB - Description].&amp;[0122003 - Dd&amp;A-Nonutil-Hydraul]"/>
        <member name="[CB - Account].[Account CB - Description].&amp;[0122004 - Dd&amp;A-Nonutil-Cogener]"/>
        <member name="[CB - Account].[Account CB - Description].&amp;[0122005 - Dd&amp;A-Nonutil-Ibm 3090]"/>
        <member name="[CB - Account].[Account CB - Description].&amp;[0122006 - Dd&amp;A-Nonutil-Property]"/>
        <member name="[CB - Account].[Account CB - Description].&amp;[0122007 - DD&amp;A-Computer Hardware &amp; Eqmnt]"/>
        <member name="[CB - Account].[Account CB - Description].&amp;[0122008 - DD&amp;A-Furniture &amp; Fixtures]"/>
        <member name="[CB - Account].[Account CB - Description].&amp;[0122200 - Nonutility-Rwip]"/>
        <member name="[CB - Account].[Account CB - Description].&amp;[0122300 - Reserve For Depr-Plant Acctg]"/>
        <member name="[CB - Account].[Account CB - Description].&amp;[0122400 - Reserve For Merch-Gen Plant]"/>
        <member name="[CB - Account].[Account CB - Description].&amp;[0122410 - Reserve For Merch-Edp]"/>
        <member name="[CB - Account].[Account CB - Description].&amp;[0122430 - Accum Amort Of Merchandising]"/>
        <member name="[CB - Account].[Account CB - Description].&amp;[0122500 - DD&amp;A_NONUTL_PRO_GEN_PUR_AC_ADJ]"/>
        <member name="[CB - Account].[Account CB - Description].&amp;[0122910 - Inactive]"/>
        <member name="[CB - Account].[Account CB - Description].&amp;[0122920 - Inactive]"/>
        <member name="[CB - Account].[Account CB - Description].&amp;[0122980 - Inactive]"/>
        <member name="[CB - Account].[Account CB - Description].&amp;[0123000 - Inv-Sec-Maritimes Lp]"/>
        <member name="[CB - Account].[Account CB - Description].&amp;[0123001 - Inv-Equity-Maritimes Llc]"/>
        <member name="[CB - Account].[Account CB - Description].&amp;[0123002 - Inv-Equity-Anngtc]"/>
        <member name="[CB - Account].[Account CB - Description].&amp;[0123003 - Inv-Equity-Maritimes Lp]"/>
        <member name="[CB - Account].[Account CB - Description].&amp;[0123004 - Inv-Adv-Anngtc]"/>
        <member name="[CB - Account].[Account CB - Description].&amp;[0123005 - Inv-Sec-Mont Belvieu]"/>
        <member name="[CB - Account].[Account CB - Description].&amp;[0123006 - Inv-Equity-Mont Belvieu]"/>
        <member name="[CB - Account].[Account CB - Description].&amp;[0123007 - Inv-Adv-Mont Belvieu]"/>
        <member name="[CB - Account].[Account CB - Description].&amp;[0123008 - Inv-Sec-Northern Border]"/>
        <member name="[CB - Account].[Account CB - Description].&amp;[0123009 - Inv-Sec-Products P/L Olp]"/>
        <member name="[CB - Account].[Account CB - Description].&amp;[0123010 - Dukenet Communications,Inc.]"/>
        <member name="[CB - Account].[Account CB - Description].&amp;[0123011 - Inv-Sec-Anngtc]"/>
        <member name="[CB - Account].[Account CB - Description].&amp;[0123012 - Inv-Equity-Products P/L Olp]"/>
        <member name="[CB - Account].[Account CB - Description].&amp;[0123013 - Inv-Sec-Maritimes Llc]"/>
        <member name="[CB - Account].[Account CB - Description].&amp;[0123014 - Inv-Sec-Alliance Pipeline Ap]"/>
        <member name="[CB - Account].[Account CB - Description].&amp;[0123015 - Inv-Sec-Aux Sable Liq Prod Lp]"/>
        <member name="[CB - Account].[Account CB - Description].&amp;[0123016 - Inv-Sec-Gulfstream Nat Gas Sys]"/>
        <member name="[CB - Account].[Account CB - Description].&amp;[0123017 - Inv-Equity-Gulfstream Nat Gas]"/>
        <member name="[CB - Account].[Account CB - Description].&amp;[0123018 - Investment In Pantellos]"/>
        <member name="[CB - Account].[Account CB - Description].&amp;[0123019 - Inv-Sec-Gulfstream Mgmt &amp; Oper]"/>
        <member name="[CB - Account].[Account CB - Description].&amp;[0123020 - Duke Solutions]"/>
        <member name="[CB - Account].[Account CB - Description].&amp;[0123021 - Inv-Equty-Gulfstream Mgmt/Oper]"/>
        <member name="[CB - Account].[Account CB - Description].&amp;[0123022 - Inv Sec-Islander East Llc]"/>
        <member name="[CB - Account].[Account CB - Description].&amp;[0123023 - Inv Equity-Islander East Llc]"/>
        <member name="[CB - Account].[Account CB - Description].&amp;[0123024 - Inv-Sec-Saltville Gas Stor Llc]"/>
        <member name="[CB - Account].[Account CB - Description].&amp;[0123025 - Inv-Equity-Saltville Gas Stor]"/>
        <member name="[CB - Account].[Account CB - Description].&amp;[0123026 - Investmnt in affili-Vector(US)]"/>
        <member name="[CB - Account].[Account CB - Description].&amp;[0123027 - Investmnt in aff-Vector(Can)]"/>
        <member name="[CB - Account].[Account CB - Description].&amp;[0123028 - Investmnt in affil - Foothills]"/>
        <member name="[CB - Account].[Account CB - Description].&amp;[0123029 - Inv in affil - M&amp;N PMgmt Ltd]"/>
        <member name="[CB - Account].[Account CB - Description].&amp;[0123030 - Duke Water]"/>
        <member name="[CB - Account].[Account CB - Description].&amp;[0123031 - Invest in affiliates - Sulpher]"/>
        <member name="[CB - Account].[Account CB - Description].&amp;[0123032 - Invest Quips 350M Due 6/2038]"/>
        <member name="[CB - Account].[Account CB - Description].&amp;[0123033 - Inv TrustIII 250M Due 8/2009]"/>
        <member name="[CB - Account].[Account CB - Description].&amp;[0123034 - INV EQUITY SEC-SESH LLC]"/>
        <member name="[CB - Account].[Account CB - Description].&amp;[0123035 - INV SEC-SESH, LLC]"/>
        <member name="[CB - Account].[Account CB - Description].&amp;[0123036 - IIUS-Shreveport Red Rvr]"/>
        <member name="[CB - Account].[Account CB - Description].&amp;[0123037 - IIUS-Okla Arcadian]"/>
        <member name="[CB - Account].[Account CB - Description].&amp;[0123038 - IIUS-TC USFOS of Lansing]"/>
        <member name="[CB - Account].[Account CB - Description].&amp;[0123039 - IIUS-Cinti Equity]"/>
        <member name="[CB - Account].[Account CB - Description].&amp;[0123040 - IIUS-Q-Comm]"/>
        <member name="[CB - Account].[Account CB - Description].&amp;[0123041 - IIUS-Trigen JV Dev]"/>
        <member name="[CB - Account].[Account CB - Description].&amp;[0123042 - IIUS-Tuscola]"/>
        <member name="[CB - Account].[Account CB - Description].&amp;[0123043 - IIUS-Cin Rec Co LLC]"/>
        <member name="[CB - Account].[Account CB - Description].&amp;[0123044 - IIUS-CC Fund Trust I]"/>
        <member name="[CB - Account].[Account CB - Description].&amp;[0123045 - IIUS-TCS Kodak]"/>
        <member name="[CB - Account].[Account CB - Description].&amp;[0123046 - Invst Uncon Sub-Reliant]"/>
        <member name="[CB - Account].[Account CB - Description].&amp;[0123047 - Invst Uncon Sub-Ashabula]"/>
        <member name="[CB - Account].[Account CB - Description].&amp;[0123048 - IIUS-Nth Power 1]"/>
        <member name="[CB - Account].[Account CB - Description].&amp;[0123049 - Invest-Grid Assurance]"/>
        <member name="[CB - Account].[Account CB - Description].&amp;[0123050 - Inv Uncon Sub-Lattice Communi]"/>
        <member name="[CB - Account].[Account CB - Description].&amp;[0123051 - IIUS-Curr Comm Grp]"/>
        <member name="[CB - Account].[Account CB - Description].&amp;[0123052 - Invst Uncon Sub-Attiki Gas]"/>
        <member name="[CB - Account].[Account CB - Description].&amp;[0123053 - IIUS-Delta]"/>
        <member name="[CB - Account].[Account CB - Description].&amp;[0123054 - IIUS-Millen/Balt]"/>
        <member name="[CB - Account].[Account CB - Description].&amp;[0123055 - IIUS-Lascom]"/>
        <member name="[CB - Account].[Account CB - Description].&amp;[0123056 - IIUS-SHGP]"/>
        <member name="[CB - Account].[Account CB - Description].&amp;[0123057 - IIUS-Tsavo Power]"/>
        <member name="[CB - Account].[Account CB - Description].&amp;[0123058 - IIUS-LaFarge]"/>
        <member name="[CB - Account].[Account CB - Description].&amp;[0123059 - IIUS-Sweetheart]"/>
        <member name="[CB - Account].[Account CB - Description].&amp;[0123060 - Invest in Uncon Sub-ADAGE]"/>
        <member name="[CB - Account].[Account CB - Description].&amp;[0123061 - Invest Uncon Sub-ADAGE Hamiltn]"/>
        <member name="[CB - Account].[Account CB - Description].&amp;[0123062 - IIUS-CoolCo LLC 51%]"/>
        <member name="[CB - Account].[Account CB - Description].&amp;[0123063 - Investment in DACT]"/>
        <member name="[CB - Account].[Account CB - Description].&amp;[0123064 - Invst-Cinci Equity Fund II]"/>
        <member name="[CB - Account].[Account CB - Description].&amp;[0123065 - Investment in Pipelines]"/>
        <member name="[CB - Account].[Account CB - Description].&amp;[0123066 - Investment in Sabal Trail]"/>
        <member name="[CB - Account].[Account CB - Description].&amp;[0123067 - Invest in Hardy Storage - PA]"/>
        <member name="[CB - Account].[Account CB - Description].&amp;[0123068 - Invest in Cardinal Pipe - PA]"/>
        <member name="[CB - Account].[Account CB - Description].&amp;[0123069 - Invest in Pine Needle - PA]"/>
        <member name="[CB - Account].[Account CB - Description].&amp;[0123070 - Invest in Constitution - PA]"/>
        <member name="[CB - Account].[Account CB - Description].&amp;[0123071 - Investment in ACP - PA]"/>
        <member name="[CB - Account].[Account CB - Description].&amp;[0123072 - Inv in Open Energy Solutions]"/>
        <member name="[CB - Account].[Account CB - Description].&amp;[0123073 - Investment in Omnidian]"/>
        <member name="[CB - Account].[Account CB - Description].&amp;[0123090 - IIUS - Bright Automotive]"/>
        <member name="[CB - Account].[Account CB - Description].&amp;[0123100 - Investment in Subs - YTD NI]"/>
        <member name="[CB - Account].[Account CB - Description].&amp;[0123103 - LT Net Investment in Lease]"/>
        <member name="[CB - Account].[Account CB - Description].&amp;[0123105 - Investment in Subs - Historica]"/>
        <member name="[CB - Account].[Account CB - Description].&amp;[0123110 - Wateree Power Company]"/>
        <member name="[CB - Account].[Account CB - Description].&amp;[0123111 - WATEREE POWER COMPANY]"/>
        <member name="[CB - Account].[Account CB - Description].&amp;[0123115 - Inv in Sub - NCI Calc Excluded]"/>
        <member name="[CB - Account].[Account CB - Description].&amp;[0123120 - Mp Supply,Inc]"/>
        <member name="[CB - Account].[Account CB - Description].&amp;[0123125 - Intercompany Advances]"/>
        <member name="[CB - Account].[Account CB - Description].&amp;[0123130 - Property Reserve Eastover]"/>
        <member name="[CB - Account].[Account CB - Description].&amp;[0123140 - Crescent Resources,Inc.]"/>
        <member name="[CB - Account].[Account CB - Description].&amp;[0123150 - Eastover Land Company]"/>
        <member name="[CB - Account].[Account CB - Description].&amp;[0123160 - Eastover Mining Company]"/>
        <member name="[CB - Account].[Account CB - Description].&amp;[0123170 - Western Fuel Incorporated]"/>
        <member name="[CB - Account].[Account CB - Description].&amp;[0123172 - Invst-Lascom Intang]"/>
        <member name="[CB - Account].[Account CB - Description].&amp;[0123180 - Inactive]"/>
        <member name="[CB - Account].[Account CB - Description].&amp;[0123190 - Church Street Captial Corp]"/>
        <member name="[CB - Account].[Account CB - Description].&amp;[0123191 - Advance - DNGC]"/>
        <member name="[CB - Account].[Account CB - Description].&amp;[0123193 - Advances I/C Contra]"/>
        <member name="[CB - Account].[Account CB - Description].&amp;[0123194 - Advance For Dei Bu Only]"/>
        <member name="[CB - Account].[Account CB - Description].&amp;[0123195 - Advance With Related Pty]"/>
        <member name="[CB - Account].[Account CB - Description].&amp;[0123200 - Duke Energy Group,Inc]"/>
        <member name="[CB - Account].[Account CB - Description].&amp;[0123201 - CAROHOME N/R]"/>
        <member name="[CB - Account].[Account CB - Description].&amp;[0123202 - CAROHOME I/R-HGA]"/>
        <member name="[CB - Account].[Account CB - Description].&amp;[0123203 - CAROHOME I/R-GAR]"/>
        <member name="[CB - Account].[Account CB - Description].&amp;[0123210 - Nantahala Power And Light]"/>
        <member name="[CB - Account].[Account CB - Description].&amp;[0123220 - Duke Engineering &amp; Servs,Inc]"/>
        <member name="[CB - Account].[Account CB - Description].&amp;[0123230 - Claiborne Energy Services,Inc]"/>
        <member name="[CB - Account].[Account CB - Description].&amp;[0123240 - Investment In Gt&amp;W]"/>
        <member name="[CB - Account].[Account CB - Description].&amp;[0123250 - ICNetting - Advance]"/>
        <member name="[CB - Account].[Account CB - Description].&amp;[0123260 - Inv In Duke Coal Proj Serv Grp]"/>
        <member name="[CB - Account].[Account CB - Description].&amp;[0123270 - InvestTruPS-250M Due 3/31/2039]"/>
        <member name="[CB - Account].[Account CB - Description].&amp;[0123271 - INVESTTRUPS 250m DUE 3/31/2039]"/>
        <member name="[CB - Account].[Account CB - Description].&amp;[0123300 - IIUS- Conterra C]"/>
        <member name="[CB - Account].[Account CB - Description].&amp;[0123320 - Duke Energy Marketing Corp]"/>
        <member name="[CB - Account].[Account CB - Description].&amp;[0123330 - Pan Energy]"/>
        <member name="[CB - Account].[Account CB - Description].&amp;[0123340 - Advances with DE Services Inc]"/>
        <member name="[CB - Account].[Account CB - Description].&amp;[0123400 - Advance with Oakland]"/>
        <member name="[CB - Account].[Account CB - Description].&amp;[0123405 - Advance with Moro Bay]"/>
        <member name="[CB - Account].[Account CB - Description].&amp;[0123410 - Advance with South Bay]"/>
        <member name="[CB - Account].[Account CB - Description].&amp;[0123415 - Advance with Moss Landing]"/>
        <member name="[CB - Account].[Account CB - Description].&amp;[0123420 - Advance with GAD]"/>
        <member name="[CB - Account].[Account CB - Description].&amp;[0123425 - Advance with DENA]"/>
        <member name="[CB - Account].[Account CB - Description].&amp;[0123430 - Advance with Madison, LLC]"/>
        <member name="[CB - Account].[Account CB - Description].&amp;[0123435 - Advance with Vermillion, LLC]"/>
        <member name="[CB - Account].[Account CB - Description].&amp;[0123440 - Advance with DE Bridgeport,LLC]"/>
        <member name="[CB - Account].[Account CB - Description].&amp;[0123445 - Advance with DE Hidalgo, LP]"/>
        <member name="[CB - Account].[Account CB - Description].&amp;[0123450 - Advance w/DENAwSmyrnaBeach Pwr]"/>
        <member name="[CB - Account].[Account CB - Description].&amp;[0123455 - Advance w/DE Bell, LP]"/>
        <member name="[CB - Account].[Account CB - Description].&amp;[0123460 - Advance w/DE DeSoto, LLC]"/>
        <member name="[CB - Account].[Account CB - Description].&amp;[0123465 - Advance w/Caso Bay Energy Co]"/>
        <member name="[CB - Account].[Account CB - Description].&amp;[0123470 - Advance w/DE St. Lucie, LLC]"/>
        <member name="[CB - Account].[Account CB - Description].&amp;[0123475 - Advance w/DE Design Supplier]"/>
        <member name="[CB - Account].[Account CB - Description].&amp;[0123480 - Advance w/DE Kaufman, LP]"/>
        <member name="[CB - Account].[Account CB - Description].&amp;[0123485 - Advance w/Fort Drum Cogencof]"/>
        <member name="[CB - Account].[Account CB - Description].&amp;[0123490 - Advance w/Duke/UAE Ref-Fuel]"/>
        <member name="[CB - Account].[Account CB - Description].&amp;[0123495 - Advance w/National Properties]"/>
        <member name="[CB - Account].[Account CB - Description].&amp;[0123498 - Inv-JV_Steckman Ridge]"/>
        <member name="[CB - Account].[Account CB - Description].&amp;[0123499 - Inv-equity_Steckman Ridge]"/>
        <member name="[CB - Account].[Account CB - Description].&amp;[0123500 - Advance w/DE St. Francis]"/>
        <member name="[CB - Account].[Account CB - Description].&amp;[0123502 - IUS - Ashabula Purch Acct]"/>
        <member name="[CB - Account].[Account CB - Description].&amp;[0123505 - Advance w/DE Hinds, LLC]"/>
        <member name="[CB - Account].[Account CB - Description].&amp;[0123510 - Invst-Sub/Advance DEI/DEGRP]"/>
        <member name="[CB - Account].[Account CB - Description].&amp;[0123515 - Invest in Joint Venture]"/>
        <member name="[CB - Account].[Account CB - Description].&amp;[0123520 - Investment in Stock Warrant]"/>
        <member name="[CB - Account].[Account CB - Description].&amp;[0123521 - IUS - Q-Comm Purch Acctg]"/>
        <member name="[CB - Account].[Account CB - Description].&amp;[0123523 - IUS - Tuscola Purch Acctg]"/>
        <member name="[CB - Account].[Account CB - Description].&amp;[0123525 - Investment &amp; Other Assets]"/>
        <member name="[CB - Account].[Account CB - Description].&amp;[0123530 - Inv JV-Moss Landing Mut. WtrCo]"/>
        <member name="[CB - Account].[Account CB - Description].&amp;[0123535 - Invst JV-Morro Bay Mut.Wtr Co]"/>
        <member name="[CB - Account].[Account CB - Description].&amp;[0123536 - Acquisitions]"/>
        <member name="[CB - Account].[Account CB - Description].&amp;[0123538 - Invstmnt in JV-SW Pwr Partners]"/>
        <member name="[CB - Account].[Account CB - Description].&amp;[0123539 - Reserve Army Dispute - FT Drum]"/>
        <member name="[CB - Account].[Account CB - Description].&amp;[0123540 - Reserve - Black River LLP]"/>
        <member name="[CB - Account].[Account CB - Description].&amp;[0123541 - Advance w/ California Regional]"/>
        <member name="[CB - Account].[Account CB - Description].&amp;[0123542 - Advance w/DE California, LLC]"/>
        <member name="[CB - Account].[Account CB - Description].&amp;[0123543 - Adv w/DukeEnergy Genrtng, LLC]"/>
        <member name="[CB - Account].[Account CB - Description].&amp;[0123544 - Advance w/Trenton]"/>
        <member name="[CB - Account].[Account CB - Description].&amp;[0123545 - Investment in JV-VMC]"/>
        <member name="[CB - Account].[Account CB - Description].&amp;[0123546 - Advance w/ DEI]"/>
        <member name="[CB - Account].[Account CB - Description].&amp;[0123547 - Advance w/ DE Lee Holding]"/>
        <member name="[CB - Account].[Account CB - Description].&amp;[0123548 - Advance w/ DELEC]"/>
        <member name="[CB - Account].[Account CB - Description].&amp;[0123549 - Advance Defs Intra]"/>
        <member name="[CB - Account].[Account CB - Description].&amp;[0123550 - Advance For Teppco (intrest)]"/>
        <member name="[CB - Account].[Account CB - Description].&amp;[0123551 - Advance for Teppco(Defs Reimb)]"/>
        <member name="[CB - Account].[Account CB - Description].&amp;[0123552 - Advance for Teppco (Distb)]"/>
        <member name="[CB - Account].[Account CB - Description].&amp;[0123553 - IUS - Attiki Purch Acctg]"/>
        <member name="[CB - Account].[Account CB - Description].&amp;[0123557 - IIUS - Tsavo Purch Acctg]"/>
        <member name="[CB - Account].[Account CB - Description].&amp;[0123560 - Investment In Joint Venture]"/>
        <member name="[CB - Account].[Account CB - Description].&amp;[0123561 - IIUS- Conterra C]"/>
        <member name="[CB - Account].[Account CB - Description].&amp;[0123562 - IIUS- Conterra X]"/>
        <member name="[CB - Account].[Account CB - Description].&amp;[0123563 - ADVANCE W/TRENTON]"/>
        <member name="[CB - Account].[Account CB - Description].&amp;[0123564 - ADVANCE W/MAINE INDEPENDENCE]"/>
        <member name="[CB - Account].[Account CB - Description].&amp;[0123565 - ADVANCE W/ATTALA]"/>
        <member name="[CB - Account].[Account CB - Description].&amp;[0123566 - ADVANCE WITH 20045]"/>
        <member name="[CB - Account].[Account CB - Description].&amp;[0123567 - ADVANCE W/SOUTHHAVEN]"/>
        <member name="[CB - Account].[Account CB - Description].&amp;[0123568 - ADVANCE WITH DETM]"/>
        <member name="[CB - Account].[Account CB - Description].&amp;[0123569 - ADVANCE W/AUDRAIN]"/>
        <member name="[CB - Account].[Account CB - Description].&amp;[0123570 - ADVANCE W/MCCLAIN]"/>
        <member name="[CB - Account].[Account CB - Description].&amp;[0123571 - ADVANCE W/MARICOPA]"/>
        <member name="[CB - Account].[Account CB - Description].&amp;[0123572 - Advance Account 184301]"/>
        <member name="[CB - Account].[Account CB - Description].&amp;[0123573 - Advance w/30075]"/>
        <member name="[CB - Account].[Account CB - Description].&amp;[0123825 - Inv in Unconsol Sub-Pioneer Tr]"/>
        <member name="[CB - Account].[Account CB - Description].&amp;[0123897 - VIE-Restr Invest Unconsol Subs]"/>
        <member name="[CB - Account].[Account CB - Description].&amp;[0123999 - Intercompany Rollup Advance]"/>
        <member name="[CB - Account].[Account CB - Description].&amp;[0124000 - Tax: LT AFS: Purchased Cost]"/>
        <member name="[CB - Account].[Account CB - Description].&amp;[0124001 - Investmens other - DEGT only]"/>
        <member name="[CB - Account].[Account CB - Description].&amp;[0124002 - ESP Investments]"/>
        <member name="[CB - Account].[Account CB - Description].&amp;[0124003 - DIRECTORS ESP INVESTMENTS]"/>
        <member name="[CB - Account].[Account CB - Description].&amp;[0124005 - Investment in Charlotte Housin]"/>
        <member name="[CB - Account].[Account CB - Description].&amp;[0124006 - Mass Mutual CSV 1/1/86]"/>
        <member name="[CB - Account].[Account CB - Description].&amp;[0124007 - Mass Mutual CSV 1/1/84]"/>
        <member name="[CB - Account].[Account CB - Description].&amp;[0124008 - Mass Mutual CSV 12/15/84]"/>
        <member name="[CB - Account].[Account CB - Description].&amp;[0124009 - Mass Mutual CSV 9/1/85PE]"/>
        <member name="[CB - Account].[Account CB - Description].&amp;[0124010 - Mass Mutual CSV 6/1/86]"/>
        <member name="[CB - Account].[Account CB - Description].&amp;[0124011 - GEN AM LIFE CSV 9/15/82]"/>
        <member name="[CB - Account].[Account CB - Description].&amp;[0124012 - MASS MUTUAL CSV 9/1/85 TE]"/>
        <member name="[CB - Account].[Account CB - Description].&amp;[0124013 - PAC MUTUAL CSV 9/25/85]"/>
        <member name="[CB - Account].[Account CB - Description].&amp;[0124014 - PAC MUTUAL CSV 6/3/87]"/>
        <member name="[CB - Account].[Account CB - Description].&amp;[0124015 - GREAT WEST LIFE CSV 6/1/85]"/>
        <member name="[CB - Account].[Account CB - Description].&amp;[0124016 - PRUDENTIAL CSV 9/25/86]"/>
        <member name="[CB - Account].[Account CB - Description].&amp;[0124017 - TE HARTFORD CSV 5/31/88]"/>
        <member name="[CB - Account].[Account CB - Description].&amp;[0124018 - PE HARTFORD CSV 8/31/88]"/>
        <member name="[CB - Account].[Account CB - Description].&amp;[0124019 - MANU LIFE CSV 12/1/85]"/>
        <member name="[CB - Account].[Account CB - Description].&amp;[0124020 - Y&amp;O Workers Comp Bond Princ]"/>
        <member name="[CB - Account].[Account CB - Description].&amp;[0124021 - Y&amp;O Workers Comp Bond Discount]"/>
        <member name="[CB - Account].[Account CB - Description].&amp;[0124022 - Investment in Progress Point]"/>
        <member name="[CB - Account].[Account CB - Description].&amp;[0124023 - Investment in PEET]"/>
        <member name="[CB - Account].[Account CB - Description].&amp;[0124030 - Missing]"/>
        <member name="[CB - Account].[Account CB - Description].&amp;[0124040 - Mass Mutual Loan 12/28/84]"/>
        <member name="[CB - Account].[Account CB - Description].&amp;[0124041 - Mass Mutual  Loan 1/1/86]"/>
        <member name="[CB - Account].[Account CB - Description].&amp;[0124042 - Mass Mutual Loan 1/1/84]"/>
        <member name="[CB - Account].[Account CB - Description].&amp;[0124043 - Mass Mutual Loan 12/15/84]"/>
        <member name="[CB - Account].[Account CB - Description].&amp;[0124044 - Mass Mutual Loan 9/1/85]"/>
        <member name="[CB - Account].[Account CB - Description].&amp;[0124045 - Mass Mutual Loan 6/1/86]"/>
        <member name="[CB - Account].[Account CB - Description].&amp;[0124046 - GEM AM Life Loan 9/15/82]"/>
        <member name="[CB - Account].[Account CB - Description].&amp;[0124047 - Mass Mutual Loan 9/1/85 TE]"/>
        <member name="[CB - Account].[Account CB - Description].&amp;[0124048 - PAC Mutual Loan 9/25/85]"/>
        <member name="[CB - Account].[Account CB - Description].&amp;[0124049 - PAC Mutual Loan 6/3/87]"/>
        <member name="[CB - Account].[Account CB - Description].&amp;[0124050 - Great West Life Loan 6/1/85]"/>
        <member name="[CB - Account].[Account CB - Description].&amp;[0124051 - Prudential Loan 9/25/86]"/>
        <member name="[CB - Account].[Account CB - Description].&amp;[0124052 - MANU LIFE LOAN 12/1/85]"/>
        <member name="[CB - Account].[Account CB - Description].&amp;[0124060 - Sch M: LT AFS: FV Adjustments]"/>
        <member name="[CB - Account].[Account CB - Description].&amp;[0124073 - Investments in Projects]"/>
        <member name="[CB - Account].[Account CB - Description].&amp;[0124090 - Invst-Campbell Co Bus Develop]"/>
        <member name="[CB - Account].[Account CB - Description].&amp;[0124100 - Stocks &amp; Bonds In Other Co.]"/>
        <member name="[CB - Account].[Account CB - Description].&amp;[0124101 - Inv in Piedmont Venture Prtnrs]"/>
        <member name="[CB - Account].[Account CB - Description].&amp;[0124102 - Inv in NC Enterprise Fund]"/>
        <member name="[CB - Account].[Account CB - Description].&amp;[0124103 - Inv in Vaxa Capital Partners]"/>
        <member name="[CB - Account].[Account CB - Description].&amp;[0124104 - Inv in Palmetto Seed Cap Fund]"/>
        <member name="[CB - Account].[Account CB - Description].&amp;[0124105 - Inv in Kannapolis Energy Prtns]"/>
        <member name="[CB - Account].[Account CB - Description].&amp;[0124106 - Investment in T-Rex Group]"/>
        <member name="[CB - Account].[Account CB - Description].&amp;[0124107 - Investment in WestCoast Energy]"/>
        <member name="[CB - Account].[Account CB - Description].&amp;[0124108 - Investment in Microcell]"/>
        <member name="[CB - Account].[Account CB - Description].&amp;[0124109 - Investment in APOG]"/>
        <member name="[CB - Account].[Account CB - Description].&amp;[0124110 - AHFS INV AND OTHER ASSETS]"/>
        <member name="[CB - Account].[Account CB - Description].&amp;[0124111 - Investment in APOG]"/>
        <member name="[CB - Account].[Account CB - Description].&amp;[0124112 - INVESTMENT IN SANGROUP LLC]"/>
        <member name="[CB - Account].[Account CB - Description].&amp;[0124113 - INVESTMENT INFLEXION]"/>
        <member name="[CB - Account].[Account CB - Description].&amp;[0124114 - Investment in Orlagroup]"/>
        <member name="[CB - Account].[Account CB - Description].&amp;[0124120 - KINETIC VENTURES VI]"/>
        <member name="[CB - Account].[Account CB - Description].&amp;[0124121 - KINETIC VENTURES VII]"/>
        <member name="[CB - Account].[Account CB - Description].&amp;[0124130 - Invst-Blue Chip Capital]"/>
        <member name="[CB - Account].[Account CB - Description].&amp;[0124200 - INVST_LT_SEC_INV_PUR_ACCT_ADJ]"/>
        <member name="[CB - Account].[Account CB - Description].&amp;[0124201 - Invst-Nth Power Fund II]"/>
        <member name="[CB - Account].[Account CB - Description].&amp;[0124202 - Invest - Cintrifuse]"/>
        <member name="[CB - Account].[Account CB - Description].&amp;[0124203 - Invest - Cornerstone]"/>
        <member name="[CB - Account].[Account CB - Description].&amp;[0124204 - Invest - Clean Power Finance]"/>
        <member name="[CB - Account].[Account CB - Description].&amp;[0124205 - Invest - REGEN]"/>
        <member name="[CB - Account].[Account CB - Description].&amp;[0124206 - Invest- Middletown]"/>
        <member name="[CB - Account].[Account CB - Description].&amp;[0124207 - Invest - Westly Fund]"/>
        <member name="[CB - Account].[Account CB - Description].&amp;[0124208 - Invest in Port Authority Cinc]"/>
        <member name="[CB - Account].[Account CB - Description].&amp;[0124209 - Investment in Energy Impact]"/>
        <member name="[CB - Account].[Account CB - Description].&amp;[0124210 - Investment in Zero Mass Water]"/>
        <member name="[CB - Account].[Account CB - Description].&amp;[0124211 - Investment in Omnidian]"/>
        <member name="[CB - Account].[Account CB - Description].&amp;[0124250 - Invst-Lynx Capital]"/>
        <member name="[CB - Account].[Account CB - Description].&amp;[0124255 - Invest in General Compression]"/>
        <member name="[CB - Account].[Account CB - Description].&amp;[0124270 - Invst-Cincy New Markets Fund]"/>
        <member name="[CB - Account].[Account CB - Description].&amp;[0124275 - Invst-Cinci New Market Fund II]"/>
        <member name="[CB - Account].[Account CB - Description].&amp;[0124290 - Invst-Cambrdge Ventures LP]"/>
        <member name="[CB - Account].[Account CB - Description].&amp;[0124300 - Investment in Real Estate]"/>
        <member name="[CB - Account].[Account CB - Description].&amp;[0124301 - Invst-Circle Centre Mall]"/>
        <member name="[CB - Account].[Account CB - Description].&amp;[0124310 - Other Assets]"/>
        <member name="[CB - Account].[Account CB - Description].&amp;[0124311 - Inv-CSV Executive Life Plan]"/>
        <member name="[CB - Account].[Account CB - Description].&amp;[0124320 - Inactive]"/>
        <member name="[CB - Account].[Account CB - Description].&amp;[0124330 - Inactive]"/>
        <member name="[CB - Account].[Account CB - Description].&amp;[0124340 - Inactive]"/>
        <member name="[CB - Account].[Account CB - Description].&amp;[0124341 - Invst-Grantor Trusts]"/>
        <member name="[CB - Account].[Account CB - Description].&amp;[0124400 - Cash Surrender Value - Life]"/>
        <member name="[CB - Account].[Account CB - Description].&amp;[0124401 - CSV-Loans]"/>
        <member name="[CB - Account].[Account CB - Description].&amp;[0124402 - CSV-LOANS DCGP]"/>
        <member name="[CB - Account].[Account CB - Description].&amp;[0124404 - Invst - Zolo Technologies]"/>
        <member name="[CB - Account].[Account CB - Description].&amp;[0124405 - Invest - Northern Kentucky]"/>
        <member name="[CB - Account].[Account CB - Description].&amp;[0124406 - Investment in Westly Fund IV]"/>
        <member name="[CB - Account].[Account CB - Description].&amp;[0124407 - Investment in EIP Frontier)]"/>
        <member name="[CB - Account].[Account CB - Description].&amp;[0124408 - Investment in Westly Seed Fund]"/>
        <member name="[CB - Account].[Account CB - Description].&amp;[0124409 - Investment in Sparkfund]"/>
        <member name="[CB - Account].[Account CB - Description].&amp;[0124410 - Cash Surrender Value - Life]"/>
        <member name="[CB - Account].[Account CB - Description].&amp;[0124411 - Investment in EIP Elevate Fund]"/>
        <member name="[CB - Account].[Account CB - Description].&amp;[0124415 - Investment in Allumia]"/>
        <member name="[CB - Account].[Account CB - Description].&amp;[0124419 - Investment in Viatec]"/>
        <member name="[CB - Account].[Account CB - Description].&amp;[0124420 - Toli Life Insurance For]"/>
        <member name="[CB - Account].[Account CB - Description].&amp;[0124425 - Investment in CEF III]"/>
        <member name="[CB - Account].[Account CB - Description].&amp;[0124430 - Split Dollar Life Insurance]"/>
        <member name="[CB - Account].[Account CB - Description].&amp;[0124440 - Pomfret Life Ins. Policy - Exe]"/>
        <member name="[CB - Account].[Account CB - Description].&amp;[0124450 - Csv - Toli Contra]"/>
        <member name="[CB - Account].[Account CB - Description].&amp;[0124451 - Invst-Smart Synch]"/>
        <member name="[CB - Account].[Account CB - Description].&amp;[0124452 - Invest Smart Synch UCM LLC]"/>
        <member name="[CB - Account].[Account CB - Description].&amp;[0124460 - Csv - Split Dollar Contra]"/>
        <member name="[CB - Account].[Account CB - Description].&amp;[0124470 - Rabbi Trust - TEC SUPPL]"/>
        <member name="[CB - Account].[Account CB - Description].&amp;[0124471 - Rabbi Trust - TEC Def Comp]"/>
        <member name="[CB - Account].[Account CB - Description].&amp;[0124472 - Rabbi Trust - PE Exec]"/>
        <member name="[CB - Account].[Account CB - Description].&amp;[0124480 - Investment in Project Reserves]"/>
        <member name="[CB - Account].[Account CB - Description].&amp;[0124481 - FV of instruments not hedges]"/>
        <member name="[CB - Account].[Account CB - Description].&amp;[0124490 - Available for Sale-Debt Securi]"/>
        <member name="[CB - Account].[Account CB - Description].&amp;[0124491 - AFS Debt Sec Corp OCI Contra]"/>
        <member name="[CB - Account].[Account CB - Description].&amp;[0124501 - NOXs Held for Speculation]"/>
        <member name="[CB - Account].[Account CB - Description].&amp;[0124505 - Invst-Rabbi Trust]"/>
        <member name="[CB - Account].[Account CB - Description].&amp;[0124700 - Invst-Rabbi Trust NQ Def Comp]"/>
        <member name="[CB - Account].[Account CB - Description].&amp;[0125000 - Unrealized Gain mk to mkt]"/>
        <member name="[CB - Account].[Account CB - Description].&amp;[0128001 - Money Market-Chittenden Bank]"/>
        <member name="[CB - Account].[Account CB - Description].&amp;[0128003 - Partner's Share]"/>
        <member name="[CB - Account].[Account CB - Description].&amp;[0128100 - Loan Assistance Prog-Nc]"/>
        <member name="[CB - Account].[Account CB - Description].&amp;[0128200 - PC Bonds 2006 A&amp;B 10-1-2031]"/>
        <member name="[CB - Account].[Account CB - Description].&amp;[0128204 - PC Bonds 2007 A&amp;B]"/>
        <member name="[CB - Account].[Account CB - Description].&amp;[0128300 - Missing]"/>
        <member name="[CB - Account].[Account CB - Description].&amp;[0128400 - Reserve Funds For Deck]"/>
        <member name="[CB - Account].[Account CB - Description].&amp;[0128500 - Dividend Re-Investment]"/>
        <member name="[CB - Account].[Account CB - Description].&amp;[0128501 - H&amp;W Benefits Funding]"/>
        <member name="[CB - Account].[Account CB - Description].&amp;[0128600 - NC WORKERS COMP DEPOSIT]"/>
        <member name="[CB - Account].[Account CB - Description].&amp;[0128718 - Prefunded Pension]"/>
        <member name="[CB - Account].[Account CB - Description].&amp;[0128719 - Prefunded OPEB]"/>
        <member name="[CB - Account].[Account CB - Description].&amp;[0128800 - Funds DEC Qual Contr]"/>
        <member name="[CB - Account].[Account CB - Description].&amp;[0128801 - Funds DEC NQ Contr]"/>
        <member name="[CB - Account].[Account CB - Description].&amp;[0128802 - Funds DEC Qual Clean Contr]"/>
        <member name="[CB - Account].[Account CB - Description].&amp;[0128803 - Funds DEC NQ Clean Contr]"/>
        <member name="[CB - Account].[Account CB - Description].&amp;[0128804 - RABBI TRUST]"/>
        <member name="[CB - Account].[Account CB - Description].&amp;[0128805 - COLI PREPAID PREMIUM]"/>
        <member name="[CB - Account].[Account CB - Description].&amp;[0128810 - Funds DEC Qual Real Earn]"/>
        <member name="[CB - Account].[Account CB - Description].&amp;[0128811 - Funds DEC NQ Real Earn]"/>
        <member name="[CB - Account].[Account CB - Description].&amp;[0128812 - Funds DEC Qual Non Real Earn]"/>
        <member name="[CB - Account].[Account CB - Description].&amp;[0128813 - Funds DEC NQ Non Real Earn]"/>
        <member name="[CB - Account].[Account CB - Description].&amp;[0128814 - Funds DEC Qual Clean Real Earn]"/>
        <member name="[CB - Account].[Account CB - Description].&amp;[0128815 - Funds DEC Qual Clean NR Earn]"/>
        <member name="[CB - Account].[Account CB - Description].&amp;[0128816 - Funds DEC NQ Clean Real Earn]"/>
        <member name="[CB - Account].[Account CB - Description].&amp;[0128817 - Funds DEC NQ Clean NR Earn]"/>
        <member name="[CB - Account].[Account CB - Description].&amp;[0128897 - VIE-Restr Nuc Decom Trust Fund]"/>
        <member name="[CB - Account].[Account CB - Description].&amp;[0128910 - CR#3-QUAL. UNREAL GAINS/LOSSES]"/>
        <member name="[CB - Account].[Account CB - Description].&amp;[0128911 - CR#3 - NUC DECOM NONQUALIFIED]"/>
        <member name="[CB - Account].[Account CB - Description].&amp;[0128912 - CR#3-NON-QUAL.UNREAL.GAIN/L]"/>
        <member name="[CB - Account].[Account CB - Description].&amp;[0128913 - CR#3 Nuc Decom NonQualified SH]"/>
        <member name="[CB - Account].[Account CB - Description].&amp;[0128914 - CR3 ADP Qual Unreal G/L]"/>
        <member name="[CB - Account].[Account CB - Description].&amp;[0128915 - CR3 ADP Nuc Decom Qual]"/>
        <member name="[CB - Account].[Account CB - Description].&amp;[0128920 - DEP General Nonqualified Trust]"/>
        <member name="[CB - Account].[Account CB - Description].&amp;[0128921 - ROBINSON 2 QUALIFIED TRUST]"/>
        <member name="[CB - Account].[Account CB - Description].&amp;[0128922 - ROBINSON 2 NONQUALIFIED TRUST]"/>
        <member name="[CB - Account].[Account CB - Description].&amp;[0128923 - BRUNSWICK 1 QUALIFIED TRUST]"/>
        <member name="[CB - Account].[Account CB - Description].&amp;[0128924 - BRUNSWICK 1 NONQUALIFIED TRUST]"/>
        <member name="[CB - Account].[Account CB - Description].&amp;[0128925 - BRUNSWICK 2 QUALIFIED TRUST]"/>
        <member name="[CB - Account].[Account CB - Description].&amp;[0128926 - BRUNSWICK 2 NONQUALIFIED TRUST]"/>
        <member name="[CB - Account].[Account CB - Description].&amp;[0128927 - HARRIS QUALIFIED TRUST]"/>
        <member name="[CB - Account].[Account CB - Description].&amp;[0128928 - HARRIS NONQUALIFIED TRUST]"/>
        <member name="[CB - Account].[Account CB - Description].&amp;[0128929 - CR#3 - NUC DECOM QUALIFIED]"/>
        <member name="[CB - Account].[Account CB - Description].&amp;[0128930 - VEBA Earnings/Pmts]"/>
        <member name="[CB - Account].[Account CB - Description].&amp;[0129701 - Accum-Depr - Compter/Software]"/>
        <member name="[CB - Account].[Account CB - Description].&amp;[0129703 - A/Depr - Furn/Fix]"/>
        <member name="[CB - Account].[Account CB - Description].&amp;[0129705 - A/Depr - Lhld Imprv]"/>
        <member name="[CB - Account].[Account CB - Description].&amp;[0129707 - A/Depr - Of/Fld Eq]"/>
        <member name="[CB - Account].[Account CB - Description].&amp;[0129709 - A/Depr - Pricing Desk]"/>
        <member name="[CB - Account].[Account CB - Description].&amp;[0129710 - A/Depr - Project Equipment]"/>
        <member name="[CB - Account].[Account CB - Description].&amp;[0129712 - ACCUM DEPREC BUILDINGS]"/>
        <member name="[CB - Account].[Account CB - Description].&amp;[0129714 - ACCUM DEPREC MOTOR VEHICLES]"/>
        <member name="[CB - Account].[Account CB - Description].&amp;[0129716 - Prefunded Pension]"/>
        <member name="[CB - Account].[Account CB - Description].&amp;[0129717 - Prefunded pension (DE Car)]"/>
        <member name="[CB - Account].[Account CB - Description].&amp;[0131000 - Cash-Chase-Receipts]"/>
        <member name="[CB - Account].[Account CB - Description].&amp;[0131001 - Cash-Chase-Disbursemts]"/>
        <member name="[CB - Account].[Account CB - Description].&amp;[0131002 - Cash-Texas Commerce]"/>
        <member name="[CB - Account].[Account CB - Description].&amp;[0131003 - Cash-Bank Of Boston]"/>
        <member name="[CB - Account].[Account CB - Description].&amp;[0131004 - Cash-Bank of Boston-Funding]"/>
        <member name="[CB - Account].[Account CB - Description].&amp;[0131005 - Cash-Pt&amp;T]"/>
        <member name="[CB - Account].[Account CB - Description].&amp;[0131006 - Cash-Citibank]"/>
        <member name="[CB - Account].[Account CB - Description].&amp;[0131007 - Cash-Revenue Oper-Receipts]"/>
        <member name="[CB - Account].[Account CB - Description].&amp;[0131008 - Cash-Revenue Oper-Disbursement]"/>
        <member name="[CB - Account].[Account CB - Description].&amp;[0131009 - Cash-Rate Refund Reserve]"/>
        <member name="[CB - Account].[Account CB - Description].&amp;[0131010 - Cash I/C Contra]"/>
        <member name="[CB - Account].[Account CB - Description].&amp;[0131011 - Cash-BOA-Disbursements]"/>
        <member name="[CB - Account].[Account CB - Description].&amp;[0131012 - Cash-Cibc Debt Service]"/>
        <member name="[CB - Account].[Account CB - Description].&amp;[0131013 - Cash-Cibc Debt Service Res]"/>
        <member name="[CB - Account].[Account CB - Description].&amp;[0131014 - Interco Cash]"/>
        <member name="[CB - Account].[Account CB - Description].&amp;[0131015 - Temp Cash Invest-GSRI Canada]"/>
        <member name="[CB - Account].[Account CB - Description].&amp;[0131016 - Bank of NS_CAD Functional]"/>
        <member name="[CB - Account].[Account CB - Description].&amp;[0131017 - Cash Chase Disb XXXXX3490]"/>
        <member name="[CB - Account].[Account CB - Description].&amp;[0131018 - Cash Scotiabank 129890189413]"/>
        <member name="[CB - Account].[Account CB - Description].&amp;[0131019 - Cash Overdrafts to AP-FTG]"/>
        <member name="[CB - Account].[Account CB - Description].&amp;[0131020 - Cash-Loan Proceeds]"/>
        <member name="[CB - Account].[Account CB - Description].&amp;[0131021 - Cash-Receipts]"/>
        <member name="[CB - Account].[Account CB - Description].&amp;[0131022 - Cash-Loan Proceeds-Tech-Disb]"/>
        <member name="[CB - Account].[Account CB - Description].&amp;[0131023 - Cash-Loan Proceeds-Bus-Receipt]"/>
        <member name="[CB - Account].[Account CB - Description].&amp;[0131024 - Cash-Loan Proceeds-Bus-Disb]"/>
        <member name="[CB - Account].[Account CB - Description].&amp;[0131025 - Cash-Revenue]"/>
        <member name="[CB - Account].[Account CB - Description].&amp;[0131026 - Cash-Revenue-Technical-Receipt]"/>
        <member name="[CB - Account].[Account CB - Description].&amp;[0131027 - Cash-Revenue-Technical-Disb]"/>
        <member name="[CB - Account].[Account CB - Description].&amp;[0131028 - Cash-Revenue-Business-Receipt]"/>
        <member name="[CB - Account].[Account CB - Description].&amp;[0131029 - Cash-Revenue-Business-Disb]"/>
        <member name="[CB - Account].[Account CB - Description].&amp;[0131030 - Restricted Cash Long Term]"/>
        <member name="[CB - Account].[Account CB - Description].&amp;[0131031 - Cash Wells 0174 DEP]"/>
        <member name="[CB - Account].[Account CB - Description].&amp;[0131032 - Cash Wells 1182 DEF]"/>
        <member name="[CB - Account].[Account CB - Description].&amp;[0131033 - Cash Wells 1190 PGN]"/>
        <member name="[CB - Account].[Account CB - Description].&amp;[0131034 - Cash BOA 0484 DEBS]"/>
        <member name="[CB - Account].[Account CB - Description].&amp;[0131035 - Cash PeakNet]"/>
        <member name="[CB - Account].[Account CB - Description].&amp;[0131036 - Cash PeakNet Services]"/>
        <member name="[CB - Account].[Account CB - Description].&amp;[0131037 - Cash PT Holding Co.]"/>
        <member name="[CB - Account].[Account CB - Description].&amp;[0131083 - Cash Wells Fargo 1309]"/>
        <member name="[CB - Account].[Account CB - Description].&amp;[0131101 - A/P Cash GAAP Reclass]"/>
        <member name="[CB - Account].[Account CB - Description].&amp;[0131102 - Cash - Affiliate Settlement]"/>
        <member name="[CB - Account].[Account CB - Description].&amp;[0131103 - Cash - PNC - Evergreen]"/>
        <member name="[CB - Account].[Account CB - Description].&amp;[0131115 - CASH-CHASE-DETM OP PREMIUMS]"/>
        <member name="[CB - Account].[Account CB - Description].&amp;[0131117 - Cash - Scotia Bank]"/>
        <member name="[CB - Account].[Account CB - Description].&amp;[0131120 - CASH-CHASE-GENERAL II]"/>
        <member name="[CB - Account].[Account CB - Description].&amp;[0131123 - CASH-CHASE-DETM OTC MARGINS]"/>
        <member name="[CB - Account].[Account CB - Description].&amp;[0131125 - Cash PNC 3736]"/>
        <member name="[CB - Account].[Account CB - Description].&amp;[0131126 - Cash PNC 6968]"/>
        <member name="[CB - Account].[Account CB - Description].&amp;[0131127 - Cash PNC 3621]"/>
        <member name="[CB - Account].[Account CB - Description].&amp;[0131128 - Cash PNC 0813]"/>
        <member name="[CB - Account].[Account CB - Description].&amp;[0131129 - Cash PNC 8605]"/>
        <member name="[CB - Account].[Account CB - Description].&amp;[0131130 - Restricted Cash ST]"/>
        <member name="[CB - Account].[Account CB - Description].&amp;[0131131 - Cash Fifth Third 0918]"/>
        <member name="[CB - Account].[Account CB - Description].&amp;[0131132 - Cash Fifth Third 8377]"/>
        <member name="[CB - Account].[Account CB - Description].&amp;[0131133 - Cash JPM Chase 9815]"/>
        <member name="[CB - Account].[Account CB - Description].&amp;[0131134 - Cash JPM Chase 7073]"/>
        <member name="[CB - Account].[Account CB - Description].&amp;[0131135 - Cash Bank Montreal 4830]"/>
        <member name="[CB - Account].[Account CB - Description].&amp;[0131136 - Cash PNC 0739]"/>
        <member name="[CB - Account].[Account CB - Description].&amp;[0131137 - Cash PNC 3787]"/>
        <member name="[CB - Account].[Account CB - Description].&amp;[0131138 - Cash JPM 0989]"/>
        <member name="[CB - Account].[Account CB - Description].&amp;[0131139 - Cash PNC 8129]"/>
        <member name="[CB - Account].[Account CB - Description].&amp;[0131140 - Cash PNC 3795]"/>
        <member name="[CB - Account].[Account CB - Description].&amp;[0131141 - Cash PNC 2519]"/>
        <member name="[CB - Account].[Account CB - Description].&amp;[0131142 - Cash PNC 3752]"/>
        <member name="[CB - Account].[Account CB - Description].&amp;[0131143 - Cash PNC 3816]"/>
        <member name="[CB - Account].[Account CB - Description].&amp;[0131144 - Cash PNC 5227]"/>
        <member name="[CB - Account].[Account CB - Description].&amp;[0131145 - Cash PNC 7885]"/>
        <member name="[CB - Account].[Account CB - Description].&amp;[0131146 - Cash PNC 5846]"/>
        <member name="[CB - Account].[Account CB - Description].&amp;[0131148 - Cash PNC 3744]"/>
        <member name="[CB - Account].[Account CB - Description].&amp;[0131149 - Cash PNC 6941]"/>
        <member name="[CB - Account].[Account CB - Description].&amp;[0131150 - Cash PNC 3701]"/>
        <member name="[CB - Account].[Account CB - Description].&amp;[0131151 - Cash JPM Chase 1276]"/>
        <member name="[CB - Account].[Account CB - Description].&amp;[0131152 - Cash Fifth Third 6113]"/>
        <member name="[CB - Account].[Account CB - Description].&amp;[0131153 - Cash JPM Chase 9823]"/>
        <member name="[CB - Account].[Account CB - Description].&amp;[0131154 - Cash Fifth Third 4725]"/>
        <member name="[CB - Account].[Account CB - Description].&amp;[0131161 - Cash PNC 1425]"/>
        <member name="[CB - Account].[Account CB - Description].&amp;[0131162 - Cash PNC 6987]"/>
        <member name="[CB - Account].[Account CB - Description].&amp;[0131163 - Cash PNC 0959]"/>
        <member name="[CB - Account].[Account CB - Description].&amp;[0131164 - Cash PNC 6282]"/>
        <member name="[CB - Account].[Account CB - Description].&amp;[0131165 - Cash Fifth Third 0865]"/>
        <member name="[CB - Account].[Account CB - Description].&amp;[0131166 - Cash CinGlobal PNC 9241]"/>
        <member name="[CB - Account].[Account CB - Description].&amp;[0131167 - Cash Delta1 PNC 6351]"/>
        <member name="[CB - Account].[Account CB - Description].&amp;[0131168 - Cash Suez PNC 6367]"/>
        <member name="[CB - Account].[Account CB - Description].&amp;[0131169 - Cash Shreve PNC 1329]"/>
        <member name="[CB - Account].[Account CB - Description].&amp;[0131170 - Cash Oklahoma PNC 1433]"/>
        <member name="[CB - Account].[Account CB - Description].&amp;[0131171 - Cash Delta2 PNC 2097]"/>
        <member name="[CB - Account].[Account CB - Description].&amp;[0131172 - Cash Shouston PNC 6375]"/>
        <member name="[CB - Account].[Account CB - Description].&amp;[0131173 - Cash CinRecv PNC 7469]"/>
        <member name="[CB - Account].[Account CB - Description].&amp;[0131174 - Cash Suez PNC wire4462]"/>
        <member name="[CB - Account].[Account CB - Description].&amp;[0131175 - Cash Shouston PNC wire7286]"/>
        <member name="[CB - Account].[Account CB - Description].&amp;[0131176 - Cash Tri-State PNC 5407]"/>
        <member name="[CB - Account].[Account CB - Description].&amp;[0131177 - Cash DETM Rec JPMChase 4430]"/>
        <member name="[CB - Account].[Account CB - Description].&amp;[0131178 - Cash PNC 3314]"/>
        <member name="[CB - Account].[Account CB - Description].&amp;[0131179 - Cash ROW PNC 679]"/>
        <member name="[CB - Account].[Account CB - Description].&amp;[0131180 - CASH SCOTIABANK XXXXXXXX1612]"/>
        <member name="[CB - Account].[Account CB - Description].&amp;[0131181 - CashJPM6747]"/>
        <member name="[CB - Account].[Account CB - Description].&amp;[0131182 - CashJPM6754]"/>
        <member name="[CB - Account].[Account CB - Description].&amp;[0131183 - Cash ROW PNC 652]"/>
        <member name="[CB - Account].[Account CB - Description].&amp;[0131184 - Cash Tuscola PNC wire9571]"/>
        <member name="[CB - Account].[Account CB - Description].&amp;[0131185 - Cash Tuscola PNC chck4008]"/>
        <member name="[CB - Account].[Account CB - Description].&amp;[0131186 - Cash Ashtabula PNC wire9635]"/>
        <member name="[CB - Account].[Account CB - Description].&amp;[0131187 - Cash Ashtabula PNC chck4059]"/>
        <member name="[CB - Account].[Account CB - Description].&amp;[0131188 - Cash Rochester PNC wire9619]"/>
        <member name="[CB - Account].[Account CB - Description].&amp;[0131189 - Cash Rochester PNC chck4024]"/>
        <member name="[CB - Account].[Account CB - Description].&amp;[0131190 - Cash Silver Grove PNC wire9598]"/>
        <member name="[CB - Account].[Account CB - Description].&amp;[0131191 - Cash Silver Grove PNC chck4016]"/>
        <member name="[CB - Account].[Account CB - Description].&amp;[0131192 - Cash GM Lansing PNC wire9627]"/>
        <member name="[CB - Account].[Account CB - Description].&amp;[0131193 - Cash GM Lansing PNC chck4032]"/>
        <member name="[CB - Account].[Account CB - Description].&amp;[0131194 - Cash DERS PNC wire9643]"/>
        <member name="[CB - Account].[Account CB - Description].&amp;[0131195 - Cash DERS PNC chck4702]"/>
        <member name="[CB - Account].[Account CB - Description].&amp;[0131196 - Cash DCAM PNC 5494]"/>
        <member name="[CB - Account].[Account CB - Description].&amp;[0131197 - Cash DCAM PNC 8126]"/>
        <member name="[CB - Account].[Account CB - Description].&amp;[0131198 - Cash - DCAM PNC 8226]"/>
        <member name="[CB - Account].[Account CB - Description].&amp;[0131200 - Cash BOA 7068]"/>
        <member name="[CB - Account].[Account CB - Description].&amp;[0131201 - Cash BOA 7071]"/>
        <member name="[CB - Account].[Account CB - Description].&amp;[0131203 - Cash BOA 1925 PEC]"/>
        <member name="[CB - Account].[Account CB - Description].&amp;[0131204 - Cash BOA 1097 PEF]"/>
        <member name="[CB - Account].[Account CB - Description].&amp;[0131205 - Cash Mellon 0469 PEC]"/>
        <member name="[CB - Account].[Account CB - Description].&amp;[0131206 - Cash Mellon 0442 PEF]"/>
        <member name="[CB - Account].[Account CB - Description].&amp;[0131207 - Cash DATC PNC wire1901]"/>
        <member name="[CB - Account].[Account CB - Description].&amp;[0131208 - Cash DATC PNC chck 6036]"/>
        <member name="[CB - Account].[Account CB - Description].&amp;[0131209 - Cash Zephyr PNC wire1928]"/>
        <member name="[CB - Account].[Account CB - Description].&amp;[0131210 - CURR ASSET HFS CASH]"/>
        <member name="[CB - Account].[Account CB - Description].&amp;[0131211 - Cash Zephyr PNC chck 6044]"/>
        <member name="[CB - Account].[Account CB - Description].&amp;[0131212 - Cash Mellon 2331 PEC]"/>
        <member name="[CB - Account].[Account CB - Description].&amp;[0131213 - Cash Mellon 2227 PEF]"/>
        <member name="[CB - Account].[Account CB - Description].&amp;[0131215 - Cash Wells 7591 PE-SVC Co]"/>
        <member name="[CB - Account].[Account CB - Description].&amp;[0131216 - Cash Wells 7792 PEF]"/>
        <member name="[CB - Account].[Account CB - Description].&amp;[0131217 - Cash Wells 1924 PEF]"/>
        <member name="[CB - Account].[Account CB - Description].&amp;[0131218 - Cash Wells 5602 PEF]"/>
        <member name="[CB - Account].[Account CB - Description].&amp;[0131219 - Cash Wells 2434 PEF]"/>
        <member name="[CB - Account].[Account CB - Description].&amp;[0131220 - Cash Wells 2450 PEF]"/>
        <member name="[CB - Account].[Account CB - Description].&amp;[0131221 - Cash Wells 6437 PEC]"/>
        <member name="[CB - Account].[Account CB - Description].&amp;[0131222 - Cash Wells 9761 PGN]"/>
        <member name="[CB - Account].[Account CB - Description].&amp;[0131223 - Cash Wells 4753 PEC]"/>
        <member name="[CB - Account].[Account CB - Description].&amp;[0131224 - Cash Wells 1605 PE-SVC Co]"/>
        <member name="[CB - Account].[Account CB - Description].&amp;[0131225 - Cash Wells 7601 PEC]"/>
        <member name="[CB - Account].[Account CB - Description].&amp;[0131226 - Cash Wells 0037 PE-SVC Co]"/>
        <member name="[CB - Account].[Account CB - Description].&amp;[0131227 - Cash Wells 0020 PEC]"/>
        <member name="[CB - Account].[Account CB - Description].&amp;[0131228 - Cash Wells 8238 PEF]"/>
        <member name="[CB - Account].[Account CB - Description].&amp;[0131229 - Cash Wells 5067 PE-SVC Co]"/>
        <member name="[CB - Account].[Account CB - Description].&amp;[0131230 - Cash Wells 9928 FL Prog Fundng]"/>
        <member name="[CB - Account].[Account CB - Description].&amp;[0131231 - Cash Wells 8148 PE-Fuels Corp]"/>
        <member name="[CB - Account].[Account CB - Description].&amp;[0131232 - Cash Wells 0637 CaroFund]"/>
        <member name="[CB - Account].[Account CB - Description].&amp;[0131233 - Cash Wells 0811 CaroHome]"/>
        <member name="[CB - Account].[Account CB - Description].&amp;[0131234 - Cash Wells 4827 PEC]"/>
        <member name="[CB - Account].[Account CB - Description].&amp;[0131235 - Cash Wells 7780 PE-SVC Co]"/>
        <member name="[CB - Account].[Account CB - Description].&amp;[0131240 - Cash BOA 0336 PNG]"/>
        <member name="[CB - Account].[Account CB - Description].&amp;[0131241 - Cash BOA 9617 PNG]"/>
        <member name="[CB - Account].[Account CB - Description].&amp;[0131242 - Cash BOA 8875 PNG]"/>
        <member name="[CB - Account].[Account CB - Description].&amp;[0131243 - Cash BOA 9620 PNG]"/>
        <member name="[CB - Account].[Account CB - Description].&amp;[0131244 - Cash BOA 0460 PNG]"/>
        <member name="[CB - Account].[Account CB - Description].&amp;[0131245 - Cash WELLS 9479 PNG]"/>
        <member name="[CB - Account].[Account CB - Description].&amp;[0131246 - CASH-BMTL-USD]"/>
        <member name="[CB - Account].[Account CB - Description].&amp;[0131247 - Cash WELLS 2258 PNG]"/>
        <member name="[CB - Account].[Account CB - Description].&amp;[0131248 - Cash BOA 9077 PNG]"/>
        <member name="[CB - Account].[Account CB - Description].&amp;[0131249 - Cash JPM 8909 PNG]"/>
        <member name="[CB - Account].[Account CB - Description].&amp;[0131250 - Cash BOA 1639 PNG]"/>
        <member name="[CB - Account].[Account CB - Description].&amp;[0131251 - Cash]"/>
        <member name="[CB - Account].[Account CB - Description].&amp;[0131252 - BNS - DE MKTG POWER]"/>
        <member name="[CB - Account].[Account CB - Description].&amp;[0131253 - BNS - DE MKTG RISK]"/>
        <member name="[CB - Account].[Account CB - Description].&amp;[0131254 - BNS - DE MKTG OPTIONS]"/>
        <member name="[CB - Account].[Account CB - Description].&amp;[0131255 - Cash BOA 7206 PNG]"/>
        <member name="[CB - Account].[Account CB - Description].&amp;[0131256 - Cash JPM 2133 PNG]"/>
        <member name="[CB - Account].[Account CB - Description].&amp;[0131260 - Cash JPM 1260 DEBS]"/>
        <member name="[CB - Account].[Account CB - Description].&amp;[0131261 - Cash JPM 4638 DERF-DEC]"/>
        <member name="[CB - Account].[Account CB - Description].&amp;[0131262 - Cash JPM 4620 CRC-DEO]"/>
        <member name="[CB - Account].[Account CB - Description].&amp;[0131263 - Cash JPM 4612 CRC-DEI]"/>
        <member name="[CB - Account].[Account CB - Description].&amp;[0131264 - Cash JPM 4604 CRC-DEK]"/>
        <member name="[CB - Account].[Account CB - Description].&amp;[0131265 - Cash JPM 4596 DEPR-DEP]"/>
        <member name="[CB - Account].[Account CB - Description].&amp;[0131266 - Cash JPM 4588 DEFR-DEF]"/>
        <member name="[CB - Account].[Account CB - Description].&amp;[0131267 - Cash JPM 4570 DEC]"/>
        <member name="[CB - Account].[Account CB - Description].&amp;[0131268 - Cash JPM 4562 DEO]"/>
        <member name="[CB - Account].[Account CB - Description].&amp;[0131269 - Cash JPM 4554 DEI]"/>
        <member name="[CB - Account].[Account CB - Description].&amp;[0131270 - Cash JPM 4547 DEK]"/>
        <member name="[CB - Account].[Account CB - Description].&amp;[0131271 - Cash JPM 4521 DEP]"/>
        <member name="[CB - Account].[Account CB - Description].&amp;[0131272 - Cash JPM 4513 DEF]"/>
        <member name="[CB - Account].[Account CB - Description].&amp;[0131292 - CASH-CHASE-DE MKTG POWER]"/>
        <member name="[CB - Account].[Account CB - Description].&amp;[0131300 - Retail Branch/Cash Collections]"/>
        <member name="[CB - Account].[Account CB - Description].&amp;[0131301 - Cash-DPCBIS-Bank of Granite-GF]"/>
        <member name="[CB - Account].[Account CB - Description].&amp;[0131302 - Cash-DPCBIS-BankofStanly-Albmr]"/>
        <member name="[CB - Account].[Account CB - Description].&amp;[0131303 - Cash-DPCBIS-1stCharter-Waxhaw]"/>
        <member name="[CB - Account].[Account CB - Description].&amp;[0131304 - Cash-DPCBIS-BB&amp;T-TreasAcct]"/>
        <member name="[CB - Account].[Account CB - Description].&amp;[0131305 - Cash-Chase-USPS]"/>
        <member name="[CB - Account].[Account CB - Description].&amp;[0131306 - Cash-DPCBIS-CCB-Durham]"/>
        <member name="[CB - Account].[Account CB - Description].&amp;[0131307 - Cash-DPCBIS-Centura-RockyMount]"/>
        <member name="[CB - Account].[Account CB - Description].&amp;[0131308 - Cash-DPCBIS-CitizensSvg-Rockwe]"/>
        <member name="[CB - Account].[Account CB - Description].&amp;[0131309 - Cash-DPCBIS-UCB 5115]"/>
        <member name="[CB - Account].[Account CB - Description].&amp;[0131310 - Cash-DPCBIS-FirstCitizens-Chlt]"/>
        <member name="[CB - Account].[Account CB - Description].&amp;[0131311 - Cash-DPCBIS-FirstNatl-Shelby]"/>
        <member name="[CB - Account].[Account CB - Description].&amp;[0131312 - Cash-DPCBIS-FrstNatlB&amp;T-A'boro]"/>
        <member name="[CB - Account].[Account CB - Description].&amp;[0131313 - Cash-DPCBIS-FrstNatlSE-Reidsvl]"/>
        <member name="[CB - Account].[Account CB - Description].&amp;[0131314 - Cash-DPCBIS-FrstComm-Taylorsvl]"/>
        <member name="[CB - Account].[Account CB - Description].&amp;[0131315 - WACHOVIA#2018680829646]"/>
        <member name="[CB - Account].[Account CB - Description].&amp;[0131316 - Cash-DPCBIS-Bank of York]"/>
        <member name="[CB - Account].[Account CB - Description].&amp;[0131317 - Cash-DPCBIS-CarolinaSt-Chesnee]"/>
        <member name="[CB - Account].[Account CB - Description].&amp;[0131318 - Cash-DPCBIS-CarolinaFrst-Lbrty]"/>
        <member name="[CB - Account].[Account CB - Description].&amp;[0131319 - Cash-DPCBIS-Clover Comm Bank]"/>
        <member name="[CB - Account].[Account CB - Description].&amp;[0131320 - Cash-DPCBIS-Commercial-HneaPth]"/>
        <member name="[CB - Account].[Account CB - Description].&amp;[0131321 - Cash-DPCBIS-FrstCitizns-Sptnb]"/>
        <member name="[CB - Account].[Account CB - Description].&amp;[0131322 - Cash-DPCBIS-PalmettoBk-Laurens]"/>
        <member name="[CB - Account].[Account CB - Description].&amp;[0131323 - Cash-DPCBIS-WoodruffStateBank]"/>
        <member name="[CB - Account].[Account CB - Description].&amp;[0131324 - Cash-DPCBIS-Chase-ACHRcpts]"/>
        <member name="[CB - Account].[Account CB - Description].&amp;[0131325 - Cash-DPCBIS-Chase-Ctwba,Wires]"/>
        <member name="[CB - Account].[Account CB - Description].&amp;[0131326 - Cash-DPCBIS-WachoviaRecpts]"/>
        <member name="[CB - Account].[Account CB - Description].&amp;[0131327 - Cash-DPCBIS-BofA-Receipts]"/>
        <member name="[CB - Account].[Account CB - Description].&amp;[0131328 - Cash-DPCBIS-Wachovia-Receipts]"/>
        <member name="[CB - Account].[Account CB - Description].&amp;[0131329 - Cash-DPCBIS-BofA-CreditCard]"/>
        <member name="[CB - Account].[Account CB - Description].&amp;[0131330 - Cash-DPCBIS-HighSt-Hickory]"/>
        <member name="[CB - Account].[Account CB - Description].&amp;[0131331 - Cash-DPCBIS-NWBank-Taylrsvil]"/>
        <member name="[CB - Account].[Account CB - Description].&amp;[0131332 - Dividends Regular]"/>
        <member name="[CB - Account].[Account CB - Description].&amp;[0131333 - Dividend Reinvestment Pending]"/>
        <member name="[CB - Account].[Account CB - Description].&amp;[0131334 - Preferred Redemption Checks]"/>
        <member name="[CB - Account].[Account CB - Description].&amp;[0131350 - Cash-Chase-MAPPS-EFT]"/>
        <member name="[CB - Account].[Account CB - Description].&amp;[0131351 - Cash-Chase-General]"/>
        <member name="[CB - Account].[Account CB - Description].&amp;[0131352 - Cash-Chase-BPM]"/>
        <member name="[CB - Account].[Account CB - Description].&amp;[0131353 - Cash-Chase-MARBS]"/>
        <member name="[CB - Account].[Account CB - Description].&amp;[0131354 - Cash-Wachovia-General]"/>
        <member name="[CB - Account].[Account CB - Description].&amp;[0131355 - Cash-Wachovia-MARBS]"/>
        <member name="[CB - Account].[Account CB - Description].&amp;[0131356 - Cash-Wachovia-GO Collections]"/>
        <member name="[CB - Account].[Account CB - Description].&amp;[0131357 - Cash-Wachovia-JUMS]"/>
        <member name="[CB - Account].[Account CB - Description].&amp;[0131358 - Wells 2000057639545]"/>
        <member name="[CB - Account].[Account CB - Description].&amp;[0131359 - Cash-BofA-GeneralAcct]"/>
        <member name="[CB - Account].[Account CB - Description].&amp;[0131360 - Cash-BofA-CustomerRefunds]"/>
        <member name="[CB - Account].[Account CB - Description].&amp;[0131361 - Cash-Wachovia-PosPay]"/>
        <member name="[CB - Account].[Account CB - Description].&amp;[0131362 - Cash-Wachovia-GeneralAcct]"/>
        <member name="[CB - Account].[Account CB - Description].&amp;[0131363 - Cash-Wachovia-ContrDisb]"/>
        <member name="[CB - Account].[Account CB - Description].&amp;[0131364 - Cash-BofA-Div-Shhldr]"/>
        <member name="[CB - Account].[Account CB - Description].&amp;[0131365 - Cash-Wachovia-PffddStxRdmptn]"/>
        <member name="[CB - Account].[Account CB - Description].&amp;[0131366 - Cash Clring Fleet Svcs Cr Card]"/>
        <member name="[CB - Account].[Account CB - Description].&amp;[0131367 - Cash - CCB Ener Products Loan]"/>
        <member name="[CB - Account].[Account CB - Description].&amp;[0131368 - Cash-ChaseCollAgentsDeposits]"/>
        <member name="[CB - Account].[Account CB - Description].&amp;[0131369 - DUKE ENERGY FDN CASH]"/>
        <member name="[CB - Account].[Account CB - Description].&amp;[0131370 - Cash-Wachovia-WesternUnion]"/>
        <member name="[CB - Account].[Account CB - Description].&amp;[0131371 - Cash-BB&amp;T-WesternUnion]"/>
        <member name="[CB - Account].[Account CB - Description].&amp;[0131372 - Cash - Chase ECNs]"/>
        <member name="[CB - Account].[Account CB - Description].&amp;[0131373 - Cash-Wachovia CAPS]"/>
        <member name="[CB - Account].[Account CB - Description].&amp;[0131374 - Cash- Wachovia-DERF]"/>
        <member name="[CB - Account].[Account CB - Description].&amp;[0131375 - CASH-CHASE-DE MKTG RISK]"/>
        <member name="[CB - Account].[Account CB - Description].&amp;[0131376 - Cash-Wachovia-DCS]"/>
        <member name="[CB - Account].[Account CB - Description].&amp;[0131377 - Cash - Chase -Control Disburs.]"/>
        <member name="[CB - Account].[Account CB - Description].&amp;[0131383 - CASH-CHASE-DE MKTG OPTIONS]"/>
        <member name="[CB - Account].[Account CB - Description].&amp;[0131400 - Gen Office Cash Collections]"/>
        <member name="[CB - Account].[Account CB - Description].&amp;[0131500 - Cash In Transit-General]"/>
        <member name="[CB - Account].[Account CB - Description].&amp;[0131510 - CASH-CHASE-DENA T&amp;M OTC MARG]"/>
        <member name="[CB - Account].[Account CB - Description].&amp;[0131520 - Cash Chase Wire XXXXX3702]"/>
        <member name="[CB - Account].[Account CB - Description].&amp;[0131521 - Cash Chase Wire XXXXX4938]"/>
        <member name="[CB - Account].[Account CB - Description].&amp;[0131600 - Cash Merchandising]"/>
        <member name="[CB - Account].[Account CB - Description].&amp;[0131601 - CASH-NPL-WACHOVIA GENERAL]"/>
        <member name="[CB - Account].[Account CB - Description].&amp;[0131602 - CASH-NPL-FUNBFRANKLIN COLLECT]"/>
        <member name="[CB - Account].[Account CB - Description].&amp;[0131603 - CASH-NPL-FIRSTCHARTER-BRYSONCT]"/>
        <member name="[CB - Account].[Account CB - Description].&amp;[0131604 - CASH-NPL-CENTURABANK_CLINTNS]"/>
        <member name="[CB - Account].[Account CB - Description].&amp;[0131605 - CASH-NPL-MACONSAVINGSBANK-ACH]"/>
        <member name="[CB - Account].[Account CB - Description].&amp;[0131606 - CASH-NPL-Wachovia-CUSDEPREFUND]"/>
        <member name="[CB - Account].[Account CB - Description].&amp;[0131607 - Cash-NPL-CarolinaCommunityBank]"/>
        <member name="[CB - Account].[Account CB - Description].&amp;[0131608 - Cash-NPL-First Citizens]"/>
        <member name="[CB - Account].[Account CB - Description].&amp;[0131609 - Cash-NPL-Macon Bank Collection]"/>
        <member name="[CB - Account].[Account CB - Description].&amp;[0131619 - CASH-BMTL-PRIMARY]"/>
        <member name="[CB - Account].[Account CB - Description].&amp;[0131668 - Petty Cash - Sandersville]"/>
        <member name="[CB - Account].[Account CB - Description].&amp;[0131669 - Cash - CA Regional Office]"/>
        <member name="[CB - Account].[Account CB - Description].&amp;[0131700 - CASH CHASE DISB WAUSAU 41836]"/>
        <member name="[CB - Account].[Account CB - Description].&amp;[0131702 - Cash - First Union Payroll]"/>
        <member name="[CB - Account].[Account CB - Description].&amp;[0131703 - Cash - BankofAmerica Disb]"/>
        <member name="[CB - Account].[Account CB - Description].&amp;[0131704 - Cash - BankofAmerica Ops]"/>
        <member name="[CB - Account].[Account CB - Description].&amp;[0131705 - Cash - BankofAmerica Pyrl]"/>
        <member name="[CB - Account].[Account CB - Description].&amp;[0131706 - Cash - NYPA]"/>
        <member name="[CB - Account].[Account CB - Description].&amp;[0131707 - Cash - Petty Cash]"/>
        <member name="[CB - Account].[Account CB - Description].&amp;[0131710 - Cash-FUNB Payroll APD]"/>
        <member name="[CB - Account].[Account CB - Description].&amp;[0131711 - Cash-BOA Payroll Checks]"/>
        <member name="[CB - Account].[Account CB - Description].&amp;[0131712 - Cash-Chase Risk Mgmt]"/>
        <member name="[CB - Account].[Account CB - Description].&amp;[0131713 - Cash-Chase Risk Mgmt (Wires)]"/>
        <member name="[CB - Account].[Account CB - Description].&amp;[0131714 - Cash-DEBS General]"/>
        <member name="[CB - Account].[Account CB - Description].&amp;[0131715 - Cash-FUNB Corvel]"/>
        <member name="[CB - Account].[Account CB - Description].&amp;[0131716 - Cash-Wach Work Comp]"/>
        <member name="[CB - Account].[Account CB - Description].&amp;[0131717 - Wstr Gen GPM Pan Gat]"/>
        <member name="[CB - Account].[Account CB - Description].&amp;[0131718 - Wstr Gen GPM Ana Gat]"/>
        <member name="[CB - Account].[Account CB - Description].&amp;[0131719 - Wstr Gen PNGCo]"/>
        <member name="[CB - Account].[Account CB - Description].&amp;[0131720 - Wstr Gen GPM Gas Trd]"/>
        <member name="[CB - Account].[Account CB - Description].&amp;[0131721 - Chase Gen GPM Gas Td]"/>
        <member name="[CB - Account].[Account CB - Description].&amp;[0131722 - Wstr Gen P Gas Co]"/>
        <member name="[CB - Account].[Account CB - Description].&amp;[0131723 - Chase Gen P Gas Co]"/>
        <member name="[CB - Account].[Account CB - Description].&amp;[0131724 - Wstr Gen GPM Gas]"/>
        <member name="[CB - Account].[Account CB - Description].&amp;[0131725 - Wstr F Cks GPM Gas]"/>
        <member name="[CB - Account].[Account CB - Description].&amp;[0131726 - Wstr Royalty GPM Gas]"/>
        <member name="[CB - Account].[Account CB - Description].&amp;[0131727 - Chase Gen GPM Gas]"/>
        <member name="[CB - Account].[Account CB - Description].&amp;[0131728 - TCB Lockbox GPM Gas]"/>
        <member name="[CB - Account].[Account CB - Description].&amp;[0131729 - Chase Gen-DEFS P Gas]"/>
        <member name="[CB - Account].[Account CB - Description].&amp;[0131730 - Cash Chase Wire 9102771343]"/>
        <member name="[CB - Account].[Account CB - Description].&amp;[0131731 - Cash Nations 3750674152]"/>
        <member name="[CB - Account].[Account CB - Description].&amp;[0131732 - Cash Chase Wire 323888895]"/>
        <member name="[CB - Account].[Account CB - Description].&amp;[0131733 - Cash Chase Disb 601807654]"/>
        <member name="[CB - Account].[Account CB - Description].&amp;[0131734 - Cash Chase Wire 9102771350]"/>
        <member name="[CB - Account].[Account CB - Description].&amp;[0131735 - Cash Chase Wire 9102771384]"/>
        <member name="[CB - Account].[Account CB - Description].&amp;[0131736 - Cash Chase Disb 601807621]"/>
        <member name="[CB - Account].[Account CB - Description].&amp;[0131737 - Cash Chase Disb 601807688]"/>
        <member name="[CB - Account].[Account CB - Description].&amp;[0131738 - Cash Chase Disb 601807696]"/>
        <member name="[CB - Account].[Account CB - Description].&amp;[0131739 - Cash Chase Wire 9102771376]"/>
        <member name="[CB - Account].[Account CB - Description].&amp;[0131740 - Cash Chase Wire 9102780500]"/>
        <member name="[CB - Account].[Account CB - Description].&amp;[0131741 - Cash Chase Wire 9102780450]"/>
        <member name="[CB - Account].[Account CB - Description].&amp;[0131742 - Cash Chase Wire 9102780476]"/>
        <member name="[CB - Account].[Account CB - Description].&amp;[0131743 - Cash Chase Wire 9102780518]"/>
        <member name="[CB - Account].[Account CB - Description].&amp;[0131744 - Cash Chase Wire 9102786689]"/>
        <member name="[CB - Account].[Account CB - Description].&amp;[0131745 - Cash Chase Disb 601816820]"/>
        <member name="[CB - Account].[Account CB - Description].&amp;[0131746 - Cash Chae Wire 9102786697]"/>
        <member name="[CB - Account].[Account CB - Description].&amp;[0131747 - Cash Chase Disb 601816812]"/>
        <member name="[CB - Account].[Account CB - Description].&amp;[0131748 - Cash Chase Disb 601825474]"/>
        <member name="[CB - Account].[Account CB - Description].&amp;[0131749 - Cash Chase Wire 323134815]"/>
        <member name="[CB - Account].[Account CB - Description].&amp;[0131750 - Cash Chase Wire 323127347]"/>
        <member name="[CB - Account].[Account CB - Description].&amp;[0131751 - Cash Chase DIsb 601826928]"/>
        <member name="[CB - Account].[Account CB - Description].&amp;[0131752 - Cash Chase Wire 323121888]"/>
        <member name="[CB - Account].[Account CB - Description].&amp;[0131753 - Cash Chase Wire 323121926]"/>
        <member name="[CB - Account].[Account CB - Description].&amp;[0131754 - Cash Chase Wire 323120644]"/>
        <member name="[CB - Account].[Account CB - Description].&amp;[0131755 - Cash Chase Disb 601825748]"/>
        <member name="[CB - Account].[Account CB - Description].&amp;[0131756 - Cash Chase Wire 323121942]"/>
        <member name="[CB - Account].[Account CB - Description].&amp;[0131757 - Cash Chase Wire 323120598]"/>
        <member name="[CB - Account].[Account CB - Description].&amp;[0131758 - Cash Chase Wire 323120571]"/>
        <member name="[CB - Account].[Account CB - Description].&amp;[0131759 - Cash Chase Disb 601825771]"/>
        <member name="[CB - Account].[Account CB - Description].&amp;[0131760 - Cash Chase Wire 323122361]"/>
        <member name="[CB - Account].[Account CB - Description].&amp;[0131761 - Cash Chase Wire 323123333]"/>
        <member name="[CB - Account].[Account CB - Description].&amp;[0131762 - Cash Chase Disb 601826365]"/>
        <member name="[CB - Account].[Account CB - Description].&amp;[0131763 - Cash BOA Wire 1291133230]"/>
        <member name="[CB - Account].[Account CB - Description].&amp;[0131764 - Cash Chase Wire 7300203588]"/>
        <member name="[CB - Account].[Account CB - Description].&amp;[0131765 - Cash BOA 3751293192]"/>
        <member name="[CB - Account].[Account CB - Description].&amp;[0131766 - Cash Nations 3750674149]"/>
        <member name="[CB - Account].[Account CB - Description].&amp;[0131767 - Cash Chase Wire 32388887]"/>
        <member name="[CB - Account].[Account CB - Description].&amp;[0131768 - Cash Chase Wire 323120474]"/>
        <member name="[CB - Account].[Account CB - Description].&amp;[0131769 - Cash Chase Wire 323079601]"/>
        <member name="[CB - Account].[Account CB - Description].&amp;[0131770 - Cash Chase Disb 601819071]"/>
        <member name="[CB - Account].[Account CB - Description].&amp;[0131771 - Cash Chase Disb 601821283]"/>
        <member name="[CB - Account].[Account CB - Description].&amp;[0131772 - Cash Chase Wire 323004679]"/>
        <member name="[CB - Account].[Account CB - Description].&amp;[0131773 - Temporary Cash Inv.-Vista Fund]"/>
        <member name="[CB - Account].[Account CB - Description].&amp;[0131774 - Petty Cash Field Off-various]"/>
        <member name="[CB - Account].[Account CB - Description].&amp;[0131775 - Cash Advances-various]"/>
        <member name="[CB - Account].[Account CB - Description].&amp;[0131776 - Cash/short term inv. DEMS-Can]"/>
        <member name="[CB - Account].[Account CB - Description].&amp;[0131777 - Cash AmSo Petty Cash - 6533949]"/>
        <member name="[CB - Account].[Account CB - Description].&amp;[0131778 - Cash Chase Wire 9102771368]"/>
        <member name="[CB - Account].[Account CB - Description].&amp;[0131779 - Chase GGG Gen Op - 323-266797]"/>
        <member name="[CB - Account].[Account CB - Description].&amp;[0131780 - PEOPLESOFT PAYABLES]"/>
        <member name="[CB - Account].[Account CB - Description].&amp;[0131781 - CHASE DEBT RESERVE 125000.2]"/>
        <member name="[CB - Account].[Account CB - Description].&amp;[0131782 - CHASE OP RESERVE 125000.1]"/>
        <member name="[CB - Account].[Account CB - Description].&amp;[0131783 - Amegy Bank  XXXXXX0632]"/>
        <member name="[CB - Account].[Account CB - Description].&amp;[0131784 - Amegy Bank  XXXXXXX8763]"/>
        <member name="[CB - Account].[Account CB - Description].&amp;[0131785 - SW BANK OF TEXAS 444401339]"/>
        <member name="[CB - Account].[Account CB - Description].&amp;[0131786 - SW BANK OF TEXAS 158771]"/>
        <member name="[CB - Account].[Account CB - Description].&amp;[0131787 - SW BANK OF TEXAS 158798]"/>
        <member name="[CB - Account].[Account CB - Description].&amp;[0131788 - PNC BANK 50-0085-4025]"/>
        <member name="[CB - Account].[Account CB - Description].&amp;[0131789 - PNC BANK 50-0316-5284]"/>
        <member name="[CB - Account].[Account CB - Description].&amp;[0131790 - Bank 1 ACCT for EMPLEE EXP]"/>
        <member name="[CB - Account].[Account CB - Description].&amp;[0131791 - Wells Fargo #10780800 (VEBA)]"/>
        <member name="[CB - Account].[Account CB - Description].&amp;[0131792 - CASH-MEMBERSOURCE CU]"/>
        <member name="[CB - Account].[Account CB - Description].&amp;[0131793 - DEGS Tax Deposits]"/>
        <member name="[CB - Account].[Account CB - Description].&amp;[0131794 - Petty Cash - Hinds]"/>
        <member name="[CB - Account].[Account CB - Description].&amp;[0131795 - Petty Cash - Murry]"/>
        <member name="[CB - Account].[Account CB - Description].&amp;[0131796 - Petty Cash - Arlington]"/>
        <member name="[CB - Account].[Account CB - Description].&amp;[0131797 - Petty Cash - Morro Bay]"/>
        <member name="[CB - Account].[Account CB - Description].&amp;[0131798 - Petty Cash - Moss Landing]"/>
        <member name="[CB - Account].[Account CB - Description].&amp;[0131799 - Petty Cash - Oakland]"/>
        <member name="[CB - Account].[Account CB - Description].&amp;[0131800 - Petty Cash - South Bay]"/>
        <member name="[CB - Account].[Account CB - Description].&amp;[0131801 - Petty Cash - Enterprise]"/>
        <member name="[CB - Account].[Account CB - Description].&amp;[0131802 - Petty Cash - Hot Springs]"/>
        <member name="[CB - Account].[Account CB - Description].&amp;[0131803 - Petty Cash - Lee Merchant]"/>
        <member name="[CB - Account].[Account CB - Description].&amp;[0131804 - Petty Cash - Marshall Merchant]"/>
        <member name="[CB - Account].[Account CB - Description].&amp;[0131805 - Petty Cash - New Albany]"/>
        <member name="[CB - Account].[Account CB - Description].&amp;[0131806 - Petty Cash - South Haven]"/>
        <member name="[CB - Account].[Account CB - Description].&amp;[0131807 - Petty Cash - Washington]"/>
        <member name="[CB - Account].[Account CB - Description].&amp;[0131808 - Petty Cash - Bridgeport]"/>
        <member name="[CB - Account].[Account CB - Description].&amp;[0131809 - Petty Cash - Maine]"/>
        <member name="[CB - Account].[Account CB - Description].&amp;[0131810 - Cash-Chase-General Acct]"/>
        <member name="[CB - Account].[Account CB - Description].&amp;[0131811 - Cash-Chase-Loan Acct]"/>
        <member name="[CB - Account].[Account CB - Description].&amp;[0131812 - Cash-BofMontreal-Canadian Acct]"/>
        <member name="[CB - Account].[Account CB - Description].&amp;[0131813 - Cash-DCP Securities]"/>
        <member name="[CB - Account].[Account CB - Description].&amp;[0131814 - CASH CHASE TORONTO 0732306500]"/>
        <member name="[CB - Account].[Account CB - Description].&amp;[0131815 - Cash Chase TX Disb Jonah]"/>
        <member name="[CB - Account].[Account CB - Description].&amp;[0131816 - Cash Chase TX Wire Jonah]"/>
        <member name="[CB - Account].[Account CB - Description].&amp;[0131817 - Cash Chase Wire 323374476]"/>
        <member name="[CB - Account].[Account CB - Description].&amp;[0131818 - Cash Chase Disb 601850399]"/>
        <member name="[CB - Account].[Account CB - Description].&amp;[0131819 - Cash Chase Wire]"/>
        <member name="[CB - Account].[Account CB - Description].&amp;[0131820 - Cash Chase Disb]"/>
        <member name="[CB - Account].[Account CB - Description].&amp;[0131821 - Wells Fargo #41775581166]"/>
        <member name="[CB - Account].[Account CB - Description].&amp;[0131822 - Cash Chase TX Disb Chaparral]"/>
        <member name="[CB - Account].[Account CB - Description].&amp;[0131823 - Cash Chase TX Wire Chaparrel]"/>
        <member name="[CB - Account].[Account CB - Description].&amp;[0131824 - JP Morgan Escrow #201594.2]"/>
        <member name="[CB - Account].[Account CB - Description].&amp;[0131825 - Cash Chase TX Disb Quanah]"/>
        <member name="[CB - Account].[Account CB - Description].&amp;[0131826 - Cash Chase TX Wire Quanah]"/>
        <member name="[CB - Account].[Account CB - Description].&amp;[0131827 - Chase Disbursement]"/>
        <member name="[CB - Account].[Account CB - Description].&amp;[0131828 - Cash Chase TX Wire Midstream]"/>
        <member name="[CB - Account].[Account CB - Description].&amp;[0131829 - Cash Chase Wire 9102771319]"/>
        <member name="[CB - Account].[Account CB - Description].&amp;[0131830 - Cash Chase TX Wire Val Verde]"/>
        <member name="[CB - Account].[Account CB - Description].&amp;[0131831 - Cash Chase TX Disb Val Verde]"/>
        <member name="[CB - Account].[Account CB - Description].&amp;[0131832 - CASH Duke ProjectServGroup]"/>
        <member name="[CB - Account].[Account CB - Description].&amp;[0131833 - Petty Cash - LUNA]"/>
        <member name="[CB - Account].[Account CB - Description].&amp;[0131834 - Petty Cash - NOAPA]"/>
        <member name="[CB - Account].[Account CB - Description].&amp;[0131835 - Petty Cash - Fayette]"/>
        <member name="[CB - Account].[Account CB - Description].&amp;[0131836 - Cash Main Operating Acct(US$)]"/>
        <member name="[CB - Account].[Account CB - Description].&amp;[0131837 - Cash Capital Expend Facility]"/>
        <member name="[CB - Account].[Account CB - Description].&amp;[0131838 - Cash-Bank Debt Service]"/>
        <member name="[CB - Account].[Account CB - Description].&amp;[0131839 - Cash-Bond Debt Service]"/>
        <member name="[CB - Account].[Account CB - Description].&amp;[0131840 - Cash-Bank Debt Reserve]"/>
        <member name="[CB - Account].[Account CB - Description].&amp;[0131841 - Cash-Bond Debt Reserve]"/>
        <member name="[CB - Account].[Account CB - Description].&amp;[0131842 - Cash-Escrow]"/>
        <member name="[CB - Account].[Account CB - Description].&amp;[0131843 - Cash-Casualty]"/>
        <member name="[CB - Account].[Account CB - Description].&amp;[0131844 - Cash-Constr Oper-Receipts]"/>
        <member name="[CB - Account].[Account CB - Description].&amp;[0131845 - Cash-AR Check Clearing]"/>
        <member name="[CB - Account].[Account CB - Description].&amp;[0131846 - Temporary Cash Invest-TEPPCO]"/>
        <member name="[CB - Account].[Account CB - Description].&amp;[0131847 - GSRI Petty Cash]"/>
        <member name="[CB - Account].[Account CB - Description].&amp;[0131848 - Cash Nova Scotia Disb 90009415]"/>
        <member name="[CB - Account].[Account CB - Description].&amp;[0131849 - WausDent/Flex M&amp;Ixxxx-91174]"/>
        <member name="[CB - Account].[Account CB - Description].&amp;[0131850 - CHASE ESCR 103409257]"/>
        <member name="[CB - Account].[Account CB - Description].&amp;[0131851 - Cash Chase Wire XXXXXX4785]"/>
        <member name="[CB - Account].[Account CB - Description].&amp;[0131852 - CASH CHASE WIRE XXXXXX5057]"/>
        <member name="[CB - Account].[Account CB - Description].&amp;[0131853 - CASH CHASE WIRE XXXXXX5065]"/>
        <member name="[CB - Account].[Account CB - Description].&amp;[0131854 - CASH CHASE WIRE XXXXXX5073]"/>
        <member name="[CB - Account].[Account CB - Description].&amp;[0131855 - CASH CHASE DISB XXXXXX6773]"/>
        <member name="[CB - Account].[Account CB - Description].&amp;[0131856 - CASH CHASE WIRE XXXXXX7467]"/>
        <member name="[CB - Account].[Account CB - Description].&amp;[0131857 - DCP-Chase-ROW-8209]"/>
        <member name="[CB - Account].[Account CB - Description].&amp;[0131858 - DCP-Chase-ROW-8209]"/>
        <member name="[CB - Account].[Account CB - Description].&amp;[0131859 - Chase Wire XXXXX7773]"/>
        <member name="[CB - Account].[Account CB - Description].&amp;[0131860 - DCP-Chase-Wire 3698]"/>
        <member name="[CB - Account].[Account CB - Description].&amp;[0131861 - JPMorgan ESC - 10225928.1]"/>
        <member name="[CB - Account].[Account CB - Description].&amp;[0131862 - CASH-CAPEX DEBT RESERVE]"/>
        <member name="[CB - Account].[Account CB - Description].&amp;[0131863 - DCP MIDSTM OP, LP-MMDA 2991]"/>
        <member name="[CB - Account].[Account CB - Description].&amp;[0131864 - DCP-GSR LLC 51101]"/>
        <member name="[CB - Account].[Account CB - Description].&amp;[0131865 - GSR Hldg, Inc 69101]"/>
        <member name="[CB - Account].[Account CB - Description].&amp;[0131866 - DCP Mdstm Op, LP 95204]"/>
        <member name="[CB - Account].[Account CB - Description].&amp;[0131867 - DEFS, LP 95196]"/>
        <member name="[CB - Account].[Account CB - Description].&amp;[0131870 - Cash-Wells Fargo 9545]"/>
        <member name="[CB - Account].[Account CB - Description].&amp;[0131871 - Cash JPM 5003 DE1 Lockbox]"/>
        <member name="[CB - Account].[Account CB - Description].&amp;[0131872 - Cash JPM 5276 DE1 Operating]"/>
        <member name="[CB - Account].[Account CB - Description].&amp;[0131873 - Cash JPM 0971 DERC Lockbox]"/>
        <member name="[CB - Account].[Account CB - Description].&amp;[0131896 - CASH-CHASE-DETM]"/>
        <member name="[CB - Account].[Account CB - Description].&amp;[0131897 - VIE - Restricted Cash of VIE]"/>
        <member name="[CB - Account].[Account CB - Description].&amp;[0131898 - VIE - Restricted Cash LT]"/>
        <member name="[CB - Account].[Account CB - Description].&amp;[0134000 - Funds on Deposit with Trustee]"/>
        <member name="[CB - Account].[Account CB - Description].&amp;[0134001 - Winston-Salem City Street Exc]"/>
        <member name="[CB - Account].[Account CB - Description].&amp;[0134002 - Special Deposits - Nashville]"/>
        <member name="[CB - Account].[Account CB - Description].&amp;[0134003 - Sec Dep - Carolinas Stadium]"/>
        <member name="[CB - Account].[Account CB - Description].&amp;[0134004 - Special Deposit- Ballantyne CC]"/>
        <member name="[CB - Account].[Account CB - Description].&amp;[0134100 - Transmission Related Deposits]"/>
        <member name="[CB - Account].[Account CB - Description].&amp;[0134101 - Restricted Cash ST]"/>
        <member name="[CB - Account].[Account CB - Description].&amp;[0134102 - Backleverage Restricted Cash]"/>
        <member name="[CB - Account].[Account CB - Description].&amp;[0134103 - Project Res / Escrow / Deposit]"/>
        <member name="[CB - Account].[Account CB - Description].&amp;[0134110 - Fnd Dep w/Trustee Rel of Mtg]"/>
        <member name="[CB - Account].[Account CB - Description].&amp;[0134120 - Merrill Lynch Revenue 7078]"/>
        <member name="[CB - Account].[Account CB - Description].&amp;[0134200 - Misc Special Deposits]"/>
        <member name="[CB - Account].[Account CB - Description].&amp;[0134210 - Sale Proceeds Held by Intermed]"/>
        <member name="[CB - Account].[Account CB - Description].&amp;[0134220 - Inactive]"/>
        <member name="[CB - Account].[Account CB - Description].&amp;[0134230 - Inactive]"/>
        <member name="[CB - Account].[Account CB - Description].&amp;[0134300 - Inactive]"/>
        <member name="[CB - Account].[Account CB - Description].&amp;[0134550 - Rst Dep LTD Iss 04 B&amp;C Deut]"/>
        <member name="[CB - Account].[Account CB - Description].&amp;[0134650 - Rst Dep LTD Iss 04 A Deut]"/>
        <member name="[CB - Account].[Account CB - Description].&amp;[0134700 - Rst Dep LTD Iss 05 B&amp;C BONY]"/>
        <member name="[CB - Account].[Account CB - Description].&amp;[0134710 - ML Debt Service Reserve A 7076]"/>
        <member name="[CB - Account].[Account CB - Description].&amp;[0134720 - ML Debt Service Reserve B 7146]"/>
        <member name="[CB - Account].[Account CB - Description].&amp;[0134730 - ML Fixed Debt Reserve A 7181]"/>
        <member name="[CB - Account].[Account CB - Description].&amp;[0134864 - Rst Dep PCRB Ser 2000A 5/1/35]"/>
        <member name="[CB - Account].[Account CB - Description].&amp;[0134865 - Rst Dep 23M IDFA Ser 2002A 3/1]"/>
        <member name="[CB - Account].[Account CB - Description].&amp;[0134866 - Rst Dep IDFA 2004C 77.125 12/1]"/>
        <member name="[CB - Account].[Account CB - Description].&amp;[0134867 - RstDepIDFA2004B 77.125 12/1/39]"/>
        <member name="[CB - Account].[Account CB - Description].&amp;[0134868 - Rst Dep PSI PCB 2005C]"/>
        <member name="[CB - Account].[Account CB - Description].&amp;[0134869 - Rst Dep ULHP PCB 06A]"/>
        <member name="[CB - Account].[Account CB - Description].&amp;[0135000 - Cash-Working Funds-Chase Acct]"/>
        <member name="[CB - Account].[Account CB - Description].&amp;[0135001 - Oper Work Fund-Mellon Bank]"/>
        <member name="[CB - Account].[Account CB - Description].&amp;[0135002 - Employee Cash Advance]"/>
        <member name="[CB - Account].[Account CB - Description].&amp;[0135100 - Wk Funds-Individuals]"/>
        <member name="[CB - Account].[Account CB - Description].&amp;[0135101 - Oth Dep - Petty Cash Fund]"/>
        <member name="[CB - Account].[Account CB - Description].&amp;[0135200 - Wk Funds-Branch Managers]"/>
        <member name="[CB - Account].[Account CB - Description].&amp;[0135300 - Wk Funds-Nsf Checks]"/>
        <member name="[CB - Account].[Account CB - Description].&amp;[0135400 - 12/95]"/>
        <member name="[CB - Account].[Account CB - Description].&amp;[0135500 - Inactive]"/>
        <member name="[CB - Account].[Account CB - Description].&amp;[0135700 - Wk Funds-Departmental Accts]"/>
        <member name="[CB - Account].[Account CB - Description].&amp;[0135800 - Inactive]"/>
        <member name="[CB - Account].[Account CB - Description].&amp;[0135810 - Inactive]"/>
        <member name="[CB - Account].[Account CB - Description].&amp;[0135820 - Inactive]"/>
        <member name="[CB - Account].[Account CB - Description].&amp;[0135900 - Inactive]"/>
        <member name="[CB - Account].[Account CB - Description].&amp;[0136100 - Tax: AFS: Purchased Cost Basis]"/>
        <member name="[CB - Account].[Account CB - Description].&amp;[0136101 - Tax AFS Beg Bal FV Adjt to inc]"/>
        <member name="[CB - Account].[Account CB - Description].&amp;[0136102 - Sch M: AFS: YTD Income mirror]"/>
        <member name="[CB - Account].[Account CB - Description].&amp;[0136103 - Sch M: AFS: OCI mirror]"/>
        <member name="[CB - Account].[Account CB - Description].&amp;[0136104 - Sch M AFS Real gains or losses]"/>
        <member name="[CB - Account].[Account CB - Description].&amp;[0136105 - Tax AFS Purch cost recls to LT]"/>
        <member name="[CB - Account].[Account CB - Description].&amp;[0136106 - Sch M: AFS: FV reclass to LT]"/>
        <member name="[CB - Account].[Account CB - Description].&amp;[0136197 - VIE-Restricted ST Investments]"/>
        <member name="[CB - Account].[Account CB - Description].&amp;[0136200 - Short-Term Investment]"/>
        <member name="[CB - Account].[Account CB - Description].&amp;[0136300 - Auction Rate Security]"/>
        <member name="[CB - Account].[Account CB - Description].&amp;[0137118 - Cash - Scotia Bank Options]"/>
        <member name="[CB - Account].[Account CB - Description].&amp;[0141000 - Notes Receivables]"/>
        <member name="[CB - Account].[Account CB - Description].&amp;[0141001 - Note Rec - Uae Ref - Fuel]"/>
        <member name="[CB - Account].[Account CB - Description].&amp;[0141010 - Notes Rec-Payroll Deduction]"/>
        <member name="[CB - Account].[Account CB - Description].&amp;[0141020 - Notes Rec-Lynnwood Foundation]"/>
        <member name="[CB - Account].[Account CB - Description].&amp;[0141030 - Notes Receivable]"/>
        <member name="[CB - Account].[Account CB - Description].&amp;[0141040 - Notes Receivable - 3rd Party]"/>
        <member name="[CB - Account].[Account CB - Description].&amp;[0141050 - Note Receivable - Macon County]"/>
        <member name="[CB - Account].[Account CB - Description].&amp;[0141060 - Notes Receivable Allowance]"/>
        <member name="[CB - Account].[Account CB - Description].&amp;[0141070 - Notes Receivable Allow LT]"/>
        <member name="[CB - Account].[Account CB - Description].&amp;[0141080 - VIE - Restricted Notes Rec]"/>
        <member name="[CB - Account].[Account CB - Description].&amp;[0141200 - Notes Receivable 3rd Party]"/>
        <member name="[CB - Account].[Account CB - Description].&amp;[0141201 - Notes Receivable - IC]"/>
        <member name="[CB - Account].[Account CB - Description].&amp;[0141202 - LT-Notes Receivable 3rd Party]"/>
        <member name="[CB - Account].[Account CB - Description].&amp;[0141203 - LT-Notes Receivable Affiliates]"/>
        <member name="[CB - Account].[Account CB - Description].&amp;[0141204 - LT NR W/CRI1 30076]"/>
        <member name="[CB - Account].[Account CB - Description].&amp;[0141205 - LT NR W. DE POWER GEN 30072]"/>
        <member name="[CB - Account].[Account CB - Description].&amp;[0141250 - Assets Held For Sale]"/>
        <member name="[CB - Account].[Account CB - Description].&amp;[0141257 - VIE-Restricted Noncurrent AHFS]"/>
        <member name="[CB - Account].[Account CB - Description].&amp;[0141299 - Contra NR - Chicopee &amp; Gwenco]"/>
        <member name="[CB - Account].[Account CB - Description].&amp;[0141300 - Note Rec Related Pty]"/>
        <member name="[CB - Account].[Account CB - Description].&amp;[0142000 - Ar-Transport Int Rec]"/>
        <member name="[CB - Account].[Account CB - Description].&amp;[0142001 - A/R NON-REG]"/>
        <member name="[CB - Account].[Account CB - Description].&amp;[0142002 - A/R-NC MUNI PWR AGENCY 1-TRANS]"/>
        <member name="[CB - Account].[Account CB - Description].&amp;[0142004 - AR Rev Control - Related Party]"/>
        <member name="[CB - Account].[Account CB - Description].&amp;[0142005 - Acct Rec Related Party]"/>
        <member name="[CB - Account].[Account CB - Description].&amp;[0142006 - RPT AR Trade - COP]"/>
        <member name="[CB - Account].[Account CB - Description].&amp;[0142007 - RPT AR Trade - Other]"/>
        <member name="[CB - Account].[Account CB - Description].&amp;[0142008 - RPT Crossbill Gross-up AssetDk]"/>
        <member name="[CB - Account].[Account CB - Description].&amp;[0142009 - RPT Crossbill Gross-up AssetOt]"/>
        <member name="[CB - Account].[Account CB - Description].&amp;[0142010 - Accounts Receivable]"/>
        <member name="[CB - Account].[Account CB - Description].&amp;[0142012 - Unrecovered RECs]"/>
        <member name="[CB - Account].[Account CB - Description].&amp;[0142013 - I&amp;D Insurance Proceeds-Current]"/>
        <member name="[CB - Account].[Account CB - Description].&amp;[0142014 - Accum Prov Nuclear COR]"/>
        <member name="[CB - Account].[Account CB - Description].&amp;[0142015 - Insurance premium receivable]"/>
        <member name="[CB - Account].[Account CB - Description].&amp;[0142020 - Anderson Water Payments]"/>
        <member name="[CB - Account].[Account CB - Description].&amp;[0142050 - Transmission Billing]"/>
        <member name="[CB - Account].[Account CB - Description].&amp;[0142080 - Accounts Rec.-Assigned]"/>
        <member name="[CB - Account].[Account CB - Description].&amp;[0142090 - 12/95]"/>
        <member name="[CB - Account].[Account CB - Description].&amp;[0142102 - DEP Receivable - NG Sales]"/>
        <member name="[CB - Account].[Account CB - Description].&amp;[0142103 - DEF Receivable - NG Sales]"/>
        <member name="[CB - Account].[Account CB - Description].&amp;[0142104 - DEP Receivable - NG Transport]"/>
        <member name="[CB - Account].[Account CB - Description].&amp;[0142105 - DEF Receivable - NG Transport]"/>
        <member name="[CB - Account].[Account CB - Description].&amp;[0142106 - DEP Rec - NG Fin Transact]"/>
        <member name="[CB - Account].[Account CB - Description].&amp;[0142107 - DEF Rec - NG Fin Transact]"/>
        <member name="[CB - Account].[Account CB - Description].&amp;[0142110 - CURR ASSET HFS ACCT REC]"/>
        <member name="[CB - Account].[Account CB - Description].&amp;[0142150 - Rider 73 Deferral]"/>
        <member name="[CB - Account].[Account CB - Description].&amp;[0142160 - Subrogation recoverable]"/>
        <member name="[CB - Account].[Account CB - Description].&amp;[0142210 - Acct Rec - D/FD EPP]"/>
        <member name="[CB - Account].[Account CB - Description].&amp;[0142211 - A/R-Cert Supply-C/R-Sold Acct]"/>
        <member name="[CB - Account].[Account CB - Description].&amp;[0142220 - A/R-Certified Supplier]"/>
        <member name="[CB - Account].[Account CB - Description].&amp;[0142221 - A/R-Certified Supplier PAR Ele]"/>
        <member name="[CB - Account].[Account CB - Description].&amp;[0142231 - Current BPM Sharing Receivable]"/>
        <member name="[CB - Account].[Account CB - Description].&amp;[0142243 - AR Margin EDF MANN]"/>
        <member name="[CB - Account].[Account CB - Description].&amp;[0142248 - AR Margin Prudential]"/>
        <member name="[CB - Account].[Account CB - Description].&amp;[0142250 - Accounts Rec O/S Deposits]"/>
        <member name="[CB - Account].[Account CB - Description].&amp;[0142300 - Cust Acct-Cash Not Posted-Edp]"/>
        <member name="[CB - Account].[Account CB - Description].&amp;[0142310 - Draft Exceptions]"/>
        <member name="[CB - Account].[Account CB - Description].&amp;[0142320 - Aggregate(Summary Billing)Susp]"/>
        <member name="[CB - Account].[Account CB - Description].&amp;[0142390 - Other Products &amp; Svcs.-Clearin]"/>
        <member name="[CB - Account].[Account CB - Description].&amp;[0142400 - Cst Acct-Instal Cntrct Not Due]"/>
        <member name="[CB - Account].[Account CB - Description].&amp;[0142430 - A/R Wholesale Billed]"/>
        <member name="[CB - Account].[Account CB - Description].&amp;[0142450 - A/R - Cogeneration]"/>
        <member name="[CB - Account].[Account CB - Description].&amp;[0142490 - Customer Strategy Financing]"/>
        <member name="[CB - Account].[Account CB - Description].&amp;[0142500 - AR Other Reg Asset]"/>
        <member name="[CB - Account].[Account CB - Description].&amp;[0142600 - Cst Acc-Csh Unposted/Spec Bill]"/>
        <member name="[CB - Account].[Account CB - Description].&amp;[0142650 - Customer Receivable PIPP]"/>
        <member name="[CB - Account].[Account CB - Description].&amp;[0142662 - Payments-PIPP Cust ODOD]"/>
        <member name="[CB - Account].[Account CB - Description].&amp;[0142665 - C/R-ODOD]"/>
        <member name="[CB - Account].[Account CB - Description].&amp;[0142700 - Inactive]"/>
        <member name="[CB - Account].[Account CB - Description].&amp;[0142710 - Inactive]"/>
        <member name="[CB - Account].[Account CB - Description].&amp;[0142720 - Inactive]"/>
        <member name="[CB - Account].[Account CB - Description].&amp;[0142750 - Inactive]"/>
        <member name="[CB - Account].[Account CB - Description].&amp;[0142800 - Cst Acc-Cis Internal Clearing]"/>
        <member name="[CB - Account].[Account CB - Description].&amp;[0142802 - A/R - Gas]"/>
        <member name="[CB - Account].[Account CB - Description].&amp;[0142850 - MISO-Unbilled]"/>
        <member name="[CB - Account].[Account CB - Description].&amp;[0142880 - Sale of Customer Receivables]"/>
        <member name="[CB - Account].[Account CB - Description].&amp;[0142900 - Cst Acc-Merc Sales Unposted]"/>
        <member name="[CB - Account].[Account CB - Description].&amp;[0142910 - Direct Loans Receivable]"/>
        <member name="[CB - Account].[Account CB - Description].&amp;[0142920 - Employee Heat Pump Financing]"/>
        <member name="[CB - Account].[Account CB - Description].&amp;[0142950 - Inactive]"/>
        <member name="[CB - Account].[Account CB - Description].&amp;[0142960 - AR Trade Off System]"/>
        <member name="[CB - Account].[Account CB - Description].&amp;[0142961 - Nantahala Receivable]"/>
        <member name="[CB - Account].[Account CB - Description].&amp;[0142970 - A/R - ENRB Holding Account]"/>
        <member name="[CB - Account].[Account CB - Description].&amp;[0142979 - Def Rev Rec - TDSIC2]"/>
        <member name="[CB - Account].[Account CB - Description].&amp;[0142980 - Def Rev Rec-EA]"/>
        <member name="[CB - Account].[Account CB - Description].&amp;[0142981 - Def Rev Rec - Renew Proj Rr 73]"/>
        <member name="[CB - Account].[Account CB - Description].&amp;[0142983 - Def Rev Rec - Markland]"/>
        <member name="[CB - Account].[Account CB - Description].&amp;[0142984 - Def Rev Rec - Crane]"/>
        <member name="[CB - Account].[Account CB - Description].&amp;[0142985 - Def Rev Rec - Unbilled EA]"/>
        <member name="[CB - Account].[Account CB - Description].&amp;[0142986 - CCR Def Rev Rec]"/>
        <member name="[CB - Account].[Account CB - Description].&amp;[0142987 - Def Rev Rec - IGCC]"/>
        <member name="[CB - Account].[Account CB - Description].&amp;[0142988 - Def Rev Rec - Fed Mandate]"/>
        <member name="[CB - Account].[Account CB - Description].&amp;[0142989 - Def Rev Rec - TDSIC]"/>
        <member name="[CB - Account].[Account CB - Description].&amp;[0142990 - Def Rev Rec-Fuel]"/>
        <member name="[CB - Account].[Account CB - Description].&amp;[0142991 - Def Rev Rec - Credit Adj Rr 67]"/>
        <member name="[CB - Account].[Account CB - Description].&amp;[0142992 - Def Rev Rec - Credit Rr 67 Eqt]"/>
        <member name="[CB - Account].[Account CB - Description].&amp;[0142993 - Def Rev Rec-MISO Rr 68]"/>
        <member name="[CB - Account].[Account CB - Description].&amp;[0142994 - Wholesale - MISO Deferred Rec]"/>
        <member name="[CB - Account].[Account CB - Description].&amp;[0142995 - Native Deferred MTM Asset]"/>
        <member name="[CB - Account].[Account CB - Description].&amp;[0142996 - Def Rev Rec-Clean Coal Rr 71]"/>
        <member name="[CB - Account].[Account CB - Description].&amp;[0142998 - AR Other Than Electric]"/>
        <member name="[CB - Account].[Account CB - Description].&amp;[0142999 - A/R  - Estimate Unbilled]"/>
        <member name="[CB - Account].[Account CB - Description].&amp;[0143000 - Ar-Oil &amp; Gas Revenue]"/>
        <member name="[CB - Account].[Account CB - Description].&amp;[0143001 - A/R-Joint Venture]"/>
        <member name="[CB - Account].[Account CB - Description].&amp;[0143002 - Ar-Reimbursable Wo'S]"/>
        <member name="[CB - Account].[Account CB - Description].&amp;[0143003 - Ar- Iowa Gas Proc]"/>
        <member name="[CB - Account].[Account CB - Description].&amp;[0143004 - Ar-Other-Plant Acctg]"/>
        <member name="[CB - Account].[Account CB - Description].&amp;[0143005 - A/R-Other-Maritimes Llc]"/>
        <member name="[CB - Account].[Account CB - Description].&amp;[0143006 - Ar-Owp'S Billed]"/>
        <member name="[CB - Account].[Account CB - Description].&amp;[0143007 - A/r-Transco]"/>
        <member name="[CB - Account].[Account CB - Description].&amp;[0143008 - Test]"/>
        <member name="[CB - Account].[Account CB - Description].&amp;[0143010 - Aetna-Supplemental-Payroll Ded]"/>
        <member name="[CB - Account].[Account CB - Description].&amp;[0143011 - A/R-Other-Gen Acctg]"/>
        <member name="[CB - Account].[Account CB - Description].&amp;[0143012 - COLLECTIONS FOR SAFETY APPAREL]"/>
        <member name="[CB - Account].[Account CB - Description].&amp;[0143013 - Ar-Value Added Tax]"/>
        <member name="[CB - Account].[Account CB - Description].&amp;[0143014 - AR-Tax Rec-Contra]"/>
        <member name="[CB - Account].[Account CB - Description].&amp;[0143015 - Reinsurace recoverable-current]"/>
        <member name="[CB - Account].[Account CB - Description].&amp;[0143016 - Dividends Receivable]"/>
        <member name="[CB - Account].[Account CB - Description].&amp;[0143017 - LT Tax Interest Rec-Spectra]"/>
        <member name="[CB - Account].[Account CB - Description].&amp;[0143018 - A/R OIL HEDGING]"/>
        <member name="[CB - Account].[Account CB - Description].&amp;[0143019 - PA Billed &amp; Def Net Rec-F2G]"/>
        <member name="[CB - Account].[Account CB - Description].&amp;[0143020 - Vision - Payroll Deductions]"/>
        <member name="[CB - Account].[Account CB - Description].&amp;[0143021 - A/R Byproducts - Ash]"/>
        <member name="[CB - Account].[Account CB - Description].&amp;[0143022 - A/R Byproducts]"/>
        <member name="[CB - Account].[Account CB - Description].&amp;[0143023 - A/R Byproducts - Gypsum]"/>
        <member name="[CB - Account].[Account CB - Description].&amp;[0143024 - Line Ext. 3rd Party Billings]"/>
        <member name="[CB - Account].[Account CB - Description].&amp;[0143025 - LT Tax Rec - External]"/>
        <member name="[CB - Account].[Account CB - Description].&amp;[0143026 - Non-Income Tax Receivable]"/>
        <member name="[CB - Account].[Account CB - Description].&amp;[0143027 - PURCPA Accounts Receivable]"/>
        <member name="[CB - Account].[Account CB - Description].&amp;[0143030 - AD&amp;D Covrg - Supplmntl-P/R Ded]"/>
        <member name="[CB - Account].[Account CB - Description].&amp;[0143040 - John Hancock-Ltc-Payroll Ded]"/>
        <member name="[CB - Account].[Account CB - Description].&amp;[0143050 - A/R from CCB]"/>
        <member name="[CB - Account].[Account CB - Description].&amp;[0143051 - State Interconnect Receiv ST]"/>
        <member name="[CB - Account].[Account CB - Description].&amp;[0143052 - State Interconnect Receivab LT]"/>
        <member name="[CB - Account].[Account CB - Description].&amp;[0143055 - A/R-Duplicate Payments]"/>
        <member name="[CB - Account].[Account CB - Description].&amp;[0143068 - Parking Funding Receivable]"/>
        <member name="[CB - Account].[Account CB - Description].&amp;[0143080 - VIE - Restricted AR Trade]"/>
        <member name="[CB - Account].[Account CB - Description].&amp;[0143090 - A/R DUKE ENERGY IND ASSET DEV]"/>
        <member name="[CB - Account].[Account CB - Description].&amp;[0143100 - Reinsurace recoverable-long-te]"/>
        <member name="[CB - Account].[Account CB - Description].&amp;[0143105 - Reinsurace recoverable LT-affi]"/>
        <member name="[CB - Account].[Account CB - Description].&amp;[0143110 - Misc Acct Rec-Clearing]"/>
        <member name="[CB - Account].[Account CB - Description].&amp;[0143120 - Misc Acct Rec-Branches]"/>
        <member name="[CB - Account].[Account CB - Description].&amp;[0143130 - Misc Accts Rec-Stores]"/>
        <member name="[CB - Account].[Account CB - Description].&amp;[0143140 - Home Energy Asst Program]"/>
        <member name="[CB - Account].[Account CB - Description].&amp;[0143150 - Emp Rec'ble Stock Option Tax]"/>
        <member name="[CB - Account].[Account CB - Description].&amp;[0143160 - Accounts Receivable-Cobra]"/>
        <member name="[CB - Account].[Account CB - Description].&amp;[0143170 - Emp Portion-Med Ins Prem]"/>
        <member name="[CB - Account].[Account CB - Description].&amp;[0143175 - Curr Lease Receivables]"/>
        <member name="[CB - Account].[Account CB - Description].&amp;[0143190 - Med,Den,Life Ins-Dir Collect]"/>
        <member name="[CB - Account].[Account CB - Description].&amp;[0143200 - Emp Part/Life Ins-Payroll Ded]"/>
        <member name="[CB - Account].[Account CB - Description].&amp;[0143210 - Opeb 401(H) Payments]"/>
        <member name="[CB - Account].[Account CB - Description].&amp;[0143211 - Medicare Part D]"/>
        <member name="[CB - Account].[Account CB - Description].&amp;[0143220 - Pole Att Rental]"/>
        <member name="[CB - Account].[Account CB - Description].&amp;[0143221 - LT Asset: Interest Receivable]"/>
        <member name="[CB - Account].[Account CB - Description].&amp;[0143222 - LT Tax Reclass Acct Fed Dr]"/>
        <member name="[CB - Account].[Account CB - Description].&amp;[0143223 - LT Tax Reclass Acct State Dr]"/>
        <member name="[CB - Account].[Account CB - Description].&amp;[0143224 - LT Tax Reclass Acct Intl Dr]"/>
        <member name="[CB - Account].[Account CB - Description].&amp;[0143225 - LT GC Receivable: Spectra]"/>
        <member name="[CB - Account].[Account CB - Description].&amp;[0143226 - LT Asset: DOE Settlement Recei]"/>
        <member name="[CB - Account].[Account CB - Description].&amp;[0143230 - Pole Attach Rental-Sou Bell]"/>
        <member name="[CB - Account].[Account CB - Description].&amp;[0143240 - Emp Part Den Ins Payroll Ded]"/>
        <member name="[CB - Account].[Account CB - Description].&amp;[0143250 - Salary Adv-Monthly Payroll]"/>
        <member name="[CB - Account].[Account CB - Description].&amp;[0143260 - A/R Pole Attach-JUMS]"/>
        <member name="[CB - Account].[Account CB - Description].&amp;[0143270 - Misc Accounts Rec - Fuel]"/>
        <member name="[CB - Account].[Account CB - Description].&amp;[0143271 - Misc Accts Rec Fuel]"/>
        <member name="[CB - Account].[Account CB - Description].&amp;[0143273 - A/R-Gas Stored Current]"/>
        <member name="[CB - Account].[Account CB - Description].&amp;[0143275 - Misc Accts Rec - REC]"/>
        <member name="[CB - Account].[Account CB - Description].&amp;[0143280 - Dependent Care Spending Acc'T]"/>
        <member name="[CB - Account].[Account CB - Description].&amp;[0143285 - A/R Group Insurance]"/>
        <member name="[CB - Account].[Account CB - Description].&amp;[0143290 - Misc Coal A/R]"/>
        <member name="[CB - Account].[Account CB - Description].&amp;[0143295 - Misc Fuel Oil A/R]"/>
        <member name="[CB - Account].[Account CB - Description].&amp;[0143300 - Sales Held by Intermediary]"/>
        <member name="[CB - Account].[Account CB - Description].&amp;[0143310 - Other Accounts Receivable-NPL]"/>
        <member name="[CB - Account].[Account CB - Description].&amp;[0143330 - Collections Of Mar-Edp]"/>
        <member name="[CB - Account].[Account CB - Description].&amp;[0143331 - AR - CVO]"/>
        <member name="[CB - Account].[Account CB - Description].&amp;[0143340 - Cash Collections Suspense-Edp]"/>
        <member name="[CB - Account].[Account CB - Description].&amp;[0143341 - Accounts Receivable - Joint Ow]"/>
        <member name="[CB - Account].[Account CB - Description].&amp;[0143350 - Mar Billed-Suspense]"/>
        <member name="[CB - Account].[Account CB - Description].&amp;[0143400 - A/R Energy Delivery Solutions]"/>
        <member name="[CB - Account].[Account CB - Description].&amp;[0143420 - ACCTS RECEIVABLE - GRID SOUTH]"/>
        <member name="[CB - Account].[Account CB - Description].&amp;[0143421 - A/R - Gibson 5 WVPA]"/>
        <member name="[CB - Account].[Account CB - Description].&amp;[0143425 - A/R-Wabash River 1 WVPA]"/>
        <member name="[CB - Account].[Account CB - Description].&amp;[0143426 - A/R - Vermillion WVPA]"/>
        <member name="[CB - Account].[Account CB - Description].&amp;[0143430 - Wholesale Revenue - Billed]"/>
        <member name="[CB - Account].[Account CB - Description].&amp;[0143431 - A/R - Gibson 5 IMPA]"/>
        <member name="[CB - Account].[Account CB - Description].&amp;[0143440 - ISO/DETM Keepwhole fm DENA AR]"/>
        <member name="[CB - Account].[Account CB - Description].&amp;[0143450 - Interest Rate Swaps]"/>
        <member name="[CB - Account].[Account CB - Description].&amp;[0143500 - Insurance claims receivable-Zu]"/>
        <member name="[CB - Account].[Account CB - Description].&amp;[0143501 - A/R-WVPA T/D Agree]"/>
        <member name="[CB - Account].[Account CB - Description].&amp;[0143540 - Insurance Receivable - Other]"/>
        <member name="[CB - Account].[Account CB - Description].&amp;[0143550 - INS PROP/BI CLAIMS AR - BISON]"/>
        <member name="[CB - Account].[Account CB - Description].&amp;[0143551 - A/R-IMPA T/D Agree]"/>
        <member name="[CB - Account].[Account CB - Description].&amp;[0143600 - AR GST Tax]"/>
        <member name="[CB - Account].[Account CB - Description].&amp;[0143602 - AR QST Tax]"/>
        <member name="[CB - Account].[Account CB - Description].&amp;[0143605 - A/R-DPL CD/CCD Operations]"/>
        <member name="[CB - Account].[Account CB - Description].&amp;[0143610 - A/R-CSP CD/CCD Operations]"/>
        <member name="[CB - Account].[Account CB - Description].&amp;[0143615 - Receivable from FE for LGR-A]"/>
        <member name="[CB - Account].[Account CB - Description].&amp;[0143623 - A/R - DPL Transmission]"/>
        <member name="[CB - Account].[Account CB - Description].&amp;[0143640 - RCBP Admin AR]"/>
        <member name="[CB - Account].[Account CB - Description].&amp;[0143650 - Stimulus Accounts Receivable]"/>
        <member name="[CB - Account].[Account CB - Description].&amp;[0143651 - A/R-DPL CD/CCDcapex]"/>
        <member name="[CB - Account].[Account CB - Description].&amp;[0143653 - A/R - CSP Transmission]"/>
        <member name="[CB - Account].[Account CB - Description].&amp;[0143660 - A/R-CSP CD/CCDcapex]"/>
        <member name="[CB - Account].[Account CB - Description].&amp;[0143710 - Accrued Power Agency Rec]"/>
        <member name="[CB - Account].[Account CB - Description].&amp;[0143711 - Accrued NCEMPA Rec. - Contra]"/>
        <member name="[CB - Account].[Account CB - Description].&amp;[0143712 - NCEMPA Rec. Other]"/>
        <member name="[CB - Account].[Account CB - Description].&amp;[0143720 - Accrued Power Agency Rec IA]"/>
        <member name="[CB - Account].[Account CB - Description].&amp;[0143730 - Accrued Ncemc Receivable]"/>
        <member name="[CB - Account].[Account CB - Description].&amp;[0143731 - Other AR - EA Penalties]"/>
        <member name="[CB - Account].[Account CB - Description].&amp;[0143735 - A/R CJO Special Projects]"/>
        <member name="[CB - Account].[Account CB - Description].&amp;[0143740 - Accrued Ncemc Receivable - IA]"/>
        <member name="[CB - Account].[Account CB - Description].&amp;[0143750 - Accrued Saluda River Rec]"/>
        <member name="[CB - Account].[Account CB - Description].&amp;[0143751 - A/R-InterchangPwrCMS]"/>
        <member name="[CB - Account].[Account CB - Description].&amp;[0143760 - Accrued Saluda River Rec - IA]"/>
        <member name="[CB - Account].[Account CB - Description].&amp;[0143770 - Accrued Pmpa Receivable]"/>
        <member name="[CB - Account].[Account CB - Description].&amp;[0143780 - Accrued PMPA Rec IA]"/>
        <member name="[CB - Account].[Account CB - Description].&amp;[0143810 - Central Csh Remittance Posting]"/>
        <member name="[CB - Account].[Account CB - Description].&amp;[0143820 - Ccr Clearing]"/>
        <member name="[CB - Account].[Account CB - Description].&amp;[0143830 - Ccr Ret Cks]"/>
        <member name="[CB - Account].[Account CB - Description].&amp;[0143840 - Southern Rec Cherokee]"/>
        <member name="[CB - Account].[Account CB - Description].&amp;[0143910 - Inactive]"/>
        <member name="[CB - Account].[Account CB - Description].&amp;[0143920 - Rec For Outside Serv:Non-De&amp;S]"/>
        <member name="[CB - Account].[Account CB - Description].&amp;[0143921 - Allowance for Doubtful Account]"/>
        <member name="[CB - Account].[Account CB - Description].&amp;[0143927 - Employee Receivables]"/>
        <member name="[CB - Account].[Account CB - Description].&amp;[0143950 - A/R-Retail and Transp]"/>
        <member name="[CB - Account].[Account CB - Description].&amp;[0143955 - A/R-Sold]"/>
        <member name="[CB - Account].[Account CB - Description].&amp;[0143970 - State Tax Refunds - External]"/>
        <member name="[CB - Account].[Account CB - Description].&amp;[0143980 - Franchise Tax Rec - Ext]"/>
        <member name="[CB - Account].[Account CB - Description].&amp;[0143985 - LT Franchise Tax Rec - Ext]"/>
        <member name="[CB - Account].[Account CB - Description].&amp;[0143990 - AR ENRB Holding Account]"/>
        <member name="[CB - Account].[Account CB - Description].&amp;[0143992 - Fed Tax Receivable - Audit]"/>
        <member name="[CB - Account].[Account CB - Description].&amp;[0143994 - State Tax Receivable - Audit]"/>
        <member name="[CB - Account].[Account CB - Description].&amp;[0143995 - Wholesale Rev - Est Unbilled]"/>
        <member name="[CB - Account].[Account CB - Description].&amp;[0143997 - A\R-Brokering Activity]"/>
        <member name="[CB - Account].[Account CB - Description].&amp;[0143998 - ST Receivable: Spectra]"/>
        <member name="[CB - Account].[Account CB - Description].&amp;[0143999 - AR Duke/Spectra]"/>
        <member name="[CB - Account].[Account CB - Description].&amp;[0144001 - Acc Prov Uncoll Whsle Acct FP]"/>
        <member name="[CB - Account].[Account CB - Description].&amp;[0144080 - SCHM Uncollectible Accrual VIE]"/>
        <member name="[CB - Account].[Account CB - Description].&amp;[0144081 - Allowance Credit Loss - VIE]"/>
        <member name="[CB - Account].[Account CB - Description].&amp;[0144090 - Disc on sale of AR (factoring)]"/>
        <member name="[CB - Account].[Account CB - Description].&amp;[0144101 - Allowance Credit Loss]"/>
        <member name="[CB - Account].[Account CB - Description].&amp;[0144110 - SCHM Uncollectible Accr NCElec]"/>
        <member name="[CB - Account].[Account CB - Description].&amp;[0144120 - SCHM Uncollectible Accr SCElec]"/>
        <member name="[CB - Account].[Account CB - Description].&amp;[0144130 - CURR ASSET HFS AFDA]"/>
        <member name="[CB - Account].[Account CB - Description].&amp;[0144140 - HGA-ALLOWANCE FOR DOUBTFUL ACC]"/>
        <member name="[CB - Account].[Account CB - Description].&amp;[0144200 - SCHM Uncollectible Accr Water]"/>
        <member name="[CB - Account].[Account CB - Description].&amp;[0144210 - SCHM Uncollectible Acc NCWater]"/>
        <member name="[CB - Account].[Account CB - Description].&amp;[0144220 - SCHM Uncollectible Acc SCWater]"/>
        <member name="[CB - Account].[Account CB - Description].&amp;[0144250 - Acc Prov Uncoll Cert Sup]"/>
        <member name="[CB - Account].[Account CB - Description].&amp;[0144300 - Uncollectible Accrual Merch]"/>
        <member name="[CB - Account].[Account CB - Description].&amp;[0144310 - SCHM Uncollectible Acc NCmerch]"/>
        <member name="[CB - Account].[Account CB - Description].&amp;[0144320 - SCHM Uncollectible Acc SCmerch]"/>
        <member name="[CB - Account].[Account CB - Description].&amp;[0144340 - Allowance - Service Plus]"/>
        <member name="[CB - Account].[Account CB - Description].&amp;[0144400 - SCHM Uncollectible Acc Ht Pump]"/>
        <member name="[CB - Account].[Account CB - Description].&amp;[0144410 - SCHM Uncollectible Acc NCHt Pm]"/>
        <member name="[CB - Account].[Account CB - Description].&amp;[0144420 - SCHM Uncollectible Acc SCHt Pm]"/>
        <member name="[CB - Account].[Account CB - Description].&amp;[0144500 - Prov for BPM Uncollectibles]"/>
        <member name="[CB - Account].[Account CB - Description].&amp;[0144510 - NC BPM Uncollectibles]"/>
        <member name="[CB - Account].[Account CB - Description].&amp;[0144520 - SC BPM Uncollectibles]"/>
        <member name="[CB - Account].[Account CB - Description].&amp;[0144600 - UNCOLLECT ACCRI-PROD/SERV]"/>
        <member name="[CB - Account].[Account CB - Description].&amp;[0144610 - UNCOLLECTIBLES-PROD/SERV-NC]"/>
        <member name="[CB - Account].[Account CB - Description].&amp;[0144620 - UNCOLLECTIBLES-PROD/SERV-SC]"/>
        <member name="[CB - Account].[Account CB - Description].&amp;[0144960 - Disc on Purch A/R]"/>
        <member name="[CB - Account].[Account CB - Description].&amp;[0145001 - LT-NR with DCC]"/>
        <member name="[CB - Account].[Account CB - Description].&amp;[0145002 - Notes Rec Current I/C Contra]"/>
        <member name="[CB - Account].[Account CB - Description].&amp;[0145003 - Notes Rec Long Term I/C Contra]"/>
        <member name="[CB - Account].[Account CB - Description].&amp;[0145004 - IC Moneypool - ST Notes Receiv]"/>
        <member name="[CB - Account].[Account CB - Description].&amp;[0145005 - LT INTERCOMPANY NOTE]"/>
        <member name="[CB - Account].[Account CB - Description].&amp;[0145006 - Non-current Lease Receivable]"/>
        <member name="[CB - Account].[Account CB - Description].&amp;[0145890 - N/R - Rp Cin Receivables]"/>
        <member name="[CB - Account].[Account CB - Description].&amp;[0146001 - Missing]"/>
        <member name="[CB - Account].[Account CB - Description].&amp;[0146003 - Accounts Receivable I/C Contra]"/>
        <member name="[CB - Account].[Account CB - Description].&amp;[0146004 - Interest Receivable I/C Contra]"/>
        <member name="[CB - Account].[Account CB - Description].&amp;[0146006 - IC Moneypool - Interest Receiv]"/>
        <member name="[CB - Account].[Account CB - Description].&amp;[0146007 - Int Rec/Pay Dei Bu Only]"/>
        <member name="[CB - Account].[Account CB - Description].&amp;[0146008 - Intercompany Receivables]"/>
        <member name="[CB - Account].[Account CB - Description].&amp;[0146020 - AR DUKE ENERGY TRANSPORT]"/>
        <member name="[CB - Account].[Account CB - Description].&amp;[0146022 - Interco Notes Receivable LT]"/>
        <member name="[CB - Account].[Account CB - Description].&amp;[0146025 - LT Tax Rec - Interco]"/>
        <member name="[CB - Account].[Account CB - Description].&amp;[0146070 - I/C A/R with 10276]"/>
        <member name="[CB - Account].[Account CB - Description].&amp;[0146080 - AR CALIFORNIA COMPANIES]"/>
        <member name="[CB - Account].[Account CB - Description].&amp;[0146090 - AR DUKE ENER IND ASSET DEV]"/>
        <member name="[CB - Account].[Account CB - Description].&amp;[0146100 - A/R Maintenance]"/>
        <member name="[CB - Account].[Account CB - Description].&amp;[0146104 - I/C AR - Joint Dispatch]"/>
        <member name="[CB - Account].[Account CB - Description].&amp;[0146110 - Inactive]"/>
        <member name="[CB - Account].[Account CB - Description].&amp;[0146115 - Ins prem receivable-affiliate]"/>
        <member name="[CB - Account].[Account CB - Description].&amp;[0146116 - Reinsurace recoverable current]"/>
        <member name="[CB - Account].[Account CB - Description].&amp;[0146120 - A/R - Demc]"/>
        <member name="[CB - Account].[Account CB - Description].&amp;[0146130 - A/R - De&amp;S Northwest, Inc.]"/>
        <member name="[CB - Account].[Account CB - Description].&amp;[0146140 - A/R-Duke Solutions]"/>
        <member name="[CB - Account].[Account CB - Description].&amp;[0146150 - A/R-Pan Energy]"/>
        <member name="[CB - Account].[Account CB - Description].&amp;[0146160 - A/R - Houston Westchase Office]"/>
        <member name="[CB - Account].[Account CB - Description].&amp;[0146170 - A/R - Houston - Global Assets]"/>
        <member name="[CB - Account].[Account CB - Description].&amp;[0146180 - A/R - Denver]"/>
        <member name="[CB - Account].[Account CB - Description].&amp;[0146190 - Church Street Capital Corp]"/>
        <member name="[CB - Account].[Account CB - Description].&amp;[0146200 - A/R-Crescent Resources]"/>
        <member name="[CB - Account].[Account CB - Description].&amp;[0146210 - Accounts Receivable - Tetco]"/>
        <member name="[CB - Account].[Account CB - Description].&amp;[0146220 - A/R Interco w/TE Bermuda]"/>
        <member name="[CB - Account].[Account CB - Description].&amp;[0146230 - Intercompany w/ Electric]"/>
        <member name="[CB - Account].[Account CB - Description].&amp;[0146250 - IC Netting - Accts Receivable]"/>
        <member name="[CB - Account].[Account CB - Description].&amp;[0146260 - AR DUKE COMMUNICATION SERVICE]"/>
        <member name="[CB - Account].[Account CB - Description].&amp;[0146270 - AR PANENERGY RESOURCE MGT]"/>
        <member name="[CB - Account].[Account CB - Description].&amp;[0146300 - Eastover Mining]"/>
        <member name="[CB - Account].[Account CB - Description].&amp;[0146302 - Intraco Rec - Commodity]"/>
        <member name="[CB - Account].[Account CB - Description].&amp;[0146303 - Interco Rec - DETM]"/>
        <member name="[CB - Account].[Account CB - Description].&amp;[0146304 - Intraco Rec - Canada]"/>
        <member name="[CB - Account].[Account CB - Description].&amp;[0146305 - Intraco Rec - Techtrol]"/>
        <member name="[CB - Account].[Account CB - Description].&amp;[0146306 - Intraco Rec - Energy Invest]"/>
        <member name="[CB - Account].[Account CB - Description].&amp;[0146309 - Intraco Rec - DukeSolutions US]"/>
        <member name="[CB - Account].[Account CB - Description].&amp;[0146310 - Interco Rec-DS w/FIMCO]"/>
        <member name="[CB - Account].[Account CB - Description].&amp;[0146311 - Interco Rec-DS w/DENA]"/>
        <member name="[CB - Account].[Account CB - Description].&amp;[0146400 - Eastover Land]"/>
        <member name="[CB - Account].[Account CB - Description].&amp;[0146401 - Collateral Asset]"/>
        <member name="[CB - Account].[Account CB - Description].&amp;[0146500 - Gt&amp;W]"/>
        <member name="[CB - Account].[Account CB - Description].&amp;[0146501 - Intercompany Gas True-Up]"/>
        <member name="[CB - Account].[Account CB - Description].&amp;[0146600 - Inactive]"/>
        <member name="[CB - Account].[Account CB - Description].&amp;[0146641 - Intercompany CPRE Unbilled]"/>
        <member name="[CB - Account].[Account CB - Description].&amp;[0146642 - Intercompany CPRE Billed]"/>
        <member name="[CB - Account].[Account CB - Description].&amp;[0146700 - A/R-De&amp;S]"/>
        <member name="[CB - Account].[Account CB - Description].&amp;[0146710 - A/R-Dukenet Communications]"/>
        <member name="[CB - Account].[Account CB - Description].&amp;[0146720 - A/R-Duke Merchandising]"/>
        <member name="[CB - Account].[Account CB - Description].&amp;[0146730 - 5/14/96]"/>
        <member name="[CB - Account].[Account CB - Description].&amp;[0146740 - Intera Receivables]"/>
        <member name="[CB - Account].[Account CB - Description].&amp;[0146750 - A/R-D/Fd]"/>
        <member name="[CB - Account].[Account CB - Description].&amp;[0146760 - A/R-Duke Coal]"/>
        <member name="[CB - Account].[Account CB - Description].&amp;[0146770 - De&amp;S Resources, Inc Receivable]"/>
        <member name="[CB - Account].[Account CB - Description].&amp;[0146777 - AR Intercompany Crossbill]"/>
        <member name="[CB - Account].[Account CB - Description].&amp;[0146800 - Nantahala Power And Light]"/>
        <member name="[CB - Account].[Account CB - Description].&amp;[0146830 - DETM/DENA Keepwhole Rec'ble]"/>
        <member name="[CB - Account].[Account CB - Description].&amp;[0146888 - AR-Crossbill DEFS]"/>
        <member name="[CB - Account].[Account CB - Description].&amp;[0146900 - A/R-Duke Energy Group]"/>
        <member name="[CB - Account].[Account CB - Description].&amp;[0146950 - AR with DEI]"/>
        <member name="[CB - Account].[Account CB - Description].&amp;[0146955 - AR with DETM-US]"/>
        <member name="[CB - Account].[Account CB - Description].&amp;[0146956 - Intco AR w/DEFS JV]"/>
        <member name="[CB - Account].[Account CB - Description].&amp;[0146957 - Interco Receivable w/Evendale]"/>
        <member name="[CB - Account].[Account CB - Description].&amp;[0146958 - Interco Receivable w/GNE]"/>
        <member name="[CB - Account].[Account CB - Description].&amp;[0146959 - Interco Rec w/Huntington Beach]"/>
        <member name="[CB - Account].[Account CB - Description].&amp;[0146960 - A/R Non Prop/BI Interco]"/>
        <member name="[CB - Account].[Account CB - Description].&amp;[0146961 - Interco REC w/ E-Business]"/>
        <member name="[CB - Account].[Account CB - Description].&amp;[0146962 - Accts Receivable w/ 30274]"/>
        <member name="[CB - Account].[Account CB - Description].&amp;[0146963 - Accts Receivable w/ 30274]"/>
        <member name="[CB - Account].[Account CB - Description].&amp;[0146970 - AR-Contra]"/>
        <member name="[CB - Account].[Account CB - Description].&amp;[0146971 - AR-Estimate]"/>
        <member name="[CB - Account].[Account CB - Description].&amp;[0146972 - AR-Revenue Control]"/>
        <member name="[CB - Account].[Account CB - Description].&amp;[0146973 - Insurance Claim Receivable]"/>
        <member name="[CB - Account].[Account CB - Description].&amp;[0146974 - A/R - Affiliates]"/>
        <member name="[CB - Account].[Account CB - Description].&amp;[0146975 - Interest Receivable-Affiliates]"/>
        <member name="[CB - Account].[Account CB - Description].&amp;[0146976 - A/R Duke Fuels]"/>
        <member name="[CB - Account].[Account CB - Description].&amp;[0146977 - AR/AP-Unconsol]"/>
        <member name="[CB - Account].[Account CB - Description].&amp;[0146978 - Royalty/Mgmt fee rec]"/>
        <member name="[CB - Account].[Account CB - Description].&amp;[0146979 - Royalty/Mgmt Fee pay]"/>
        <member name="[CB - Account].[Account CB - Description].&amp;[0146980 - AR CONTROLLED SUSPENSE]"/>
        <member name="[CB - Account].[Account CB - Description].&amp;[0146985 - Deferred aquisition costs-affi]"/>
        <member name="[CB - Account].[Account CB - Description].&amp;[0146986 - Due From Affiliates]"/>
        <member name="[CB - Account].[Account CB - Description].&amp;[0146991 - LT Franchise Tax Rec - Interco]"/>
        <member name="[CB - Account].[Account CB - Description].&amp;[0146995 - AR Est Affiliate Non-Consol]"/>
        <member name="[CB - Account].[Account CB - Description].&amp;[0146996 - Franchise Tax - Interco]"/>
        <member name="[CB - Account].[Account CB - Description].&amp;[0146998 - Franchise Tax - Interco - P/Y]"/>
        <member name="[CB - Account].[Account CB - Description].&amp;[0146999 - Interunit unconsolidated bus]"/>
        <member name="[CB - Account].[Account CB - Description].&amp;[0149133 - FAS 133 Short Term Asset]"/>
        <member name="[CB - Account].[Account CB - Description].&amp;[0149420 - UNRLZGAIN ON MKT TO MKT TRADNG]"/>
        <member name="[CB - Account].[Account CB - Description].&amp;[0149421 - IC MTM CURRENT ASSETS]"/>
        <member name="[CB - Account].[Account CB - Description].&amp;[0149500 - IUB A/R Actual]"/>
        <member name="[CB - Account].[Account CB - Description].&amp;[0149501 - Interco A/R Estimate]"/>
        <member name="[CB - Account].[Account CB - Description].&amp;[0149502 - A/R-NGL Processing]"/>
        <member name="[CB - Account].[Account CB - Description].&amp;[0149503 - 3rd Party Deriv Asset Current]"/>
        <member name="[CB - Account].[Account CB - Description].&amp;[0149504 - Intco Deriv Asset Current]"/>
        <member name="[CB - Account].[Account CB - Description].&amp;[0150000 - Trading MTM Inventory-3rdParty]"/>
        <member name="[CB - Account].[Account CB - Description].&amp;[0150001 - Intercompany Inventory]"/>
        <member name="[CB - Account].[Account CB - Description].&amp;[0151100 - Oremulsion Fuel Stock]"/>
        <member name="[CB - Account].[Account CB - Description].&amp;[0151110 - Heavy Fuel Oil]"/>
        <member name="[CB - Account].[Account CB - Description].&amp;[0151120 - Other Fuel Stock]"/>
        <member name="[CB - Account].[Account CB - Description].&amp;[0151125 - Other Fuel Inventory]"/>
        <member name="[CB - Account].[Account CB - Description].&amp;[0151126 - Fuel Stock - Propane]"/>
        <member name="[CB - Account].[Account CB - Description].&amp;[0151133 - FAS 133 Long Term Asset]"/>
        <member name="[CB - Account].[Account CB - Description].&amp;[0151135 - Oil]"/>
        <member name="[CB - Account].[Account CB - Description].&amp;[0151150 - Jet Fuel]"/>
        <member name="[CB - Account].[Account CB - Description].&amp;[0151160 - Inactive]"/>
        <member name="[CB - Account].[Account CB - Description].&amp;[0151170 - Oil Stock In Transit]"/>
        <member name="[CB - Account].[Account CB - Description].&amp;[0151190 - L-T UNREALIZED GAINS MTM]"/>
        <member name="[CB - Account].[Account CB - Description].&amp;[0151191 - IC MTM NONCURRENT ASSETS]"/>
        <member name="[CB - Account].[Account CB - Description].&amp;[0151200 - COAL STOCKS-PURCH_ACCTG ADJ]"/>
        <member name="[CB - Account].[Account CB - Description].&amp;[0151210 - Biomass Inventory]"/>
        <member name="[CB - Account].[Account CB - Description].&amp;[0151222 - Test Fuel Stock]"/>
        <member name="[CB - Account].[Account CB - Description].&amp;[0151260 - Test Wood Inventory]"/>
        <member name="[CB - Account].[Account CB - Description].&amp;[0151700 - Propane Inventory]"/>
        <member name="[CB - Account].[Account CB - Description].&amp;[0153000 - Exch Imbal &amp; Invent (NGL)]"/>
        <member name="[CB - Account].[Account CB - Description].&amp;[0153005 - Inventory in Transit]"/>
        <member name="[CB - Account].[Account CB - Description].&amp;[0153010 - Inventory-Natural Gas]"/>
        <member name="[CB - Account].[Account CB - Description].&amp;[0153011 - Inventory - Iowa Plant]"/>
        <member name="[CB - Account].[Account CB - Description].&amp;[0153015 - INVENTORY- REFINED PRODUCTS]"/>
        <member name="[CB - Account].[Account CB - Description].&amp;[0154000 - Plant M&amp;S-Suspense]"/>
        <member name="[CB - Account].[Account CB - Description].&amp;[0154001 - Plant M&amp;S-Over/Under]"/>
        <member name="[CB - Account].[Account CB - Description].&amp;[0154002 - Materials &amp; Supplies-Stg Field]"/>
        <member name="[CB - Account].[Account CB - Description].&amp;[0154003 - INVENTORY - RECS]"/>
        <member name="[CB - Account].[Account CB - Description].&amp;[0154004 - INVENTORY-RESERVE]"/>
        <member name="[CB - Account].[Account CB - Description].&amp;[0154010 - M&amp;S Air Pollution Units 1-4]"/>
        <member name="[CB - Account].[Account CB - Description].&amp;[0154020 - M&amp;S-AirPoll GIB5 (scrubber)]"/>
        <member name="[CB - Account].[Account CB - Description].&amp;[0154030 - M&amp;S Waste Poll GIB5 (scrubber)]"/>
        <member name="[CB - Account].[Account CB - Description].&amp;[0154050 - M&amp;S GIB5 (scrubber)]"/>
        <member name="[CB - Account].[Account CB - Description].&amp;[0154060 - M&amp;S Waste Pollution Units 1-4]"/>
        <member name="[CB - Account].[Account CB - Description].&amp;[0154070 - M&amp;S GIB 4&amp;5 (scrubber-50)]"/>
        <member name="[CB - Account].[Account CB - Description].&amp;[0154080 - M&amp;S AirPoll GIB 4&amp;5 (scrub-50)]"/>
        <member name="[CB - Account].[Account CB - Description].&amp;[0154101 - Inventory Estimate]"/>
        <member name="[CB - Account].[Account CB - Description].&amp;[0154102 - Common M&amp;S]"/>
        <member name="[CB - Account].[Account CB - Description].&amp;[0154103 - M&amp;S_Inventory-WVPA,IMPA_contra]"/>
        <member name="[CB - Account].[Account CB - Description].&amp;[0154105 - M&amp;S Waste Pollution]"/>
        <member name="[CB - Account].[Account CB - Description].&amp;[0154106 - M&amp;S Air Pollution]"/>
        <member name="[CB - Account].[Account CB - Description].&amp;[0154110 - M&amp;S Supply Inv - Joint Owner]"/>
        <member name="[CB - Account].[Account CB - Description].&amp;[0154115 - CURR ASSET HFS INV]"/>
        <member name="[CB - Account].[Account CB - Description].&amp;[0154120 - Catawba Stm Station Stk Contra]"/>
        <member name="[CB - Account].[Account CB - Description].&amp;[0154121 - Joint Owner Share of Parts]"/>
        <member name="[CB - Account].[Account CB - Description].&amp;[0154122 - Limestone In Transit Inventory]"/>
        <member name="[CB - Account].[Account CB - Description].&amp;[0154123 - Ammonia In Transit Inventory]"/>
        <member name="[CB - Account].[Account CB - Description].&amp;[0154130 - Catawba C&amp;Md Stock Contra]"/>
        <member name="[CB - Account].[Account CB - Description].&amp;[0154140 - Misc Inventory]"/>
        <member name="[CB - Account].[Account CB - Description].&amp;[0154141 - In-Transit Transfers - AAT]"/>
        <member name="[CB - Account].[Account CB - Description].&amp;[0154145 - Invty - Long Term]"/>
        <member name="[CB - Account].[Account CB - Description].&amp;[0154150 - Spent Fuel Canisters]"/>
        <member name="[CB - Account].[Account CB - Description].&amp;[0154190 - Material For Future Lines]"/>
        <member name="[CB - Account].[Account CB - Description].&amp;[0154201 - Limestone Inventory JO]"/>
        <member name="[CB - Account].[Account CB - Description].&amp;[0154210 - Trona Inventory]"/>
        <member name="[CB - Account].[Account CB - Description].&amp;[0154300 - Inactive]"/>
        <member name="[CB - Account].[Account CB - Description].&amp;[0154400 - 12/95]"/>
        <member name="[CB - Account].[Account CB - Description].&amp;[0154401 - Ammonia Inventory]"/>
        <member name="[CB - Account].[Account CB - Description].&amp;[0154406 - Dibasic Acid Inventory]"/>
        <member name="[CB - Account].[Account CB - Description].&amp;[0154450 - M&amp;S 100% CD]"/>
        <member name="[CB - Account].[Account CB - Description].&amp;[0154500 - Part Share M&amp;S CR3]"/>
        <member name="[CB - Account].[Account CB - Description].&amp;[0154501 - Part Share M&amp;S IP11]"/>
        <member name="[CB - Account].[Account CB - Description].&amp;[0154550 - M&amp;S Gas Turbine]"/>
        <member name="[CB - Account].[Account CB - Description].&amp;[0154750 - M&amp;S Mechanical &amp; Electrical]"/>
        <member name="[CB - Account].[Account CB - Description].&amp;[0154760 - M&amp;S  Coal Yard]"/>
        <member name="[CB - Account].[Account CB - Description].&amp;[0154897 - VIE - Restricted Inventory]"/>
        <member name="[CB - Account].[Account CB - Description].&amp;[0154900 - Reserve for loss on inventory]"/>
        <member name="[CB - Account].[Account CB - Description].&amp;[0155100 - Resale Appliance]"/>
        <member name="[CB - Account].[Account CB - Description].&amp;[0155200 - Inactive]"/>
        <member name="[CB - Account].[Account CB - Description].&amp;[0155300 - Inactive]"/>
        <member name="[CB - Account].[Account CB - Description].&amp;[0155400 - Appliance Repair Parts]"/>
        <member name="[CB - Account].[Account CB - Description].&amp;[0156000 - M&amp;S-Company Gifts]"/>
        <member name="[CB - Account].[Account CB - Description].&amp;[0156001 - Fuel Inventory]"/>
        <member name="[CB - Account].[Account CB - Description].&amp;[0156010 - Other M&amp;S / Inventory]"/>
        <member name="[CB - Account].[Account CB - Description].&amp;[0157100 - Inactive]"/>
        <member name="[CB - Account].[Account CB - Description].&amp;[0157200 - Inactive]"/>
        <member name="[CB - Account].[Account CB - Description].&amp;[0157300 - Inactive]"/>
        <member name="[CB - Account].[Account CB - Description].&amp;[0158110 - INTANGIBLES_EMISSION_ALLOW]"/>
        <member name="[CB - Account].[Account CB - Description].&amp;[0158111 - Coal, Gas &amp; Power Contracts]"/>
        <member name="[CB - Account].[Account CB - Description].&amp;[0158112 - Intangibles_Other]"/>
        <member name="[CB - Account].[Account CB - Description].&amp;[0158113 - RECS Intangible Asset Non Curr]"/>
        <member name="[CB - Account].[Account CB - Description].&amp;[0158115 - IC Allowance Inventory]"/>
        <member name="[CB - Account].[Account CB - Description].&amp;[0158120 - RECs - DE Carolinas - NC]"/>
        <member name="[CB - Account].[Account CB - Description].&amp;[0158125 - REC's - Intercompany]"/>
        <member name="[CB - Account].[Account CB - Description].&amp;[0158130 - RECs - DE Ohio]"/>
        <member name="[CB - Account].[Account CB - Description].&amp;[0158135 - RECs - DE Kentucky]"/>
        <member name="[CB - Account].[Account CB - Description].&amp;[0158151 - SO2 RSP Non-Current Vintage]"/>
        <member name="[CB - Account].[Account CB - Description].&amp;[0158153 - SO2 Non-Current Vintage]"/>
        <member name="[CB - Account].[Account CB - Description].&amp;[0158160 - SO2 Current Vintage Step-up]"/>
        <member name="[CB - Account].[Account CB - Description].&amp;[0158161 - SO2 RSP NonCurrnt Vint Step-up]"/>
        <member name="[CB - Account].[Account CB - Description].&amp;[0158163 - SO2 NonCurrent Vintage Step-up]"/>
        <member name="[CB - Account].[Account CB - Description].&amp;[0158172 - Annual NOx Non-Current Vintage]"/>
        <member name="[CB - Account].[Account CB - Description].&amp;[0158180 - Reg EA-SO2 Native Current]"/>
        <member name="[CB - Account].[Account CB - Description].&amp;[0158181 - Seasonal NOx Curr Vint Step Up]"/>
        <member name="[CB - Account].[Account CB - Description].&amp;[0158182 - Seasonal NOx NnCurr Vnt StepUp]"/>
        <member name="[CB - Account].[Account CB - Description].&amp;[0158184 - Seasonal NOx Non-Current]"/>
        <member name="[CB - Account].[Account CB - Description].&amp;[0158185 - Reg EA-SO2 NonNative Current]"/>
        <member name="[CB - Account].[Account CB - Description].&amp;[0158190 - Reg EA-SO2 Native NonCurrent]"/>
        <member name="[CB - Account].[Account CB - Description].&amp;[0158195 - Reg EA-SO2 NonNative NonCurent]"/>
        <member name="[CB - Account].[Account CB - Description].&amp;[0158200 - ALLOW INV_PURCH_ACCTG_ADJ]"/>
        <member name="[CB - Account].[Account CB - Description].&amp;[0158250 - Seasonal NOx Current]"/>
        <member name="[CB - Account].[Account CB - Description].&amp;[0158252 - Seasonal NOx Non-Current]"/>
        <member name="[CB - Account].[Account CB - Description].&amp;[0158260 - Seasonal NOx Curr Vint Step Up]"/>
        <member name="[CB - Account].[Account CB - Description].&amp;[0158262 - NOx NonCurrent Vintage Step Up]"/>
        <member name="[CB - Account].[Account CB - Description].&amp;[0158270 - Annual NOx Current]"/>
        <member name="[CB - Account].[Account CB - Description].&amp;[0158272 - Annual NOx Non-Current]"/>
        <member name="[CB - Account].[Account CB - Description].&amp;[0158280 - Reg EA-NOx Native Current]"/>
        <member name="[CB - Account].[Account CB - Description].&amp;[0158285 - Reg EA-NOx NonNative Current]"/>
        <member name="[CB - Account].[Account CB - Description].&amp;[0158290 - Reg EA-NOx Native NonCurrent]"/>
        <member name="[CB - Account].[Account CB - Description].&amp;[0158295 - Reg EA-NOx NonNative NonCurent]"/>
        <member name="[CB - Account].[Account CB - Description].&amp;[0162000 - NYMEX FUTURES]"/>
        <member name="[CB - Account].[Account CB - Description].&amp;[0162001 - NYMEX OPTIONS]"/>
        <member name="[CB - Account].[Account CB - Description].&amp;[0162002 - ST UNREALIZED GAINS]"/>
        <member name="[CB - Account].[Account CB - Description].&amp;[0162005 - OTC CRUDE DEFERRED]"/>
        <member name="[CB - Account].[Account CB - Description].&amp;[0162006 - BROKER COMMISSION]"/>
        <member name="[CB - Account].[Account CB - Description].&amp;[0162009 - Risk Deferred Activity]"/>
        <member name="[CB - Account].[Account CB - Description].&amp;[0162012 - Phy Options Exp]"/>
        <member name="[CB - Account].[Account CB - Description].&amp;[0163000 - COMMODITY COST]"/>
        <member name="[CB - Account].[Account CB - Description].&amp;[0163010 - Merchandising Stores Expense]"/>
        <member name="[CB - Account].[Account CB - Description].&amp;[0163110 - Stores Expense]"/>
        <member name="[CB - Account].[Account CB - Description].&amp;[0163111 - Stores_Exp-WVPA,IMPA_contra]"/>
        <member name="[CB - Account].[Account CB - Description].&amp;[0163120 - Stores Expense - Joint Owner]"/>
        <member name="[CB - Account].[Account CB - Description].&amp;[0163130 - 1/96]"/>
        <member name="[CB - Account].[Account CB - Description].&amp;[0163150 - Inactive]"/>
        <member name="[CB - Account].[Account CB - Description].&amp;[0163160 - Stores Exp Distribution-Credit]"/>
        <member name="[CB - Account].[Account CB - Description].&amp;[0163170 - Stores Exp-Cr Dist Of Pur Cost]"/>
        <member name="[CB - Account].[Account CB - Description].&amp;[0163180 - Freight And Express]"/>
        <member name="[CB - Account].[Account CB - Description].&amp;[0163190 - Gas Storage]"/>
        <member name="[CB - Account].[Account CB - Description].&amp;[0163200 - ST Gas Park &amp; Loan]"/>
        <member name="[CB - Account].[Account CB - Description].&amp;[0163210 - Gas Imbalance]"/>
        <member name="[CB - Account].[Account CB - Description].&amp;[0163230 - Inactive]"/>
        <member name="[CB - Account].[Account CB - Description].&amp;[0163290 - Inactive]"/>
        <member name="[CB - Account].[Account CB - Description].&amp;[0163340 - 12/95]"/>
        <member name="[CB - Account].[Account CB - Description].&amp;[0163400 - Overages, Shortages &amp; Damages]"/>
        <member name="[CB - Account].[Account CB - Description].&amp;[0163401 - Inventory]"/>
        <member name="[CB - Account].[Account CB - Description].&amp;[0163888 - Stores Expense-BU B/S Svc Exp]"/>
        <member name="[CB - Account].[Account CB - Description].&amp;[0164000 - COMMODITY TPROT]"/>
        <member name="[CB - Account].[Account CB - Description].&amp;[0164100 - Storage Gas-Current Inventory]"/>
        <member name="[CB - Account].[Account CB - Description].&amp;[0164101 - Line Pack]"/>
        <member name="[CB - Account].[Account CB - Description].&amp;[0164105 - Storage - Gas - Current Invent]"/>
        <member name="[CB - Account].[Account CB - Description].&amp;[0164200 - STOR_GAS_CURR_INV_PUR_ACCT_ADJ]"/>
        <member name="[CB - Account].[Account CB - Description].&amp;[0164201 - Lng-Storage - In Stock]"/>
        <member name="[CB - Account].[Account CB - Description].&amp;[0165000 - Other Current Assets]"/>
        <member name="[CB - Account].[Account CB - Description].&amp;[0165001 - ISO/DETM Keepwhole fm DENA OCA]"/>
        <member name="[CB - Account].[Account CB - Description].&amp;[0165002 - State Tax Refunds Receivable]"/>
        <member name="[CB - Account].[Account CB - Description].&amp;[0165003 - Fed Tax Receivable - Audit]"/>
        <member name="[CB - Account].[Account CB - Description].&amp;[0165004 - State Tax Receivable - Audit]"/>
        <member name="[CB - Account].[Account CB - Description].&amp;[0165005 - Deferred reinsurance]"/>
        <member name="[CB - Account].[Account CB - Description].&amp;[0165006 - BARTOW LTSA]"/>
        <member name="[CB - Account].[Account CB - Description].&amp;[0165007 - HINES LTSA]"/>
        <member name="[CB - Account].[Account CB - Description].&amp;[0165008 - LTSA PREPAID RICHMOND]"/>
        <member name="[CB - Account].[Account CB - Description].&amp;[0165009 - Prepaid Inv - Solar Recs]"/>
        <member name="[CB - Account].[Account CB - Description].&amp;[0165010 - Ppd Ins-Property-Captive]"/>
        <member name="[CB - Account].[Account CB - Description].&amp;[0165012 - Ppd-Software - Sybase]"/>
        <member name="[CB - Account].[Account CB - Description].&amp;[0165013 - IBM Quarterly Advance]"/>
        <member name="[CB - Account].[Account CB - Description].&amp;[0165014 - Ppd-Comdisco]"/>
        <member name="[CB - Account].[Account CB - Description].&amp;[0165015 - IBM Monthly Advance]"/>
        <member name="[CB - Account].[Account CB - Description].&amp;[0165016 - Pre Paid Ad Valorem Tax]"/>
        <member name="[CB - Account].[Account CB - Description].&amp;[0165017 - Prepaid Franchise Tax]"/>
        <member name="[CB - Account].[Account CB - Description].&amp;[0165018 - MW - Prepaid Expenses ST]"/>
        <member name="[CB - Account].[Account CB - Description].&amp;[0165019 - St. Gross Receipts-TN]"/>
        <member name="[CB - Account].[Account CB - Description].&amp;[0165020 - Deferred Reinsurance - Affilia]"/>
        <member name="[CB - Account].[Account CB - Description].&amp;[0165021 - Prepayments (sch M)]"/>
        <member name="[CB - Account].[Account CB - Description].&amp;[0165022 - Non-Current Prepaid Expenses]"/>
        <member name="[CB - Account].[Account CB - Description].&amp;[0165023 - CITRUS COUNTY LTSA]"/>
        <member name="[CB - Account].[Account CB - Description].&amp;[0165024 - FHOF SOLAR LEASE]"/>
        <member name="[CB - Account].[Account CB - Description].&amp;[0165033 - GEN AM LIFE PREPAID INT]"/>
        <member name="[CB - Account].[Account CB - Description].&amp;[0165034 - PAC MUTUAL PREPAID INT 9/25/85]"/>
        <member name="[CB - Account].[Account CB - Description].&amp;[0165036 - GR WEST LIFE PREPD INT 6/1/85]"/>
        <member name="[CB - Account].[Account CB - Description].&amp;[0165037 - ST ASSET-PHYS FIRM COMMIT]"/>
        <member name="[CB - Account].[Account CB - Description].&amp;[0165050 - Other Assets-Affiliate]"/>
        <member name="[CB - Account].[Account CB - Description].&amp;[0165100 - Unexpired Insurance]"/>
        <member name="[CB - Account].[Account CB - Description].&amp;[0165110 - Unexpired Ins-Catawba Contra]"/>
        <member name="[CB - Account].[Account CB - Description].&amp;[0165120 - UNEXPIRED INSURANCE- NUCLEAR]"/>
        <member name="[CB - Account].[Account CB - Description].&amp;[0165130 - Deferred acquisition costs]"/>
        <member name="[CB - Account].[Account CB - Description].&amp;[0165200 - SCHM Retirement Plan PreFundng]"/>
        <member name="[CB - Account].[Account CB - Description].&amp;[0165210 - NYMEX Options 01-01-2004]"/>
        <member name="[CB - Account].[Account CB - Description].&amp;[0165211 - Broker Fees]"/>
        <member name="[CB - Account].[Account CB - Description].&amp;[0165220 - Park &amp; Loan for Oth Cur Assets]"/>
        <member name="[CB - Account].[Account CB - Description].&amp;[0165230 - FX G/L for Other Cur Assets]"/>
        <member name="[CB - Account].[Account CB - Description].&amp;[0165300 - SCHM DPC RETIREMENT PLAN]"/>
        <member name="[CB - Account].[Account CB - Description].&amp;[0165301 - IC SCHM DPLLC Ret Pln (Prfndg)]"/>
        <member name="[CB - Account].[Account CB - Description].&amp;[0165401 - Prepaid NRC License Fees]"/>
        <member name="[CB - Account].[Account CB - Description].&amp;[0165402 - Prepaid EPRI Dues]"/>
        <member name="[CB - Account].[Account CB - Description].&amp;[0165403 - Res Assurance Prods-PPD Exp]"/>
        <member name="[CB - Account].[Account CB - Description].&amp;[0165404 - Prepaid Net Worth Tax]"/>
        <member name="[CB - Account].[Account CB - Description].&amp;[0165410 - LT ASSET-PHYS FIRM COMMIT]"/>
        <member name="[CB - Account].[Account CB - Description].&amp;[0165420 - Prepaid License Agreement]"/>
        <member name="[CB - Account].[Account CB - Description].&amp;[0165450 - Deferred Insurance Premium -LT]"/>
        <member name="[CB - Account].[Account CB - Description].&amp;[0165500 - SCHM Prepd Taxes-Huntersville]"/>
        <member name="[CB - Account].[Account CB - Description].&amp;[0165501 - Prepaid Interest]"/>
        <member name="[CB - Account].[Account CB - Description].&amp;[0165502 - Accrued Gas Cost]"/>
        <member name="[CB - Account].[Account CB - Description].&amp;[0165510 - NYMEX Margin]"/>
        <member name="[CB - Account].[Account CB - Description].&amp;[0165511 - Deposits]"/>
        <member name="[CB - Account].[Account CB - Description].&amp;[0165512 - Prepaid Commissions]"/>
        <member name="[CB - Account].[Account CB - Description].&amp;[0165513 - Prepaid Expense - Misc.]"/>
        <member name="[CB - Account].[Account CB - Description].&amp;[0165514 - Prepaid Rent/Deposit]"/>
        <member name="[CB - Account].[Account CB - Description].&amp;[0165515 - Prepay-Dominion]"/>
        <member name="[CB - Account].[Account CB - Description].&amp;[0165518 - MW - Prepaid Expenses LT]"/>
        <member name="[CB - Account].[Account CB - Description].&amp;[0165521 - Prepayments - NEI]"/>
        <member name="[CB - Account].[Account CB - Description].&amp;[0165538 - LTSA - Long Term Portion FTG]"/>
        <member name="[CB - Account].[Account CB - Description].&amp;[0165550 - Imarex Margin Account]"/>
        <member name="[CB - Account].[Account CB - Description].&amp;[0165555 - Prepaid Inv - Solar Recs]"/>
        <member name="[CB - Account].[Account CB - Description].&amp;[0165600 - Prepaid Interest]"/>
        <member name="[CB - Account].[Account CB - Description].&amp;[0165601 - Prepaid Tariff&gt; 1 yr]"/>
        <member name="[CB - Account].[Account CB - Description].&amp;[0165602 - Prepaid Pension Costs-Partners]"/>
        <member name="[CB - Account].[Account CB - Description].&amp;[0165650 - ResSol HomeServ Acquisition]"/>
        <member name="[CB - Account].[Account CB - Description].&amp;[0165700 - Prepaid Capital Lease]"/>
        <member name="[CB - Account].[Account CB - Description].&amp;[0165800 - Short Term Asset Held for Sale]"/>
        <member name="[CB - Account].[Account CB - Description].&amp;[0165897 - VIE - Restricted Current AHFS]"/>
        <member name="[CB - Account].[Account CB - Description].&amp;[0165900 - Prepaid Insurance IC Contra]"/>
        <member name="[CB - Account].[Account CB - Description].&amp;[0165910 - Prepayment - Fuel]"/>
        <member name="[CB - Account].[Account CB - Description].&amp;[0165970 - State Tax Prepayments]"/>
        <member name="[CB - Account].[Account CB - Description].&amp;[0165980 - Foreign Taxes Receivable]"/>
        <member name="[CB - Account].[Account CB - Description].&amp;[0165981 - Current Tax Reclass Intl Dr]"/>
        <member name="[CB - Account].[Account CB - Description].&amp;[0165990 - Federal Tax Prepayments]"/>
        <member name="[CB - Account].[Account CB - Description].&amp;[0165999 - Inter-Co Prepaid Insurance]"/>
        <member name="[CB - Account].[Account CB - Description].&amp;[0168351 - Missing]"/>
        <member name="[CB - Account].[Account CB - Description].&amp;[0171001 - Int Rec Other - Nonreg]"/>
        <member name="[CB - Account].[Account CB - Description].&amp;[0171002 - ALLOW FOR INTEREST RECEIVABLE]"/>
        <member name="[CB - Account].[Account CB - Description].&amp;[0171050 - Interco Interest Receivable]"/>
        <member name="[CB - Account].[Account CB - Description].&amp;[0171100 - SCHM Interest Receivable]"/>
        <member name="[CB - Account].[Account CB - Description].&amp;[0171101 - Contra Interest Receivable]"/>
        <member name="[CB - Account].[Account CB - Description].&amp;[0171102 - Int Rec Related Pty]"/>
        <member name="[CB - Account].[Account CB - Description].&amp;[0171103 - Accrued investment income]"/>
        <member name="[CB - Account].[Account CB - Description].&amp;[0171104 - Cur Asset: Interest Receiv]"/>
        <member name="[CB - Account].[Account CB - Description].&amp;[0171200 - 12/95]"/>
        <member name="[CB - Account].[Account CB - Description].&amp;[0172000 - Rents Receivable]"/>
        <member name="[CB - Account].[Account CB - Description].&amp;[0172001 - Rent Receivable-IMPA]"/>
        <member name="[CB - Account].[Account CB - Description].&amp;[0172002 - Rent Receivable-WVPA]"/>
        <member name="[CB - Account].[Account CB - Description].&amp;[0172003 - Rent Receivable - CERT]"/>
        <member name="[CB - Account].[Account CB - Description].&amp;[0172005 - Lease Receivable]"/>
        <member name="[CB - Account].[Account CB - Description].&amp;[0173080 - VIE - Unbilled Revenue Rec]"/>
        <member name="[CB - Account].[Account CB - Description].&amp;[0173101 - Fenb - Nypa]"/>
        <member name="[CB - Account].[Account CB - Description].&amp;[0173102 - Fenb De&amp;S]"/>
        <member name="[CB - Account].[Account CB - Description].&amp;[0173103 - Fenb Ds]"/>
        <member name="[CB - Account].[Account CB - Description].&amp;[0173104 - FENB/FBNE DS/DE&amp;S Reserve]"/>
        <member name="[CB - Account].[Account CB - Description].&amp;[0173105 - FENB DS - Long Term]"/>
        <member name="[CB - Account].[Account CB - Description].&amp;[0173106 - Work in Progress]"/>
        <member name="[CB - Account].[Account CB - Description].&amp;[0173107 - Unbilled Lease Revenue-Current]"/>
        <member name="[CB - Account].[Account CB - Description].&amp;[0173108 - Unbilled Lease Revenue - LT]"/>
        <member name="[CB - Account].[Account CB - Description].&amp;[0173109 - Allowance for Doubtful FENB]"/>
        <member name="[CB - Account].[Account CB - Description].&amp;[0173110 - Accounts Receivable Sold]"/>
        <member name="[CB - Account].[Account CB - Description].&amp;[0173111 - FL Accr Util Rev - Wholesale]"/>
        <member name="[CB - Account].[Account CB - Description].&amp;[0174000 - Imbalance-Shipper]"/>
        <member name="[CB - Account].[Account CB - Description].&amp;[0174001 - INTERCO DERIV ASSET_CURRENT]"/>
        <member name="[CB - Account].[Account CB - Description].&amp;[0174002 - 3RD PARTY DERIV ASSET CURRENT]"/>
        <member name="[CB - Account].[Account CB - Description].&amp;[0174003 - Purchased Options Current]"/>
        <member name="[CB - Account].[Account CB - Description].&amp;[0174004 - ST FAS Contra - Asset]"/>
        <member name="[CB - Account].[Account CB - Description].&amp;[0174005 - NON-HEDGE PURCH OPTION CURRENT]"/>
        <member name="[CB - Account].[Account CB - Description].&amp;[0174006 - PA 253 Billing Net Rec-F2G]"/>
        <member name="[CB - Account].[Account CB - Description].&amp;[0174014 - Bal Agree Imbalance-Post-OBA]"/>
        <member name="[CB - Account].[Account CB - Description].&amp;[0174021 - Imbalance Receivable-OBA]"/>
        <member name="[CB - Account].[Account CB - Description].&amp;[0174022 - Imbalance Receivable-Exchange]"/>
        <member name="[CB - Account].[Account CB - Description].&amp;[0174023 - Imbalance-System Gas]"/>
        <member name="[CB - Account].[Account CB - Description].&amp;[0174024 - Imbalance Receivable-Park/Lend]"/>
        <member name="[CB - Account].[Account CB - Description].&amp;[0174025 - Imbalance Receivable-TFO]"/>
        <member name="[CB - Account].[Account CB - Description].&amp;[0174026 - Imbalance Receivable-Related P]"/>
        <member name="[CB - Account].[Account CB - Description].&amp;[0174030 - Fuel Reimbursement Quantity]"/>
        <member name="[CB - Account].[Account CB - Description].&amp;[0174031 - Gas Purchase- ASA/SBA]"/>
        <member name="[CB - Account].[Account CB - Description].&amp;[0174032 - Cashout- ASA/SBA]"/>
        <member name="[CB - Account].[Account CB - Description].&amp;[0174033 - Construction Gas- ASA/SBA]"/>
        <member name="[CB - Account].[Account CB - Description].&amp;[0174034 - Other Charges- ASA/SBA]"/>
        <member name="[CB - Account].[Account CB - Description].&amp;[0174035 - Surcharge Recovery- ASA/SBA]"/>
        <member name="[CB - Account].[Account CB - Description].&amp;[0174036 - Transporters Use- SBA]"/>
        <member name="[CB - Account].[Account CB - Description].&amp;[0174037 - Fuel Tracker- Carrying Charge]"/>
        <member name="[CB - Account].[Account CB - Description].&amp;[0174038 - Cashout Tracker]"/>
        <member name="[CB - Account].[Account CB - Description].&amp;[0174039 - Electric Power Cost Deferral]"/>
        <member name="[CB - Account].[Account CB - Description].&amp;[0174040 - EPC Deferral- Time Project]"/>
        <member name="[CB - Account].[Account CB - Description].&amp;[0174041 - EPC Deferral- Franklin]"/>
        <member name="[CB - Account].[Account CB - Description].&amp;[0174042 - CY IT REVENUE DEFERRALS ASSET]"/>
        <member name="[CB - Account].[Account CB - Description].&amp;[0174043 - PY IT REVENUE DEFERRALS ASSET]"/>
        <member name="[CB - Account].[Account CB - Description].&amp;[0174044 - CY PROPTAX DEFERRALS ASSET]"/>
        <member name="[CB - Account].[Account CB - Description].&amp;[0174045 - PY PROPTAX DEFERRALS ASSET]"/>
        <member name="[CB - Account].[Account CB - Description].&amp;[0174046 - CY INCOME TAX DEFERRASL ASSET]"/>
        <member name="[CB - Account].[Account CB - Description].&amp;[0174047 - PY INCOME TAX DEFERRALS ASSET]"/>
        <member name="[CB - Account].[Account CB - Description].&amp;[0174048 - CY INTEREST DEFERRALS ASSET]"/>
        <member name="[CB - Account].[Account CB - Description].&amp;[0174049 - PY INTEREST DEFERRALS ASSET]"/>
        <member name="[CB - Account].[Account CB - Description].&amp;[0174050 - CY OTHER DEFERRASL ASSET]"/>
        <member name="[CB - Account].[Account CB - Description].&amp;[0174051 - PY OTHER DEFERRAKS ASSET]"/>
        <member name="[CB - Account].[Account CB - Description].&amp;[0174052 - Other Curr Asset Related Pty]"/>
        <member name="[CB - Account].[Account CB - Description].&amp;[0174061 - Relocation - NEI]"/>
        <member name="[CB - Account].[Account CB - Description].&amp;[0174100 - Other Current Assets]"/>
        <member name="[CB - Account].[Account CB - Description].&amp;[0174103 - Current Net Invest in Lease]"/>
        <member name="[CB - Account].[Account CB - Description].&amp;[0174105 - Deferred ST MTM Assets]"/>
        <member name="[CB - Account].[Account CB - Description].&amp;[0174110 - CURR ASSET HFS OTHER]"/>
        <member name="[CB - Account].[Account CB - Description].&amp;[0174120 - Current TN Incentive Plan]"/>
        <member name="[CB - Account].[Account CB - Description].&amp;[0174160 - Current Assets of VIEs]"/>
        <member name="[CB - Account].[Account CB - Description].&amp;[0174200 - Intercompany Imbalance - Rec]"/>
        <member name="[CB - Account].[Account CB - Description].&amp;[0174273 - Gas Stored Current]"/>
        <member name="[CB - Account].[Account CB - Description].&amp;[0174355 - Current Other Reg Asset - CAIR]"/>
        <member name="[CB - Account].[Account CB - Description].&amp;[0175003 - IC Deriv Assets-Non-CF-S-T]"/>
        <member name="[CB - Account].[Account CB - Description].&amp;[0175004 - IC Deriv Assets-Non-CF-L-T]"/>
        <member name="[CB - Account].[Account CB - Description].&amp;[0175005 - ERM-Option Prem-Pwr-Current]"/>
        <member name="[CB - Account].[Account CB - Description].&amp;[0175006 - FV Hedge - Noncash - Current]"/>
        <member name="[CB - Account].[Account CB - Description].&amp;[0175007 - FV Hedge -Noncash -Non-Current]"/>
        <member name="[CB - Account].[Account CB - Description].&amp;[0175010 - NDTF Derivative Options]"/>
        <member name="[CB - Account].[Account CB - Description].&amp;[0175110 - CURR ASSET HFS UNR GAIN]"/>
        <member name="[CB - Account].[Account CB - Description].&amp;[0175401 - EA Risk Mgmt Asset -Noncurrent]"/>
        <member name="[CB - Account].[Account CB - Description].&amp;[0176001 - 3RD PTY DERIV ASSET CURRENT]"/>
        <member name="[CB - Account].[Account CB - Description].&amp;[0176002 - 3RD PTY DERIV ASSET LONG TERM]"/>
        <member name="[CB - Account].[Account CB - Description].&amp;[0176003 - Accrued Interest Recv - Swaps]"/>
        <member name="[CB - Account].[Account CB - Description].&amp;[0176004 - 3rd Party Deriv Int Receivebl]"/>
        <member name="[CB - Account].[Account CB - Description].&amp;[0176897 - 3rd Party Deriv Asset Cur VIE]"/>
        <member name="[CB - Account].[Account CB - Description].&amp;[0176898 - 3rd Party Deriv Asset LT VIE]"/>
        <member name="[CB - Account].[Account CB - Description].&amp;[0181000 - Unamrt Dde-8% 2002]"/>
        <member name="[CB - Account].[Account CB - Description].&amp;[0181001 - Unamrt Dde-100Mm Med]"/>
        <member name="[CB - Account].[Account CB - Description].&amp;[0181002 - Unamrt Dde-8.25% 2004]"/>
        <member name="[CB - Account].[Account CB - Description].&amp;[0181003 - Unamrt Dde-9.13% 2003]"/>
        <member name="[CB - Account].[Account CB - Description].&amp;[0181004 - Unamrt Dde-Pec Tax Exempt Bond]"/>
        <member name="[CB - Account].[Account CB - Description].&amp;[0181005 - Unamrt Dde-8.625%]"/>
        <member name="[CB - Account].[Account CB - Description].&amp;[0181006 - Unamrt Dde-9.9%]"/>
        <member name="[CB - Account].[Account CB - Description].&amp;[0181007 - Unamrt Dde-7%]"/>
        <member name="[CB - Account].[Account CB - Description].&amp;[0181008 - Unamrt Dde-7.25%]"/>
        <member name="[CB - Account].[Account CB - Description].&amp;[0181009 - Unamrt Dde-7.38% Due 09/2003]"/>
        <member name="[CB - Account].[Account CB - Description].&amp;[0181010 - $300m Var DERF Due 9/2005]"/>
        <member name="[CB - Account].[Account CB - Description].&amp;[0181011 - Unamrt DDE-Bond Indenture]"/>
        <member name="[CB - Account].[Account CB - Description].&amp;[0181012 - Unamrt DDE-Credit Agreement]"/>
        <member name="[CB - Account].[Account CB - Description].&amp;[0181013 - Unamrt Dde-5.69% 2012]"/>
        <member name="[CB - Account].[Account CB - Description].&amp;[0181014 - Unamrt Dde-5.71% 2012]"/>
        <member name="[CB - Account].[Account CB - Description].&amp;[0181015 - Unamrt-Dde-5.25% 2007]"/>
        <member name="[CB - Account].[Account CB - Description].&amp;[0181016 - $500M 7.00% FMB due 11/15/2018]"/>
        <member name="[CB - Account].[Account CB - Description].&amp;[0181017 - Unamrt DDE-8.25% due 2005]"/>
        <member name="[CB - Account].[Account CB - Description].&amp;[0181018 - DEF 650M 2.40% 12/15/2031]"/>
        <member name="[CB - Account].[Account CB - Description].&amp;[0181019 - DEF 500M 3.00% 12/15/2051]"/>
        <member name="[CB - Account].[Account CB - Description].&amp;[0181020 - $250m SR FLOATING 12/8/2005]"/>
        <member name="[CB - Account].[Account CB - Description].&amp;[0181022 - Unamrt Dde-7.30%2010]"/>
        <member name="[CB - Account].[Account CB - Description].&amp;[0181023 - Unamort Prem Bonds Pay - 2003]"/>
        <member name="[CB - Account].[Account CB - Description].&amp;[0181024 - Bond 6.75% 2/15/2032]"/>
        <member name="[CB - Account].[Account CB - Description].&amp;[0181025 - Bond 6.25% 2/15/2013]"/>
        <member name="[CB - Account].[Account CB - Description].&amp;[0181026 - Global 7.5% 10/1/2009]"/>
        <member name="[CB - Account].[Account CB - Description].&amp;[0181027 - Global 7.25% 10/1/2004]"/>
        <member name="[CB - Account].[Account CB - Description].&amp;[0181028 - Global 8% 10/1/2019]"/>
        <member name="[CB - Account].[Account CB - Description].&amp;[0181029 - Notes 4.302% 3/1/2009]"/>
        <member name="[CB - Account].[Account CB - Description].&amp;[0181030 - Maxes Due 12/03/12]"/>
        <member name="[CB - Account].[Account CB - Description].&amp;[0181031 - Notes 5.5% 3/1/2004]"/>
        <member name="[CB - Account].[Account CB - Description].&amp;[0181032 - Unamrt Dde 5.56% due 2015]"/>
        <member name="[CB - Account].[Account CB - Description].&amp;[0181033 - Unamrt Dde 6.19% due 2025]"/>
        <member name="[CB - Account].[Account CB - Description].&amp;[0181034 - Purch Acctg Contra DDE]"/>
        <member name="[CB - Account].[Account CB - Description].&amp;[0181035 - Unamort Debt Exp - Insurance]"/>
        <member name="[CB - Account].[Account CB - Description].&amp;[0181036 - Unamort Debt Expense]"/>
        <member name="[CB - Account].[Account CB - Description].&amp;[0181037 - $300M 5.1% FMB due 4/15/2018]"/>
        <member name="[CB - Account].[Account CB - Description].&amp;[0181038 - $600M 6.05% FMB due 4/15/2038]"/>
        <member name="[CB - Account].[Account CB - Description].&amp;[0181039 - DEFR AR Securitization 225M]"/>
        <member name="[CB - Account].[Account CB - Description].&amp;[0181040 - York Co. Pc Bonds-1990 Series]"/>
        <member name="[CB - Account].[Account CB - Description].&amp;[0181041 - DEC Unamort Debt Storm Funding]"/>
        <member name="[CB - Account].[Account CB - Description].&amp;[0181042 - DEP Unamort Debt Storm Funding]"/>
        <member name="[CB - Account].[Account CB - Description].&amp;[0181043 - DEP 500M 4.15% 12/1/44]"/>
        <member name="[CB - Account].[Account CB - Description].&amp;[0181044 - $650M 2.00% FMB due 8/15/31]"/>
        <member name="[CB - Account].[Account CB - Description].&amp;[0181045 - DEF Long Term Debt Q4]"/>
        <member name="[CB - Account].[Account CB - Description].&amp;[0181046 - DEF DDE 600M 3.80% 7/15/28]"/>
        <member name="[CB - Account].[Account CB - Description].&amp;[0181047 - DEF DDE 400M 4.20%]"/>
        <member name="[CB - Account].[Account CB - Description].&amp;[0181050 - 6 3/8% Series Due 2008]"/>
        <member name="[CB - Account].[Account CB - Description].&amp;[0181051 - DEP 500M 3.25% 8/15/2025]"/>
        <member name="[CB - Account].[Account CB - Description].&amp;[0181052 - DEP 700M 4.20% 8/15/2045]"/>
        <member name="[CB - Account].[Account CB - Description].&amp;[0181053 - DEP DDE 450M 3.70% 10/15/46]"/>
        <member name="[CB - Account].[Account CB - Description].&amp;[0181054 - DEP 300M Floating 9/08/20]"/>
        <member name="[CB - Account].[Account CB - Description].&amp;[0181055 - $500M 3.90% FMB due 6/15/21]"/>
        <member name="[CB - Account].[Account CB - Description].&amp;[0181056 - Unamortized Debt Exp - CurrLTD]"/>
        <member name="[CB - Account].[Account CB - Description].&amp;[0181057 - VIE Unamortized Debt Exp-CLTD]"/>
        <member name="[CB - Account].[Account CB - Description].&amp;[0181058 - DEP DDE 500M 3.60%  9/15/47]"/>
        <member name="[CB - Account].[Account CB - Description].&amp;[0181059 - DEP 300M 3.375% 9/1/2023]"/>
        <member name="[CB - Account].[Account CB - Description].&amp;[0181060 - 7.5% Series B Due 2025]"/>
        <member name="[CB - Account].[Account CB - Description].&amp;[0181061 - $450M 2.90% FMB due 8/15/51]"/>
        <member name="[CB - Account].[Account CB - Description].&amp;[0181062 - $650M 4% FMB due 09/30/2042]"/>
        <member name="[CB - Account].[Account CB - Description].&amp;[0181063 - Unamrt Dde (Interest/Due Date)]"/>
        <member name="[CB - Account].[Account CB - Description].&amp;[0181064 - Unamrt Dde (Interest/Due Date)]"/>
        <member name="[CB - Account].[Account CB - Description].&amp;[0181065 - DEP 500M 3.70% 09/1/2028]"/>
        <member name="[CB - Account].[Account CB - Description].&amp;[0181070 - Inactive]"/>
        <member name="[CB - Account].[Account CB - Description].&amp;[0181072 - DDE DEI 50M 4 95 2009C 10/1/40]"/>
        <member name="[CB - Account].[Account CB - Description].&amp;[0181073 - DEP DDE $200M 3.30% Series 202]"/>
        <member name="[CB - Account].[Account CB - Description].&amp;[0181074 - DEPDDE$210M 3.70% Series2022A2]"/>
        <member name="[CB - Account].[Account CB - Description].&amp;[0181075 - DEP 400M 4.375% 3/30/2044]"/>
        <member name="[CB - Account].[Account CB - Description].&amp;[0181076 - DEP 250M Floating 3/6/2017]"/>
        <member name="[CB - Account].[Account CB - Description].&amp;[0181078 - Term Loan - Fall 2023]"/>
        <member name="[CB - Account].[Account CB - Description].&amp;[0181079 - DEP DDE $41.7M 4.00% Series 20]"/>
        <member name="[CB - Account].[Account CB - Description].&amp;[0181080 - Mort Bonds 7% Due 2000]"/>
        <member name="[CB - Account].[Account CB - Description].&amp;[0181081 - Un Dde-500M 2.85% FMB 3/1/2032]"/>
        <member name="[CB - Account].[Account CB - Description].&amp;[0181082 - Un Dde-$650M 3.55%FMB 3/1/2052]"/>
        <member name="[CB - Account].[Account CB - Description].&amp;[0181083 - $500M 3.40% FMB due 4/1/32]"/>
        <member name="[CB - Account].[Account CB - Description].&amp;[0181084 - $400M 4.00% FMB due 4/1/52]"/>
        <member name="[CB - Account].[Account CB - Description].&amp;[0181085 - DEF 500M 5.95% 11/15/2052]"/>
        <member name="[CB - Account].[Account CB - Description].&amp;[0181089 - 2020 DEFUnamt disc - FMB]"/>
        <member name="[CB - Account].[Account CB - Description].&amp;[0181090 - 7.375% Sr Unsecur Nts due 3/10]"/>
        <member name="[CB - Account].[Account CB - Description].&amp;[0181091 - DEF 600M DDE 3.4% 10/1/46]"/>
        <member name="[CB - Account].[Account CB - Description].&amp;[0181092 - DEF 650M 3.20% 1/15/27]"/>
        <member name="[CB - Account].[Account CB - Description].&amp;[0181093 - DEF DDE 650M 3.20% 1/15/27]"/>
        <member name="[CB - Account].[Account CB - Description].&amp;[0181094 - $550M 3.7% FMB due 12/1/2047]"/>
        <member name="[CB - Account].[Account CB - Description].&amp;[0181095 - DEF DDE 400M 2.1% 12/15/19]"/>
        <member name="[CB - Account].[Account CB - Description].&amp;[0181096 - $500M 3.05% FMB due 3/15/2023]"/>
        <member name="[CB - Account].[Account CB - Description].&amp;[0181097 - $500M 3.95% FMB due 3/15/2048]"/>
        <member name="[CB - Account].[Account CB - Description].&amp;[0181098 - 2019 DEFUnamt disc - fixed rat]"/>
        <member name="[CB - Account].[Account CB - Description].&amp;[0181099 - DEF Unamt discount - Float rat]"/>
        <member name="[CB - Account].[Account CB - Description].&amp;[0181100 - Unamor Debt Expense-Clearing]"/>
        <member name="[CB - Account].[Account CB - Description].&amp;[0181101 - DEF 800M FLOAT 4/21/2024]"/>
        <member name="[CB - Account].[Account CB - Description].&amp;[0181110 - Floating Senior due 1-15-2005]"/>
        <member name="[CB - Account].[Account CB - Description].&amp;[0181120 - Gaston Co 1999 Ser due 10/1/12]"/>
        <member name="[CB - Account].[Account CB - Description].&amp;[0181130 - $200M Ret Notes 6.6%-12/31/38]"/>
        <member name="[CB - Account].[Account CB - Description].&amp;[0181140 - Core Bond 11/30/07 4.611%]"/>
        <member name="[CB - Account].[Account CB - Description].&amp;[0181150 - $300M 6.0% Sr Nte due 12/1/28]"/>
        <member name="[CB - Account].[Account CB - Description].&amp;[0181153 - DEK 3.7% 5-YearPut Due 2027]"/>
        <member name="[CB - Account].[Account CB - Description].&amp;[0181170 - Unamort Exp TruPS$250M Due2039]"/>
        <member name="[CB - Account].[Account CB - Description].&amp;[0181180 - 6.25% Senior due 1-15-2012]"/>
        <member name="[CB - Account].[Account CB - Description].&amp;[0181181 - $400M 5.75% FMB due 11/15/2013]"/>
        <member name="[CB - Account].[Account CB - Description].&amp;[0181190 - Inactive]"/>
        <member name="[CB - Account].[Account CB - Description].&amp;[0181200 - Inactive]"/>
        <member name="[CB - Account].[Account CB - Description].&amp;[0181210 - $500M FMB 3.75% DUE 3-5-08]"/>
        <member name="[CB - Account].[Account CB - Description].&amp;[0181220 - Inactive]"/>
        <member name="[CB - Account].[Account CB - Description].&amp;[0181230 - $200M FMB 4.5% DUE 4-1-2010]"/>
        <member name="[CB - Account].[Account CB - Description].&amp;[0181240 - Sr Unsecured Bds due 10/15/32]"/>
        <member name="[CB - Account].[Account CB - Description].&amp;[0181250 - 7% Fst/Ref Mort Bonds Due 7/33]"/>
        <member name="[CB - Account].[Account CB - Description].&amp;[0181260 - $300M SR NT 4.2% 10/1/08]"/>
        <member name="[CB - Account].[Account CB - Description].&amp;[0181270 - $500M FMB 5.3% 10/1/2015]"/>
        <member name="[CB - Account].[Account CB - Description].&amp;[0181280 - $770M Sr Conv Bonds Due5-15-23]"/>
        <member name="[CB - Account].[Account CB - Description].&amp;[0181281 - $500M 2.45% FMB due 2/1/30]"/>
        <member name="[CB - Account].[Account CB - Description].&amp;[0181282 - $550M 2.55% FMB due 4/15/31]"/>
        <member name="[CB - Account].[Account CB - Description].&amp;[0181283 - $450M 3.45% FMB due 4/15/51]"/>
        <member name="[CB - Account].[Account CB - Description].&amp;[0181284 - $650M 4.25% FMB due 12/15/41]"/>
        <member name="[CB - Account].[Account CB - Description].&amp;[0181285 - $750M 5.3% FMB due 2/15/2040]"/>
        <member name="[CB - Account].[Account CB - Description].&amp;[0181286 - $450M 4.3% FMB due 6/15/2020]"/>
        <member name="[CB - Account].[Account CB - Description].&amp;[0181287 - $350M 3.35% FMB due 5/15/22]"/>
        <member name="[CB - Account].[Account CB - Description].&amp;[0181288 - $650M 3.95% FMB due 11/15/28]"/>
        <member name="[CB - Account].[Account CB - Description].&amp;[0181289 - $450M 2.45% FMB due 8/15/29]"/>
        <member name="[CB - Account].[Account CB - Description].&amp;[0181290 - 8.27% Medium Term Notes Due]"/>
        <member name="[CB - Account].[Account CB - Description].&amp;[0181291 - $750M 3.20% FMB due 8/15/49]"/>
        <member name="[CB - Account].[Account CB - Description].&amp;[0181300 - 5.8% Oconee Pc Due 2014]"/>
        <member name="[CB - Account].[Account CB - Description].&amp;[0181320 - Inactive]"/>
        <member name="[CB - Account].[Account CB - Description].&amp;[0181330 - 6.125% Mtn Bonds Due 7/2003]"/>
        <member name="[CB - Account].[Account CB - Description].&amp;[0181335 - UnamDebtExp 100M 4 65 DEK Debs]"/>
        <member name="[CB - Account].[Account CB - Description].&amp;[0181340 - Oconee Co 1999 SerA due 2/1/17]"/>
        <member name="[CB - Account].[Account CB - Description].&amp;[0181350 - $250M Retail Bonds Due 4/1/22]"/>
        <member name="[CB - Account].[Account CB - Description].&amp;[0181360 - 12/95]"/>
        <member name="[CB - Account].[Account CB - Description].&amp;[0181370 - Sen Unsecured Notes 11/30/12]"/>
        <member name="[CB - Account].[Account CB - Description].&amp;[0181380 - 8.95% Grnsbor Transit Due 2027]"/>
        <member name="[CB - Account].[Account CB - Description].&amp;[0181390 - Oconee Co 1999 SerB due 2/1/17]"/>
        <member name="[CB - Account].[Account CB - Description].&amp;[0181410 - 8.00% Series Due 2004]"/>
        <member name="[CB - Account].[Account CB - Description].&amp;[0181420 - 8.625 Series Due 2022]"/>
        <member name="[CB - Account].[Account CB - Description].&amp;[0181460 - PNG DDE 100M 6.0% MTN 12/19/33]"/>
        <member name="[CB - Account].[Account CB - Description].&amp;[0181461 - PNG DDE 55M 7.4% MTN 10/3/25]"/>
        <member name="[CB - Account].[Account CB - Description].&amp;[0181462 - PNG DDE 60M 7.95% MTN 9/14/29]"/>
        <member name="[CB - Account].[Account CB - Description].&amp;[0181463 - PNG 250M 4.10% SR NT 9/18/34]"/>
        <member name="[CB - Account].[Account CB - Description].&amp;[0181464 - PNG DDE 40M 7.5% MTN 10/9/26]"/>
        <member name="[CB - Account].[Account CB - Description].&amp;[0181466 - PNG DDE 45M 6.87% MTN 10/6/23]"/>
        <member name="[CB - Account].[Account CB - Description].&amp;[0181467 - PNG DDE 40M 8.45% MTN 9/19/24]"/>
        <member name="[CB - Account].[Account CB - Description].&amp;[0181468 - PNG 100M 3.47% SR NT 7/16/27]"/>
        <member name="[CB - Account].[Account CB - Description].&amp;[0181469 - PNG 160M 4.24% SR NT 6/6/21]"/>
        <member name="[CB - Account].[Account CB - Description].&amp;[0181470 - PNG 200M 3.57% SR NT 7/16/27]"/>
        <member name="[CB - Account].[Account CB - Description].&amp;[0181471 - PNG 300M 4.65% SR NT 8/1/43]"/>
        <member name="[CB - Account].[Account CB - Description].&amp;[0181472 - PNG 150M 3.60% SR NT 9/1/25]"/>
        <member name="[CB - Account].[Account CB - Description].&amp;[0181473 - PNG DDE 40M 2.92% SR NT 6/16]"/>
        <member name="[CB - Account].[Account CB - Description].&amp;[0181474 - PNG 300M 3.64% SR NT 11/1/46]"/>
        <member name="[CB - Account].[Account CB - Description].&amp;[0181475 - PNG 2017 Term Loan DDE]"/>
        <member name="[CB - Account].[Account CB - Description].&amp;[0181476 - PNG 2018 Financing DDE]"/>
        <member name="[CB - Account].[Account CB - Description].&amp;[0181477 - PNG DDE 600M 3.5% SR NT 6/1/29]"/>
        <member name="[CB - Account].[Account CB - Description].&amp;[0181478 - PNG 400M 3.35% SR NT 6/1/50]"/>
        <member name="[CB - Account].[Account CB - Description].&amp;[0181479 - PNG 350M 2.50% SR NT 3/15/31]"/>
        <member name="[CB - Account].[Account CB - Description].&amp;[0181480 - PNG 400M 5.05% SR NT 5/15/52]"/>
        <member name="[CB - Account].[Account CB - Description].&amp;[0181501 - PGN DDE  1.25B 7.10% 2011]"/>
        <member name="[CB - Account].[Account CB - Description].&amp;[0181502 - PGN DDE 650M 7.75% 1/1/31]"/>
        <member name="[CB - Account].[Account CB - Description].&amp;[0181503 - PGN DDE 400M 7% 10/30/31]"/>
        <member name="[CB - Account].[Account CB - Description].&amp;[0181504 - PGN DDE 450M 3.15% 4/1/22]"/>
        <member name="[CB - Account].[Account CB - Description].&amp;[0181506 - PGN DDE 300M 5.625% 1/15/16]"/>
        <member name="[CB - Account].[Account CB - Description].&amp;[0181507 - PGN DDE 300M 6.05% 3/15/14]"/>
        <member name="[CB - Account].[Account CB - Description].&amp;[0181508 - PGN DDE 450M  7.05% 3/15/19]"/>
        <member name="[CB - Account].[Account CB - Description].&amp;[0181509 - PGN DDE 350M 4.875% 12/1/19]"/>
        <member name="[CB - Account].[Account CB - Description].&amp;[0181510 - 8 3/4% Series Due 2021]"/>
        <member name="[CB - Account].[Account CB - Description].&amp;[0181511 - DEF DDE 150M 6.75% 2/1/28]"/>
        <member name="[CB - Account].[Account CB - Description].&amp;[0181512 - PEC DDE 500M 6.5% NOTES]"/>
        <member name="[CB - Account].[Account CB - Description].&amp;[0181513 - PGN DDE 500M 4.4% 1/15/21]"/>
        <member name="[CB - Account].[Account CB - Description].&amp;[0181514 - PGN DDE 600M 6.0% 12/1/39]"/>
        <member name="[CB - Account].[Account CB - Description].&amp;[0181520 - Medium Term Notes]"/>
        <member name="[CB - Account].[Account CB - Description].&amp;[0181531 - DEF DDE PCB 108.55M 2002A]"/>
        <member name="[CB - Account].[Account CB - Description].&amp;[0181532 - DEF DDE PCB 100.115M 2002B]"/>
        <member name="[CB - Account].[Account CB - Description].&amp;[0181533 - DEF DDE PCB 32.2M 2002C]"/>
        <member name="[CB - Account].[Account CB - Description].&amp;[0181534 - DEF DDE 425M 4.8% 3/1/13]"/>
        <member name="[CB - Account].[Account CB - Description].&amp;[0181535 - DEF DDE 225M 5.9% 3/1/33]"/>
        <member name="[CB - Account].[Account CB - Description].&amp;[0181536 - DEF DDE 300M 5.1% 12/1/15]"/>
        <member name="[CB - Account].[Account CB - Description].&amp;[0181537 - DEF DDE 500M 6.35% 9/15/37]"/>
        <member name="[CB - Account].[Account CB - Description].&amp;[0181538 - DEF DDE 250M 5.80% 9/15/17]"/>
        <member name="[CB - Account].[Account CB - Description].&amp;[0181539 - DEF DDE 500M 5.65% 6/15/18]"/>
        <member name="[CB - Account].[Account CB - Description].&amp;[0181540 - Unamortized Debt Exp-Pollution]"/>
        <member name="[CB - Account].[Account CB - Description].&amp;[0181541 - DEF DDE 250M 4.55% 4/1/20]"/>
        <member name="[CB - Account].[Account CB - Description].&amp;[0181542 - DEF DDE 350M 5.65% 4/1/40]"/>
        <member name="[CB - Account].[Account CB - Description].&amp;[0181543 - DEP DDE 300M 5.15% 2015]"/>
        <member name="[CB - Account].[Account CB - Description].&amp;[0181544 - DEP DDE 200M 5.70% 2035]"/>
        <member name="[CB - Account].[Account CB - Description].&amp;[0181545 - DEP DDE 400M 5.25% 2015]"/>
        <member name="[CB - Account].[Account CB - Description].&amp;[0181546 - DEP DDE 325M 6.30% 2038]"/>
        <member name="[CB - Account].[Account CB - Description].&amp;[0181547 - DEP DDE 600M 5.30% 2019]"/>
        <member name="[CB - Account].[Account CB - Description].&amp;[0181548 - DEP DDE  400M 5.125% 2013]"/>
        <member name="[CB - Account].[Account CB - Description].&amp;[0181549 - DEP DDE  200M 6.125% 2033]"/>
        <member name="[CB - Account].[Account CB - Description].&amp;[0181551 - DEP DDE PCB 72.6M WAKE  94A]"/>
        <member name="[CB - Account].[Account CB - Description].&amp;[0181552 - DEP DDE PCB 50M WAKE  94B]"/>
        <member name="[CB - Account].[Account CB - Description].&amp;[0181553 - DEP DDE PCBFMB 67.3M WAKE 00A]"/>
        <member name="[CB - Account].[Account CB - Description].&amp;[0181554 - DEP DDE PCBFMB 55.64M PERS 00A]"/>
        <member name="[CB - Account].[Account CB - Description].&amp;[0181555 - DEP DDE PCBFMB 50M WAKE 2000B]"/>
        <member name="[CB - Account].[Account CB - Description].&amp;[0181556 - DEP DDE WAKE 2000C]"/>
        <member name="[CB - Account].[Account CB - Description].&amp;[0181557 - DEP DDE PCBFMB 41.7M WAKE 00D]"/>
        <member name="[CB - Account].[Account CB - Description].&amp;[0181558 - DEP DDE PCBFMB 50M WAKE 2000E]"/>
        <member name="[CB - Account].[Account CB - Description].&amp;[0181559 - DEP DDE PCBFMB 50M WAKE 2000F]"/>
        <member name="[CB - Account].[Account CB - Description].&amp;[0181560 - Inactive]"/>
        <member name="[CB - Account].[Account CB - Description].&amp;[0181561 - DEP DDE PCBFMB 87.4M WAKE 00G]"/>
        <member name="[CB - Account].[Account CB - Description].&amp;[0181562 - DEP DDE PERSON 2000B]"/>
        <member name="[CB - Account].[Account CB - Description].&amp;[0181563 - DEP DDE 48.485M WAKE 2002]"/>
        <member name="[CB - Account].[Account CB - Description].&amp;[0181564 - DEF DDE 300M 3.10% 08/15/2021]"/>
        <member name="[CB - Account].[Account CB - Description].&amp;[0181565 - DEF DDE 1B 6.40% 06/15/38]"/>
        <member name="[CB - Account].[Account CB - Description].&amp;[0181566 - DEP DDE 100M 8 5/8% 9/15/21]"/>
        <member name="[CB - Account].[Account CB - Description].&amp;[0181567 - DEP 500M 3.00% 9/15/21]"/>
        <member name="[CB - Account].[Account CB - Description].&amp;[0181568 - DEP 500M 2.80% 5/15/22]"/>
        <member name="[CB - Account].[Account CB - Description].&amp;[0181569 - DEF DDE 400M 3.85% 11/15/42]"/>
        <member name="[CB - Account].[Account CB - Description].&amp;[0181570 - Pollution Control Due 2017]"/>
        <member name="[CB - Account].[Account CB - Description].&amp;[0181571 - DEF DDE 250M .65% 11/15/15]"/>
        <member name="[CB - Account].[Account CB - Description].&amp;[0181572 - DEP DDE 500M 4.10% 5/15/42]"/>
        <member name="[CB - Account].[Account CB - Description].&amp;[0181573 - DEP DDE 500M 4.10% 3/15/43]"/>
        <member name="[CB - Account].[Account CB - Description].&amp;[0181574 - DEP DDE 48M Wake2002Refn2013]"/>
        <member name="[CB - Account].[Account CB - Description].&amp;[0181575 - FMB issuing 2013 - Debt Exp]"/>
        <member name="[CB - Account].[Account CB - Description].&amp;[0181576 - FMB issuing 2013-Debt Exp Vari]"/>
        <member name="[CB - Account].[Account CB - Description].&amp;[0181577 - FMB issuing 2013 - Debt Exp]"/>
        <member name="[CB - Account].[Account CB - Description].&amp;[0181578 - FMB issuing 2013-Debt Exp Vari]"/>
        <member name="[CB - Account].[Account CB - Description].&amp;[0181579 - FMB issuing May 2016 Debt Exp]"/>
        <member name="[CB - Account].[Account CB - Description].&amp;[0181580 - DEO DDE 250M FMB 3.70% 6/15/46]"/>
        <member name="[CB - Account].[Account CB - Description].&amp;[0181581 - DEP 700M Trm Loan-Fltg12/31/20]"/>
        <member name="[CB - Account].[Account CB - Description].&amp;[0181582 - DEO Fixed Rate FMB]"/>
        <member name="[CB - Account].[Account CB - Description].&amp;[0181583 - DE OH Fixed rate FMB]"/>
        <member name="[CB - Account].[Account CB - Description].&amp;[0181584 - DEP 600M 3.45% 3/15/2029]"/>
        <member name="[CB - Account].[Account CB - Description].&amp;[0181585 - FMB Issuing Sep 2019 $500M 30Y]"/>
        <member name="[CB - Account].[Account CB - Description].&amp;[0181586 - FMB issuing MAR 2020]"/>
        <member name="[CB - Account].[Account CB - Description].&amp;[0181587 - DEO Unamort Debt Exp 20]"/>
        <member name="[CB - Account].[Account CB - Description].&amp;[0181588 - DEP 600M 2.5% 8/15/50]"/>
        <member name="[CB - Account].[Account CB - Description].&amp;[0181589 - DExp DEP 700M Floater 2/18/22]"/>
        <member name="[CB - Account].[Account CB - Description].&amp;[0181590 - Inactive]"/>
        <member name="[CB - Account].[Account CB - Description].&amp;[0181600 - 6.875% 1St Mortg Bonds - 8/23]"/>
        <member name="[CB - Account].[Account CB - Description].&amp;[0181610 - PC Bonds 2006 A 10-1-2031]"/>
        <member name="[CB - Account].[Account CB - Description].&amp;[0181620 - PC Bonds 2006 B 10-1-2031]"/>
        <member name="[CB - Account].[Account CB - Description].&amp;[0181650 - Unamort Fees-2004 Revolver]"/>
        <member name="[CB - Account].[Account CB - Description].&amp;[0181680 - Oconee PC Var Due 2/1/2017]"/>
        <member name="[CB - Account].[Account CB - Description].&amp;[0181685 - Oconee PC Bonds 3.6% 2/1/2017]"/>
        <member name="[CB - Account].[Account CB - Description].&amp;[0181710 - Unamort. Debt - MMutual - NPL]"/>
        <member name="[CB - Account].[Account CB - Description].&amp;[0181720 - Unamort. Debt TIAA - NPL]"/>
        <member name="[CB - Account].[Account CB - Description].&amp;[0181730 - Unamort. Debt - NY Life - NPL]"/>
        <member name="[CB - Account].[Account CB - Description].&amp;[0181731 - Unamort Debt-Capitalized Costs]"/>
        <member name="[CB - Account].[Account CB - Description].&amp;[0181800 - DDE-BondsCG&amp;EB 5 45SerB 1 1 24]"/>
        <member name="[CB - Account].[Account CB - Description].&amp;[0181801 - $500M 6.1% Sr Nte due 6/1/37-A]"/>
        <member name="[CB - Account].[Account CB - Description].&amp;[0181802 - $400M 5.25% FMB due 1/15/18]"/>
        <member name="[CB - Account].[Account CB - Description].&amp;[0181803 - $500M 6.0% FMB due 1/15/38]"/>
        <member name="[CB - Account].[Account CB - Description].&amp;[0181804 - PC Bonds 2008A  11/1/2040]"/>
        <member name="[CB - Account].[Account CB - Description].&amp;[0181805 - PC Bonds 2008B 11/1/2040]"/>
        <member name="[CB - Account].[Account CB - Description].&amp;[0181806 - DDE-42MCG&amp;E OAQDSer2002A9/1/37]"/>
        <member name="[CB - Account].[Account CB - Description].&amp;[0181807 - DDE-42MCG&amp;E OAQDSer2002B9/1/37]"/>
        <member name="[CB - Account].[Account CB - Description].&amp;[0181808 - DDE-PutBondCG&amp;EOAQD 1995A 9130]"/>
        <member name="[CB - Account].[Account CB - Description].&amp;[0181809 - DDE-PutBondCG&amp;EOAQD1995B9/1/30]"/>
        <member name="[CB - Account].[Account CB - Description].&amp;[0181810 - DDE-BondsCG&amp;E SerA 5 45 1,1,24]"/>
        <member name="[CB - Account].[Account CB - Description].&amp;[0181811 - DDE-6 4 CG&amp;EDebs4/1/08]"/>
        <member name="[CB - Account].[Account CB - Description].&amp;[0181812 - DDE-LiqAsstNote Coup Ex10-1-07]"/>
        <member name="[CB - Account].[Account CB - Description].&amp;[0181813 - DDE-6 5 ULHPDebs4/30/08]"/>
        <member name="[CB - Account].[Account CB - Description].&amp;[0181814 - DDE-7 875 SnrUnsecDebs 9/15/09]"/>
        <member name="[CB - Account].[Account CB - Description].&amp;[0181815 - DDE-JrMaturingPrincipleSec]"/>
        <member name="[CB - Account].[Account CB - Description].&amp;[0181816 - DDE-PCRB - Ser 2000B 4/1/22]"/>
        <member name="[CB - Account].[Account CB - Description].&amp;[0181817 - DDE-55 M Var PCB 2004 A 8/1/39]"/>
        <member name="[CB - Account].[Account CB - Description].&amp;[0181818 - DDE-23M IDFA Ser 2002A 3/1/31]"/>
        <member name="[CB - Account].[Account CB - Description].&amp;[0181819 - DDE-24 6M IDFA Ser2002B 3/1/19]"/>
        <member name="[CB - Account].[Account CB - Description].&amp;[0181820 - DDE-35M IDFA Serie 2003 4/1/22]"/>
        <member name="[CB - Account].[Account CB - Description].&amp;[0181821 - DDE-PCRB - Ser 2000A 5/1/35]"/>
        <member name="[CB - Account].[Account CB - Description].&amp;[0181822 - DDE-PSI FMB Ser BBB 07/15/09]"/>
        <member name="[CB - Account].[Account CB - Description].&amp;[0181823 - DDE-PSI FMB Ser DDD 09/01/32]"/>
        <member name="[CB - Account].[Account CB - Description].&amp;[0181824 - DDE-PSI FMB Ser CCC 01/15/22]"/>
        <member name="[CB - Account].[Account CB - Description].&amp;[0181825 - DDE-Senior Notes 6 52 3/15/09]"/>
        <member name="[CB - Account].[Account CB - Description].&amp;[0181826 - DDE-7 85 PSI Debs 10/15/07]"/>
        <member name="[CB - Account].[Account CB - Description].&amp;[0181827 - DDE-Medium Term Notes - A]"/>
        <member name="[CB - Account].[Account CB - Description].&amp;[0181828 - DDE-40 25MVarRatePCBSerA 12138]"/>
        <member name="[CB - Account].[Account CB - Description].&amp;[0181829 - DDE-40 25MVarRatePCBSerB 12138]"/>
        <member name="[CB - Account].[Account CB - Description].&amp;[0181830 - DDE-Medium Term Notes - B]"/>
        <member name="[CB - Account].[Account CB - Description].&amp;[0181831 - DDE-400M 5 0 PSIDebs 9/15/13]"/>
        <member name="[CB - Account].[Account CB - Description].&amp;[0181832 - DDE-6 20 CGR DebsDue11/3/08]"/>
        <member name="[CB - Account].[Account CB - Description].&amp;[0181833 - DDE-CORP DEB 6 53 12/16/08]"/>
        <member name="[CB - Account].[Account CB - Description].&amp;[0181835 - DDE-PSI PCB 2005A]"/>
        <member name="[CB - Account].[Account CB - Description].&amp;[0181836 - DDE-PSI 350M 10/35]"/>
        <member name="[CB - Account].[Account CB - Description].&amp;[0181837 - DDE-PSI PCB 2005B]"/>
        <member name="[CB - Account].[Account CB - Description].&amp;[0181838 - DDE-PSI PCB 2005C]"/>
        <member name="[CB - Account].[Account CB - Description].&amp;[0181839 - DDE-ULHP 50M 5 75 3/10/16]"/>
        <member name="[CB - Account].[Account CB - Description].&amp;[0181841 - DDE-PSI 325M 6 05 06/15/16]"/>
        <member name="[CB - Account].[Account CB - Description].&amp;[0181842 - DDE-ULHP PCB 06A]"/>
        <member name="[CB - Account].[Account CB - Description].&amp;[0181845 - DDE-5 0 Debs 12/15/14]"/>
        <member name="[CB - Account].[Account CB - Description].&amp;[0181846 - DDE-OAQD 2004 Ser A 11/1/39]"/>
        <member name="[CB - Account].[Account CB - Description].&amp;[0181847 - DDE-OAQD 2004 Ser B 11/1/39]"/>
        <member name="[CB - Account].[Account CB - Description].&amp;[0181848 - DDE-Corp Revolver 2006]"/>
        <member name="[CB - Account].[Account CB - Description].&amp;[0181849 - DDE-IDFA 2004C 77 12512/1/2039]"/>
        <member name="[CB - Account].[Account CB - Description].&amp;[0181850 - DEI FMB Ser UUU $250M 3/15/42]"/>
        <member name="[CB - Account].[Account CB - Description].&amp;[0181851 - DDE-5 375CG&amp;ESer, 2003B6/15/33]"/>
        <member name="[CB - Account].[Account CB - Description].&amp;[0181852 - DDE-5 40CG&amp;E Ser 2003A 6/15/33]"/>
        <member name="[CB - Account].[Account CB - Description].&amp;[0181853 - CLT Metro Debt]"/>
        <member name="[CB - Account].[Account CB - Description].&amp;[0181854 - DDE-500MCG&amp;EDeb5 7Due9/15/12]"/>
        <member name="[CB - Account].[Account CB - Description].&amp;[0181855 - DDE-Debs CG&amp;E 6 906-1-25]"/>
        <member name="[CB - Account].[Account CB - Description].&amp;[0181856 - Unamrt Debt 3.75% due 6/1/2045]"/>
        <member name="[CB - Account].[Account CB - Description].&amp;[0181857 - Unamort Debt 2.5% due 3/15/23]"/>
        <member name="[CB - Account].[Account CB - Description].&amp;[0181858 - Unamrt Debt 3.875% due 3/15/46]"/>
        <member name="[CB - Account].[Account CB - Description].&amp;[0181859 - Unamort Debt 2.95% due 12/1/26]"/>
        <member name="[CB - Account].[Account CB - Description].&amp;[0181860 - DDE DEI 2008 $500M due 8/15/38]"/>
        <member name="[CB - Account].[Account CB - Description].&amp;[0181861 - DDE DEI 2010 $500M DUE 7/2020]"/>
        <member name="[CB - Account].[Account CB - Description].&amp;[0181862 - LOC FEE KY PCB 08A]"/>
        <member name="[CB - Account].[Account CB - Description].&amp;[0181863 - Other Unamortized Debt Fees]"/>
        <member name="[CB - Account].[Account CB - Description].&amp;[0181864 - PCRB - Ser 2000A 5/1/35]"/>
        <member name="[CB - Account].[Account CB - Description].&amp;[0181865 - 23M IDFA Ser 2002A 3/1/31]"/>
        <member name="[CB - Account].[Account CB - Description].&amp;[0181866 - IDFA 2004C 77.25 12/1/39]"/>
        <member name="[CB - Account].[Account CB - Description].&amp;[0181867 - IDFA 2004B 77.25 12/1/39]"/>
        <member name="[CB - Account].[Account CB - Description].&amp;[0181868 - PSI PCB 2005C]"/>
        <member name="[CB - Account].[Account CB - Description].&amp;[0181870 - DDE IDFA 50M 2009A5]"/>
        <member name="[CB - Account].[Account CB - Description].&amp;[0181871 - DDE IDFA 55M 2004A]"/>
        <member name="[CB - Account].[Account CB - Description].&amp;[0181872 - DDE IDFA 77 25M 2009A3]"/>
        <member name="[CB - Account].[Account CB - Description].&amp;[0181873 - DDE IDFA 77 25M 2009A4]"/>
        <member name="[CB - Account].[Account CB - Description].&amp;[0181875 - DDE DEI 450M 6.45% MMM 04/39]"/>
        <member name="[CB - Account].[Account CB - Description].&amp;[0181880 - DDE DEO 450M 5.45% due 2019]"/>
        <member name="[CB - Account].[Account CB - Description].&amp;[0181885 - DEO DDE 250M 2 10 DUE 2013]"/>
        <member name="[CB - Account].[Account CB - Description].&amp;[0181886 - LOC FEE IND PCB 2009A5]"/>
        <member name="[CB - Account].[Account CB - Description].&amp;[0181887 - LOC FEE IND PCB 2009A3]"/>
        <member name="[CB - Account].[Account CB - Description].&amp;[0181888 - LOC FEE IND PCB 2009A4]"/>
        <member name="[CB - Account].[Account CB - Description].&amp;[0181889 - LOC FEE IND PCB 2009A2]"/>
        <member name="[CB - Account].[Account CB - Description].&amp;[0181890 - LOC FEE IND PCB 2009A1]"/>
        <member name="[CB - Account].[Account CB - Description].&amp;[0181897 - VIE - Restrict Deferred Debt E]"/>
        <member name="[CB - Account].[Account CB - Description].&amp;[0181910 - Inactive]"/>
        <member name="[CB - Account].[Account CB - Description].&amp;[0181950 - DDE-PA-BondsCG&amp;EB 5 45SerB1124]"/>
        <member name="[CB - Account].[Account CB - Description].&amp;[0181951 - DDE-PA5 375CG&amp;ESer2003B6/15/33]"/>
        <member name="[CB - Account].[Account CB - Description].&amp;[0181952 - DDE-PA5 40CG&amp;ESer2003A 6/15/33]"/>
        <member name="[CB - Account].[Account CB - Description].&amp;[0181953 - DDE-PA500M CG&amp;EDebent5 7 91512]"/>
        <member name="[CB - Account].[Account CB - Description].&amp;[0181954 - DDE-PA-Debs CG&amp;E 6 90Due6-1-25]"/>
        <member name="[CB - Account].[Account CB - Description].&amp;[0181955 - DDE-PA-BondsCG&amp;ESerA 5 45 1124]"/>
        <member name="[CB - Account].[Account CB - Description].&amp;[0181956 - DDE-PA-6 4 CG&amp;EDebent 04012008]"/>
        <member name="[CB - Account].[Account CB - Description].&amp;[0181957 - DDE-PA-6 20 CGRDebsDue11/03/08]"/>
        <member name="[CB - Account].[Account CB - Description].&amp;[0181958 - DDE-PA-CORP DEB 6 53 12/16/08]"/>
        <member name="[CB - Account].[Account CB - Description].&amp;[0181959 - DDE-IDFA2004B77125Due12/1/2039]"/>
        <member name="[CB - Account].[Account CB - Description].&amp;[0181960 - DDE-LT Debt - Delta Twp Util]"/>
        <member name="[CB - Account].[Account CB - Description].&amp;[0181961 - DDE-PAPrefTrustSec6 9Due2007FP]"/>
        <member name="[CB - Account].[Account CB - Description].&amp;[0181962 - DDE-Corp Revolver 2005]"/>
        <member name="[CB - Account].[Account CB - Description].&amp;[0181963 - DDE-Feline Prides Remkt]"/>
        <member name="[CB - Account].[Account CB - Description].&amp;[0181964 - DDE-DEO 2007A 25 3]"/>
        <member name="[CB - Account].[Account CB - Description].&amp;[0181965 - DDE-DEO 2007A 21 4]"/>
        <member name="[CB - Account].[Account CB - Description].&amp;[0181966 - DDE-DEO OAQD REV 2007A]"/>
        <member name="[CB - Account].[Account CB - Description].&amp;[0181967 - DDE-DEO OAQD REV 2007B]"/>
        <member name="[CB - Account].[Account CB - Description].&amp;[0181968 - DDE-CST GP 25M]"/>
        <member name="[CB - Account].[Account CB - Description].&amp;[0181969 - DDE-Accum Exp rel to 8M LTD]"/>
        <member name="[CB - Account].[Account CB - Description].&amp;[0181970 - DDE-CORP 2004A Revolver]"/>
        <member name="[CB - Account].[Account CB - Description].&amp;[0181971 - DDE-2005 Canadian Revolver]"/>
        <member name="[CB - Account].[Account CB - Description].&amp;[0182000 - PNG Cur Reg Asset - Derivative]"/>
        <member name="[CB - Account].[Account CB - Description].&amp;[0182001 - Mapping Failure Suspense]"/>
        <member name="[CB - Account].[Account CB - Description].&amp;[0182002 - Mapping Monitoring Suspense]"/>
        <member name="[CB - Account].[Account CB - Description].&amp;[0182003 - Suspense-Jnl Lines In Error]"/>
        <member name="[CB - Account].[Account CB - Description].&amp;[0182004 - DanRiver Cliff 6 Def Cost]"/>
        <member name="[CB - Account].[Account CB - Description].&amp;[0182005 - Dan River Cliff 6 Defferal]"/>
        <member name="[CB - Account].[Account CB - Description].&amp;[0182006 - Passport Suspense]"/>
        <member name="[CB - Account].[Account CB - Description].&amp;[0182007 - Current Deferred O&amp;M]"/>
        <member name="[CB - Account].[Account CB - Description].&amp;[0182008 - RATE CASE COST TN CUR]"/>
        <member name="[CB - Account].[Account CB - Description].&amp;[0182009 - ENCNG Accum Int - Deferred O&amp;M]"/>
        <member name="[CB - Account].[Account CB - Description].&amp;[0182010 - Amort of Pipeline Integ Mgmt]"/>
        <member name="[CB - Account].[Account CB - Description].&amp;[0182011 - NC PIM - Transmission]"/>
        <member name="[CB - Account].[Account CB - Description].&amp;[0182012 - Deferred Expenses-TN Flood]"/>
        <member name="[CB - Account].[Account CB - Description].&amp;[0182013 - Unrecovered Costs - Robeson]"/>
        <member name="[CB - Account].[Account CB - Description].&amp;[0182014 - Rate Case Cost TN LT]"/>
        <member name="[CB - Account].[Account CB - Description].&amp;[0182015 - Smartgrid 2021 Rate Case]"/>
        <member name="[CB - Account].[Account CB - Description].&amp;[0182016 - Rate Case Cost SC LT]"/>
        <member name="[CB - Account].[Account CB - Description].&amp;[0182017 - Storm Secur Srvc/Admin - ST]"/>
        <member name="[CB - Account].[Account CB - Description].&amp;[0182018 - Storm Secur Srvc/Admin - LT]"/>
        <member name="[CB - Account].[Account CB - Description].&amp;[0182023 - AMRP 2001 Plast Carry Costs]"/>
        <member name="[CB - Account].[Account CB - Description].&amp;[0182025 - AMRP 2001 Services Carry Costs]"/>
        <member name="[CB - Account].[Account CB - Description].&amp;[0182031 - AMRP 2002 Steel Carry Costs]"/>
        <member name="[CB - Account].[Account CB - Description].&amp;[0182033 - AMRP 2002 Plast Carry Costs]"/>
        <member name="[CB - Account].[Account CB - Description].&amp;[0182035 - AMRP 2002 Services Carry Costs]"/>
        <member name="[CB - Account].[Account CB - Description].&amp;[0182036 - Deferred Gas Riverside Costs]"/>
        <member name="[CB - Account].[Account CB - Description].&amp;[0182040 - SC Long-Term Deferred Fuel]"/>
        <member name="[CB - Account].[Account CB - Description].&amp;[0182041 - AMRP 2003 Steel Carry Costs]"/>
        <member name="[CB - Account].[Account CB - Description].&amp;[0182043 - AMRP 2003 Plastic Carry Costs]"/>
        <member name="[CB - Account].[Account CB - Description].&amp;[0182045 - AMRP 2003 Services Carry Costs]"/>
        <member name="[CB - Account].[Account CB - Description].&amp;[0182051 - AMRP 2004 Steel Carry Costs]"/>
        <member name="[CB - Account].[Account CB - Description].&amp;[0182053 - AMRP 2004 Plastic Carry Costs]"/>
        <member name="[CB - Account].[Account CB - Description].&amp;[0182055 - AMRP 2004 Services Carry Costs]"/>
        <member name="[CB - Account].[Account CB - Description].&amp;[0182061 - AMRP 2005 Steel Carry Costs]"/>
        <member name="[CB - Account].[Account CB - Description].&amp;[0182062 - AMRP 2005 Plastic Carry Costs]"/>
        <member name="[CB - Account].[Account CB - Description].&amp;[0182063 - AMRP 2005 Services Carry Costs]"/>
        <member name="[CB - Account].[Account CB - Description].&amp;[0182071 - AMRP 2006 Steel Carry Costs]"/>
        <member name="[CB - Account].[Account CB - Description].&amp;[0182072 - AMRP 2006 Plastic Carry Costs]"/>
        <member name="[CB - Account].[Account CB - Description].&amp;[0182073 - AMRP 2006 Services Carry Costs]"/>
        <member name="[CB - Account].[Account CB - Description].&amp;[0182081 - AMRP 2007 Steel Carry Costs]"/>
        <member name="[CB - Account].[Account CB - Description].&amp;[0182082 - AMRP 2007 Plastic Carry Costs]"/>
        <member name="[CB - Account].[Account CB - Description].&amp;[0182083 - AMRP 2007 Services Carry Costs]"/>
        <member name="[CB - Account].[Account CB - Description].&amp;[0182091 - AMRP_2008_STEEL_CARRY_COSTS]"/>
        <member name="[CB - Account].[Account CB - Description].&amp;[0182092 - AMRP_2008_PLASTIC_CARRY_COSTS]"/>
        <member name="[CB - Account].[Account CB - Description].&amp;[0182093 - AMRP_2008_SERVICES_CARRY_COSTS]"/>
        <member name="[CB - Account].[Account CB - Description].&amp;[0182094 - AMRP 2008 Risers Carry Costs]"/>
        <member name="[CB - Account].[Account CB - Description].&amp;[0182100 - Extraordinary Property Loss]"/>
        <member name="[CB - Account].[Account CB - Description].&amp;[0182101 - AMRP 2009 Steel Carry Costs]"/>
        <member name="[CB - Account].[Account CB - Description].&amp;[0182102 - AMRP 2009 Plastic Carry Costs]"/>
        <member name="[CB - Account].[Account CB - Description].&amp;[0182103 - AMRP 2009 Service Carry Costs]"/>
        <member name="[CB - Account].[Account CB - Description].&amp;[0182104 - AMRP 2009 Risers Carry Costs]"/>
        <member name="[CB - Account].[Account CB - Description].&amp;[0182110 - Inactive]"/>
        <member name="[CB - Account].[Account CB - Description].&amp;[0182111 - Post In Service Afudc NOx]"/>
        <member name="[CB - Account].[Account CB - Description].&amp;[0182113 - Post In Serv NOx Post 8/03]"/>
        <member name="[CB - Account].[Account CB - Description].&amp;[0182114 - PISCC Phase 1]"/>
        <member name="[CB - Account].[Account CB - Description].&amp;[0182116 - AMRP 2010 Steel Carry Costs]"/>
        <member name="[CB - Account].[Account CB - Description].&amp;[0182117 - AMRP 2010 Plastic Carry Costs]"/>
        <member name="[CB - Account].[Account CB - Description].&amp;[0182118 - AMRP 2010 Service Carry Costs]"/>
        <member name="[CB - Account].[Account CB - Description].&amp;[0182119 - AMRP 2010 Risers Carry Costs]"/>
        <member name="[CB - Account].[Account CB - Description].&amp;[0182120 - AMRP 2011 Steel Carry Costs]"/>
        <member name="[CB - Account].[Account CB - Description].&amp;[0182121 - AMRP 2011 PLASTIC CARRY COSTS]"/>
        <member name="[CB - Account].[Account CB - Description].&amp;[0182122 - AMRP 2011 SERVICE CARRY COSTS]"/>
        <member name="[CB - Account].[Account CB - Description].&amp;[0182123 - AMRP 2011 Risers Carry Costs]"/>
        <member name="[CB - Account].[Account CB - Description].&amp;[0182124 - AMRP 2012 Steel Carry Costs]"/>
        <member name="[CB - Account].[Account CB - Description].&amp;[0182125 - AMRP 2012 Plastic Carry Costs]"/>
        <member name="[CB - Account].[Account CB - Description].&amp;[0182126 - AMRP 2012 Service Carry Costs]"/>
        <member name="[CB - Account].[Account CB - Description].&amp;[0182127 - AMRP 2012 Risers Carry Costs]"/>
        <member name="[CB - Account].[Account CB - Description].&amp;[0182128 - AMRP 2013 Steel Carry Costs]"/>
        <member name="[CB - Account].[Account CB - Description].&amp;[0182129 - AMRP 2013 Plastic Carry Costs]"/>
        <member name="[CB - Account].[Account CB - Description].&amp;[0182130 - AMRP 2013 Serv Carrying Costs]"/>
        <member name="[CB - Account].[Account CB - Description].&amp;[0182131 - AMRP 2013 Riser Carrying Cost]"/>
        <member name="[CB - Account].[Account CB - Description].&amp;[0182135 - McGuire Uprate Deferred Deprec]"/>
        <member name="[CB - Account].[Account CB - Description].&amp;[0182136 - Oconee HELB Deferred Deprec]"/>
        <member name="[CB - Account].[Account CB - Description].&amp;[0182140 - Post In Service Nblsvlle Repwr]"/>
        <member name="[CB - Account].[Account CB - Description].&amp;[0182141 - Post Serv Nblsv Rpr Post 8/03]"/>
        <member name="[CB - Account].[Account CB - Description].&amp;[0182150 - Def Depr Nblsvl Repower]"/>
        <member name="[CB - Account].[Account CB - Description].&amp;[0182151 - Def Depr Nblsvl Rpr Post 8/03]"/>
        <member name="[CB - Account].[Account CB - Description].&amp;[0182161 - EXTRAORDINARY PROP LOSS]"/>
        <member name="[CB - Account].[Account CB - Description].&amp;[0182162 - AMRP 2014 Steel Carry Costs]"/>
        <member name="[CB - Account].[Account CB - Description].&amp;[0182163 - AMRP 2014 Plastic Carry Costs]"/>
        <member name="[CB - Account].[Account CB - Description].&amp;[0182164 - AMRP 2014 Service Carry Costs]"/>
        <member name="[CB - Account].[Account CB - Description].&amp;[0182165 - AMRP 2014 Riser Carry Costs]"/>
        <member name="[CB - Account].[Account CB - Description].&amp;[0182200 - DEFERRED_ASSET_PUR_ACCTG_ADJ]"/>
        <member name="[CB - Account].[Account CB - Description].&amp;[0182201 - Retail Purchased Power]"/>
        <member name="[CB - Account].[Account CB - Description].&amp;[0182202 - Regulatory Asset-Gallagher 1&amp;3]"/>
        <member name="[CB - Account].[Account CB - Description].&amp;[0182203 - Unrecovered Plant]"/>
        <member name="[CB - Account].[Account CB - Description].&amp;[0182204 - BRUNS DESIGN BASIS DEFERRAL]"/>
        <member name="[CB - Account].[Account CB - Description].&amp;[0182205 - BRUNS DESIGN BASIS DEF-AMORT]"/>
        <member name="[CB - Account].[Account CB - Description].&amp;[0182206 - ROB DESIGN BASIS DEFERRAL]"/>
        <member name="[CB - Account].[Account CB - Description].&amp;[0182207 - MAYO 2 AMORTIZATION-WH]"/>
        <member name="[CB - Account].[Account CB - Description].&amp;[0182208 - ROB DESIGN BASIS DEF- AMORT]"/>
        <member name="[CB - Account].[Account CB - Description].&amp;[0182209 - DEF CR3 NCR-Reg Asset Base Rat]"/>
        <member name="[CB - Account].[Account CB - Description].&amp;[0182210 - 2014 Smart Grid Other Def O&amp;M]"/>
        <member name="[CB - Account].[Account CB - Description].&amp;[0182211 - Defer Deprec NOx]"/>
        <member name="[CB - Account].[Account CB - Description].&amp;[0182212 - Lee Fossil - Retail]"/>
        <member name="[CB - Account].[Account CB - Description].&amp;[0182214 - 2004 Rate Stab Plan Debt Ret]"/>
        <member name="[CB - Account].[Account CB - Description].&amp;[0182215 - Cape Fear Fossil - Retail]"/>
        <member name="[CB - Account].[Account CB - Description].&amp;[0182216 - Cape Fear Fossil - Wholesale]"/>
        <member name="[CB - Account].[Account CB - Description].&amp;[0182217 - Robinson Fossil - Retail]"/>
        <member name="[CB - Account].[Account CB - Description].&amp;[0182218 - Cape Fear CT - Retail]"/>
        <member name="[CB - Account].[Account CB - Description].&amp;[0182219 - Cape Fear CT - Wholesale]"/>
        <member name="[CB - Account].[Account CB - Description].&amp;[0182220 - 2014 Smart Grid PISCC]"/>
        <member name="[CB - Account].[Account CB - Description].&amp;[0182221 - Post In Serv MAD/CAD Post 8/03]"/>
        <member name="[CB - Account].[Account CB - Description].&amp;[0182222 - Post In Service MAD/CAD]"/>
        <member name="[CB - Account].[Account CB - Description].&amp;[0182223 - Nuclear COLA - Wholesale]"/>
        <member name="[CB - Account].[Account CB - Description].&amp;[0182224 - Nuclear COLA - Retail]"/>
        <member name="[CB - Account].[Account CB - Description].&amp;[0182225 - 2017 Smart Grid Other Def O&amp;M]"/>
        <member name="[CB - Account].[Account CB - Description].&amp;[0182226 - Nuclear COLA - SC]"/>
        <member name="[CB - Account].[Account CB - Description].&amp;[0182227 - Roxboro WWT NC]"/>
        <member name="[CB - Account].[Account CB - Description].&amp;[0182230 - 2014 Smart Grid Def Depr]"/>
        <member name="[CB - Account].[Account CB - Description].&amp;[0182231 - Def Deprec MAD/CAD Post 8/03]"/>
        <member name="[CB - Account].[Account CB - Description].&amp;[0182232 - Def Deprec MAD/CAD]"/>
        <member name="[CB - Account].[Account CB - Description].&amp;[0182233 - AMRP 2015 Plastic Carry Cost]"/>
        <member name="[CB - Account].[Account CB - Description].&amp;[0182234 - AMRP 2015 Service Carry Cost]"/>
        <member name="[CB - Account].[Account CB - Description].&amp;[0182235 - AMRP 2015 Steel Carry Cost]"/>
        <member name="[CB - Account].[Account CB - Description].&amp;[0182236 - Early Retired Plant]"/>
        <member name="[CB - Account].[Account CB - Description].&amp;[0182238 - Early Retired Plant-SC]"/>
        <member name="[CB - Account].[Account CB - Description].&amp;[0182239 - Roxboro WWT - WS]"/>
        <member name="[CB - Account].[Account CB - Description].&amp;[0182240 - Early Retired Plant Wholesale)]"/>
        <member name="[CB - Account].[Account CB - Description].&amp;[0182241 - Post in Service - DSI system]"/>
        <member name="[CB - Account].[Account CB - Description].&amp;[0182242 - 2015 Smart Grid Other Def O&amp;M]"/>
        <member name="[CB - Account].[Account CB - Description].&amp;[0182244 - DEO Gas CEP - Def Depr 2020]"/>
        <member name="[CB - Account].[Account CB - Description].&amp;[0182245 - Transactions Costs - Wheatland]"/>
        <member name="[CB - Account].[Account CB - Description].&amp;[0182246 - 2016 Smart Grid Other Def O&amp;M]"/>
        <member name="[CB - Account].[Account CB - Description].&amp;[0182247 - 2016 Smart Grid PISCC]"/>
        <member name="[CB - Account].[Account CB - Description].&amp;[0182248 - 2016 Smart Grid Def Depr]"/>
        <member name="[CB - Account].[Account CB - Description].&amp;[0182250 - PSI MISO Cost Adder]"/>
        <member name="[CB - Account].[Account CB - Description].&amp;[0182251 - 2018 Smart Grid Other Def O&amp;M]"/>
        <member name="[CB - Account].[Account CB - Description].&amp;[0182252 - 2015 Smart Grid PISCC]"/>
        <member name="[CB - Account].[Account CB - Description].&amp;[0182253 - 2018 Smart Grid PISCC]"/>
        <member name="[CB - Account].[Account CB - Description].&amp;[0182254 - 2019 Smart Grid PISCC]"/>
        <member name="[CB - Account].[Account CB - Description].&amp;[0182255 - Weatherspoon Fossil - Retail]"/>
        <member name="[CB - Account].[Account CB - Description].&amp;[0182256 - Weatherspoon Fossil-Wholesale]"/>
        <member name="[CB - Account].[Account CB - Description].&amp;[0182257 - 2017 Smart Grid PISCC]"/>
        <member name="[CB - Account].[Account CB - Description].&amp;[0182258 - 2017 Smart Grid Def Depr]"/>
        <member name="[CB - Account].[Account CB - Description].&amp;[0182259 - 2018 Smart Grid Def Depr]"/>
        <member name="[CB - Account].[Account CB - Description].&amp;[0182260 - Def Depr - Wheatland]"/>
        <member name="[CB - Account].[Account CB - Description].&amp;[0182261 - 2019 Smart Grid Other Def O&amp;M]"/>
        <member name="[CB - Account].[Account CB - Description].&amp;[0182262 - 2015 Smart Grid Def Depr]"/>
        <member name="[CB - Account].[Account CB - Description].&amp;[0182263 - Morehead City CT - Retail]"/>
        <member name="[CB - Account].[Account CB - Description].&amp;[0182264 - Morehead City CT - Wholesale]"/>
        <member name="[CB - Account].[Account CB - Description].&amp;[0182265 - Sutton Fossil - Retail]"/>
        <member name="[CB - Account].[Account CB - Description].&amp;[0182266 - Sutton Fossil - Wholesale]"/>
        <member name="[CB - Account].[Account CB - Description].&amp;[0182267 - Robinson Fossil - Wholesale]"/>
        <member name="[CB - Account].[Account CB - Description].&amp;[0182268 - 2018 Smart Grid Def Depr]"/>
        <member name="[CB - Account].[Account CB - Description].&amp;[0182269 - DEO Gas CEP - Def Depr 2018]"/>
        <member name="[CB - Account].[Account CB - Description].&amp;[0182270 - Hydro Loss Recovery - NC]"/>
        <member name="[CB - Account].[Account CB - Description].&amp;[0182271 - DEO Gas CEP - PISCC 2017]"/>
        <member name="[CB - Account].[Account CB - Description].&amp;[0182272 - DEO Gas CEP - PISCC 2018]"/>
        <member name="[CB - Account].[Account CB - Description].&amp;[0182273 - DEO Gas CEP - Prop tax 2018]"/>
        <member name="[CB - Account].[Account CB - Description].&amp;[0182274 - DEO Gas CEP - Def Dept 2019]"/>
        <member name="[CB - Account].[Account CB - Description].&amp;[0182275 - DEO Gas CEP - Def Depr 2021]"/>
        <member name="[CB - Account].[Account CB - Description].&amp;[0182276 - DEO Gas CEP - PISCC 2021]"/>
        <member name="[CB - Account].[Account CB - Description].&amp;[0182277 - DEO Gas CEP - Prop tax 2021]"/>
        <member name="[CB - Account].[Account CB - Description].&amp;[0182278 - DEO Gas CEP - Def Depr 2017]"/>
        <member name="[CB - Account].[Account CB - Description].&amp;[0182279 - DEO Gas CEP - Prop tax 2017]"/>
        <member name="[CB - Account].[Account CB - Description].&amp;[0182280 - Lee CT - Retail]"/>
        <member name="[CB - Account].[Account CB - Description].&amp;[0182282 - DEO Gas CEP - PISCC 2019]"/>
        <member name="[CB - Account].[Account CB - Description].&amp;[0182283 - DEO Gas CEP - Prop tax 2019]"/>
        <member name="[CB - Account].[Account CB - Description].&amp;[0182285 - Lee CT - Wholesale]"/>
        <member name="[CB - Account].[Account CB - Description].&amp;[0182286 - Lee Fossil - Wholesale]"/>
        <member name="[CB - Account].[Account CB - Description].&amp;[0182292 - DEO Gas CEP - PISCC 2020]"/>
        <member name="[CB - Account].[Account CB - Description].&amp;[0182293 - DEO Gas CEP - Prop tax 2020]"/>
        <member name="[CB - Account].[Account CB - Description].&amp;[0182296 - 2020 Smart Grid Other Def O&amp;M]"/>
        <member name="[CB - Account].[Account CB - Description].&amp;[0182297 - 2020 Smart Grid PISCC]"/>
        <member name="[CB - Account].[Account CB - Description].&amp;[0182298 - 2020 Smart Grid Def Depr]"/>
        <member name="[CB - Account].[Account CB - Description].&amp;[0182300 - Pension Deferred Costs]"/>
        <member name="[CB - Account].[Account CB - Description].&amp;[0182301 - Buck Bridge Return Deferral]"/>
        <member name="[CB - Account].[Account CB - Description].&amp;[0182302 - Load Factor Adj Defer - Asset]"/>
        <member name="[CB - Account].[Account CB - Description].&amp;[0182303 - Severance Costs Current NC]"/>
        <member name="[CB - Account].[Account CB - Description].&amp;[0182304 - Storm Reg Asset - Upfront Cost]"/>
        <member name="[CB - Account].[Account CB - Description].&amp;[0182305 - NC NBV Retired Plant]"/>
        <member name="[CB - Account].[Account CB - Description].&amp;[0182306 - OH Dist Decoupling Rider]"/>
        <member name="[CB - Account].[Account CB - Description].&amp;[0182307 - Deferred Levy Contra Equity]"/>
        <member name="[CB - Account].[Account CB - Description].&amp;[0182308 - INTEREST ON TAX DEFICIENCIES]"/>
        <member name="[CB - Account].[Account CB - Description].&amp;[0182309 - Amort Load Management Switches]"/>
        <member name="[CB - Account].[Account CB - Description].&amp;[0182310 - McGuire Uprates Equity Reserve]"/>
        <member name="[CB - Account].[Account CB - Description].&amp;[0182311 - Accrued Environmental Recovery]"/>
        <member name="[CB - Account].[Account CB - Description].&amp;[0182312 - OPEB FAS 106 - Medical]"/>
        <member name="[CB - Account].[Account CB - Description].&amp;[0182313 - Deferred ECRC]"/>
        <member name="[CB - Account].[Account CB - Description].&amp;[0182314 - Buck Bridgewater Deferred Cost]"/>
        <member name="[CB - Account].[Account CB - Description].&amp;[0182316 - Deferred Rate Case Exp - Flori]"/>
        <member name="[CB - Account].[Account CB - Description].&amp;[0182317 - Deferred Depreciation - 2010 R]"/>
        <member name="[CB - Account].[Account CB - Description].&amp;[0182319 - Closed Def Int Hedge-Asset]"/>
        <member name="[CB - Account].[Account CB - Description].&amp;[0182321 - REG ASSET-DERIV MTM OIL]"/>
        <member name="[CB - Account].[Account CB - Description].&amp;[0182322 - ST Closed Def Int Hedge-Asset]"/>
        <member name="[CB - Account].[Account CB - Description].&amp;[0182323 - RATE CASE COST NC CUR]"/>
        <member name="[CB - Account].[Account CB - Description].&amp;[0182324 - Bad Debt To Be Recovered]"/>
        <member name="[CB - Account].[Account CB - Description].&amp;[0182325 - Current Regulatory Asset - VIE]"/>
        <member name="[CB - Account].[Account CB - Description].&amp;[0182326 - Power Future Initiatives]"/>
        <member name="[CB - Account].[Account CB - Description].&amp;[0182327 - Reg Asset - EV Rebate for C&amp;I]"/>
        <member name="[CB - Account].[Account CB - Description].&amp;[0182328 - DEF Retail Final Dism Deferral]"/>
        <member name="[CB - Account].[Account CB - Description].&amp;[0182329 - Reg Asset Section 124 Asset]"/>
        <member name="[CB - Account].[Account CB - Description].&amp;[0182331 - Deferred GPIF - FL Fuel Reg As]"/>
        <member name="[CB - Account].[Account CB - Description].&amp;[0182332 - SC 2014 Ice Storm]"/>
        <member name="[CB - Account].[Account CB - Description].&amp;[0182333 - SFAS158 Reg Asset]"/>
        <member name="[CB - Account].[Account CB - Description].&amp;[0182334 - Pension settlement charges]"/>
        <member name="[CB - Account].[Account CB - Description].&amp;[0182335 - Deferred Levy - NCRC]"/>
        <member name="[CB - Account].[Account CB - Description].&amp;[0182336 - Deferred CR3 DCS Contra Equity]"/>
        <member name="[CB - Account].[Account CB - Description].&amp;[0182337 - 2012 Smart Grid PISCC]"/>
        <member name="[CB - Account].[Account CB - Description].&amp;[0182338 - Storm Cost Regulatory Asset]"/>
        <member name="[CB - Account].[Account CB - Description].&amp;[0182339 - Deferred CR3 - Dep &amp; Prop Tax]"/>
        <member name="[CB - Account].[Account CB - Description].&amp;[0182340 - Sch M: Vac Accrual Reg Asset]"/>
        <member name="[CB - Account].[Account CB - Description].&amp;[0182341 - 2013 Smart Grid Other Def O&amp;M]"/>
        <member name="[CB - Account].[Account CB - Description].&amp;[0182343 - 2013 Smart Grid PISCC]"/>
        <member name="[CB - Account].[Account CB - Description].&amp;[0182344 - 2013 Smart Grid Def Depr]"/>
        <member name="[CB - Account].[Account CB - Description].&amp;[0182345 - MISO MTEP - Regulatory Asset]"/>
        <member name="[CB - Account].[Account CB - Description].&amp;[0182346 - MISO MTEP - Rider Collections]"/>
        <member name="[CB - Account].[Account CB - Description].&amp;[0182347 - Deferred CR3 - Depr &amp; Prop Tax]"/>
        <member name="[CB - Account].[Account CB - Description].&amp;[0182348 - Deferred Levy - 2010 Reg Asset]"/>
        <member name="[CB - Account].[Account CB - Description].&amp;[0182349 - NDT - Nonqual Unreal Losses]"/>
        <member name="[CB - Account].[Account CB - Description].&amp;[0182350 - Storm Reg Asset - ST]"/>
        <member name="[CB - Account].[Account CB - Description].&amp;[0182351 - Storm Reg Asset - LT]"/>
        <member name="[CB - Account].[Account CB - Description].&amp;[0182352 - DEO Gas CEP - Def Depr 2022]"/>
        <member name="[CB - Account].[Account CB - Description].&amp;[0182353 - Deferred CIS O&amp;M Current]"/>
        <member name="[CB - Account].[Account CB - Description].&amp;[0182354 - Accrued SPP Recovery]"/>
        <member name="[CB - Account].[Account CB - Description].&amp;[0182355 - Black &amp; Veatch Reg Asset]"/>
        <member name="[CB - Account].[Account CB - Description].&amp;[0182356 - IGCC Crbn Capture FS Reg Asset]"/>
        <member name="[CB - Account].[Account CB - Description].&amp;[0182357 - DEO Gas CEP - PISCC 2022]"/>
        <member name="[CB - Account].[Account CB - Description].&amp;[0182358 - Smartgrid 2021 Rate Case]"/>
        <member name="[CB - Account].[Account CB - Description].&amp;[0182360 - Storm Contra Equity ST]"/>
        <member name="[CB - Account].[Account CB - Description].&amp;[0182361 - SC Energy Efficiency Reg Asset]"/>
        <member name="[CB - Account].[Account CB - Description].&amp;[0182362 - DEO Gas CEP - Prop tax 2022]"/>
        <member name="[CB - Account].[Account CB - Description].&amp;[0182363 - 2008 SmartGrid PISCC]"/>
        <member name="[CB - Account].[Account CB - Description].&amp;[0182364 - Storm Contra Equity LT]"/>
        <member name="[CB - Account].[Account CB - Description].&amp;[0182365 - Def Depr - Gallagher]"/>
        <member name="[CB - Account].[Account CB - Description].&amp;[0182367 - DEO SSO Auction Deferral ST]"/>
        <member name="[CB - Account].[Account CB - Description].&amp;[0182368 - 2009 SmartGrid PISCC]"/>
        <member name="[CB - Account].[Account CB - Description].&amp;[0182369 - 2009 SmartGrid Def Depr]"/>
        <member name="[CB - Account].[Account CB - Description].&amp;[0182371 - Reg Asset - Pro Co formation]"/>
        <member name="[CB - Account].[Account CB - Description].&amp;[0182372 - 2010 SmartGrid PISCC]"/>
        <member name="[CB - Account].[Account CB - Description].&amp;[0182373 - SC Storm Reserve Fund]"/>
        <member name="[CB - Account].[Account CB - Description].&amp;[0182374 - Duke Generated REC Certificate]"/>
        <member name="[CB - Account].[Account CB - Description].&amp;[0182375 - Int Rate Lock - Regulatory]"/>
        <member name="[CB - Account].[Account CB - Description].&amp;[0182376 - Deferred Project Costs]"/>
        <member name="[CB - Account].[Account CB - Description].&amp;[0182377 - 2011 SmartGrid Other Def O&amp;M]"/>
        <member name="[CB - Account].[Account CB - Description].&amp;[0182378 - 2011 SmartGrid PISCC]"/>
        <member name="[CB - Account].[Account CB - Description].&amp;[0182379 - 2011 SmartGrid Def Depr]"/>
        <member name="[CB - Account].[Account CB - Description].&amp;[0182380 - Storm Reg Asset - ST]"/>
        <member name="[CB - Account].[Account CB - Description].&amp;[0182381 - NC Energy Efficiency Reg Asset]"/>
        <member name="[CB - Account].[Account CB - Description].&amp;[0182382 - Cliffside Deferral Account]"/>
        <member name="[CB - Account].[Account CB - Description].&amp;[0182383 - IN Core EE Deferred Costs]"/>
        <member name="[CB - Account].[Account CB - Description].&amp;[0182384 - Cliffside Return Deferral]"/>
        <member name="[CB - Account].[Account CB - Description].&amp;[0182385 - Camera Costs AMRP - Reg Asset]"/>
        <member name="[CB - Account].[Account CB - Description].&amp;[0182386 - DEO Econ Dev Reg Asset]"/>
        <member name="[CB - Account].[Account CB - Description].&amp;[0182387 - MGP Reg Asset - Reserve]"/>
        <member name="[CB - Account].[Account CB - Description].&amp;[0182388 - MGP Reg Asset - Incurred Exp]"/>
        <member name="[CB - Account].[Account CB - Description].&amp;[0182389 - MGP Reg Asset - Insurance Proc]"/>
        <member name="[CB - Account].[Account CB - Description].&amp;[0182390 - SC GridSouth Reg Asset]"/>
        <member name="[CB - Account].[Account CB - Description].&amp;[0182391 - NPL Extraordinary Repairs]"/>
        <member name="[CB - Account].[Account CB - Description].&amp;[0182392 - Gridsouth-Wholesale Reg Asset]"/>
        <member name="[CB - Account].[Account CB - Description].&amp;[0182393 - Deferred VOP Costs]"/>
        <member name="[CB - Account].[Account CB - Description].&amp;[0182394 - Bad Debt To be Recovered - GEN]"/>
        <member name="[CB - Account].[Account CB - Description].&amp;[0182395 - Deferred SPP]"/>
        <member name="[CB - Account].[Account CB - Description].&amp;[0182396 - Coastal Wind Equity Reserve]"/>
        <member name="[CB - Account].[Account CB - Description].&amp;[0182397 - VIE-Restrict Reg Asset Inc Tax]"/>
        <member name="[CB - Account].[Account CB - Description].&amp;[0182398 - Load Management Switches]"/>
        <member name="[CB - Account].[Account CB - Description].&amp;[0182399 - ARO Regulatory Asset]"/>
        <member name="[CB - Account].[Account CB - Description].&amp;[0182400 - Deferred Capacity - Florida Re]"/>
        <member name="[CB - Account].[Account CB - Description].&amp;[0182403 - Gas ARO Other Regulatory Asset]"/>
        <member name="[CB - Account].[Account CB - Description].&amp;[0182404 - DEO SSO Auction Deferral LT]"/>
        <member name="[CB - Account].[Account CB - Description].&amp;[0182405 - Reg Asset Reclass]"/>
        <member name="[CB - Account].[Account CB - Description].&amp;[0182406 - DEF CR3 Uprate-2012 Reg Asset]"/>
        <member name="[CB - Account].[Account CB - Description].&amp;[0182407 - Rider 70 Deferral]"/>
        <member name="[CB - Account].[Account CB - Description].&amp;[0182408 - NC RETAIL DEFER FUEL CLAUSE]"/>
        <member name="[CB - Account].[Account CB - Description].&amp;[0182409 - BTR Deferral - Asset]"/>
        <member name="[CB - Account].[Account CB - Description].&amp;[0182411 - DEFERRED FUEL EXP-CURRENT YEAR]"/>
        <member name="[CB - Account].[Account CB - Description].&amp;[0182412 - DEFERRED FUEL EXP - PRIOR YEAR]"/>
        <member name="[CB - Account].[Account CB - Description].&amp;[0182413 - DEF CAPACITY EXP-CURRENT YEAR]"/>
        <member name="[CB - Account].[Account CB - Description].&amp;[0182414 - DEFERRED FUEL EXP - WHOLESALE]"/>
        <member name="[CB - Account].[Account CB - Description].&amp;[0182415 - REGULATORY ASSET - COR]"/>
        <member name="[CB - Account].[Account CB - Description].&amp;[0182416 - PISCC-EQUITY-NOBLEVILE]"/>
        <member name="[CB - Account].[Account CB - Description].&amp;[0182417 - PISCC-EQUITY-Amortized NOX]"/>
        <member name="[CB - Account].[Account CB - Description].&amp;[0182418 - PISCC-EQUITY-NOX&amp;COMPLIANCE]"/>
        <member name="[CB - Account].[Account CB - Description].&amp;[0182419 - PISCC-EQUITY-MADISON&amp;CADIZ]"/>
        <member name="[CB - Account].[Account CB - Description].&amp;[0182420 - Deferred Fuel Retail]"/>
        <member name="[CB - Account].[Account CB - Description].&amp;[0182421 - PISCC-EQUITY-DSI]"/>
        <member name="[CB - Account].[Account CB - Description].&amp;[0182422 - PISCC-EQUITY-IGCC CARBON CAPT]"/>
        <member name="[CB - Account].[Account CB - Description].&amp;[0182423 - Wayne Deferred Cost]"/>
        <member name="[CB - Account].[Account CB - Description].&amp;[0182424 - Wayne return on Deferral]"/>
        <member name="[CB - Account].[Account CB - Description].&amp;[0182425 - Post in Serv carrying Cst-IGCC]"/>
        <member name="[CB - Account].[Account CB - Description].&amp;[0182426 - PISCC-EQUITY-IGCC]"/>
        <member name="[CB - Account].[Account CB - Description].&amp;[0182427 - SC Wayne Deferred Cost]"/>
        <member name="[CB - Account].[Account CB - Description].&amp;[0182428 - NC Nuclear Levelization]"/>
        <member name="[CB - Account].[Account CB - Description].&amp;[0182429 - SC Nuclear Levelization]"/>
        <member name="[CB - Account].[Account CB - Description].&amp;[0182430 - Coal Inventory Rider NC]"/>
        <member name="[CB - Account].[Account CB - Description].&amp;[0182431 - NC Nuclear Levelize Cur]"/>
        <member name="[CB - Account].[Account CB - Description].&amp;[0182432 - Wayne Deferred Cost Current]"/>
        <member name="[CB - Account].[Account CB - Description].&amp;[0182433 - RATE CASE COST NC LT]"/>
        <member name="[CB - Account].[Account CB - Description].&amp;[0182434 - DCI Deferral Asset]"/>
        <member name="[CB - Account].[Account CB - Description].&amp;[0182435 - SFAS158 Reg Asset OPEB]"/>
        <member name="[CB - Account].[Account CB - Description].&amp;[0182436 - SFAS158 Reg Asset Qual]"/>
        <member name="[CB - Account].[Account CB - Description].&amp;[0182437 - Env Phase III Recovery-DE Ind]"/>
        <member name="[CB - Account].[Account CB - Description].&amp;[0182438 - Billing System Deferral - Ltg]"/>
        <member name="[CB - Account].[Account CB - Description].&amp;[0182439 - Reg Asset - Accrued Vacation]"/>
        <member name="[CB - Account].[Account CB - Description].&amp;[0182440 - Sutton Deferred Cost-SC]"/>
        <member name="[CB - Account].[Account CB - Description].&amp;[0182441 - Sutton Return on Deferral]"/>
        <member name="[CB - Account].[Account CB - Description].&amp;[0182442 - ST Portion of EE Programs]"/>
        <member name="[CB - Account].[Account CB - Description].&amp;[0182443 - SC Sutton Deferred Cost]"/>
        <member name="[CB - Account].[Account CB - Description].&amp;[0182444 - GreenEdge Tariff Deferral ST]"/>
        <member name="[CB - Account].[Account CB - Description].&amp;[0182445 - SC Nuclear Levelization]"/>
        <member name="[CB - Account].[Account CB - Description].&amp;[0182446 - Rate Case Cost SC CUR]"/>
        <member name="[CB - Account].[Account CB - Description].&amp;[0182447 - DEO Gas CEP - PISCC 2016]"/>
        <member name="[CB - Account].[Account CB - Description].&amp;[0182448 - Fukushima CyberSecurity Equity]"/>
        <member name="[CB - Account].[Account CB - Description].&amp;[0182449 - Fukushima CyberSecurity Def-SC]"/>
        <member name="[CB - Account].[Account CB - Description].&amp;[0182450 - PISCC - CCR 60% EQ]"/>
        <member name="[CB - Account].[Account CB - Description].&amp;[0182451 - GreenEdge Tariff Deferral LT]"/>
        <member name="[CB - Account].[Account CB - Description].&amp;[0182452 - Rate Case Cost SC LT]"/>
        <member name="[CB - Account].[Account CB - Description].&amp;[0182453 - DEI Env. Phase II PISCC Equity]"/>
        <member name="[CB - Account].[Account CB - Description].&amp;[0182454 - Early Plant Retirement]"/>
        <member name="[CB - Account].[Account CB - Description].&amp;[0182455 - DEI Env.Phase III PISCC Equity]"/>
        <member name="[CB - Account].[Account CB - Description].&amp;[0182456 - DEI Env.Phase III PISCC]"/>
        <member name="[CB - Account].[Account CB - Description].&amp;[0182457 - DEI Env. Phase II PISCC]"/>
        <member name="[CB - Account].[Account CB - Description].&amp;[0182458 - NC Long-Term Deferred Fuel]"/>
        <member name="[CB - Account].[Account CB - Description].&amp;[0182459 - Supplier Cost Recovery - Asset]"/>
        <member name="[CB - Account].[Account CB - Description].&amp;[0182460 - Deferred Audit Costs]"/>
        <member name="[CB - Account].[Account CB - Description].&amp;[0182461 - OH Elec Choice Supplier Site]"/>
        <member name="[CB - Account].[Account CB - Description].&amp;[0182462 - DEO Gas CEP - Prop Tax 2015]"/>
        <member name="[CB - Account].[Account CB - Description].&amp;[0182463 - DEO Gas CEP - Def Depr 2015]"/>
        <member name="[CB - Account].[Account CB - Description].&amp;[0182464 - DEO Gas CEP - PISCC 2015]"/>
        <member name="[CB - Account].[Account CB - Description].&amp;[0182465 - DEO Gas CEP - Prop tax 2014]"/>
        <member name="[CB - Account].[Account CB - Description].&amp;[0182466 - DEO Gas CEP - Def Depr 2014]"/>
        <member name="[CB - Account].[Account CB - Description].&amp;[0182467 - DEO Gas CEP - PISCC 2014]"/>
        <member name="[CB - Account].[Account CB - Description].&amp;[0182468 - DEO Gas CEP - Def Depr 2016]"/>
        <member name="[CB - Account].[Account CB - Description].&amp;[0182469 - DEO Gas CEP - Prop tax 2016]"/>
        <member name="[CB - Account].[Account CB - Description].&amp;[0182470 - Coal Ash Spend - Retail SC&amp;FL]"/>
        <member name="[CB - Account].[Account CB - Description].&amp;[0182472 - Coal Ash Spend - Wholesale]"/>
        <member name="[CB - Account].[Account CB - Description].&amp;[0182473 - PISCC EQUITY - FED MANDATE]"/>
        <member name="[CB - Account].[Account CB - Description].&amp;[0182474 - NCEMPA Purchase Collection- SC]"/>
        <member name="[CB - Account].[Account CB - Description].&amp;[0182475 - PISCC - Federal Mandate - 20%]"/>
        <member name="[CB - Account].[Account CB - Description].&amp;[0182476 - PISCC EQ - FED MANDATE 20%]"/>
        <member name="[CB - Account].[Account CB - Description].&amp;[0182477 - Post in Service - Fed Mandate]"/>
        <member name="[CB - Account].[Account CB - Description].&amp;[0182478 - NCEMPA Purchase Collection- NC]"/>
        <member name="[CB - Account].[Account CB - Description].&amp;[0182479 - NCEMPA Purchase Deferral NC]"/>
        <member name="[CB - Account].[Account CB - Description].&amp;[0182480 - NCEMPA Purchase Deferral SC]"/>
        <member name="[CB - Account].[Account CB - Description].&amp;[0182481 - Asheville CC Current]"/>
        <member name="[CB - Account].[Account CB - Description].&amp;[0182482 - Reg Asset Contra Equity ST]"/>
        <member name="[CB - Account].[Account CB - Description].&amp;[0182483 - Rotable Fleet Spare Reg Asset]"/>
        <member name="[CB - Account].[Account CB - Description].&amp;[0182484 - NC Regulatory Fee]"/>
        <member name="[CB - Account].[Account CB - Description].&amp;[0182485 - NCEMPA Short-Term Reg Asset]"/>
        <member name="[CB - Account].[Account CB - Description].&amp;[0182486 - DE Ind Env Phase III Recovery]"/>
        <member name="[CB - Account].[Account CB - Description].&amp;[0182487 - PIPP SSO Auction]"/>
        <member name="[CB - Account].[Account CB - Description].&amp;[0182488 - CR3 Non-NCRC EPU Contra Equity]"/>
        <member name="[CB - Account].[Account CB - Description].&amp;[0182489 - Osprey Outage O&amp;M Deferral]"/>
        <member name="[CB - Account].[Account CB - Description].&amp;[0182490 - DEP SC COR Giveback]"/>
        <member name="[CB - Account].[Account CB - Description].&amp;[0182491 - POLLUTION CONTROL SC DEFERRAL]"/>
        <member name="[CB - Account].[Account CB - Description].&amp;[0182492 - DEI-Env Phase II Recovery]"/>
        <member name="[CB - Account].[Account CB - Description].&amp;[0182494 - Deferred Asset - SC DERP]"/>
        <member name="[CB - Account].[Account CB - Description].&amp;[0182495 - SC Non-AMI Meter NBV]"/>
        <member name="[CB - Account].[Account CB - Description].&amp;[0182496 - SC AMI Meter Deferred Costs]"/>
        <member name="[CB - Account].[Account CB - Description].&amp;[0182497 - SC AMI Deferred Costs - Equity]"/>
        <member name="[CB - Account].[Account CB - Description].&amp;[0182498 - Current Environmental Costs TN]"/>
        <member name="[CB - Account].[Account CB - Description].&amp;[0182499 - Current NCNG Pension and OPEB]"/>
        <member name="[CB - Account].[Account CB - Description].&amp;[0182500 - Current Nashville Franch Renew]"/>
        <member name="[CB - Account].[Account CB - Description].&amp;[0182501 - Current Environmental Costs NC]"/>
        <member name="[CB - Account].[Account CB - Description].&amp;[0182502 - Current Environmental Costs SC]"/>
        <member name="[CB - Account].[Account CB - Description].&amp;[0182503 - PISCC - CCR 40% EQ]"/>
        <member name="[CB - Account].[Account CB - Description].&amp;[0182504 - PISCC Fed Man 100% Equity]"/>
        <member name="[CB - Account].[Account CB - Description].&amp;[0182505 - PISCC Fed Man 100%]"/>
        <member name="[CB - Account].[Account CB - Description].&amp;[0182508 - Spend RA Amort. (SC Rate Base)]"/>
        <member name="[CB - Account].[Account CB - Description].&amp;[0182509 - Sutton SC Deferred Cost Curren]"/>
        <member name="[CB - Account].[Account CB - Description].&amp;[0182510 - Wayne SC Deferred Cost Current]"/>
        <member name="[CB - Account].[Account CB - Description].&amp;[0182511 - SC Pollution Control Current]"/>
        <member name="[CB - Account].[Account CB - Description].&amp;[0182512 - Mayo Deferred Cost Current]"/>
        <member name="[CB - Account].[Account CB - Description].&amp;[0182513 - Severance Costs Current]"/>
        <member name="[CB - Account].[Account CB - Description].&amp;[0182514 - Misc ST Reg Assets]"/>
        <member name="[CB - Account].[Account CB - Description].&amp;[0182515 - NCEMPA ST Purchase Deferral SC]"/>
        <member name="[CB - Account].[Account CB - Description].&amp;[0182516 - LT Deferred Fuel]"/>
        <member name="[CB - Account].[Account CB - Description].&amp;[0182517 - Non-CCR Coal Ash Spend]"/>
        <member name="[CB - Account].[Account CB - Description].&amp;[0182519 - NITS Deferral]"/>
        <member name="[CB - Account].[Account CB - Description].&amp;[0182520 - Current NC PIM - Transmission]"/>
        <member name="[CB - Account].[Account CB - Description].&amp;[0182521 - Deferred Expense TN Flood]"/>
        <member name="[CB - Account].[Account CB - Description].&amp;[0182522 - Misc Current Reg Assets]"/>
        <member name="[CB - Account].[Account CB - Description].&amp;[0182523 - NC CustomerConnect Deferral ST]"/>
        <member name="[CB - Account].[Account CB - Description].&amp;[0182524 - NC CustomerConnect Deferral LT]"/>
        <member name="[CB - Account].[Account CB - Description].&amp;[0182528 - CPRE Rider]"/>
        <member name="[CB - Account].[Account CB - Description].&amp;[0182529 - Emission Allowances]"/>
        <member name="[CB - Account].[Account CB - Description].&amp;[0182530 - Hydro Loss Recovery - SC]"/>
        <member name="[CB - Account].[Account CB - Description].&amp;[0182531 - Lee CC - NC]"/>
        <member name="[CB - Account].[Account CB - Description].&amp;[0182532 - Lee CC - SC]"/>
        <member name="[CB - Account].[Account CB - Description].&amp;[0182533 - Lee CC - NC Contra Equity]"/>
        <member name="[CB - Account].[Account CB - Description].&amp;[0182534 - Lee CC - SC Contra Equity]"/>
        <member name="[CB - Account].[Account CB - Description].&amp;[0182535 - Deferred Reg Fee Current]"/>
        <member name="[CB - Account].[Account CB - Description].&amp;[0182536 - PPA BUYOUT REG ASSET]"/>
        <member name="[CB - Account].[Account CB - Description].&amp;[0182537 - Extended Amortizaiton Asset]"/>
        <member name="[CB - Account].[Account CB - Description].&amp;[0182538 - DEO Veg Mgmt Rider]"/>
        <member name="[CB - Account].[Account CB - Description].&amp;[0182539 - RIDGEGEN PPA BUYOUT REG ASSET]"/>
        <member name="[CB - Account].[Account CB - Description].&amp;[0182540 - Deferred PIP Uncollectible-Gas]"/>
        <member name="[CB - Account].[Account CB - Description].&amp;[0182541 - Customer Connect SC LT]"/>
        <member name="[CB - Account].[Account CB - Description].&amp;[0182542 - Customer Connect SC EQ ST]"/>
        <member name="[CB - Account].[Account CB - Description].&amp;[0182543 - Customer Connect SC EQ LT]"/>
        <member name="[CB - Account].[Account CB - Description].&amp;[0182544 - ABSAT Projects Deferred Costs]"/>
        <member name="[CB - Account].[Account CB - Description].&amp;[0182545 - Nuclear COLA - Retail SC]"/>
        <member name="[CB - Account].[Account CB - Description].&amp;[0182546 - ABSAT Proj Deferred Costs-SC]"/>
        <member name="[CB - Account].[Account CB - Description].&amp;[0182547 - Contra Eq-ABSAT Proj Def Costs]"/>
        <member name="[CB - Account].[Account CB - Description].&amp;[0182548 - Con Eq-ABSAT Proj Def Costs SC]"/>
        <member name="[CB - Account].[Account CB - Description].&amp;[0182549 - Contra Eq-CWDC Def Costs SC]"/>
        <member name="[CB - Account].[Account CB - Description].&amp;[0182550 - COR Settement - SC]"/>
        <member name="[CB - Account].[Account CB - Description].&amp;[0182551 - COR Settlement]"/>
        <member name="[CB - Account].[Account CB - Description].&amp;[0182552 - CWDC Deferred Costs - SC]"/>
        <member name="[CB - Account].[Account CB - Description].&amp;[0182553 - Depreciation Deferral - SC]"/>
        <member name="[CB - Account].[Account CB - Description].&amp;[0182554 - Customer Connect SC ST]"/>
        <member name="[CB - Account].[Account CB - Description].&amp;[0182556 - Customer Connect NC EQ ST]"/>
        <member name="[CB - Account].[Account CB - Description].&amp;[0182557 - Customer Connect NC EQ LT]"/>
        <member name="[CB - Account].[Account CB - Description].&amp;[0182558 - PISCC Equity Phase 1]"/>
        <member name="[CB - Account].[Account CB - Description].&amp;[0182559 - DEO Rider PSR - OVEC]"/>
        <member name="[CB - Account].[Account CB - Description].&amp;[0182560 - NC Solar Rebate Program Costs]"/>
        <member name="[CB - Account].[Account CB - Description].&amp;[0182561 - Grid Deferral - SC]"/>
        <member name="[CB - Account].[Account CB - Description].&amp;[0182562 - Grid Deferral - SC Contra EQ]"/>
        <member name="[CB - Account].[Account CB - Description].&amp;[0182563 - NC Solar Amort &amp; Returns]"/>
        <member name="[CB - Account].[Account CB - Description].&amp;[0182564 - NC Storm Deferred Cost]"/>
        <member name="[CB - Account].[Account CB - Description].&amp;[0182565 - SC Deferred Storm Costs]"/>
        <member name="[CB - Account].[Account CB - Description].&amp;[0182566 - Deferred Storm Equity Reserve]"/>
        <member name="[CB - Account].[Account CB - Description].&amp;[0182567 - Job Retention Rider Asset]"/>
        <member name="[CB - Account].[Account CB - Description].&amp;[0182568 - CR South Reg Asset - Current]"/>
        <member name="[CB - Account].[Account CB - Description].&amp;[0182569 - Crystal River South Reg Asset]"/>
        <member name="[CB - Account].[Account CB - Description].&amp;[0182570 - Continue of AFUDC-Future Recov]"/>
        <member name="[CB - Account].[Account CB - Description].&amp;[0182571 - WH Storm Deferred Costs]"/>
        <member name="[CB - Account].[Account CB - Description].&amp;[0182572 - SC H3659 Implementation]"/>
        <member name="[CB - Account].[Account CB - Description].&amp;[0182573 - DEO 19 Veg Mgmt Rider]"/>
        <member name="[CB - Account].[Account CB - Description].&amp;[0182575 - SC Grid Amort - Deferral]"/>
        <member name="[CB - Account].[Account CB - Description].&amp;[0182576 - SC Grid-Return on Equity Defer]"/>
        <member name="[CB - Account].[Account CB - Description].&amp;[0182577 - CertainTeed - ST Amortization]"/>
        <member name="[CB - Account].[Account CB - Description].&amp;[0182578 - CertainTeed - LT Amortization]"/>
        <member name="[CB - Account].[Account CB - Description].&amp;[0182579 - SC Grid LT Deferral]"/>
        <member name="[CB - Account].[Account CB - Description].&amp;[0182580 - Deferred Depreciation-Future R]"/>
        <member name="[CB - Account].[Account CB - Description].&amp;[0182581 - Current NC PIM - Distribution]"/>
        <member name="[CB - Account].[Account CB - Description].&amp;[0182582 - NC PIM - Distribution]"/>
        <member name="[CB - Account].[Account CB - Description].&amp;[0182583 - DEO Veg Mgmt Rider - Addl 19]"/>
        <member name="[CB - Account].[Account CB - Description].&amp;[0182584 - Credit Card Program]"/>
        <member name="[CB - Account].[Account CB - Description].&amp;[0182585 - DEO 20 Veg Mgmt Rider]"/>
        <member name="[CB - Account].[Account CB - Description].&amp;[0182586 - Greenhat Default Deferral]"/>
        <member name="[CB - Account].[Account CB - Description].&amp;[0182587 - Deferred Severance Charges]"/>
        <member name="[CB - Account].[Account CB - Description].&amp;[0182588 - DEK Rate Case COVID]"/>
        <member name="[CB - Account].[Account CB - Description].&amp;[0182589 - COVID-19 Deferral]"/>
        <member name="[CB - Account].[Account CB - Description].&amp;[0182590 - COVID Contra RA]"/>
        <member name="[CB - Account].[Account CB - Description].&amp;[0182591 - DEO 21 Veg Mgmt Rider]"/>
        <member name="[CB - Account].[Account CB - Description].&amp;[0182592 - 2022 DEO VEG MGMT DEFERRAL]"/>
        <member name="[CB - Account].[Account CB - Description].&amp;[0182593 - TN ARM Deferrals - 2022]"/>
        <member name="[CB - Account].[Account CB - Description].&amp;[0182594 - TN ARM Contra Equity Rtn 2022]"/>
        <member name="[CB - Account].[Account CB - Description].&amp;[0182598 - DEP ST Int Hedge-Asset]"/>
        <member name="[CB - Account].[Account CB - Description].&amp;[0182599 - DEP LT Int Hedge Asset]"/>
        <member name="[CB - Account].[Account CB - Description].&amp;[0182600 - Merger CTA-Future Recovery-FER]"/>
        <member name="[CB - Account].[Account CB - Description].&amp;[0182602 - PISCC - CCR 40%]"/>
        <member name="[CB - Account].[Account CB - Description].&amp;[0182606 - Managment Penalty Amortization]"/>
        <member name="[CB - Account].[Account CB - Description].&amp;[0182608 - CCR Deferred Depreciation - 40]"/>
        <member name="[CB - Account].[Account CB - Description].&amp;[0182609 - CCR Deferred O&amp;M - 20%]"/>
        <member name="[CB - Account].[Account CB - Description].&amp;[0182610 - CCR Plan Develop - 80%]"/>
        <member name="[CB - Account].[Account CB - Description].&amp;[0182611 - CCR Plan Develop - 20%]"/>
        <member name="[CB - Account].[Account CB - Description].&amp;[0182612 - PISCC - CCR 60%]"/>
        <member name="[CB - Account].[Account CB - Description].&amp;[0182613 - Plan Dev Def Costs 316b-80%]"/>
        <member name="[CB - Account].[Account CB - Description].&amp;[0182614 - Plan Dev Def Costs 316b-20%]"/>
        <member name="[CB - Account].[Account CB - Description].&amp;[0182616 - Purdue CHP Def O&amp;M Expense]"/>
        <member name="[CB - Account].[Account CB - Description].&amp;[0182617 - Purdue CHP Def Depreciation]"/>
        <member name="[CB - Account].[Account CB - Description].&amp;[0182620 - Crane Deferred Expenses]"/>
        <member name="[CB - Account].[Account CB - Description].&amp;[0182625 - IGCC Def Expenses]"/>
        <member name="[CB - Account].[Account CB - Description].&amp;[0182627 - Current TN Deferred Pension]"/>
        <member name="[CB - Account].[Account CB - Description].&amp;[0182628 - CCR Carrying Costs - 20%]"/>
        <member name="[CB - Account].[Account CB - Description].&amp;[0182629 - CCR Carrying Costs - 20% EQ]"/>
        <member name="[CB - Account].[Account CB - Description].&amp;[0182632 - IGCC 10 Def Expenses]"/>
        <member name="[CB - Account].[Account CB - Description].&amp;[0182640 - Fed Mandate Def Expenses]"/>
        <member name="[CB - Account].[Account CB - Description].&amp;[0182641 - Fed Mandate Carrying Costs]"/>
        <member name="[CB - Account].[Account CB - Description].&amp;[0182642 - Fed Mand Carry Costs - Equity]"/>
        <member name="[CB - Account].[Account CB - Description].&amp;[0182643 - Fed Mandate Def Depreciation]"/>
        <member name="[CB - Account].[Account CB - Description].&amp;[0182644 - TDSIC2 - Carrying Cost - EQ]"/>
        <member name="[CB - Account].[Account CB - Description].&amp;[0182645 - TDSIC2 - Carrying Costs DBT]"/>
        <member name="[CB - Account].[Account CB - Description].&amp;[0182646 - TDSIC2 - Def Depreciation]"/>
        <member name="[CB - Account].[Account CB - Description].&amp;[0182647 - TDSIC2 - Def Expenses]"/>
        <member name="[CB - Account].[Account CB - Description].&amp;[0182650 - TDSIC Def Expenses]"/>
        <member name="[CB - Account].[Account CB - Description].&amp;[0182651 - TDSIC Carrying Costs]"/>
        <member name="[CB - Account].[Account CB - Description].&amp;[0182652 - TDSIC Carrying Costs - Equity]"/>
        <member name="[CB - Account].[Account CB - Description].&amp;[0182653 - PISCC TDSIC 100% EQ (T2 &amp; T3)]"/>
        <member name="[CB - Account].[Account CB - Description].&amp;[0182654 - PISCC TDSIC 100% Equity]"/>
        <member name="[CB - Account].[Account CB - Description].&amp;[0182655 - TDSIC AMI - Def Depreciation]"/>
        <member name="[CB - Account].[Account CB - Description].&amp;[0182656 - TDSIC Def Depreciation]"/>
        <member name="[CB - Account].[Account CB - Description].&amp;[0182657 - Demand Discount]"/>
        <member name="[CB - Account].[Account CB - Description].&amp;[0182658 - Rider 73 O&amp;M Expenses]"/>
        <member name="[CB - Account].[Account CB - Description].&amp;[0182659 - Rider 73 Deferred Depreciation]"/>
        <member name="[CB - Account].[Account CB - Description].&amp;[0182660 - PSI Environ Comp Case]"/>
        <member name="[CB - Account].[Account CB - Description].&amp;[0182670 - AFUDC Continuation-Retail Reco]"/>
        <member name="[CB - Account].[Account CB - Description].&amp;[0182671 - PISCC - TDSIC 80% (T2 &amp; T3)]"/>
        <member name="[CB - Account].[Account CB - Description].&amp;[0182672 - PISCC - TDSIC 80% EQ (T2 &amp; T3)]"/>
        <member name="[CB - Account].[Account CB - Description].&amp;[0182673 - PISCC - TDSIC 20% (T2 &amp; T3)]"/>
        <member name="[CB - Account].[Account CB - Description].&amp;[0182674 - PISCC - TDSIC 20% EQ (T2 &amp; T3)]"/>
        <member name="[CB - Account].[Account CB - Description].&amp;[0182675 - PT Carrying Costs - equity]"/>
        <member name="[CB - Account].[Account CB - Description].&amp;[0182676 - TDSIC Equity - 100%]"/>
        <member name="[CB - Account].[Account CB - Description].&amp;[0182677 - Customer Connect Equity - 100%]"/>
        <member name="[CB - Account].[Account CB - Description].&amp;[0182678 - ARO Equity - 100%]"/>
        <member name="[CB - Account].[Account CB - Description].&amp;[0182680 - Defer Depr-Retail Recovery]"/>
        <member name="[CB - Account].[Account CB - Description].&amp;[0182695 - 2004 CGE Electric Rate Case]"/>
        <member name="[CB - Account].[Account CB - Description].&amp;[0182701 - 2009 Ice Storm costs]"/>
        <member name="[CB - Account].[Account CB - Description].&amp;[0182708 - SC Storm - Matthew]"/>
        <member name="[CB - Account].[Account CB - Description].&amp;[0182709 - SC Deferred Storm Costs Equity]"/>
        <member name="[CB - Account].[Account CB - Description].&amp;[0182710 - NC Storm - Matthew]"/>
        <member name="[CB - Account].[Account CB - Description].&amp;[0182711 - Distribution Storm Rider-Asset]"/>
        <member name="[CB - Account].[Account CB - Description].&amp;[0182712 - Bill Format CRES Logo Deferral]"/>
        <member name="[CB - Account].[Account CB - Description].&amp;[0182713 - Dist Storm Rider Carrying Cost]"/>
        <member name="[CB - Account].[Account CB - Description].&amp;[0182716 - Ohio Gas Integrity Deferral Co]"/>
        <member name="[CB - Account].[Account CB - Description].&amp;[0182717 - ESP IV Rate Case Def Costs]"/>
        <member name="[CB - Account].[Account CB - Description].&amp;[0182718 - DEI 2019 Rate Case]"/>
        <member name="[CB - Account].[Account CB - Description].&amp;[0182719 - 2019 Distr Storm Rider - Asset]"/>
        <member name="[CB - Account].[Account CB - Description].&amp;[0182720 - 2020 Distr Storm Rider - Asset]"/>
        <member name="[CB - Account].[Account CB - Description].&amp;[0182750 - 2005 Merger Transaction Costs]"/>
        <member name="[CB - Account].[Account CB - Description].&amp;[0182751 - Cust. Connect Deferral LT]"/>
        <member name="[CB - Account].[Account CB - Description].&amp;[0182752 - Cust. Connect Equity Resrv LT]"/>
        <member name="[CB - Account].[Account CB - Description].&amp;[0182754 - Cust. Connect Def Depreciation]"/>
        <member name="[CB - Account].[Account CB - Description].&amp;[0182755 - DEI Distrib. Veg Mgmt - Asset]"/>
        <member name="[CB - Account].[Account CB - Description].&amp;[0182756 - 316a/316b/NPDES Study Cost-20%]"/>
        <member name="[CB - Account].[Account CB - Description].&amp;[0182757 - Crane Solar Deferral]"/>
        <member name="[CB - Account].[Account CB - Description].&amp;[0182759 - Major Outage Deferral]"/>
        <member name="[CB - Account].[Account CB - Description].&amp;[0182803 - Pen Post Ret P Acctg-FAS 112]"/>
        <member name="[CB - Account].[Account CB - Description].&amp;[0182888 - Oth Reg Assets-BU B/S SvcExp]"/>
        <member name="[CB - Account].[Account CB - Description].&amp;[0182897 - VIE -Restr Reg Asset Debit Oth]"/>
        <member name="[CB - Account].[Account CB - Description].&amp;[0182900 - RTC Elec Retail Reg Asset]"/>
        <member name="[CB - Account].[Account CB - Description].&amp;[0182902 - RTC Elec Retail]"/>
        <member name="[CB - Account].[Account CB - Description].&amp;[0182903 - RTC Elec Retail Trans Mgt]"/>
        <member name="[CB - Account].[Account CB - Description].&amp;[0182904 - RTC Elec Retail Amort]"/>
        <member name="[CB - Account].[Account CB - Description].&amp;[0182905 - RTC Elec Retail Purch Pwr]"/>
        <member name="[CB - Account].[Account CB - Description].&amp;[0182907 - RTC Elec Retail Excise Tax Def]"/>
        <member name="[CB - Account].[Account CB - Description].&amp;[0182910 - LERP Delayed Cash Costs]"/>
        <member name="[CB - Account].[Account CB - Description].&amp;[0182911 - PISCC - TDSIC 80%]"/>
        <member name="[CB - Account].[Account CB - Description].&amp;[0182912 - PISCC - TDSIC 80% EQ]"/>
        <member name="[CB - Account].[Account CB - Description].&amp;[0182913 - PISCC - TDSIC 20%]"/>
        <member name="[CB - Account].[Account CB - Description].&amp;[0182914 - PISCC - TDSIC 20% EQ]"/>
        <member name="[CB - Account].[Account CB - Description].&amp;[0182915 - PISCC - TDSIC AMI]"/>
        <member name="[CB - Account].[Account CB - Description].&amp;[0182916 - PISCC - CRANE SOLAR]"/>
        <member name="[CB - Account].[Account CB - Description].&amp;[0182917 - PISCC EQ - CRANE SOLAR]"/>
        <member name="[CB - Account].[Account CB - Description].&amp;[0182918 - PISCC - MARKLAND]"/>
        <member name="[CB - Account].[Account CB - Description].&amp;[0182919 - PISCC Crane Solar 100%]"/>
        <member name="[CB - Account].[Account CB - Description].&amp;[0182920 - PISCC - MARKLAND EQ]"/>
        <member name="[CB - Account].[Account CB - Description].&amp;[0182921 - OH EL Economic Comp Fund]"/>
        <member name="[CB - Account].[Account CB - Description].&amp;[0182922 - Equity 100% PISCC]"/>
        <member name="[CB - Account].[Account CB - Description].&amp;[0182923 - PISCC CCR 100%]"/>
        <member name="[CB - Account].[Account CB - Description].&amp;[0182924 - PISCC Markland 100%]"/>
        <member name="[CB - Account].[Account CB - Description].&amp;[0182925 - PISCC Markland 100% Equity]"/>
        <member name="[CB - Account].[Account CB - Description].&amp;[0182926 - PISCC CCR 100% Equity]"/>
        <member name="[CB - Account].[Account CB - Description].&amp;[0182927 - PISCC - ATTERBURY NAAB]"/>
        <member name="[CB - Account].[Account CB - Description].&amp;[0182928 - PISCC EQ - ATTER NAAB]"/>
        <member name="[CB - Account].[Account CB - Description].&amp;[0182929 - PISCC Atterbury Naab 100%]"/>
        <member name="[CB - Account].[Account CB - Description].&amp;[0182930 - PSI 2002 Electric Rate Case]"/>
        <member name="[CB - Account].[Account CB - Description].&amp;[0182931 - PISCC EQ - CUSTOMER CONNECT]"/>
        <member name="[CB - Account].[Account CB - Description].&amp;[0182932 - PISCC - CUSTOMER CONNECT]"/>
        <member name="[CB - Account].[Account CB - Description].&amp;[0182933 - PISCC CUSTOMER CONNECT 100%]"/>
        <member name="[CB - Account].[Account CB - Description].&amp;[0182934 - PISCC - PURDUE]"/>
        <member name="[CB - Account].[Account CB - Description].&amp;[0182935 - PISCC EQ - PURDUE]"/>
        <member name="[CB - Account].[Account CB - Description].&amp;[0182936 - PISCC PURDUE  100%]"/>
        <member name="[CB - Account].[Account CB - Description].&amp;[0182940 - ULHP 2006 Electric Rate Case]"/>
        <member name="[CB - Account].[Account CB - Description].&amp;[0182947 - DEO Hillcrest Proj Reg Asset]"/>
        <member name="[CB - Account].[Account CB - Description].&amp;[0182950 - ULHP 2005 Gas Rate Case]"/>
        <member name="[CB - Account].[Account CB - Description].&amp;[0182952 - DEO 2012 Elec Dist Rate Case]"/>
        <member name="[CB - Account].[Account CB - Description].&amp;[0182956 - DEO 2007 Gas Rate Case]"/>
        <member name="[CB - Account].[Account CB - Description].&amp;[0182957 - DEO 2007 Gas Rate Case SC]"/>
        <member name="[CB - Account].[Account CB - Description].&amp;[0182958 - DEO 2012 Gas Rate Case]"/>
        <member name="[CB - Account].[Account CB - Description].&amp;[0182960 - Retail Recovery-Dynegy]"/>
        <member name="[CB - Account].[Account CB - Description].&amp;[0182961 - South Carolina Hedging Program]"/>
        <member name="[CB - Account].[Account CB - Description].&amp;[0182962 - North Carolina Hedging Program]"/>
        <member name="[CB - Account].[Account CB - Description].&amp;[0182963 - TN Hedging Open Positions]"/>
        <member name="[CB - Account].[Account CB - Description].&amp;[0182964 - Retired Plant]"/>
        <member name="[CB - Account].[Account CB - Description].&amp;[0182975 - AMRP Study Costs]"/>
        <member name="[CB - Account].[Account CB - Description].&amp;[0183000 - Prelim Survey &amp; Investigation]"/>
        <member name="[CB - Account].[Account CB - Description].&amp;[0183200 - Prelim Survey &amp; Invstigate-Oth]"/>
        <member name="[CB - Account].[Account CB - Description].&amp;[0183300 - Deferred Energy Conservation]"/>
        <member name="[CB - Account].[Account CB - Description].&amp;[0183362 - Smart Grid-Prelim Survey &amp; Inv]"/>
        <member name="[CB - Account].[Account CB - Description].&amp;[0183775 - Prelim Survey- IGCC Proj Costs]"/>
        <member name="[CB - Account].[Account CB - Description].&amp;[0183825 - PS&amp;I]"/>
        <member name="[CB - Account].[Account CB - Description].&amp;[0183888 - PrelimSrvyInvest-BU B/S-SvcExp]"/>
        <member name="[CB - Account].[Account CB - Description].&amp;[0183980 - Inactive]"/>
        <member name="[CB - Account].[Account CB - Description].&amp;[0184001 - Treasury Cash Clearing]"/>
        <member name="[CB - Account].[Account CB - Description].&amp;[0184007 - Misc Clear-Corp Gen Acctg]"/>
        <member name="[CB - Account].[Account CB - Description].&amp;[0184008 - Misc Clear - Accounts Payable]"/>
        <member name="[CB - Account].[Account CB - Description].&amp;[0184009 - Lease Receivables]"/>
        <member name="[CB - Account].[Account CB - Description].&amp;[0184010 - Misc Clear-Transfer Of Funds]"/>
        <member name="[CB - Account].[Account CB - Description].&amp;[0184011 - Misc Clear-Freight]"/>
        <member name="[CB - Account].[Account CB - Description].&amp;[0184012 - Misc Clear-Rv Bil]"/>
        <member name="[CB - Account].[Account CB - Description].&amp;[0184013 - Misc Clear-Rv Bil-Nhc]"/>
        <member name="[CB - Account].[Account CB - Description].&amp;[0184014 - Misc Clear-Rv Bil-Cgc]"/>
        <member name="[CB - Account].[Account CB - Description].&amp;[0184015 - Misc Clear-Rv Bil-Pan Gas]"/>
        <member name="[CB - Account].[Account CB - Description].&amp;[0184016 - DOE Stimulus Funds AR]"/>
        <member name="[CB - Account].[Account CB - Description].&amp;[0184017 - Misc Clear-Payroll]"/>
        <member name="[CB - Account].[Account CB - Description].&amp;[0184018 - Clear-Rev Bill-Scheduling]"/>
        <member name="[CB - Account].[Account CB - Description].&amp;[0184020 - Misc Clear-Amex-Mm]"/>
        <member name="[CB - Account].[Account CB - Description].&amp;[0184021 - Misc Clear-Lease Vehicles]"/>
        <member name="[CB - Account].[Account CB - Description].&amp;[0184022 - Customer Ops Expense Pool]"/>
        <member name="[CB - Account].[Account CB - Description].&amp;[0184050 - Mapping Table Suspense]"/>
        <member name="[CB - Account].[Account CB - Description].&amp;[0184100 - Fringe Benefits Clearing]"/>
        <member name="[CB - Account].[Account CB - Description].&amp;[0184101 - Def Dr-Clearing]"/>
        <member name="[CB - Account].[Account CB - Description].&amp;[0184102 - Other Current Assets Clearing]"/>
        <member name="[CB - Account].[Account CB - Description].&amp;[0184103 - Other Current Liab Clearing]"/>
        <member name="[CB - Account].[Account CB - Description].&amp;[0184201 - Indirect Overheads]"/>
        <member name="[CB - Account].[Account CB - Description].&amp;[0184202 - Technical Services Dept]"/>
        <member name="[CB - Account].[Account CB - Description].&amp;[0184203 - Power Generation-PEC Clearing]"/>
        <member name="[CB - Account].[Account CB - Description].&amp;[0184204 - NED Supv Indirect Costs]"/>
        <member name="[CB - Account].[Account CB - Description].&amp;[0184205 - Fossil Fuel Dept - Admin]"/>
        <member name="[CB - Account].[Account CB - Description].&amp;[0184206 - Env Svcs-Carolina Supply]"/>
        <member name="[CB - Account].[Account CB - Description].&amp;[0184207 - NGG VP Nuc Opers Indirect Cost]"/>
        <member name="[CB - Account].[Account CB - Description].&amp;[0184208 - Power Gen Svcs Fossil Clearing]"/>
        <member name="[CB - Account].[Account CB - Description].&amp;[0184301 - Clearing-Credit Union]"/>
        <member name="[CB - Account].[Account CB - Description].&amp;[0184420 - Transportation Exp Clearing]"/>
        <member name="[CB - Account].[Account CB - Description].&amp;[0184450 - Charges To Be Tranferred(Go On]"/>
        <member name="[CB - Account].[Account CB - Description].&amp;[0184451 - FERC to GAAP 184 clearing (new]"/>
        <member name="[CB - Account].[Account CB - Description].&amp;[0184452 - Interest Rate Swap Clearing]"/>
        <member name="[CB - Account].[Account CB - Description].&amp;[0184453 - UNAPPLIED CASH-MARBS]"/>
        <member name="[CB - Account].[Account CB - Description].&amp;[0184454 - SCHM Int Rate Swap Gain Cancel]"/>
        <member name="[CB - Account].[Account CB - Description].&amp;[0184456 - Fleet Transport Cross-Charging]"/>
        <member name="[CB - Account].[Account CB - Description].&amp;[0184460 - Captive Insurance Receivable]"/>
        <member name="[CB - Account].[Account CB - Description].&amp;[0184470 - SCHM Corp Gov Houston Rel Chgs]"/>
        <member name="[CB - Account].[Account CB - Description].&amp;[0184480 - Commerical Paper Interest -]"/>
        <member name="[CB - Account].[Account CB - Description].&amp;[0184490 - SCHM Defd Tax Consulting Fees]"/>
        <member name="[CB - Account].[Account CB - Description].&amp;[0184495 - RAIL CAR LEASING CLEARING]"/>
        <member name="[CB - Account].[Account CB - Description].&amp;[018450 - Mapping Table Suspense]"/>
        <member name="[CB - Account].[Account CB - Description].&amp;[0184500 - Departmental &amp; Other Clearing]"/>
        <member name="[CB - Account].[Account CB - Description].&amp;[0184501 - Depart/Other Clearing-Fleet]"/>
        <member name="[CB - Account].[Account CB - Description].&amp;[0184502 - NES Nuclear Material Control]"/>
        <member name="[CB - Account].[Account CB - Description].&amp;[0184503 - ENV SVCS-Florida Supply]"/>
        <member name="[CB - Account].[Account CB - Description].&amp;[0184504 - RCO FPC Term Contracts]"/>
        <member name="[CB - Account].[Account CB - Description].&amp;[0184505 - Power Generation-PEF Clearing]"/>
        <member name="[CB - Account].[Account CB - Description].&amp;[0184506 - RCO Power Trading]"/>
        <member name="[CB - Account].[Account CB - Description].&amp;[0184507 - NGG VP Nuc Oversight Ind Cost]"/>
        <member name="[CB - Account].[Account CB - Description].&amp;[0184508 - NED-NUCLEAR FUEL ADMIN COSTS]"/>
        <member name="[CB - Account].[Account CB - Description].&amp;[0184509 - FOSSIL GEN DEPT-MAINT SUPPORT]"/>
        <member name="[CB - Account].[Account CB - Description].&amp;[0184510 - FGD DEPT STAFF]"/>
        <member name="[CB - Account].[Account CB - Description].&amp;[0184511 - GRID MOD DUKE CAPITAL ALLOC]"/>
        <member name="[CB - Account].[Account CB - Description].&amp;[0184512 - NUCLEAR SECURITY INDIRECTS]"/>
        <member name="[CB - Account].[Account CB - Description].&amp;[0184600 - Joint Operations]"/>
        <member name="[CB - Account].[Account CB - Description].&amp;[0184601 - Ind Labor Non-Union Clearing]"/>
        <member name="[CB - Account].[Account CB - Description].&amp;[0184610 - Ind Labor Union Clearing]"/>
        <member name="[CB - Account].[Account CB - Description].&amp;[0184620 - Unit Train Exp Clearing]"/>
        <member name="[CB - Account].[Account CB - Description].&amp;[0184670 - Aerial Patrol Expense]"/>
        <member name="[CB - Account].[Account CB - Description].&amp;[0184888 - Clearing Acct-BU B/S-SvcCo Exp]"/>
        <member name="[CB - Account].[Account CB - Description].&amp;[0184900 - IT SCH M:DECOM CON QUAL FUNDS]"/>
        <member name="[CB - Account].[Account CB - Description].&amp;[0184901 - IT SCH M: MEALS &amp; ENTERTAIN 20]"/>
        <member name="[CB - Account].[Account CB - Description].&amp;[0184902 - IT SCH M: MEALS &amp; ENTERTAIN 50]"/>
        <member name="[CB - Account].[Account CB - Description].&amp;[0184903 - IT SCH M: MEALS &amp; ENTERTN 100]"/>
        <member name="[CB - Account].[Account CB - Description].&amp;[0184904 - IT SCH M: TAX EXEMPT INT]"/>
        <member name="[CB - Account].[Account CB - Description].&amp;[0184905 - IT SCH M: CATWBA EXMPT INT INC]"/>
        <member name="[CB - Account].[Account CB - Description].&amp;[0184906 - IT SCH M: PARKING DECK-CURRENT]"/>
        <member name="[CB - Account].[Account CB - Description].&amp;[0184907 - IT SCH M: PARKING DECK-LT]"/>
        <member name="[CB - Account].[Account CB - Description].&amp;[0184908 - IT SCH M: CAP PROP TX REAL PRP]"/>
        <member name="[CB - Account].[Account CB - Description].&amp;[0184909 - IT SCH M: CIAC ACCRUAL]"/>
        <member name="[CB - Account].[Account CB - Description].&amp;[0184910 - IT SCH M: COST OF REMOVAL]"/>
        <member name="[CB - Account].[Account CB - Description].&amp;[0184911 - IT SCH M: DECOM CON N-Q FUNDS]"/>
        <member name="[CB - Account].[Account CB - Description].&amp;[0184912 - IT SCH M: PENSION PYMTS]"/>
        <member name="[CB - Account].[Account CB - Description].&amp;[0184913 - IT SCH M: PREPAID INSURANCE]"/>
        <member name="[CB - Account].[Account CB - Description].&amp;[0184914 - IT SCH M: LOW LVEL RADIO WASTE]"/>
        <member name="[CB - Account].[Account CB - Description].&amp;[0184915 - IT SCH M: HYDRO FACILITY RENT]"/>
        <member name="[CB - Account].[Account CB - Description].&amp;[0184916 - ARO Asset]"/>
        <member name="[CB - Account].[Account CB - Description].&amp;[0184917 - IT SCH M: DUES]"/>
        <member name="[CB - Account].[Account CB - Description].&amp;[0184918 - IT SCH M:Frankln Plant Repairs]"/>
        <member name="[CB - Account].[Account CB - Description].&amp;[0184919 - IT SCH M:NPL Generator Rewing]"/>
        <member name="[CB - Account].[Account CB - Description].&amp;[0184920 - IT SCH M:Oil Clean-Up]"/>
        <member name="[CB - Account].[Account CB - Description].&amp;[0184921 - IT SCH M:Painting Costs]"/>
        <member name="[CB - Account].[Account CB - Description].&amp;[0184922 - IT SCH M:Snowstorm Costs 03/93]"/>
        <member name="[CB - Account].[Account CB - Description].&amp;[0184923 - IT SCH M:Snowstorm Costs 12/93]"/>
        <member name="[CB - Account].[Account CB - Description].&amp;[0184924 - IT SCH M:Opal Storm Costs]"/>
        <member name="[CB - Account].[Account CB - Description].&amp;[0184925 - IT SCH M:Thrp Generator Rewind]"/>
        <member name="[CB - Account].[Account CB - Description].&amp;[0184926 - IT SCH M:Section 124 Depr]"/>
        <member name="[CB - Account].[Account CB - Description].&amp;[0184927 - IT SCH M:Section 124A Depr]"/>
        <member name="[CB - Account].[Account CB - Description].&amp;[0184928 - IT SCH M:Catawba Reserve]"/>
        <member name="[CB - Account].[Account CB - Description].&amp;[0184929 - IT SCH M: Lobbing Expense]"/>
        <member name="[CB - Account].[Account CB - Description].&amp;[0184930 - IT SCH M: Charitable Donations]"/>
        <member name="[CB - Account].[Account CB - Description].&amp;[0184931 - IT SCH M: Flyash Reserve]"/>
        <member name="[CB - Account].[Account CB - Description].&amp;[0184932 - IT SCH M: Reserve-Long Term]"/>
        <member name="[CB - Account].[Account CB - Description].&amp;[0184933 - IT SCH M: Misc Income]"/>
        <member name="[CB - Account].[Account CB - Description].&amp;[0184934 - IT SCH M: Operating Expense]"/>
        <member name="[CB - Account].[Account CB - Description].&amp;[0184935 - IT SCH M: MiscPrepaid&amp;EmpExp]"/>
        <member name="[CB - Account].[Account CB - Description].&amp;[0184936 - IT SCH M: Admin Expense]"/>
        <member name="[CB - Account].[Account CB - Description].&amp;[0184937 - IT SCHM: Nuclear Insurance Res]"/>
        <member name="[CB - Account].[Account CB - Description].&amp;[0184938 - IT SCHM:NPL Inj and Damages]"/>
        <member name="[CB - Account].[Account CB - Description].&amp;[0184939 - It Sch M:Spousal Travel]"/>
        <member name="[CB - Account].[Account CB - Description].&amp;[0184940 - IT SCH M: DOE Clean up Fees]"/>
        <member name="[CB - Account].[Account CB - Description].&amp;[0184999 - IT SCH M: TAX OFF SET]"/>
        <member name="[CB - Account].[Account CB - Description].&amp;[0185261 - Grid Deferral - SC]"/>
        <member name="[CB - Account].[Account CB - Description].&amp;[0185888 - Temp Facil - BU B/S-SvcCoExp]"/>
        <member name="[CB - Account].[Account CB - Description].&amp;[0186000 - NC Environmental Expense]"/>
        <member name="[CB - Account].[Account CB - Description].&amp;[0186001 - Unfunded Dsit-Gaap]"/>
        <member name="[CB - Account].[Account CB - Description].&amp;[0186002 - Reserve-Misc Def Debits]"/>
        <member name="[CB - Account].[Account CB - Description].&amp;[0186003 - SC Environmental Expense]"/>
        <member name="[CB - Account].[Account CB - Description].&amp;[0186004 - TN Environmental Expense]"/>
        <member name="[CB - Account].[Account CB - Description].&amp;[0186005 - Def Dr-Sable Island-C]"/>
        <member name="[CB - Account].[Account CB - Description].&amp;[0186006 - Def Dr -Development Costs]"/>
        <member name="[CB - Account].[Account CB - Description].&amp;[0186007 - Accum Amort Dev Costs]"/>
        <member name="[CB - Account].[Account CB - Description].&amp;[0186008 - Ferc Annual Budget 2001]"/>
        <member name="[CB - Account].[Account CB - Description].&amp;[0186009 - Def Dr-Comm. Fees]"/>
        <member name="[CB - Account].[Account CB - Description].&amp;[0186010 - Deferred Billings-Transmission]"/>
        <member name="[CB - Account].[Account CB - Description].&amp;[0186011 - Def Dr-Pngts Tax]"/>
        <member name="[CB - Account].[Account CB - Description].&amp;[0186012 - Ferc Annual Budget 2002]"/>
        <member name="[CB - Account].[Account CB - Description].&amp;[0186013 - Def Dr-Net Exchange Imbalance]"/>
        <member name="[CB - Account].[Account CB - Description].&amp;[0186014 - Def Dr-Storage Imbalance]"/>
        <member name="[CB - Account].[Account CB - Description].&amp;[0186015 - FERC Annual Budget 2003]"/>
        <member name="[CB - Account].[Account CB - Description].&amp;[0186016 - Other Well Connect Assets]"/>
        <member name="[CB - Account].[Account CB - Description].&amp;[0186017 - FERC Annual Budget 2004]"/>
        <member name="[CB - Account].[Account CB - Description].&amp;[0186018 - FERC Annual Budget 2005]"/>
        <member name="[CB - Account].[Account CB - Description].&amp;[0186019 - FERC Annual Budget 2006]"/>
        <member name="[CB - Account].[Account CB - Description].&amp;[0186020 - Vision Florida Def O&amp;M]"/>
        <member name="[CB - Account].[Account CB - Description].&amp;[0186021 - Vision Florida Capital]"/>
        <member name="[CB - Account].[Account CB - Description].&amp;[0186022 - ST Asset Closed Def Int Hedge]"/>
        <member name="[CB - Account].[Account CB - Description].&amp;[0186023 - Coal Mine Safety-OCA F2G]"/>
        <member name="[CB - Account].[Account CB - Description].&amp;[0186024 - Misc Def Debits-OCL FTG]"/>
        <member name="[CB - Account].[Account CB - Description].&amp;[0186025 - Misc Deferred Debits Sch M]"/>
        <member name="[CB - Account].[Account CB - Description].&amp;[0186026 - Life Insurance/Policy Loans]"/>
        <member name="[CB - Account].[Account CB - Description].&amp;[0186027 - KO Transmission 2015-2016 Rate]"/>
        <member name="[CB - Account].[Account CB - Description].&amp;[0186029 - Misc Def Debit MISO Activity]"/>
        <member name="[CB - Account].[Account CB - Description].&amp;[0186030 - Corp Svcs Work in Progress]"/>
        <member name="[CB - Account].[Account CB - Description].&amp;[0186031 - Gas Pipeline Charges-ST]"/>
        <member name="[CB - Account].[Account CB - Description].&amp;[0186032 - Off System Support-Not billed]"/>
        <member name="[CB - Account].[Account CB - Description].&amp;[0186033 - Deferred Study Costs]"/>
        <member name="[CB - Account].[Account CB - Description].&amp;[0186034 - Environmental Mitigation Proj]"/>
        <member name="[CB - Account].[Account CB - Description].&amp;[0186035 - NCEMPA NC Equity Reserve]"/>
        <member name="[CB - Account].[Account CB - Description].&amp;[0186037 - NC CustConnect - Equity Rsv ST]"/>
        <member name="[CB - Account].[Account CB - Description].&amp;[0186038 - NC CustConnect - Equity Rsv LT]"/>
        <member name="[CB - Account].[Account CB - Description].&amp;[0186039 - East Bend CO2 Capture System]"/>
        <member name="[CB - Account].[Account CB - Description].&amp;[0186040 - LT BPM Sharing]"/>
        <member name="[CB - Account].[Account CB - Description].&amp;[0186041 - Def Dr-Gas Acctg]"/>
        <member name="[CB - Account].[Account CB - Description].&amp;[0186042 - Deferred Fuel Reimbursement]"/>
        <member name="[CB - Account].[Account CB - Description].&amp;[0186043 - Deferred Debit-Oakford]"/>
        <member name="[CB - Account].[Account CB - Description].&amp;[0186044 - Deferred Debit-Leidy]"/>
        <member name="[CB - Account].[Account CB - Description].&amp;[0186045 - Suspense cash 0484 BOA DEBS]"/>
        <member name="[CB - Account].[Account CB - Description].&amp;[0186046 - ORS Avoided Cost Cnslt]"/>
        <member name="[CB - Account].[Account CB - Description].&amp;[0186047 - Oth Def Debit - Inc Tax]"/>
        <member name="[CB - Account].[Account CB - Description].&amp;[0186048 - Plan and Dev - New Generation]"/>
        <member name="[CB - Account].[Account CB - Description].&amp;[0186050 - Owner Controlled Ins Program]"/>
        <member name="[CB - Account].[Account CB - Description].&amp;[0186051 - Joint Owner Misc Deferred Exp]"/>
        <member name="[CB - Account].[Account CB - Description].&amp;[0186052 - PIPP arrearage forgiveness]"/>
        <member name="[CB - Account].[Account CB - Description].&amp;[0186053 - PIPP arrearage forgiveness 2]"/>
        <member name="[CB - Account].[Account CB - Description].&amp;[0186055 - NCEMPA SC Equity Reserve]"/>
        <member name="[CB - Account].[Account CB - Description].&amp;[0186056 - NCEMPA SC Equity Reserve - ST]"/>
        <member name="[CB - Account].[Account CB - Description].&amp;[0186060 - I&amp;D Insurance Receivable]"/>
        <member name="[CB - Account].[Account CB - Description].&amp;[0186061 - Allowance IandD Insur. Rec]"/>
        <member name="[CB - Account].[Account CB - Description].&amp;[0186070 - Inactive]"/>
        <member name="[CB - Account].[Account CB - Description].&amp;[0186071 - CertainTeed stlmnt SC retail]"/>
        <member name="[CB - Account].[Account CB - Description].&amp;[0186072 - CertainTeed stlmnt Wholesale]"/>
        <member name="[CB - Account].[Account CB - Description].&amp;[0186075 - Smart Grid OCA]"/>
        <member name="[CB - Account].[Account CB - Description].&amp;[0186080 - Intercompany Deferred Debit]"/>
        <member name="[CB - Account].[Account CB - Description].&amp;[0186090 - I&amp;D O/S Svcs Receivable]"/>
        <member name="[CB - Account].[Account CB - Description].&amp;[0186100 - Balancing Gas - Union Gas]"/>
        <member name="[CB - Account].[Account CB - Description].&amp;[0186101 - DEF CR3 NCR-Reg Asst Base Rate]"/>
        <member name="[CB - Account].[Account CB - Description].&amp;[0186102 - DEF CR3 Dry Cask Storage]"/>
        <member name="[CB - Account].[Account CB - Description].&amp;[0186103 - DEO 2016 Electric Rate Case Ex]"/>
        <member name="[CB - Account].[Account CB - Description].&amp;[0186104 - DEFERRED ASSET-EXIT COSTS]"/>
        <member name="[CB - Account].[Account CB - Description].&amp;[0186105 - Current Regulatory Asset - VIE]"/>
        <member name="[CB - Account].[Account CB - Description].&amp;[0186106 - 2017 ESP Case Expenses]"/>
        <member name="[CB - Account].[Account CB - Description].&amp;[0186107 - DEK 2022 Rate Case - Electric]"/>
        <member name="[CB - Account].[Account CB - Description].&amp;[0186109 - DEF DCS Contra Equity]"/>
        <member name="[CB - Account].[Account CB - Description].&amp;[0186110 - Miscellaneous Work In Process]"/>
        <member name="[CB - Account].[Account CB - Description].&amp;[0186111 - Cust Connect Def O&amp;M]"/>
        <member name="[CB - Account].[Account CB - Description].&amp;[0186112 - Goodwill]"/>
        <member name="[CB - Account].[Account CB - Description].&amp;[0186114 - Intercompany Goodwill]"/>
        <member name="[CB - Account].[Account CB - Description].&amp;[0186115 - DEK 2021 Rate Case - Gas]"/>
        <member name="[CB - Account].[Account CB - Description].&amp;[0186116 - DEO 2021 Rate Case Distrib]"/>
        <member name="[CB - Account].[Account CB - Description].&amp;[0186117 - DEO 2022 Rate Case - Gas]"/>
        <member name="[CB - Account].[Account CB - Description].&amp;[0186120 - Misc. Wip-Fp Dist. Wids]"/>
        <member name="[CB - Account].[Account CB - Description].&amp;[0186130 - LT_NOTEREC_CERT]"/>
        <member name="[CB - Account].[Account CB - Description].&amp;[0186140 - INTERCO DERIV ASSET NONCURRENT]"/>
        <member name="[CB - Account].[Account CB - Description].&amp;[0186141 - SCHM 3rd Pty Deriv Asst Noncur]"/>
        <member name="[CB - Account].[Account CB - Description].&amp;[0186144 - LT FAS Contra - Asset]"/>
        <member name="[CB - Account].[Account CB - Description].&amp;[0186150 - NonCurr Underecovery Fuel Cost]"/>
        <member name="[CB - Account].[Account CB - Description].&amp;[0186160 - Long Term Assets of VIEs]"/>
        <member name="[CB - Account].[Account CB - Description].&amp;[0186170 - Reg Asset FAS 158 OCI Qual]"/>
        <member name="[CB - Account].[Account CB - Description].&amp;[0186171 - Reg Asset FAS 158 OCI NQ]"/>
        <member name="[CB - Account].[Account CB - Description].&amp;[0186172 - Reg Asset FAS 158 OCI OPEB]"/>
        <member name="[CB - Account].[Account CB - Description].&amp;[0186175 - LT Lease Receivables]"/>
        <member name="[CB - Account].[Account CB - Description].&amp;[0186176 - Deferred lease expense]"/>
        <member name="[CB - Account].[Account CB - Description].&amp;[0186177 - Reg asset - Leases]"/>
        <member name="[CB - Account].[Account CB - Description].&amp;[0186180 - COR Settlement - SC]"/>
        <member name="[CB - Account].[Account CB - Description].&amp;[0186181 - COR Settlement - NC]"/>
        <member name="[CB - Account].[Account CB - Description].&amp;[0186195 - DEFERRED RATE CASE EXPENSE]"/>
        <member name="[CB - Account].[Account CB - Description].&amp;[0186200 - CONTRA_UNAMOR_DEBT_PURCH_ACCTG]"/>
        <member name="[CB - Account].[Account CB - Description].&amp;[0186201 - Def Project/Acq Exp]"/>
        <member name="[CB - Account].[Account CB - Description].&amp;[0186202 - Accrual Pwr Deals with a Value]"/>
        <member name="[CB - Account].[Account CB - Description].&amp;[0186204 - Intang Assets Gas Purch Acctg]"/>
        <member name="[CB - Account].[Account CB - Description].&amp;[0186206 - Fuel-EA-Derv Intangible Assets]"/>
        <member name="[CB - Account].[Account CB - Description].&amp;[0186207 - Intang Assets Rate Stabiliz]"/>
        <member name="[CB - Account].[Account CB - Description].&amp;[0186208 - Intangible Asset Pwr Trdg Cont]"/>
        <member name="[CB - Account].[Account CB - Description].&amp;[0186209 - Intangible Assets OVEC Inv]"/>
        <member name="[CB - Account].[Account CB - Description].&amp;[0186210 - Westmoreland Contracts]"/>
        <member name="[CB - Account].[Account CB - Description].&amp;[0186213 - Intang Assets-Naming Rights]"/>
        <member name="[CB - Account].[Account CB - Description].&amp;[0186214 - Intang Assets-Customer Incent]"/>
        <member name="[CB - Account].[Account CB - Description].&amp;[0186215 - Def GASCO - Intangible Asset]"/>
        <member name="[CB - Account].[Account CB - Description].&amp;[0186216 - Intang Assets-Noncompete Agmnt]"/>
        <member name="[CB - Account].[Account CB - Description].&amp;[0186220 - SCHM Deferred Dsm Costs-Nc]"/>
        <member name="[CB - Account].[Account CB - Description].&amp;[0186221 - NonCurrent BPM Sharing Recvbl]"/>
        <member name="[CB - Account].[Account CB - Description].&amp;[0186222 - Reserve Equity BPM Sharing AR]"/>
        <member name="[CB - Account].[Account CB - Description].&amp;[0186230 - SCHM Deferred Dsm Costs_Sc]"/>
        <member name="[CB - Account].[Account CB - Description].&amp;[0186232 - Accum_Amort_Intang_Assets]"/>
        <member name="[CB - Account].[Account CB - Description].&amp;[0186233 - Accrl Pwr Deals w/Value Amort]"/>
        <member name="[CB - Account].[Account CB - Description].&amp;[0186236 - Accum_Amort_Intang_Pur_Acct]"/>
        <member name="[CB - Account].[Account CB - Description].&amp;[0186237 - Acc_Amort_Emission_Allow]"/>
        <member name="[CB - Account].[Account CB - Description].&amp;[0186238 - Acc_Amort_Coal,Gas&amp;Power]"/>
        <member name="[CB - Account].[Account CB - Description].&amp;[0186239 - Acc_Amort_Other]"/>
        <member name="[CB - Account].[Account CB - Description].&amp;[0186240 - SCHM Deferred Dsm Incentive_Nc]"/>
        <member name="[CB - Account].[Account CB - Description].&amp;[0186241 - Intng Asst Pwr Trdg Cont Amort]"/>
        <member name="[CB - Account].[Account CB - Description].&amp;[0186242 - Intang Assets OVEC Inv Amort]"/>
        <member name="[CB - Account].[Account CB - Description].&amp;[0186243 - Intang Asset-Name Rights Amort]"/>
        <member name="[CB - Account].[Account CB - Description].&amp;[0186244 - Intang Asset-Cust Incent Amort]"/>
        <member name="[CB - Account].[Account CB - Description].&amp;[0186245 - Def GASCO-Intang Asset Amort]"/>
        <member name="[CB - Account].[Account CB - Description].&amp;[0186246 - Intang Asset-Noncmp Agmt Amort]"/>
        <member name="[CB - Account].[Account CB - Description].&amp;[0186247 - Fuel/EA Derv Intng Asset Amort]"/>
        <member name="[CB - Account].[Account CB - Description].&amp;[0186248 - Amort-Wind Intangibles]"/>
        <member name="[CB - Account].[Account CB - Description].&amp;[0186249 - Coal Ash Deferred Spend]"/>
        <member name="[CB - Account].[Account CB - Description].&amp;[0186250 - SCHM Deferred Dsm Incentive-Sc]"/>
        <member name="[CB - Account].[Account CB - Description].&amp;[0186251 - Contra Equty Coal Ash Spend RA]"/>
        <member name="[CB - Account].[Account CB - Description].&amp;[0186260 - Coastal Wind Deferrals]"/>
        <member name="[CB - Account].[Account CB - Description].&amp;[0186270 - 12/95]"/>
        <member name="[CB - Account].[Account CB - Description].&amp;[0186280 - DEFERRED VACATION PAY ACCRUAL]"/>
        <member name="[CB - Account].[Account CB - Description].&amp;[0186281 - Accrued Coal Capacity Exp]"/>
        <member name="[CB - Account].[Account CB - Description].&amp;[0186282 - SMART GRID DEFERRED COSTS]"/>
        <member name="[CB - Account].[Account CB - Description].&amp;[0186283 - Hedge Asset Pre-Tax]"/>
        <member name="[CB - Account].[Account CB - Description].&amp;[0186284 - Estimated Payroll]"/>
        <member name="[CB - Account].[Account CB - Description].&amp;[0186290 - Oth Deferred Charges-Operation]"/>
        <member name="[CB - Account].[Account CB - Description].&amp;[0186295 - Deferred Storm Expenses]"/>
        <member name="[CB - Account].[Account CB - Description].&amp;[0186296 - Contra Deferred Storm Costs]"/>
        <member name="[CB - Account].[Account CB - Description].&amp;[0186300 - Purch Capacity - Curr Portion]"/>
        <member name="[CB - Account].[Account CB - Description].&amp;[0186301 - Lease Receivable]"/>
        <member name="[CB - Account].[Account CB - Description].&amp;[0186310 - Bond Issue Expense]"/>
        <member name="[CB - Account].[Account CB - Description].&amp;[0186315 - Life Ins-Defd Comp Agreement]"/>
        <member name="[CB - Account].[Account CB - Description].&amp;[0186316 - Coal Ash Spend - NC Retail]"/>
        <member name="[CB - Account].[Account CB - Description].&amp;[0186317 - Coal Ash Spend - SC Retail]"/>
        <member name="[CB - Account].[Account CB - Description].&amp;[0186318 - Coal AshSpend - Wholesale]"/>
        <member name="[CB - Account].[Account CB - Description].&amp;[0186320 - Common Stock Expense]"/>
        <member name="[CB - Account].[Account CB - Description].&amp;[0186330 - Preferred Stock Expense]"/>
        <member name="[CB - Account].[Account CB - Description].&amp;[0186340 - Inactive]"/>
        <member name="[CB - Account].[Account CB - Description].&amp;[0186341 - Unearned Income]"/>
        <member name="[CB - Account].[Account CB - Description].&amp;[0186350 - Pollution Cont'L Financing Exp]"/>
        <member name="[CB - Account].[Account CB - Description].&amp;[0186351 - DEO 2012 Gas Rate Case]"/>
        <member name="[CB - Account].[Account CB - Description].&amp;[0186352 - DEO 2012 Elec Dist Rate Case]"/>
        <member name="[CB - Account].[Account CB - Description].&amp;[0186353 - DEK 2011 Gas Rate Case]"/>
        <member name="[CB - Account].[Account CB - Description].&amp;[0186355 - Other Reg Asset - CAIR]"/>
        <member name="[CB - Account].[Account CB - Description].&amp;[0186356 - DEK 2011 Electric Rate Case]"/>
        <member name="[CB - Account].[Account CB - Description].&amp;[0186357 - DEK 2009 Gas Rate Case Reg]"/>
        <member name="[CB - Account].[Account CB - Description].&amp;[0186358 - DE Indiana Rate Case 2010]"/>
        <member name="[CB - Account].[Account CB - Description].&amp;[0186360 - Note Issue Expense]"/>
        <member name="[CB - Account].[Account CB - Description].&amp;[0186361 - Save A Watt Misc Def Deb]"/>
        <member name="[CB - Account].[Account CB - Description].&amp;[0186362 - Smart Grid Misc Def Deb]"/>
        <member name="[CB - Account].[Account CB - Description].&amp;[0186370 - Inactive]"/>
        <member name="[CB - Account].[Account CB - Description].&amp;[0186375 - Interest Rate Lock - Regulator]"/>
        <member name="[CB - Account].[Account CB - Description].&amp;[0186390 - Deferred Rate Activity Exp-07]"/>
        <member name="[CB - Account].[Account CB - Description].&amp;[0186391 - Deferred Rate Activity Exp-09]"/>
        <member name="[CB - Account].[Account CB - Description].&amp;[0186392 - Deferred Rate Case Exp -  NC]"/>
        <member name="[CB - Account].[Account CB - Description].&amp;[0186393 - Deferred Rate Activity Exp-12]"/>
        <member name="[CB - Account].[Account CB - Description].&amp;[018640 - ARO Liability - Ash Mgmt]"/>
        <member name="[CB - Account].[Account CB - Description].&amp;[0186400 - SECI-Lakeland Intercon Upgrade]"/>
        <member name="[CB - Account].[Account CB - Description].&amp;[0186405 - Def Debits Billed to Partners]"/>
        <member name="[CB - Account].[Account CB - Description].&amp;[0186410 - Error Suspense- Accts Payable]"/>
        <member name="[CB - Account].[Account CB - Description].&amp;[0186420 - Error Suspense-Customer Acct'G]"/>
        <member name="[CB - Account].[Account CB - Description].&amp;[0186430 - Error Suspense - Capital Acctg]"/>
        <member name="[CB - Account].[Account CB - Description].&amp;[0186431 - Split Dollar Insurance]"/>
        <member name="[CB - Account].[Account CB - Description].&amp;[0186440 - Error Suspense - Fssg]"/>
        <member name="[CB - Account].[Account CB - Description].&amp;[0186450 - Error Suspense - Other Product]"/>
        <member name="[CB - Account].[Account CB - Description].&amp;[0186460 - Error Suspense- Mapps(Invoice)]"/>
        <member name="[CB - Account].[Account CB - Description].&amp;[0186471 - GALLAGHER_WHOLESALE PORTION]"/>
        <member name="[CB - Account].[Account CB - Description].&amp;[0186472 - GALLAGHER_WHOLESALE CONTRA]"/>
        <member name="[CB - Account].[Account CB - Description].&amp;[0186480 - MISC DEBITS TO BE CLEARED]"/>
        <member name="[CB - Account].[Account CB - Description].&amp;[0186490 - DEFERRED FUEL COST]"/>
        <member name="[CB - Account].[Account CB - Description].&amp;[0186500 - Other Long Term Receivable]"/>
        <member name="[CB - Account].[Account CB - Description].&amp;[0186505 - Fixed Gas deferred O&amp;M costs]"/>
        <member name="[CB - Account].[Account CB - Description].&amp;[0186506 - Deferred Coal and Oil Costs]"/>
        <member name="[CB - Account].[Account CB - Description].&amp;[0186550 - Odd Cent Adj-Plt In Ser]"/>
        <member name="[CB - Account].[Account CB - Description].&amp;[0186560 - Odd Cent Adj-General Ledger]"/>
        <member name="[CB - Account].[Account CB - Description].&amp;[0186570 - Inactive]"/>
        <member name="[CB - Account].[Account CB - Description].&amp;[0186580 - Error-Suspense]"/>
        <member name="[CB - Account].[Account CB - Description].&amp;[0186581 - Misc Def Debit-Ohio Excise Tax]"/>
        <member name="[CB - Account].[Account CB - Description].&amp;[0186600 - Misc Reg Asset - FAS 87Q]"/>
        <member name="[CB - Account].[Account CB - Description].&amp;[0186601 - Contra Misc Regulatory Asset]"/>
        <member name="[CB - Account].[Account CB - Description].&amp;[0186602 - Reg Asset - FAS 87 NQ]"/>
        <member name="[CB - Account].[Account CB - Description].&amp;[0186603 - Reg Asset - FAS 106]"/>
        <member name="[CB - Account].[Account CB - Description].&amp;[0186604 - Reg Asset -  FAS 112]"/>
        <member name="[CB - Account].[Account CB - Description].&amp;[0186605 - MISC DEFER DEBIT WORKERS COMP]"/>
        <member name="[CB - Account].[Account CB - Description].&amp;[0186606 - OTHER MISC DEBIT-GOV IMPOSIT]"/>
        <member name="[CB - Account].[Account CB - Description].&amp;[0186610 - PEC UNRECOVERED PLANT]"/>
        <member name="[CB - Account].[Account CB - Description].&amp;[0186620 - Intag Asset Assoc-Misc Re]"/>
        <member name="[CB - Account].[Account CB - Description].&amp;[0186625 - Intang Asset Fas87-Qual Pen]"/>
        <member name="[CB - Account].[Account CB - Description].&amp;[0186630 - LT Closed Def Int Hedge]"/>
        <member name="[CB - Account].[Account CB - Description].&amp;[0186632 - Open Def Int Hedge Pre-Tax]"/>
        <member name="[CB - Account].[Account CB - Description].&amp;[0186650 - MISC GAAP ADJ]"/>
        <member name="[CB - Account].[Account CB - Description].&amp;[0186660 - Solar - Deferred Cost]"/>
        <member name="[CB - Account].[Account CB - Description].&amp;[0186661 - Reserve Equity  - Solar]"/>
        <member name="[CB - Account].[Account CB - Description].&amp;[0186700 - DEC Unrecovered Plant]"/>
        <member name="[CB - Account].[Account CB - Description].&amp;[0186710 - SCHM Def Catawba Pur Cap-Nc]"/>
        <member name="[CB - Account].[Account CB - Description].&amp;[0186720 - Roxboro WWT Defer]"/>
        <member name="[CB - Account].[Account CB - Description].&amp;[0186730 - SCHM Def Catawba Pur Cap-Whsle]"/>
        <member name="[CB - Account].[Account CB - Description].&amp;[0186770 - Misc Deferred Debits Debt]"/>
        <member name="[CB - Account].[Account CB - Description].&amp;[0186801 - Other Work In Progress]"/>
        <member name="[CB - Account].[Account CB - Description].&amp;[0186802 - Accr Pen FAS158 - Qual]"/>
        <member name="[CB - Account].[Account CB - Description].&amp;[0186803 - Pen Post Ret FAS158-FAS 106]"/>
        <member name="[CB - Account].[Account CB - Description].&amp;[0186804 - Pen Post Ret P Acctg-Qual]"/>
        <member name="[CB - Account].[Account CB - Description].&amp;[0186805 - Pen PostRet FAS158-FAS 87 NQ]"/>
        <member name="[CB - Account].[Account CB - Description].&amp;[0186810 - SCHM Ret On Def Cat Pur Cap-Nc]"/>
        <member name="[CB - Account].[Account CB - Description].&amp;[0186820 - SCHM Ret On Def Cat Pur Cap-Sc]"/>
        <member name="[CB - Account].[Account CB - Description].&amp;[0186830 - SCHM Ret On Def Cat Pur Cap-Wh]"/>
        <member name="[CB - Account].[Account CB - Description].&amp;[0186888 - Misc Def Dbt - BU B/S-SvcCoExp]"/>
        <member name="[CB - Account].[Account CB - Description].&amp;[0186889 - Asset Recovery Deferred]"/>
        <member name="[CB - Account].[Account CB - Description].&amp;[0186910 - Deferred Benefit Plan- AS]"/>
        <member name="[CB - Account].[Account CB - Description].&amp;[0186915 - Acc Exp - Debt Issuances]"/>
        <member name="[CB - Account].[Account CB - Description].&amp;[0186920 - Deferred Debit - Energy Bank]"/>
        <member name="[CB - Account].[Account CB - Description].&amp;[0186922 - Intercompany Deferred Debits]"/>
        <member name="[CB - Account].[Account CB - Description].&amp;[0186930 - Def Debit - Ret Plan Executive]"/>
        <member name="[CB - Account].[Account CB - Description].&amp;[0186931 - Def Debit - Ret Plan Employees]"/>
        <member name="[CB - Account].[Account CB - Description].&amp;[0186932 - Notes Rec - LT]"/>
        <member name="[CB - Account].[Account CB - Description].&amp;[0186933 - Restricted LT Receivable VIEs]"/>
        <member name="[CB - Account].[Account CB - Description].&amp;[0186940 - Unproductive Loading]"/>
        <member name="[CB - Account].[Account CB - Description].&amp;[0186950 - Unproductive Vacation]"/>
        <member name="[CB - Account].[Account CB - Description].&amp;[0186958 - DEO 2008 Elec Rate Case Exp]"/>
        <member name="[CB - Account].[Account CB - Description].&amp;[0186959 - Ohio SSO / MRO Exp]"/>
        <member name="[CB - Account].[Account CB - Description].&amp;[0186960 - MISO MTEP - PJM Mkt Trnsfr Exp]"/>
        <member name="[CB - Account].[Account CB - Description].&amp;[0186963 - Risk Deferred Activity - LT]"/>
        <member name="[CB - Account].[Account CB - Description].&amp;[0186979 - Covid Deferrals]"/>
        <member name="[CB - Account].[Account CB - Description].&amp;[0186980 - COVID Contra RA]"/>
        <member name="[CB - Account].[Account CB - Description].&amp;[0186981 - Deferred Debits w/ElectGrp Ops]"/>
        <member name="[CB - Account].[Account CB - Description].&amp;[0186982 - Project Construction]"/>
        <member name="[CB - Account].[Account CB - Description].&amp;[0186983 - Risk Deferred Activity - LT]"/>
        <member name="[CB - Account].[Account CB - Description].&amp;[0186984 - Other Long Term Assets]"/>
        <member name="[CB - Account].[Account CB - Description].&amp;[0186985 - Loss on Commodity Operations]"/>
        <member name="[CB - Account].[Account CB - Description].&amp;[0186986 - Impairment of Engage Investmen]"/>
        <member name="[CB - Account].[Account CB - Description].&amp;[0186987 - Office Lease Cancellation]"/>
        <member name="[CB - Account].[Account CB - Description].&amp;[0186988 - Ash Management Suspense]"/>
        <member name="[CB - Account].[Account CB - Description].&amp;[0186989 - Unrealized Gain - DETM]"/>
        <member name="[CB - Account].[Account CB - Description].&amp;[0186990 - Suspense-DE&amp;S]"/>
        <member name="[CB - Account].[Account CB - Description].&amp;[0186991 - FV of hedges-Financial Hedges]"/>
        <member name="[CB - Account].[Account CB - Description].&amp;[0186992 - FV of hedges-Commodity Hedges]"/>
        <member name="[CB - Account].[Account CB - Description].&amp;[0186993 - Bison Reins Recover Reserve]"/>
        <member name="[CB - Account].[Account CB - Description].&amp;[0186994 - Non-Reg intang non-unitized]"/>
        <member name="[CB - Account].[Account CB - Description].&amp;[0186995 - Non-Reg intang unitized]"/>
        <member name="[CB - Account].[Account CB - Description].&amp;[0186996 - Intang Asset net of Amort]"/>
        <member name="[CB - Account].[Account CB - Description].&amp;[0186997 - VIE-Restrictd Intangibles, Net]"/>
        <member name="[CB - Account].[Account CB - Description].&amp;[0186998 - FUKUSHIMA POOLED INVENTORY OPT]"/>
        <member name="[CB - Account].[Account CB - Description].&amp;[0188001 - GRI Defer Costs Trackable]"/>
        <member name="[CB - Account].[Account CB - Description].&amp;[0188100 - Inactive]"/>
        <member name="[CB - Account].[Account CB - Description].&amp;[0188200 - Inactive]"/>
        <member name="[CB - Account].[Account CB - Description].&amp;[0188300 - Unamortized Investment-Les]"/>
        <member name="[CB - Account].[Account CB - Description].&amp;[0188470 - Missing]"/>
        <member name="[CB - Account].[Account CB - Description].&amp;[0189000 - SCHM UNAMT LOSS REAQ DT PRE SC]"/>
        <member name="[CB - Account].[Account CB - Description].&amp;[0189001 - Unamrt-Deb-12.75% 2008]"/>
        <member name="[CB - Account].[Account CB - Description].&amp;[0189002 - Unamrt-Deb-13% 2009]"/>
        <member name="[CB - Account].[Account CB - Description].&amp;[0189003 - Unamrt-Deb-13.25% 2010]"/>
        <member name="[CB - Account].[Account CB - Description].&amp;[0189004 - Unamrt-Deb-12% Due 2010]"/>
        <member name="[CB - Account].[Account CB - Description].&amp;[0189005 - Unamrt-Deb-10 1/8% 2011]"/>
        <member name="[CB - Account].[Account CB - Description].&amp;[0189006 - Unamrt-Deb-10% 2011]"/>
        <member name="[CB - Account].[Account CB - Description].&amp;[0189007 - ST UNAMT LOSS REACQDEBT-TOTAL]"/>
        <member name="[CB - Account].[Account CB - Description].&amp;[0189101 - Schm Unamt Loss Reaq DT-MAXES]"/>
        <member name="[CB - Account].[Account CB - Description].&amp;[0190000 - ADIT: Assets]"/>
        <member name="[CB - Account].[Account CB - Description].&amp;[0190003 - Deferred Foreign Tax Assets-LT]"/>
        <member name="[CB - Account].[Account CB - Description].&amp;[0190004 - Deferred Foreign Tax Assets-St]"/>
        <member name="[CB - Account].[Account CB - Description].&amp;[0190005 - DEF for Tax Assets-Valuation]"/>
        <member name="[CB - Account].[Account CB - Description].&amp;[0190006 - Deferred Tax - Foreign NOL]"/>
        <member name="[CB - Account].[Account CB - Description].&amp;[0190007 - PA_DEFD_FOREIGN_INC_TAX_LT]"/>
        <member name="[CB - Account].[Account CB - Description].&amp;[0190008 - Defferred Federal Tax Asset-Cu]"/>
        <member name="[CB - Account].[Account CB - Description].&amp;[0190009 - Deferred SIT - Current]"/>
        <member name="[CB - Account].[Account CB - Description].&amp;[0190010 - LT FIN48 NONCURRENT DTA-FED]"/>
        <member name="[CB - Account].[Account CB - Description].&amp;[0190011 - LT FIN48 NONCURRENT DTA-NC]"/>
        <member name="[CB - Account].[Account CB - Description].&amp;[0190012 - LT FIN48 NONCURRENT DTA-SC]"/>
        <member name="[CB - Account].[Account CB - Description].&amp;[0190014 - LT Def Tax Asset: State-190]"/>
        <member name="[CB - Account].[Account CB - Description].&amp;[0190015 - LT Def Cred For State Liab-190]"/>
        <member name="[CB - Account].[Account CB - Description].&amp;[0190016 - LT Def Tax Asset: Fed]"/>
        <member name="[CB - Account].[Account CB - Description].&amp;[0190017 - LT Def Tax Asset: State]"/>
        <member name="[CB - Account].[Account CB - Description].&amp;[0190018 - LT Def Credit For State Liab]"/>
        <member name="[CB - Account].[Account CB - Description].&amp;[0190019 - LT Def Tax Asset: Fed]"/>
        <member name="[CB - Account].[Account CB - Description].&amp;[0190020 - LT Def Tax Asset: State]"/>
        <member name="[CB - Account].[Account CB - Description].&amp;[0190021 - LT Def Credit For State Liab]"/>
        <member name="[CB - Account].[Account CB - Description].&amp;[0190022 - Curr Tax Asset: Federal]"/>
        <member name="[CB - Account].[Account CB - Description].&amp;[0190023 - Curr Tax Asset: State]"/>
        <member name="[CB - Account].[Account CB - Description].&amp;[0190024 - Curr Tax Asset: Federal]"/>
        <member name="[CB - Account].[Account CB - Description].&amp;[0190025 - Curr Tax Asset: State]"/>
        <member name="[CB - Account].[Account CB - Description].&amp;[0190026 - Curr Def Tax Asset: Fed]"/>
        <member name="[CB - Account].[Account CB - Description].&amp;[0190027 - Curr Def Tax Asset: State]"/>
        <member name="[CB - Account].[Account CB - Description].&amp;[0190051 - Accum Deferred FIT-OCI]"/>
        <member name="[CB - Account].[Account CB - Description].&amp;[0190052 - Accum Deferred SIT-OCI]"/>
        <member name="[CB - Account].[Account CB - Description].&amp;[0190053 - Accum Deferred FIT-Plant]"/>
        <member name="[CB - Account].[Account CB - Description].&amp;[0190054 - Accum Deferred SIT-Plant]"/>
        <member name="[CB - Account].[Account CB - Description].&amp;[019008 - Deferred Federal Tax Asset-Cur]"/>
        <member name="[CB - Account].[Account CB - Description].&amp;[0190100 - ADIT: Acct 190 FAS109]"/>
        <member name="[CB - Account].[Account CB - Description].&amp;[0190120 - ADIT: Reg Liab: Federal]"/>
        <member name="[CB - Account].[Account CB - Description].&amp;[0190121 - ADIT: Reg Liab: State]"/>
        <member name="[CB - Account].[Account CB - Description].&amp;[0190130 - ADIT: SARs]"/>
        <member name="[CB - Account].[Account CB - Description].&amp;[0190140 - ADIT: Restricted Stock]"/>
        <member name="[CB - Account].[Account CB - Description].&amp;[0190150 - ADIT:EPS]"/>
        <member name="[CB - Account].[Account CB - Description].&amp;[0190151 - Travel Advances]"/>
        <member name="[CB - Account].[Account CB - Description].&amp;[0190156 - Deferred Tax-State NOLs]"/>
        <member name="[CB - Account].[Account CB - Description].&amp;[0190157 - Current Federal Tax NOL]"/>
        <member name="[CB - Account].[Account CB - Description].&amp;[0190158 - Current State Tax NOL]"/>
        <member name="[CB - Account].[Account CB - Description].&amp;[0190160 - MANAGEMENT FEE RECEIVABLE]"/>
        <member name="[CB - Account].[Account CB - Description].&amp;[0190350 - Accum Deferred SIT FIN-48 UTP]"/>
        <member name="[CB - Account].[Account CB - Description].&amp;[0191400 - Unrecovered Purch Gas Cost]"/>
        <member name="[CB - Account].[Account CB - Description].&amp;[0191800 - Unrec Purch Gas - Unbilled Rev]"/>
        <member name="[CB - Account].[Account CB - Description].&amp;[0191990 - Unrec Purch Gas-Manual Reclass]"/>
        <member name="[CB - Account].[Account CB - Description].&amp;[0195001 - Goodwill - EI Acquisition]"/>
        <member name="[CB - Account].[Account CB - Description].&amp;[0195002 - Goodwill - Tech Acq]"/>
        <member name="[CB - Account].[Account CB - Description].&amp;[0195003 - Noncompete Agreement]"/>
        <member name="[CB - Account].[Account CB - Description].&amp;[0195004 - Goodwill]"/>
        <member name="[CB - Account].[Account CB - Description].&amp;[0195005 - Organizational Costs]"/>
        <member name="[CB - Account].[Account CB - Description].&amp;[0195006 - FirmTransp Agrmt w/TETCO]"/>
        <member name="[CB - Account].[Account CB - Description].&amp;[0195007 - Gas Contracts]"/>
        <member name="[CB - Account].[Account CB - Description].&amp;[0195010 - Gas Well Rights]"/>
        <member name="[CB - Account].[Account CB - Description].&amp;[0195011 - NHC Plant Modifications]"/>
        <member name="[CB - Account].[Account CB - Description].&amp;[0195897 - VIE - Restricted Goodwill]"/>
        <member name="[CB - Account].[Account CB - Description].&amp;[0196002 - Accum Amorit Goodwill]"/>
        <member name="[CB - Account].[Account CB - Description].&amp;[0196005 - Accum Amorit Noncompete]"/>
        <member name="[CB - Account].[Account CB - Description].&amp;[0196006 - AccuAmort - Trans Agmt w/TETCO]"/>
        <member name="[CB - Account].[Account CB - Description].&amp;[0196010 - Amortization Engage]"/>
        <member name="[CB - Account].[Account CB - Description].&amp;[0196011 - Accum Amorit Gas Contracts]"/>
        <member name="[CB - Account].[Account CB - Description].&amp;[0201000 - Common Stock Issued]"/>
        <member name="[CB - Account].[Account CB - Description].&amp;[0204000 - Pref Stock]"/>
        <member name="[CB - Account].[Account CB - Description].&amp;[0204001 - Pref Stock-W Sink Fund]"/>
        <member name="[CB - Account].[Account CB - Description].&amp;[0204002 - Gpb Int-Corp Subord Notes]"/>
        <member name="[CB - Account].[Account CB - Description].&amp;[0204003 - Unamort. Dis. TOPrS Trust I]"/>
        <member name="[CB - Account].[Account CB - Description].&amp;[0204004 - Unamort. Dis. QuIPS Trust II]"/>
        <member name="[CB - Account].[Account CB - Description].&amp;[0204005 - Unamort Discount - Trust III]"/>
        <member name="[CB - Account].[Account CB - Description].&amp;[0204006 - Interco Preferred Stock Issued]"/>
        <member name="[CB - Account].[Account CB - Description].&amp;[0204007 - Pref Stock Series A 2019]"/>
        <member name="[CB - Account].[Account CB - Description].&amp;[0204008 - Pref Stock Series B 2019]"/>
        <member name="[CB - Account].[Account CB - Description].&amp;[0204070 - Pref Cap Stk 1992 Series 5.95%]"/>
        <member name="[CB - Account].[Account CB - Description].&amp;[0204080 - Pref Cap Stk Series 6.10%]"/>
        <member name="[CB - Account].[Account CB - Description].&amp;[0204090 - Pref Cap Stk 1992 Series 6.20%]"/>
        <member name="[CB - Account].[Account CB - Description].&amp;[0204100 - Pref Capital Stock-Series W]"/>
        <member name="[CB - Account].[Account CB - Description].&amp;[0204110 - Pref Stk A 1993 Series 6.375%]"/>
        <member name="[CB - Account].[Account CB - Description].&amp;[0204120 - Inactive]"/>
        <member name="[CB - Account].[Account CB - Description].&amp;[0204130 - Pref Capital Stock-Series C]"/>
        <member name="[CB - Account].[Account CB - Description].&amp;[0204140 - Pref Capital Stock-Series D]"/>
        <member name="[CB - Account].[Account CB - Description].&amp;[0204150 - Pref Capital Stock-Series E]"/>
        <member name="[CB - Account].[Account CB - Description].&amp;[0204160 - Inactive]"/>
        <member name="[CB - Account].[Account CB - Description].&amp;[0204170 - Inactive]"/>
        <member name="[CB - Account].[Account CB - Description].&amp;[0204180 - Inactive]"/>
        <member name="[CB - Account].[Account CB - Description].&amp;[0204190 - Inactive]"/>
        <member name="[CB - Account].[Account CB - Description].&amp;[0204200 - Preferred Stock Series R]"/>
        <member name="[CB - Account].[Account CB - Description].&amp;[0204210 - Pref Capital Stock-Series X]"/>
        <member name="[CB - Account].[Account CB - Description].&amp;[0204220 - Pref Capital Stock-Series Y]"/>
        <member name="[CB - Account].[Account CB - Description].&amp;[0204225 - PrefCapital Stock Series X]"/>
        <member name="[CB - Account].[Account CB - Description].&amp;[0204230 - Inactive]"/>
        <member name="[CB - Account].[Account CB - Description].&amp;[0204240 - Pref Capital Stock-Series Q]"/>
        <member name="[CB - Account].[Account CB - Description].&amp;[0204250 - Pfd. Stk - Auction Series A]"/>
        <member name="[CB - Account].[Account CB - Description].&amp;[0204260 - Inactive]"/>
        <member name="[CB - Account].[Account CB - Description].&amp;[0204270 - Pref Cap Stk-Series A-Adj Rate]"/>
        <member name="[CB - Account].[Account CB - Description].&amp;[0204280 - Pref Capital Stock-Series S]"/>
        <member name="[CB - Account].[Account CB - Description].&amp;[0204290 - Pref Capital Stk A-1992 Series]"/>
        <member name="[CB - Account].[Account CB - Description].&amp;[0204300 - Preferred Stock Series T]"/>
        <member name="[CB - Account].[Account CB - Description].&amp;[0204310 - Preferred Stock Series U]"/>
        <member name="[CB - Account].[Account CB - Description].&amp;[0204320 - Preferred Stock Series V]"/>
        <member name="[CB - Account].[Account CB - Description].&amp;[0204400 - 0204400 - Redeem Pref Stock]"/>
        <member name="[CB - Account].[Account CB - Description].&amp;[0204401 - Quips Pref Sec Outside]"/>
        <member name="[CB - Account].[Account CB - Description].&amp;[0207001 - Premium on Common Stock]"/>
        <member name="[CB - Account].[Account CB - Description].&amp;[0207002 - Add'l PIC - EI Acq]"/>
        <member name="[CB - Account].[Account CB - Description].&amp;[0207003 - Add'l PIC - DS]"/>
        <member name="[CB - Account].[Account CB - Description].&amp;[0207004 - Add'l PIC - Techtrol Acq]"/>
        <member name="[CB - Account].[Account CB - Description].&amp;[0207005 - Add'l PIC - Retail]"/>
        <member name="[CB - Account].[Account CB - Description].&amp;[0207006 - Add'l PIC - Irvine]"/>
        <member name="[CB - Account].[Account CB - Description].&amp;[0207007 - Add'l PIC - DE&amp;S]"/>
        <member name="[CB - Account].[Account CB - Description].&amp;[0207008 - Additional Paid In Capital]"/>
        <member name="[CB - Account].[Account CB - Description].&amp;[0207009 - Contract Adjust - Eq Units]"/>
        <member name="[CB - Account].[Account CB - Description].&amp;[0207012 - APIC - Preferred Interest]"/>
        <member name="[CB - Account].[Account CB - Description].&amp;[0207020 - APIC - Contributions]"/>
        <member name="[CB - Account].[Account CB - Description].&amp;[0207021 - APIC - Distrib &amp; Dividends]"/>
        <member name="[CB - Account].[Account CB - Description].&amp;[0208001 - Donations From Stckholder-DENA]"/>
        <member name="[CB - Account].[Account CB - Description].&amp;[0208010 - Donat Recvd From Stkhld Tax]"/>
        <member name="[CB - Account].[Account CB - Description].&amp;[0210000 - Paid In Capital - CS]"/>
        <member name="[CB - Account].[Account CB - Description].&amp;[0210001 - Gain-Reacq Capt Stk]"/>
        <member name="[CB - Account].[Account CB - Description].&amp;[0210100 - Inactive]"/>
        <member name="[CB - Account].[Account CB - Description].&amp;[0211000 - Miscellaneous Paid-In Capital]"/>
        <member name="[CB - Account].[Account CB - Description].&amp;[0211001 - Accum Oth Compr Ind-Duke Power]"/>
        <member name="[CB - Account].[Account CB - Description].&amp;[0211002 - Accum Oth Compreh Inc-Subs]"/>
        <member name="[CB - Account].[Account CB - Description].&amp;[0211004 - Misc PIC Purch Acctg]"/>
        <member name="[CB - Account].[Account CB - Description].&amp;[0211005 - Misc PIC Premerger Equity]"/>
        <member name="[CB - Account].[Account CB - Description].&amp;[0211006 - Other Misc Paid in Cap]"/>
        <member name="[CB - Account].[Account CB - Description].&amp;[0211007 - Misc PIC Premerg RE for Div]"/>
        <member name="[CB - Account].[Account CB - Description].&amp;[0211008 - Misc PIC Pushdown Adj RE]"/>
        <member name="[CB - Account].[Account CB - Description].&amp;[0211009 - APIC - Transaction Costs]"/>
        <member name="[CB - Account].[Account CB - Description].&amp;[0211010 - Partner Equity - DEGS]"/>
        <member name="[CB - Account].[Account CB - Description].&amp;[0211011 - Acc Oth Comp Inc-Tax Effect]"/>
        <member name="[CB - Account].[Account CB - Description].&amp;[0211012 - Partner Equity - Partner 3]"/>
        <member name="[CB - Account].[Account CB - Description].&amp;[0211013 - Partner Equity - Partner 2]"/>
        <member name="[CB - Account].[Account CB - Description].&amp;[0211014 - Partner Equity - Partner 1]"/>
        <member name="[CB - Account].[Account CB - Description].&amp;[0211015 - APIC - NCI Calc Excluded]"/>
        <member name="[CB - Account].[Account CB - Description].&amp;[0211016 - OCI - Current Year Activity]"/>
        <member name="[CB - Account].[Account CB - Description].&amp;[0211017 - OCI - Tax Effect]"/>
        <member name="[CB - Account].[Account CB - Description].&amp;[0211018 - MISC PAID-IN CAP-STK OPTIONS]"/>
        <member name="[CB - Account].[Account CB - Description].&amp;[0211019 - MISC PAID IN CAP - PSSP]"/>
        <member name="[CB - Account].[Account CB - Description].&amp;[0211020 - MISC PAID IN CAP - RSU]"/>
        <member name="[CB - Account].[Account CB - Description].&amp;[0211021 - DON REC FROM STOCKHOLDERS]"/>
        <member name="[CB - Account].[Account CB - Description].&amp;[0211022 - RED IN PAR OF COMMON STOCK]"/>
        <member name="[CB - Account].[Account CB - Description].&amp;[0211031 - Accum Distrib - Partner 1]"/>
        <member name="[CB - Account].[Account CB - Description].&amp;[0211032 - Accum Distrib - Partner 2]"/>
        <member name="[CB - Account].[Account CB - Description].&amp;[0211033 - Accum Distrib - Partner 3]"/>
        <member name="[CB - Account].[Account CB - Description].&amp;[0211034 - Accum Distributions - Duke]"/>
        <member name="[CB - Account].[Account CB - Description].&amp;[0214000 - Capt Stk Exp-$5 Par Common]"/>
        <member name="[CB - Account].[Account CB - Description].&amp;[0214100 - Inactive]"/>
        <member name="[CB - Account].[Account CB - Description].&amp;[0214200 - Inactive]"/>
        <member name="[CB - Account].[Account CB - Description].&amp;[0214215 - Current Electric Earnings]"/>
        <member name="[CB - Account].[Account CB - Description].&amp;[0214216 - Historical Electric Earnings]"/>
        <member name="[CB - Account].[Account CB - Description].&amp;[0214218 - OCI - Electric Earnings]"/>
        <member name="[CB - Account].[Account CB - Description].&amp;[0215000 - Inactive]"/>
        <member name="[CB - Account].[Account CB - Description].&amp;[0215100 - Approp. Retained Earnings --]"/>
        <member name="[CB - Account].[Account CB - Description].&amp;[0216000 - Unapprop Retained Earnings]"/>
        <member name="[CB - Account].[Account CB - Description].&amp;[0216001 - Ret Earn-Mgt/Intel Prop Chrg]"/>
        <member name="[CB - Account].[Account CB - Description].&amp;[0216002 - Ret Earn-MGT/INTEL PROP CHRG-G]"/>
        <member name="[CB - Account].[Account CB - Description].&amp;[0216003 - Cum Affect of Chg in Acctg]"/>
        <member name="[CB - Account].[Account CB - Description].&amp;[0216004 - CEA-UTP State]"/>
        <member name="[CB - Account].[Account CB - Description].&amp;[0216005 - CEA-UTP Pre-Tax]"/>
        <member name="[CB - Account].[Account CB - Description].&amp;[0216006 - Cumm Effect Change in Acct Tax]"/>
        <member name="[CB - Account].[Account CB - Description].&amp;[0216007 - Cumm Effect Acct Princ PreTax]"/>
        <member name="[CB - Account].[Account CB - Description].&amp;[0216100 - Unappr Undistr Subsid Earnings]"/>
        <member name="[CB - Account].[Account CB - Description].&amp;[0216101 - Foreign Currency Translation]"/>
        <member name="[CB - Account].[Account CB - Description].&amp;[0216102 - Retained Earn Pr Yr DE&amp;S]"/>
        <member name="[CB - Account].[Account CB - Description].&amp;[0216103 - Retained Earn Pr Yr Tech A]"/>
        <member name="[CB - Account].[Account CB - Description].&amp;[0216104 - Retained Earn Pr Yr EI Acq]"/>
        <member name="[CB - Account].[Account CB - Description].&amp;[0216105 - Electric Foreign Currncy Rllup]"/>
        <member name="[CB - Account].[Account CB - Description].&amp;[0216106 - Ret Earn - Dividend]"/>
        <member name="[CB - Account].[Account CB - Description].&amp;[0216111 - For Curr Trans - Tax Effect]"/>
        <member name="[CB - Account].[Account CB - Description].&amp;[0216112 - FX, NET INVESTMENT HEDGE]"/>
        <member name="[CB - Account].[Account CB - Description].&amp;[0216113 - FX, NET INVEST HEDG, TAX IMPAC]"/>
        <member name="[CB - Account].[Account CB - Description].&amp;[0216400 - Minority Interest]"/>
        <member name="[CB - Account].[Account CB - Description].&amp;[0217100 - Reacquired Cap - Stock]"/>
        <member name="[CB - Account].[Account CB - Description].&amp;[0217110 - Reacquired Common Stock]"/>
        <member name="[CB - Account].[Account CB - Description].&amp;[0217120 - Inactive]"/>
        <member name="[CB - Account].[Account CB - Description].&amp;[0218000 - Partner's Distributions]"/>
        <member name="[CB - Account].[Account CB - Description].&amp;[0218001 - Partner's Contributions]"/>
        <member name="[CB - Account].[Account CB - Description].&amp;[0218002 - Partner's Earnings]"/>
        <member name="[CB - Account].[Account CB - Description].&amp;[0218003 - Partner's Share]"/>
        <member name="[CB - Account].[Account CB - Description].&amp;[0218004 - Prtnshp Earn-Chambers Co]"/>
        <member name="[CB - Account].[Account CB - Description].&amp;[0218005 - Prtnshp Earn-Conoco Mb]"/>
        <member name="[CB - Account].[Account CB - Description].&amp;[0218006 - Prtnshp Earn-Ds Mt Belv]"/>
        <member name="[CB - Account].[Account CB - Description].&amp;[0218007 - Prtnshp Earn-Enterprise]"/>
        <member name="[CB - Account].[Account CB - Description].&amp;[0218008 - Prtnshp Earn-Arco Mtb Cor]"/>
        <member name="[CB - Account].[Account CB - Description].&amp;[0218009 - Prtnshp Earn-Mtb Land]"/>
        <member name="[CB - Account].[Account CB - Description].&amp;[0218010 - Prtnshp Earn-Warren Petr]"/>
        <member name="[CB - Account].[Account CB - Description].&amp;[0218011 - Prtnshp Earn-Belvex Inc]"/>
        <member name="[CB - Account].[Account CB - Description].&amp;[0218012 - Non-Ownrship-Exxon Pipeline]"/>
        <member name="[CB - Account].[Account CB - Description].&amp;[0218013 - Non-Ownrship-Shell]"/>
        <member name="[CB - Account].[Account CB - Description].&amp;[0218014 - Non-Ownrship-Gulf Coast]"/>
        <member name="[CB - Account].[Account CB - Description].&amp;[0218015 - Non-Ownrship-Vista Chem]"/>
        <member name="[CB - Account].[Account CB - Description].&amp;[0218016 - Non-Ownrship-Santa Fe]"/>
        <member name="[CB - Account].[Account CB - Description].&amp;[0218017 - Non-Ownrship-Seminole]"/>
        <member name="[CB - Account].[Account CB - Description].&amp;[0218018 - Non-Ownrship-Dow Pipeline]"/>
        <member name="[CB - Account].[Account CB - Description].&amp;[0218019 - Non-Ownrship-Cities Serv]"/>
        <member name="[CB - Account].[Account CB - Description].&amp;[0218020 - Non-Ownrship-Dixie Pipeline]"/>
        <member name="[CB - Account].[Account CB - Description].&amp;[0219001 - OTHER COMPR INCOME]"/>
        <member name="[CB - Account].[Account CB - Description].&amp;[0219002 - OCI -Commodity Hedges]"/>
        <member name="[CB - Account].[Account CB - Description].&amp;[0219003 - OCI -Interest Rate Hedges]"/>
        <member name="[CB - Account].[Account CB - Description].&amp;[0219004 - OCI-TAX EFFECT- COMMODITY]"/>
        <member name="[CB - Account].[Account CB - Description].&amp;[0219005 - OCI-TAX EFFECT- INTEREST RATE]"/>
        <member name="[CB - Account].[Account CB - Description].&amp;[0219006 - AOCI -Interest Rate Hedges]"/>
        <member name="[CB - Account].[Account CB - Description].&amp;[0219007 - AOCI-TAX EFFECT]"/>
        <member name="[CB - Account].[Account CB - Description].&amp;[0219008 - OCI-MINIMUM PENSION LIABILITY]"/>
        <member name="[CB - Account].[Account CB - Description].&amp;[0219009 - Tax: OCI on AFS Securities]"/>
        <member name="[CB - Account].[Account CB - Description].&amp;[0219010 - OCI-TAX EFFECT-PENSION]"/>
        <member name="[CB - Account].[Account CB - Description].&amp;[0219011 - OCI-TAX EFFECT AVAIL SEC]"/>
        <member name="[CB - Account].[Account CB - Description].&amp;[0219012 - OCI- CASH COMMODITY HEDGES]"/>
        <member name="[CB - Account].[Account CB - Description].&amp;[0219013 - OCI-CASH INT RATE HEDGES]"/>
        <member name="[CB - Account].[Account CB - Description].&amp;[0219014 - FAS 87 Prior Service Cost]"/>
        <member name="[CB - Account].[Account CB - Description].&amp;[0219015 - FAS 87 Actuarial Gain/Loss]"/>
        <member name="[CB - Account].[Account CB - Description].&amp;[0219016 - NQ 87 Prior Service Cost]"/>
        <member name="[CB - Account].[Account CB - Description].&amp;[0219017 - NQ 87 Actuarial Gain/Loss]"/>
        <member name="[CB - Account].[Account CB - Description].&amp;[0219018 - Fed Tax effect - FAS 112 AOCI]"/>
        <member name="[CB - Account].[Account CB - Description].&amp;[0219019 - FAS 106 Prior Service Cost]"/>
        <member name="[CB - Account].[Account CB - Description].&amp;[0219020 - FAS 106 Actuarial Gain/Loss]"/>
        <member name="[CB - Account].[Account CB - Description].&amp;[0219021 - OCI - FV Hedges]"/>
        <member name="[CB - Account].[Account CB - Description].&amp;[0219022 - OCI-FV Hedge Fed Tx]"/>
        <member name="[CB - Account].[Account CB - Description].&amp;[0219023 - OCI-Fair Value Hedge St Tx]"/>
        <member name="[CB - Account].[Account CB - Description].&amp;[0219025 - OCI-St Tax Min Pen Liab]"/>
        <member name="[CB - Account].[Account CB - Description].&amp;[0219026 - OCI-Fed Tax Min Pen Liab Qual]"/>
        <member name="[CB - Account].[Account CB - Description].&amp;[0219027 - OCI-St Tax Min Pen Liab Qual]"/>
        <member name="[CB - Account].[Account CB - Description].&amp;[0219028 - OCI-Min Pension Liab Qual]"/>
        <member name="[CB - Account].[Account CB - Description].&amp;[0219029 - OCI-Grantor Unreal GL]"/>
        <member name="[CB - Account].[Account CB - Description].&amp;[0219030 - OCI-Grantor Unreal GL Fed Tax]"/>
        <member name="[CB - Account].[Account CB - Description].&amp;[0219031 - OCI-Grantor Unreal GL St Tax]"/>
        <member name="[CB - Account].[Account CB - Description].&amp;[0219032 - OCI-Rabbi -Unreal GL]"/>
        <member name="[CB - Account].[Account CB - Description].&amp;[0219033 - OCI-Rabbi -Unreal GL Fed Tax]"/>
        <member name="[CB - Account].[Account CB - Description].&amp;[0219034 - OCI-Rabbi -Unreal GL St Tax]"/>
        <member name="[CB - Account].[Account CB - Description].&amp;[0219035 - OCI-Actuarial GL Qual]"/>
        <member name="[CB - Account].[Account CB - Description].&amp;[0219036 - OCI-Actuarial GL Qual Fed Tx]"/>
        <member name="[CB - Account].[Account CB - Description].&amp;[0219037 - OCI-Actuarial GL Qual St Tx]"/>
        <member name="[CB - Account].[Account CB - Description].&amp;[0219038 - OCI-Actuarial GL NQ]"/>
        <member name="[CB - Account].[Account CB - Description].&amp;[0219039 - OCI-Actuarial GL NQ Fed Tx]"/>
        <member name="[CB - Account].[Account CB - Description].&amp;[0219040 - OCI Actuarial GL NQ St Tx]"/>
        <member name="[CB - Account].[Account CB - Description].&amp;[0219041 - FAS 106 Actuarial GL Fed Tx]"/>
        <member name="[CB - Account].[Account CB - Description].&amp;[0219042 - FAS 106 Actuarial GL St Tx]"/>
        <member name="[CB - Account].[Account CB - Description].&amp;[0219043 - PTIS OCI-Int Rate Hdg]"/>
        <member name="[CB - Account].[Account CB - Description].&amp;[0219044 - PTIS OCI-Int Rate Hdg-FedTax]"/>
        <member name="[CB - Account].[Account CB - Description].&amp;[0219045 - PTIS OCI-Int Rate Hdg-St Tax]"/>
        <member name="[CB - Account].[Account CB - Description].&amp;[0219046 - OCI-Interest Rate Hdgs Fed Tax]"/>
        <member name="[CB - Account].[Account CB - Description].&amp;[0219047 - OCI-Interest Rate Hdgs St Tax]"/>
        <member name="[CB - Account].[Account CB - Description].&amp;[0219048 - OCI-Treasury Lock]"/>
        <member name="[CB - Account].[Account CB - Description].&amp;[0219049 - OCI-Treasury Lock - Fed Tax]"/>
        <member name="[CB - Account].[Account CB - Description].&amp;[0219050 - OCI-Treasury Lock - St Tax]"/>
        <member name="[CB - Account].[Account CB - Description].&amp;[0219051 - OCI-Fwd Start Swap]"/>
        <member name="[CB - Account].[Account CB - Description].&amp;[0219052 - OCI-Fwd Start Swap - St Tax]"/>
        <member name="[CB - Account].[Account CB - Description].&amp;[0219053 - OCI-Fwd Start Swap - Fed Tax]"/>
        <member name="[CB - Account].[Account CB - Description].&amp;[0219054 - OCI-CF Commod Hdg-St Tax]"/>
        <member name="[CB - Account].[Account CB - Description].&amp;[0219055 - NDTF- Unreal Gains/Losses]"/>
        <member name="[CB - Account].[Account CB - Description].&amp;[0219058 - St Tax OCI-Act G/L F112  OPRB]"/>
        <member name="[CB - Account].[Account CB - Description].&amp;[0219060 - OCI-TCSR Actuarial GL Qual]"/>
        <member name="[CB - Account].[Account CB - Description].&amp;[0219061 - OCI-TCSR Act GL Qual Fed Tx]"/>
        <member name="[CB - Account].[Account CB - Description].&amp;[0219062 - OCI-TCSR Act GL Qual St Tx]"/>
        <member name="[CB - Account].[Account CB - Description].&amp;[0219063 - FAS 106 TCSR Actuarial GL]"/>
        <member name="[CB - Account].[Account CB - Description].&amp;[0219064 - FAS 106 TCSR Act GL Fed Tx]"/>
        <member name="[CB - Account].[Account CB - Description].&amp;[0219065 - FAS 106 TCSR Act GL St Tx]"/>
        <member name="[CB - Account].[Account CB - Description].&amp;[0219071 - OCI - Gains Loss  Fed Tax]"/>
        <member name="[CB - Account].[Account CB - Description].&amp;[0219072 - OCI Gains Loss  State Tax]"/>
        <member name="[CB - Account].[Account CB - Description].&amp;[0219100 - FAS 87 Prior Service Cost]"/>
        <member name="[CB - Account].[Account CB - Description].&amp;[0219101 - FAS 87 Actuarial Gain/Loss]"/>
        <member name="[CB - Account].[Account CB - Description].&amp;[0219102 - NQ 87 Prior Service Cost]"/>
        <member name="[CB - Account].[Account CB - Description].&amp;[0219103 - NQ 87 Actuarial Gain/Loss]"/>
        <member name="[CB - Account].[Account CB - Description].&amp;[0219104 - FAS 112 AOCI]"/>
        <member name="[CB - Account].[Account CB - Description].&amp;[0219105 - FAS 106 Prior Service Cost]"/>
        <member name="[CB - Account].[Account CB - Description].&amp;[0219106 - FAX 106 Actuarial Gain/Loss]"/>
        <member name="[CB - Account].[Account CB - Description].&amp;[0219107 - FMV Adj of Auction Rate Secur]"/>
        <member name="[CB - Account].[Account CB - Description].&amp;[0219108 - Tax Eff of FMV of Act Rate Sec]"/>
        <member name="[CB - Account].[Account CB - Description].&amp;[0219110 - AOCI-Min Pens-Pretax-BB Qual]"/>
        <member name="[CB - Account].[Account CB - Description].&amp;[0219111 - AOCI-Min Pens-Pretax-BB NQ]"/>
        <member name="[CB - Account].[Account CB - Description].&amp;[0219112 - AOCI-Min Pens-Pretax-BB OPEB]"/>
        <member name="[CB - Account].[Account CB - Description].&amp;[0219113 - AOCI-Min Pens-Tax-BB Qual]"/>
        <member name="[CB - Account].[Account CB - Description].&amp;[0219114 - AOCI-Min Pens-Tax-BB NQ]"/>
        <member name="[CB - Account].[Account CB - Description].&amp;[0219115 - AOCI-Min Pens-Tax-BB OPEB]"/>
        <member name="[CB - Account].[Account CB - Description].&amp;[0219200 - OCI-Cumulative Translation Adj]"/>
        <member name="[CB - Account].[Account CB - Description].&amp;[0219201 - OCI-Cumul Trans Adj Fed Tax]"/>
        <member name="[CB - Account].[Account CB - Description].&amp;[0219202 - OCI-Cumul Trans Adj State Tax]"/>
        <member name="[CB - Account].[Account CB - Description].&amp;[0221000 - Ltd-Deb-7 3/4% Port Fac Rev B]"/>
        <member name="[CB - Account].[Account CB - Description].&amp;[0221001 - Ltd-Deb-8.625%]"/>
        <member name="[CB - Account].[Account CB - Description].&amp;[0221002 - Ltd-Bonds]"/>
        <member name="[CB - Account].[Account CB - Description].&amp;[0221003 - Curr Portion of LTD-Bonds]"/>
        <member name="[CB - Account].[Account CB - Description].&amp;[0221004 - $300M 5.1% FMB due 4/15/2018]"/>
        <member name="[CB - Account].[Account CB - Description].&amp;[0221005 - $600M 6.05% FMB due 4/15/2038]"/>
        <member name="[CB - Account].[Account CB - Description].&amp;[0221006 - VIE - Non-recourse Current LTD]"/>
        <member name="[CB - Account].[Account CB - Description].&amp;[0221007 - DEF CR3 183M 3/1/2020]"/>
        <member name="[CB - Account].[Account CB - Description].&amp;[0221008 - DEF CR3 150M 9/1/2022]"/>
        <member name="[CB - Account].[Account CB - Description].&amp;[0221009 - DEF CR3 436M 9/1/2029]"/>
        <member name="[CB - Account].[Account CB - Description].&amp;[0221010 - DEF CR3 250M 3/1/2033]"/>
        <member name="[CB - Account].[Account CB - Description].&amp;[0221011 - Long Term Debt]"/>
        <member name="[CB - Account].[Account CB - Description].&amp;[0221012 - LTD-Bonds 6.90% due 2019]"/>
        <member name="[CB - Account].[Account CB - Description].&amp;[0221013 - LTD-Credit-Bank Facility]"/>
        <member name="[CB - Account].[Account CB - Description].&amp;[0221014 - LTD-Cap Ex Facility]"/>
        <member name="[CB - Account].[Account CB - Description].&amp;[0221015 - LTD-O&amp;M Facility]"/>
        <member name="[CB - Account].[Account CB - Description].&amp;[0221016 - DEC $100M 1.679% due 7/1/31]"/>
        <member name="[CB - Account].[Account CB - Description].&amp;[0221017 - DEP $221M 1.295% due 7/1/28]"/>
        <member name="[CB - Account].[Account CB - Description].&amp;[0221018 - DEF 650M 2.40% 12/15/2031]"/>
        <member name="[CB - Account].[Account CB - Description].&amp;[0221019 - DEF 500M 3.00% 12/15/2051]"/>
        <member name="[CB - Account].[Account CB - Description].&amp;[0221020 - $250m SR FLOATING 12/8/2005]"/>
        <member name="[CB - Account].[Account CB - Description].&amp;[0221021 - DEC 137M 2.617% DUE 7/01/41]"/>
        <member name="[CB - Account].[Account CB - Description].&amp;[0221022 - DEP 352M 2.387% Due 7/01/37]"/>
        <member name="[CB - Account].[Account CB - Description].&amp;[0221023 - DEP 197M 2.799% due 7/01/41]"/>
        <member name="[CB - Account].[Account CB - Description].&amp;[0221030 - Maxes Due 12/03/12]"/>
        <member name="[CB - Account].[Account CB - Description].&amp;[0221031 - LTD-12.55% Debt Series L 2010]"/>
        <member name="[CB - Account].[Account CB - Description].&amp;[0221032 - LTD-8.5% Debt Series O 2018]"/>
        <member name="[CB - Account].[Account CB - Description].&amp;[0221033 - LTD-8.3% Debt Series P 2013]"/>
        <member name="[CB - Account].[Account CB - Description].&amp;[0221034 - LTD-9.90% Debt Series S 2020]"/>
        <member name="[CB - Account].[Account CB - Description].&amp;[0221035 - LTD-8.85% Debt Series T 2025]"/>
        <member name="[CB - Account].[Account CB - Description].&amp;[0221036 - LTD-8.80% MTN Debt Srs 2 2025]"/>
        <member name="[CB - Account].[Account CB - Description].&amp;[0221037 - LTD-8.5% Debt Series U 2015]"/>
        <member name="[CB - Account].[Account CB - Description].&amp;[0221038 - LTD-7.3% Debt Series W 2026]"/>
        <member name="[CB - Account].[Account CB - Description].&amp;[0221039 - LTD-6.75% MTN Debt Srs 4 2027]"/>
        <member name="[CB - Account].[Account CB - Description].&amp;[0221040 - LTD-5.70% MTN Debt Srs 5 2008]"/>
        <member name="[CB - Account].[Account CB - Description].&amp;[0221041 - LTD-7.20% Debt Series 7 2010]"/>
        <member name="[CB - Account].[Account CB - Description].&amp;[0221042 - LTD-7.15% Debt Series 8 2031]"/>
        <member name="[CB - Account].[Account CB - Description].&amp;[0221043 - DEP FMB 500M 4.15% 12/1/44]"/>
        <member name="[CB - Account].[Account CB - Description].&amp;[0221044 - DEP FMB 650M 2.00 8/15/2031]"/>
        <member name="[CB - Account].[Account CB - Description].&amp;[0221045 - DEF Long Term Debt Liability]"/>
        <member name="[CB - Account].[Account CB - Description].&amp;[0221046 - DEF FMB 600M 3.80% 7/15/28]"/>
        <member name="[CB - Account].[Account CB - Description].&amp;[0221047 - DEF FMB 400M 4.20% 7/15/48]"/>
        <member name="[CB - Account].[Account CB - Description].&amp;[0221050 - Mort Bonds 6-3/8% Due 2008]"/>
        <member name="[CB - Account].[Account CB - Description].&amp;[0221051 - DEP FMB 500M 3.25% 8/15/2025]"/>
        <member name="[CB - Account].[Account CB - Description].&amp;[0221052 - DEP FMB 700M 4.20% 8/15/2045]"/>
        <member name="[CB - Account].[Account CB - Description].&amp;[0221053 - DEP FMB 450M 3.70% 10/15/46]"/>
        <member name="[CB - Account].[Account CB - Description].&amp;[0221054 - DEP FMB 300M Floating 09/08/20]"/>
        <member name="[CB - Account].[Account CB - Description].&amp;[0221055 - $500M 3.90% FMB due 6/15/21]"/>
        <member name="[CB - Account].[Account CB - Description].&amp;[0221058 - DEP FMB 500M 3.60%  9/15/47]"/>
        <member name="[CB - Account].[Account CB - Description].&amp;[0221059 - DEP FMB 300M 3.375 9/1/2023]"/>
        <member name="[CB - Account].[Account CB - Description].&amp;[0221060 - 7.5% Bond Due 2025]"/>
        <member name="[CB - Account].[Account CB - Description].&amp;[0221061 - DEP FMB 450M 2.90 8/15/2051]"/>
        <member name="[CB - Account].[Account CB - Description].&amp;[0221062 - $650M 4% FMB due 9/30/2042]"/>
        <member name="[CB - Account].[Account CB - Description].&amp;[0221063 - $600M Refin A (Int/Date TBD)]"/>
        <member name="[CB - Account].[Account CB - Description].&amp;[0221064 - $600M Refin B (Int/Date TBD)]"/>
        <member name="[CB - Account].[Account CB - Description].&amp;[0221065 - DEP FMB 500M 3.70 9/1/2028]"/>
        <member name="[CB - Account].[Account CB - Description].&amp;[0221070 - 6.875% 1St Mortg Bonds - 8/23]"/>
        <member name="[CB - Account].[Account CB - Description].&amp;[0221072 - DEI FMB Ser 2009C 10/1/2040]"/>
        <member name="[CB - Account].[Account CB - Description].&amp;[0221073 - DEP $200M 3.30% Series 2022A-1]"/>
        <member name="[CB - Account].[Account CB - Description].&amp;[0221074 - DEP $210M 3.70%Series 2022A-2]"/>
        <member name="[CB - Account].[Account CB - Description].&amp;[0221075 - DEP FMB 400M 4.375% 3/30/2044]"/>
        <member name="[CB - Account].[Account CB - Description].&amp;[0221076 - DEP FMB 250M Floating 3/6/2017]"/>
        <member name="[CB - Account].[Account CB - Description].&amp;[0221079 - DEP $41.7M 4.00% Series 2022B]"/>
        <member name="[CB - Account].[Account CB - Description].&amp;[0221080 - 6.75% 1St Mortg Bonds Due 8/25]"/>
        <member name="[CB - Account].[Account CB - Description].&amp;[0221081 - $500M 2.85% due 3/1/32]"/>
        <member name="[CB - Account].[Account CB - Description].&amp;[0221082 - $650M 3.55% due 3/1/52]"/>
        <member name="[CB - Account].[Account CB - Description].&amp;[0221083 - $500M 3.40% due 4/1/32]"/>
        <member name="[CB - Account].[Account CB - Description].&amp;[0221084 - $400M 4.00% due 4/1/52]"/>
        <member name="[CB - Account].[Account CB - Description].&amp;[0221085 - DEF 500M 5.95% 11/15/2052]"/>
        <member name="[CB - Account].[Account CB - Description].&amp;[0221089 - DEF LT FMB]"/>
        <member name="[CB - Account].[Account CB - Description].&amp;[0221090 - Inactive]"/>
        <member name="[CB - Account].[Account CB - Description].&amp;[0221091 - DEF 600M 3.4% 10/1/2046]"/>
        <member name="[CB - Account].[Account CB - Description].&amp;[0221092 - DEF 250M 1.85% 1/15/20]"/>
        <member name="[CB - Account].[Account CB - Description].&amp;[0221093 - DEF 650M 3.20% 1/15/27]"/>
        <member name="[CB - Account].[Account CB - Description].&amp;[0221094 - $550M 3.7% FMB due 12/1/2047]"/>
        <member name="[CB - Account].[Account CB - Description].&amp;[0221096 - $500M 3.05% FMB due 3/15/2023]"/>
        <member name="[CB - Account].[Account CB - Description].&amp;[0221097 - $500M 3.95% FMB due 3/15/2048]"/>
        <member name="[CB - Account].[Account CB - Description].&amp;[0221098 - DEF LT bond-fixed rate]"/>
        <member name="[CB - Account].[Account CB - Description].&amp;[0221099 - DEF LT bond-Floating rate]"/>
        <member name="[CB - Account].[Account CB - Description].&amp;[0221100 - LT  Debt - Unsec Float]"/>
        <member name="[CB - Account].[Account CB - Description].&amp;[0221105 - LT Debt - Unsecured Fix(Bonds)]"/>
        <member name="[CB - Account].[Account CB - Description].&amp;[0221106 - LT Debt - Other Fixed (Bonds)]"/>
        <member name="[CB - Account].[Account CB - Description].&amp;[0221110 - LIBOR Due 1/15/05]"/>
        <member name="[CB - Account].[Account CB - Description].&amp;[0221120 - Mort Bonds 7% Due 2000]"/>
        <member name="[CB - Account].[Account CB - Description].&amp;[0221130 - $200M Ret Notes 6.6%-12/31/38]"/>
        <member name="[CB - Account].[Account CB - Description].&amp;[0221140 - Core Bond 11/30/07 4.611%]"/>
        <member name="[CB - Account].[Account CB - Description].&amp;[0221150 - Mort Bonds 8-3/8% Due 2021]"/>
        <member name="[CB - Account].[Account CB - Description].&amp;[0221160 - 8.95% Grnsboro Transit Due2027]"/>
        <member name="[CB - Account].[Account CB - Description].&amp;[0221170 - Inactive]"/>
        <member name="[CB - Account].[Account CB - Description].&amp;[0221180 - Senior Unsecured Due 1/15/12]"/>
        <member name="[CB - Account].[Account CB - Description].&amp;[0221190 - 12/95]"/>
        <member name="[CB - Account].[Account CB - Description].&amp;[0221200 - LONG_TERM_DEBT_PUR_ACCTG_ADJ]"/>
        <member name="[CB - Account].[Account CB - Description].&amp;[0221201 - $500M 7.00% FMB due 11/15/2018]"/>
        <member name="[CB - Account].[Account CB - Description].&amp;[0221210 - $500M FMB 3.75% DUE 3-5-08]"/>
        <member name="[CB - Account].[Account CB - Description].&amp;[0221212 - DEI FMB Ser QQQ $10M 4/1/22]"/>
        <member name="[CB - Account].[Account CB - Description].&amp;[0221214 - DEI FMB Ser RRR $59.6M 3/1/19]"/>
        <member name="[CB - Account].[Account CB - Description].&amp;[0221220 - Inactive]"/>
        <member name="[CB - Account].[Account CB - Description].&amp;[0221221 - $400M 5.75% FMB due 11/15/2013]"/>
        <member name="[CB - Account].[Account CB - Description].&amp;[0221230 - $200M FMB 4.5% DUE 4-1-2010]"/>
        <member name="[CB - Account].[Account CB - Description].&amp;[0221240 - Sr Unsecured Bds due 10/15/32]"/>
        <member name="[CB - Account].[Account CB - Description].&amp;[0221250 - 7% Fst/Ref Mort Bonds Due 7/33]"/>
        <member name="[CB - Account].[Account CB - Description].&amp;[0221260 - $300M SR NT 4.2% 10/1/08]"/>
        <member name="[CB - Account].[Account CB - Description].&amp;[0221270 - $500M FMB 5.3% 10/1/2015]"/>
        <member name="[CB - Account].[Account CB - Description].&amp;[0221280 - $770 Sr Conv Bonds 5-15-23]"/>
        <member name="[CB - Account].[Account CB - Description].&amp;[0221281 - $500M 2.45% FMB due 2/1/30]"/>
        <member name="[CB - Account].[Account CB - Description].&amp;[0221282 - $550M 2.55% FMB due 4/15/31]"/>
        <member name="[CB - Account].[Account CB - Description].&amp;[0221283 - $450 3.45% FMB due 4/15/51]"/>
        <member name="[CB - Account].[Account CB - Description].&amp;[0221284 - $650M 4.25% FMB due 12/15/41]"/>
        <member name="[CB - Account].[Account CB - Description].&amp;[0221285 - $750M 5.3%  FMB due 2/15/2040]"/>
        <member name="[CB - Account].[Account CB - Description].&amp;[0221286 - $450M 4.3% FMB due 6/15/2020]"/>
        <member name="[CB - Account].[Account CB - Description].&amp;[0221287 - $350M 3.35% FMB due 5/15/22]"/>
        <member name="[CB - Account].[Account CB - Description].&amp;[0221288 - $650M 3.95% FMB due 11/15/28]"/>
        <member name="[CB - Account].[Account CB - Description].&amp;[0221289 - $450M 2.45% FMB due 8/15/29]"/>
        <member name="[CB - Account].[Account CB - Description].&amp;[0221290 - 8.27% Mtn Iss 4/20/95 Due 2025]"/>
        <member name="[CB - Account].[Account CB - Description].&amp;[0221291 - $750M 3.20% FMB due 8/15/49]"/>
        <member name="[CB - Account].[Account CB - Description].&amp;[0221300 - 5.78% Mtn Bonds Due 7/99]"/>
        <member name="[CB - Account].[Account CB - Description].&amp;[0221310 - 5.79% Mtn Bonds Due 7/99]"/>
        <member name="[CB - Account].[Account CB - Description].&amp;[0221320 - Inactive]"/>
        <member name="[CB - Account].[Account CB - Description].&amp;[0221330 - 6.125% Mtn Bonds Due 7/2003]"/>
        <member name="[CB - Account].[Account CB - Description].&amp;[0221340 - 5.76% Mtn Bonds Due 7/99]"/>
        <member name="[CB - Account].[Account CB - Description].&amp;[0221350 - $250M Retail Bonds Due 4/1/22]"/>
        <member name="[CB - Account].[Account CB - Description].&amp;[0221360 - 12/95]"/>
        <member name="[CB - Account].[Account CB - Description].&amp;[0221370 - Sen Unsecured Notes 11/30/12]"/>
        <member name="[CB - Account].[Account CB - Description].&amp;[0221380 - Series A 6% Snr Notes Due 2028]"/>
        <member name="[CB - Account].[Account CB - Description].&amp;[0221390 - 6.25% Series Due 1999]"/>
        <member name="[CB - Account].[Account CB - Description].&amp;[0221400 - NP&amp;L, 6.9% SER C DUE 12/31/16]"/>
        <member name="[CB - Account].[Account CB - Description].&amp;[0221410 - NP&amp;L, 7.4% SER B DUE 11/30/12]"/>
        <member name="[CB - Account].[Account CB - Description].&amp;[0221420 - NP&amp;L, 9.21% DUE 2/1/11]"/>
        <member name="[CB - Account].[Account CB - Description].&amp;[0221430 - Series B 5.375% Sr Nts due 09]"/>
        <member name="[CB - Account].[Account CB - Description].&amp;[0221440 - 12/95]"/>
        <member name="[CB - Account].[Account CB - Description].&amp;[0221450 - 12/95]"/>
        <member name="[CB - Account].[Account CB - Description].&amp;[0221460 - Misc Clearing Acct]"/>
        <member name="[CB - Account].[Account CB - Description].&amp;[0221470 - Medium Term Due 12/15/95]"/>
        <member name="[CB - Account].[Account CB - Description].&amp;[0221480 - Medium Term 6.58% Due 12/15/95]"/>
        <member name="[CB - Account].[Account CB - Description].&amp;[0221490 - Medium Term 6.6% Due 12/15/95]"/>
        <member name="[CB - Account].[Account CB - Description].&amp;[0221500 - 12/95]"/>
        <member name="[CB - Account].[Account CB - Description].&amp;[0221510 - 12/95]"/>
        <member name="[CB - Account].[Account CB - Description].&amp;[0221520 - 12/95]"/>
        <member name="[CB - Account].[Account CB - Description].&amp;[0221530 - Medium Term 6.59% Due 01/16/96]"/>
        <member name="[CB - Account].[Account CB - Description].&amp;[0221531 - DEF PCB 108.5M 2002A 1/1/27]"/>
        <member name="[CB - Account].[Account CB - Description].&amp;[0221532 - DEF PCB 100.1M 2002B 1/1/22]"/>
        <member name="[CB - Account].[Account CB - Description].&amp;[0221533 - DEF PCB 32.2M 2002C 1/1/18]"/>
        <member name="[CB - Account].[Account CB - Description].&amp;[0221534 - DEF FMB 425M  4.8% 3/1/13]"/>
        <member name="[CB - Account].[Account CB - Description].&amp;[0221535 - DEF FMB 225M 5.9% 3/1/33]"/>
        <member name="[CB - Account].[Account CB - Description].&amp;[0221536 - DEF FMB 300M 5.1% 12/1/15]"/>
        <member name="[CB - Account].[Account CB - Description].&amp;[0221537 - DEF FMB 500M 6.35% 9/15/37]"/>
        <member name="[CB - Account].[Account CB - Description].&amp;[0221538 - DEF FMB 250M 5.80% 9/15/17]"/>
        <member name="[CB - Account].[Account CB - Description].&amp;[0221539 - DEF FMB 500M 5.65% 6/15/18]"/>
        <member name="[CB - Account].[Account CB - Description].&amp;[0221540 - Medium Term 6.57% Due 12/15/95]"/>
        <member name="[CB - Account].[Account CB - Description].&amp;[0221541 - DEF FMB 250M  4.55% 4/1/20]"/>
        <member name="[CB - Account].[Account CB - Description].&amp;[0221542 - DEF FMB 350M 5.65% 4/1/40]"/>
        <member name="[CB - Account].[Account CB - Description].&amp;[0221543 - DEP FMB 300M 5.15% 4/1/15]"/>
        <member name="[CB - Account].[Account CB - Description].&amp;[0221544 - DEP FMB 200M 5.70% 4/1/35]"/>
        <member name="[CB - Account].[Account CB - Description].&amp;[0221545 - DEP FMB 400M 5.25% 11/15]"/>
        <member name="[CB - Account].[Account CB - Description].&amp;[0221546 - DEP FMB 325M 6.30% 4/1/38]"/>
        <member name="[CB - Account].[Account CB - Description].&amp;[0221547 - DEP FMB 600M 5.30% 1/15/19]"/>
        <member name="[CB - Account].[Account CB - Description].&amp;[0221548 - DEP FMB 400M 5.125% 9/15/13]"/>
        <member name="[CB - Account].[Account CB - Description].&amp;[0221549 - DEP FMB 200M 6.125% 9/15/33]"/>
        <member name="[CB - Account].[Account CB - Description].&amp;[0221550 - 12/95]"/>
        <member name="[CB - Account].[Account CB - Description].&amp;[0221551 - DEP PCBFMB 72.6M WAKE 1994A]"/>
        <member name="[CB - Account].[Account CB - Description].&amp;[0221552 - DEP PCBFMB 50M WAKE 1994B]"/>
        <member name="[CB - Account].[Account CB - Description].&amp;[0221553 - DEP PCBFMB 67.3M WAKE 2000A]"/>
        <member name="[CB - Account].[Account CB - Description].&amp;[0221554 - DEP PCBFMB 55.64M PERS 2000A]"/>
        <member name="[CB - Account].[Account CB - Description].&amp;[0221555 - DEP PCBFMB 50M WAKE 2000B]"/>
        <member name="[CB - Account].[Account CB - Description].&amp;[0221556 - DEP PCBFMB 50M WAKE 2000C]"/>
        <member name="[CB - Account].[Account CB - Description].&amp;[0221557 - DEP PCBFMB 41.7M WAKE 2000D]"/>
        <member name="[CB - Account].[Account CB - Description].&amp;[0221558 - DEP PCBFMB 50M WAKE 2000E]"/>
        <member name="[CB - Account].[Account CB - Description].&amp;[0221559 - DEP PCBFMB 50M WAKE 2000F]"/>
        <member name="[CB - Account].[Account CB - Description].&amp;[0221560 - 12/95]"/>
        <member name="[CB - Account].[Account CB - Description].&amp;[0221561 - DEP PCBFMB 87.4M WAKE 2000G]"/>
        <member name="[CB - Account].[Account CB - Description].&amp;[0221562 - DEP PCBFMB 45.6M PERS 2000B]"/>
        <member name="[CB - Account].[Account CB - Description].&amp;[0221563 - DEP PCBFMB 48.485M WAKE 2002]"/>
        <member name="[CB - Account].[Account CB - Description].&amp;[0221564 - DEF FMB 300M 3.10% 8/15/21]"/>
        <member name="[CB - Account].[Account CB - Description].&amp;[0221565 - DEF FMB 1B  6.40% 6/15/38]"/>
        <member name="[CB - Account].[Account CB - Description].&amp;[0221566 - DEP FMB 100M 8 5/8%  9/15/21]"/>
        <member name="[CB - Account].[Account CB - Description].&amp;[0221567 - DEP 500M 3.00% 9/15/21]"/>
        <member name="[CB - Account].[Account CB - Description].&amp;[0221568 - DEP 500M 2.80% 5/15/22]"/>
        <member name="[CB - Account].[Account CB - Description].&amp;[0221569 - DEF 400M 3.85% 11/15/42]"/>
        <member name="[CB - Account].[Account CB - Description].&amp;[0221570 - DEF CR3 275.290M 9/1/2036]"/>
        <member name="[CB - Account].[Account CB - Description].&amp;[0221571 - DEF 250M .65% 11/15/15]"/>
        <member name="[CB - Account].[Account CB - Description].&amp;[0221572 - DEP 500M 4.10% 5/15/42]"/>
        <member name="[CB - Account].[Account CB - Description].&amp;[0221573 - DEP 500M 4.10% 3/15/43]"/>
        <member name="[CB - Account].[Account CB - Description].&amp;[0221574 - DEP 48.485M Wake2002Refn2013]"/>
        <member name="[CB - Account].[Account CB - Description].&amp;[0221575 - FMB issuing June 2013]"/>
        <member name="[CB - Account].[Account CB - Description].&amp;[0221576 - FMB issuing June 2013-Variable]"/>
        <member name="[CB - Account].[Account CB - Description].&amp;[0221577 - FMB issuing August 2013]"/>
        <member name="[CB - Account].[Account CB - Description].&amp;[0221578 - FMB issuing Aug 2013-Variable]"/>
        <member name="[CB - Account].[Account CB - Description].&amp;[0221579 - FMB issuing May 2016 $500M 30y]"/>
        <member name="[CB - Account].[Account CB - Description].&amp;[0221580 - DEO 250M FMB 3.70% 6/15/46]"/>
        <member name="[CB - Account].[Account CB - Description].&amp;[0221582 - DEO 2019 Fixed Rate FMB]"/>
        <member name="[CB - Account].[Account CB - Description].&amp;[0221583 - DEO  fixed rate FMB]"/>
        <member name="[CB - Account].[Account CB - Description].&amp;[0221584 - DEP 600M 3.45% 3/15/2029]"/>
        <member name="[CB - Account].[Account CB - Description].&amp;[0221585 - FMB Issuing Sep 2019 $500M 30Y]"/>
        <member name="[CB - Account].[Account CB - Description].&amp;[0221586 - FMB issuing Mar 2020 $550M 30Y]"/>
        <member name="[CB - Account].[Account CB - Description].&amp;[0221587 - DEO LT Liab May 2020]"/>
        <member name="[CB - Account].[Account CB - Description].&amp;[0221588 - DEP 600M FMB 2.50% 8/15/50]"/>
        <member name="[CB - Account].[Account CB - Description].&amp;[0221590 - Medium Term 7.37% Due 2/2/04]"/>
        <member name="[CB - Account].[Account CB - Description].&amp;[0221600 - Medium Term 7.4% Due 2/10/04]"/>
        <member name="[CB - Account].[Account CB - Description].&amp;[0221610 - Medium Term 7.38% Due 2/10/04]"/>
        <member name="[CB - Account].[Account CB - Description].&amp;[0221620 - Medium Term 7.41% Due 2/10/04]"/>
        <member name="[CB - Account].[Account CB - Description].&amp;[0221630 - Medium Term 7.41% Due 2/10/04]"/>
        <member name="[CB - Account].[Account CB - Description].&amp;[0221640 - Medium Term 7.5% Due 4/1/99]"/>
        <member name="[CB - Account].[Account CB - Description].&amp;[0221650 - 8.00% Series Due 2004]"/>
        <member name="[CB - Account].[Account CB - Description].&amp;[0221660 - 8.625% Series Due 2022]"/>
        <member name="[CB - Account].[Account CB - Description].&amp;[0221670 - 5.17% Mtn Bonds Due 9/98]"/>
        <member name="[CB - Account].[Account CB - Description].&amp;[0221800 - Bonds CG&amp;EB 5 45 Ser B 1 1 24]"/>
        <member name="[CB - Account].[Account CB - Description].&amp;[0221801 - $500M 6.1% Snr Note due 6/1/37]"/>
        <member name="[CB - Account].[Account CB - Description].&amp;[0221802 - $400M 5.25% FMB due 1/15/18]"/>
        <member name="[CB - Account].[Account CB - Description].&amp;[0221803 - $500M 6.0% FMB due 1/15/38]"/>
        <member name="[CB - Account].[Account CB - Description].&amp;[0221805 - CG&amp;E OAQD 2001 Ser A]"/>
        <member name="[CB - Account].[Account CB - Description].&amp;[0221806 - 42M CG&amp;E OAQD 02A 9/1/37]"/>
        <member name="[CB - Account].[Account CB - Description].&amp;[0221807 - 42M CG&amp;E OAQD 02B 9/1/37]"/>
        <member name="[CB - Account].[Account CB - Description].&amp;[0221808 - Put Bond CG&amp;E OAQD 95A 9/1/30]"/>
        <member name="[CB - Account].[Account CB - Description].&amp;[0221809 - Put Bond CG&amp;E OAQD 95B 9/1/30]"/>
        <member name="[CB - Account].[Account CB - Description].&amp;[0221810 - Bonds CG&amp;E Ser A 5 45 1 1 24]"/>
        <member name="[CB - Account].[Account CB - Description].&amp;[0221811 - Bonds CG&amp;EC 5 50 Due 1124]"/>
        <member name="[CB - Account].[Account CB - Description].&amp;[0221816 - PCRB - Ser 2000B 4/1/22]"/>
        <member name="[CB - Account].[Account CB - Description].&amp;[0221817 - 55 M Var PCB 2004 A 8/1/39]"/>
        <member name="[CB - Account].[Account CB - Description].&amp;[0221818 - 23M IDFA Ser 2002A 3/1/31]"/>
        <member name="[CB - Account].[Account CB - Description].&amp;[0221819 - 24 6M IDFA Ser2002B 3/1/19]"/>
        <member name="[CB - Account].[Account CB - Description].&amp;[0221820 - 35M IDFA Serie 2003 4/1/22]"/>
        <member name="[CB - Account].[Account CB - Description].&amp;[0221821 - PCRB - Ser 2000A 5/1/35]"/>
        <member name="[CB - Account].[Account CB - Description].&amp;[0221822 - PSI FMB Ser BBB 07/15/09]"/>
        <member name="[CB - Account].[Account CB - Description].&amp;[0221823 - PSI FMB Ser DDD 09/01/32]"/>
        <member name="[CB - Account].[Account CB - Description].&amp;[0221824 - PSI FMB Ser CCC 01/15/22]"/>
        <member name="[CB - Account].[Account CB - Description].&amp;[0221828 - 40 25M VR PCB Ser A 12/01/38]"/>
        <member name="[CB - Account].[Account CB - Description].&amp;[0221829 - 40 25M VR PCB Ser B 12/01/38]"/>
        <member name="[CB - Account].[Account CB - Description].&amp;[0221837 - PSI PCB 2005B]"/>
        <member name="[CB - Account].[Account CB - Description].&amp;[0221838 - PSI PCB 2005C]"/>
        <member name="[CB - Account].[Account CB - Description].&amp;[0221839 - DEO 2007A 25 3]"/>
        <member name="[CB - Account].[Account CB - Description].&amp;[0221840 - DEO 2007A 21 4]"/>
        <member name="[CB - Account].[Account CB - Description].&amp;[0221856 - $500M 3.75% FMB due 6/1/2045]"/>
        <member name="[CB - Account].[Account CB - Description].&amp;[0221857 - $500M 2.5% FMB due 3/15/23]"/>
        <member name="[CB - Account].[Account CB - Description].&amp;[0221858 - $500M 3.875% FMB due 3/15/2046]"/>
        <member name="[CB - Account].[Account CB - Description].&amp;[0221859 - $600M 2.95% FMB due 12/1/26]"/>
        <member name="[CB - Account].[Account CB - Description].&amp;[0221860 - DEI FMB 2008 $500M due 8/15/3]"/>
        <member name="[CB - Account].[Account CB - Description].&amp;[0221861 - DEI FMB 2010 $500M DUE 7/2020]"/>
        <member name="[CB - Account].[Account CB - Description].&amp;[0221864 - PCRB - Ser 2000A 5/1/35]"/>
        <member name="[CB - Account].[Account CB - Description].&amp;[0221865 - 23M IDFA Ser 2002A 3/1/31]"/>
        <member name="[CB - Account].[Account CB - Description].&amp;[0221868 - PSI PCB 2005C]"/>
        <member name="[CB - Account].[Account CB - Description].&amp;[0221870 - DEI PCB 2009A5]"/>
        <member name="[CB - Account].[Account CB - Description].&amp;[0221871 - DEI 55M IDFA 6% 2009B 8/1/39]"/>
        <member name="[CB - Account].[Account CB - Description].&amp;[0221875 - DEI FMB Ser MMM 04/2039]"/>
        <member name="[CB - Account].[Account CB - Description].&amp;[0221876 - DEI FMB Ser UUU $250M 3/15/42]"/>
        <member name="[CB - Account].[Account CB - Description].&amp;[0221880 - DEO 5.45% FMB Ser 04/2019]"/>
        <member name="[CB - Account].[Account CB - Description].&amp;[0221885 - DEO 250M 2 10SER FMB DUE 61513]"/>
        <member name="[CB - Account].[Account CB - Description].&amp;[0221910 - Inactive]"/>
        <member name="[CB - Account].[Account CB - Description].&amp;[0221922 - DEO 12 1M OAQD 2001A]"/>
        <member name="[CB - Account].[Account CB - Description].&amp;[0223300 - Advance Minn Mutual - NPL]"/>
        <member name="[CB - Account].[Account CB - Description].&amp;[0223301 - Advance TIAA-CREF - NPL]"/>
        <member name="[CB - Account].[Account CB - Description].&amp;[0223302 - Advance NY Life - NPL]"/>
        <member name="[CB - Account].[Account CB - Description].&amp;[0223303 - Advance Lincoln - NPL]"/>
        <member name="[CB - Account].[Account CB - Description].&amp;[0223304 - Advance Fisher - NPL]"/>
        <member name="[CB - Account].[Account CB - Description].&amp;[0223305 - Advance Hayes - NPL]"/>
        <member name="[CB - Account].[Account CB - Description].&amp;[0223310 - Minn Mutual - Current Portion]"/>
        <member name="[CB - Account].[Account CB - Description].&amp;[0223311 - TIAA - Current Portion]"/>
        <member name="[CB - Account].[Account CB - Description].&amp;[0223312 - NY Life - Current Portion]"/>
        <member name="[CB - Account].[Account CB - Description].&amp;[0223313 - Lincoln - Current Portion]"/>
        <member name="[CB - Account].[Account CB - Description].&amp;[0223314 - Fisher - Curr Portion]"/>
        <member name="[CB - Account].[Account CB - Description].&amp;[0223315 - Hays - Curr Portion]"/>
        <member name="[CB - Account].[Account CB - Description].&amp;[0223890 - Curr Note Pay to CC Fund Tr l]"/>
        <member name="[CB - Account].[Account CB - Description].&amp;[0223990 - Adv from Associated Companies]"/>
        <member name="[CB - Account].[Account CB - Description].&amp;[0224000 - Ltd-Note Pay-100Mm Med]"/>
        <member name="[CB - Account].[Account CB - Description].&amp;[0224001 - Ltd-Notes-8.25% Due 2004]"/>
        <member name="[CB - Account].[Account CB - Description].&amp;[0224002 - Ltd-Notes-Rca-Bank America]"/>
        <member name="[CB - Account].[Account CB - Description].&amp;[0224003 - Ltd-Notes-9.13% Due 2003]"/>
        <member name="[CB - Account].[Account CB - Description].&amp;[0224004 - Ltd-Notes-Med Term Note]"/>
        <member name="[CB - Account].[Account CB - Description].&amp;[0224005 - 7 1/4% Senior Notes due 2004]"/>
        <member name="[CB - Account].[Account CB - Description].&amp;[0224006 - Ltd-Notes-7.25%]"/>
        <member name="[CB - Account].[Account CB - Description].&amp;[0224007 - 7.5% Global due 10/1/2009]"/>
        <member name="[CB - Account].[Account CB - Description].&amp;[0224008 - 8% Global due 10/1/2019]"/>
        <member name="[CB - Account].[Account CB - Description].&amp;[0224009 - Ltd Notes-7.38%]"/>
        <member name="[CB - Account].[Account CB - Description].&amp;[0224010 - Ltd-Notes-7% Due 2006]"/>
        <member name="[CB - Account].[Account CB - Description].&amp;[0224011 - 6.25% Note A due 7/15/2005]"/>
        <member name="[CB - Account].[Account CB - Description].&amp;[0224012 - 6.75% Senior B due 7/15/2018]"/>
        <member name="[CB - Account].[Account CB - Description].&amp;[0224013 - Ltd-Credit-Bank]"/>
        <member name="[CB - Account].[Account CB - Description].&amp;[0224014 - Ltd-Credit-Overrun]"/>
        <member name="[CB - Account].[Account CB - Description].&amp;[0224015 - Ltd-Notes-$115Mm(144A)]"/>
        <member name="[CB - Account].[Account CB - Description].&amp;[0224016 - Ltd-Notes-7 .30% Due 2010]"/>
        <member name="[CB - Account].[Account CB - Description].&amp;[0224017 - Equity Units-Mand Conv Debt]"/>
        <member name="[CB - Account].[Account CB - Description].&amp;[0224018 - 6.75% Sr Bond due 2/15/2032]"/>
        <member name="[CB - Account].[Account CB - Description].&amp;[0224019 - 6.25% Sr Bond due 2/15/2013]"/>
        <member name="[CB - Account].[Account CB - Description].&amp;[0224020 - GAINS ON TERMINATED SWAPS]"/>
        <member name="[CB - Account].[Account CB - Description].&amp;[0224021 - MASS MUTUAL LOAN PAY 1/1/86]"/>
        <member name="[CB - Account].[Account CB - Description].&amp;[0224022 - MASS MUTUAL LOANS PAY 1/1/84]"/>
        <member name="[CB - Account].[Account CB - Description].&amp;[0224023 - MASS MUTUAL LOANS PAY 12/15/84]"/>
        <member name="[CB - Account].[Account CB - Description].&amp;[0224024 - MASS MUTUAL LOANS PAY 9/1/85PE]"/>
        <member name="[CB - Account].[Account CB - Description].&amp;[0224025 - MASS MUTUAL LOANS PAY 6/1/86]"/>
        <member name="[CB - Account].[Account CB - Description].&amp;[0224026 - GEN AM LIFE LOANS PAY 9/15/82]"/>
        <member name="[CB - Account].[Account CB - Description].&amp;[0224027 - MASS MUTUAL LOANS PAY 9/1/85TE]"/>
        <member name="[CB - Account].[Account CB - Description].&amp;[0224028 - PAC MUTUAL LOANS PAY 9/25/85]"/>
        <member name="[CB - Account].[Account CB - Description].&amp;[0224029 - PAC MUTUAL LOANS PAY 6/3/87]"/>
        <member name="[CB - Account].[Account CB - Description].&amp;[0224030 - GREATWEST LIFE LOANSPAY 6/1/85]"/>
        <member name="[CB - Account].[Account CB - Description].&amp;[0224031 - TE HARTFORD LOANS PAY 5/31/88]"/>
        <member name="[CB - Account].[Account CB - Description].&amp;[0224032 - PE HARTFORD LOANS PAY 8/31/88]"/>
        <member name="[CB - Account].[Account CB - Description].&amp;[0224033 - MANU LIFE LOANS PAY 12/1/85]"/>
        <member name="[CB - Account].[Account CB - Description].&amp;[0224035 - Ltd-Notes-5.25% due 2007]"/>
        <member name="[CB - Account].[Account CB - Description].&amp;[0224036 - LTD-Note-8.25% due 2005]"/>
        <member name="[CB - Account].[Account CB - Description].&amp;[0224037 - Ltd-Notes-5.69% due 2012]"/>
        <member name="[CB - Account].[Account CB - Description].&amp;[0224038 - Ltd-Notes-5.71% due 2012]"/>
        <member name="[CB - Account].[Account CB - Description].&amp;[0224039 - Ltd-Notes-7% due 2032]"/>
        <member name="[CB - Account].[Account CB - Description].&amp;[0224040 - 1 - Year Bonds - 2003]"/>
        <member name="[CB - Account].[Account CB - Description].&amp;[0224041 - Interco Long Term Debt]"/>
        <member name="[CB - Account].[Account CB - Description].&amp;[0224042 - Long Term Debt Schedule M]"/>
        <member name="[CB - Account].[Account CB - Description].&amp;[0224043 - DEFR LT Debt]"/>
        <member name="[CB - Account].[Account CB - Description].&amp;[0224044 - RUS note current portion]"/>
        <member name="[CB - Account].[Account CB - Description].&amp;[0224045 - FERC Interconnect Liability]"/>
        <member name="[CB - Account].[Account CB - Description].&amp;[0224048 - DEK Private Placement Bond]"/>
        <member name="[CB - Account].[Account CB - Description].&amp;[0224049 - DEK Private Placement Bond]"/>
        <member name="[CB - Account].[Account CB - Description].&amp;[0224050 - TEPPCO-TODHUNTER]"/>
        <member name="[CB - Account].[Account CB - Description].&amp;[0224051 - CORP 234M 4.25% MTN 11/1/39]"/>
        <member name="[CB - Account].[Account CB - Description].&amp;[0224052 - CORP 168M 4.0% MTN 9/1/30]"/>
        <member name="[CB - Account].[Account CB - Description].&amp;[0224053 - DEK 3.7 % 5-Year Put Due 2027]"/>
        <member name="[CB - Account].[Account CB - Description].&amp;[0224066 - DEK Private Placement Bond]"/>
        <member name="[CB - Account].[Account CB - Description].&amp;[0224067 - DEK 19 Pvt Plc Prin Tranche 1]"/>
        <member name="[CB - Account].[Account CB - Description].&amp;[0224068 - DEK 19 Pvt Plc Prin Tranche 2]"/>
        <member name="[CB - Account].[Account CB - Description].&amp;[0224069 - DEK 19 Pvt Plc Prin Tranche 3]"/>
        <member name="[CB - Account].[Account CB - Description].&amp;[0224072 - DEK Priv Place Bond 2020 Tr 2]"/>
        <member name="[CB - Account].[Account CB - Description].&amp;[0224073 - FERC Interconnect Liability ST]"/>
        <member name="[CB - Account].[Account CB - Description].&amp;[0224078 - Term Loan - Fall 2023]"/>
        <member name="[CB - Account].[Account CB - Description].&amp;[0224095 - DEF OTH LTD 400M 2.1% 12/15/19]"/>
        <member name="[CB - Account].[Account CB - Description].&amp;[0224100 - York Co PC Floating Due 2014]"/>
        <member name="[CB - Account].[Account CB - Description].&amp;[0224101 - DEF 800M FLOATING 4/21/2024]"/>
        <member name="[CB - Account].[Account CB - Description].&amp;[0224105 - LT Debt - Sec Fixed Rate]"/>
        <member name="[CB - Account].[Account CB - Description].&amp;[0224110 - CLHFS CURR MAT OF DEBT]"/>
        <member name="[CB - Account].[Account CB - Description].&amp;[0224115 - AHFS NCLIAB LT DEBT]"/>
        <member name="[CB - Account].[Account CB - Description].&amp;[0224200 - LT Debt -Sec Floating]"/>
        <member name="[CB - Account].[Account CB - Description].&amp;[0224205 - LT Debt - Unsecured Fix (Other]"/>
        <member name="[CB - Account].[Account CB - Description].&amp;[0224206 - Ltd Notes 5.56% due 2015]"/>
        <member name="[CB - Account].[Account CB - Description].&amp;[0224207 - Ltd Notes 6.19% due 2025]"/>
        <member name="[CB - Account].[Account CB - Description].&amp;[0224210 - LT Debt - Other Fixed]"/>
        <member name="[CB - Account].[Account CB - Description].&amp;[0224215 - Current Portion SEC Floating]"/>
        <member name="[CB - Account].[Account CB - Description].&amp;[0224250 - Current Portion Unsecured Fix]"/>
        <member name="[CB - Account].[Account CB - Description].&amp;[0224251 - Current Portion of Unsec Float]"/>
        <member name="[CB - Account].[Account CB - Description].&amp;[0224252 - Current Portion of Other Fixed]"/>
        <member name="[CB - Account].[Account CB - Description].&amp;[0224253 - Current Portion of Other Float]"/>
        <member name="[CB - Account].[Account CB - Description].&amp;[0224254 - Current Portion of Unamort Deb]"/>
        <member name="[CB - Account].[Account CB - Description].&amp;[0224255 - Cur Portion - FV Hedge CV Adju]"/>
        <member name="[CB - Account].[Account CB - Description].&amp;[0224260 - Current Portion Unsecured Fix]"/>
        <member name="[CB - Account].[Account CB - Description].&amp;[0224300 - SCHM Fair Value hedge MTM]"/>
        <member name="[CB - Account].[Account CB - Description].&amp;[0224301 - LT DEBT - FV Hedge Adjustment]"/>
        <member name="[CB - Account].[Account CB - Description].&amp;[0224332 - $30M 3.35 DEK 09/15/2029]"/>
        <member name="[CB - Account].[Account CB - Description].&amp;[0224333 - $30M 4.11 DEK 09/15/2047]"/>
        <member name="[CB - Account].[Account CB - Description].&amp;[0224334 - $30M 4.26 DEK 09/15/2057]"/>
        <member name="[CB - Account].[Account CB - Description].&amp;[0224335 - 100M 4 65 DEK DEBS 10/1/19]"/>
        <member name="[CB - Account].[Account CB - Description].&amp;[0224336 - 45M 3 42 DEK 01/15/2026]"/>
        <member name="[CB - Account].[Account CB - Description].&amp;[0224337 - 50M 4 45 DEK 01/15/2046]"/>
        <member name="[CB - Account].[Account CB - Description].&amp;[0224400 - Commercial Paper Payable]"/>
        <member name="[CB - Account].[Account CB - Description].&amp;[0224410 - L-T Commercial Paper]"/>
        <member name="[CB - Account].[Account CB - Description].&amp;[0224420 - LT Note Payable QUIPS Due 9/37]"/>
        <member name="[CB - Account].[Account CB - Description].&amp;[0224430 - LT NotePay TruPS-Due 3/31/2039]"/>
        <member name="[CB - Account].[Account CB - Description].&amp;[0224431 - Note Pay Quips Due 6/30/2038]"/>
        <member name="[CB - Account].[Account CB - Description].&amp;[0224432 - Note Pay Trust III Due 8/2029]"/>
        <member name="[CB - Account].[Account CB - Description].&amp;[0224433 - 4.302% Notes due 5/18/2006]"/>
        <member name="[CB - Account].[Account CB - Description].&amp;[0224434 - 4.37% Notes due 3/1/2009]"/>
        <member name="[CB - Account].[Account CB - Description].&amp;[0224435 - 5.5% Notes due 3/1/20014]"/>
        <member name="[CB - Account].[Account CB - Description].&amp;[0224440 - LT Notes Payable]"/>
        <member name="[CB - Account].[Account CB - Description].&amp;[0224441 - LT Notes Payable - Affiliates]"/>
        <member name="[CB - Account].[Account CB - Description].&amp;[0224450 - Quips Rel Party FPC Cap Trust]"/>
        <member name="[CB - Account].[Account CB - Description].&amp;[0224460 - PNG 100M 6.0% MTN 12/19/33]"/>
        <member name="[CB - Account].[Account CB - Description].&amp;[0224461 - PNG 55M 7.4% MTN 10/3/25]"/>
        <member name="[CB - Account].[Account CB - Description].&amp;[0224462 - PNG 60M 7.95% MTN 9/14/29]"/>
        <member name="[CB - Account].[Account CB - Description].&amp;[0224463 - PNG 250M 4.10% SR NT 9/18/34]"/>
        <member name="[CB - Account].[Account CB - Description].&amp;[0224464 - PNG 40M 7.5% MTN 10/9/26]"/>
        <member name="[CB - Account].[Account CB - Description].&amp;[0224465 - PNG 35M 8.51% SR NOTES 9/30/17]"/>
        <member name="[CB - Account].[Account CB - Description].&amp;[0224466 - PNG 45M 6.87% MTN 10/6/23]"/>
        <member name="[CB - Account].[Account CB - Description].&amp;[0224467 - PNG 40M 8.45% MTN 9/19/24]"/>
        <member name="[CB - Account].[Account CB - Description].&amp;[0224468 - PNG 100M 3.47% SR NT 7/16/27]"/>
        <member name="[CB - Account].[Account CB - Description].&amp;[0224469 - PNG 160M 4.24% SR NOTES 6/6/21]"/>
        <member name="[CB - Account].[Account CB - Description].&amp;[0224470 - PNG 200M 3.57% SR NT 7/16/27]"/>
        <member name="[CB - Account].[Account CB - Description].&amp;[0224471 - PNG 300M 4.65% SR NOTES 8/1/43]"/>
        <member name="[CB - Account].[Account CB - Description].&amp;[0224472 - PNG 150M 3.60% SR NOTES 9/1/25]"/>
        <member name="[CB - Account].[Account CB - Description].&amp;[0224473 - PNG DDE 40M 2.92% SR NT 6/16]"/>
        <member name="[CB - Account].[Account CB - Description].&amp;[0224474 - PNG 300M 3.64% SR NT 11/1/46]"/>
        <member name="[CB - Account].[Account CB - Description].&amp;[0224475 - PNG 2017 Term Loan]"/>
        <member name="[CB - Account].[Account CB - Description].&amp;[0224476 - 2018 PNG Financing - Long-term]"/>
        <member name="[CB - Account].[Account CB - Description].&amp;[0224477 - PNG 600M 3.5% SR NT 6/1/29]"/>
        <member name="[CB - Account].[Account CB - Description].&amp;[0224478 - PNG 400M 3.35% SR NT 6/1/50]"/>
        <member name="[CB - Account].[Account CB - Description].&amp;[0224479 - PNG 350M 2.50% SR NT 3/15/31]"/>
        <member name="[CB - Account].[Account CB - Description].&amp;[0224480 - PNG 400M 5.05% SR NT 5/15/52]"/>
        <member name="[CB - Account].[Account CB - Description].&amp;[0224500 - CURRENT PORTION LTD]"/>
        <member name="[CB - Account].[Account CB - Description].&amp;[0224501 - PGN OTH LTD 1.25B 7.10% SR-201]"/>
        <member name="[CB - Account].[Account CB - Description].&amp;[0224502 - PGN OTHER 650M 7.75% 3/1/31]"/>
        <member name="[CB - Account].[Account CB - Description].&amp;[0224503 - PGN OTHER 400M 7% 10/30/31]"/>
        <member name="[CB - Account].[Account CB - Description].&amp;[0224504 - PGN OTHER 450M 3.15% 4/1/22]"/>
        <member name="[CB - Account].[Account CB - Description].&amp;[0224506 - PGN OTHER 300M 5.625% 1/15/16]"/>
        <member name="[CB - Account].[Account CB - Description].&amp;[0224507 - PGN OTHER 300M 6.05% 3/15/14]"/>
        <member name="[CB - Account].[Account CB - Description].&amp;[0224508 - PGN OTHER 450M 7.05% 3/15/19]"/>
        <member name="[CB - Account].[Account CB - Description].&amp;[0224509 - PGN OTHER 350M 4.875% 12/1/19]"/>
        <member name="[CB - Account].[Account CB - Description].&amp;[0224511 - DEF OTHER 150M 6.75% 2/1/28]"/>
        <member name="[CB - Account].[Account CB - Description].&amp;[0224512 - PEC OTH LTD 500M 6.5% NOTES]"/>
        <member name="[CB - Account].[Account CB - Description].&amp;[0224513 - PGN OTHER 500M 4.4% 1/15/21]"/>
        <member name="[CB - Account].[Account CB - Description].&amp;[0224514 - PGN OTHER 600M 6% 12/1/39]"/>
        <member name="[CB - Account].[Account CB - Description].&amp;[0224520 - 7.375% Sr Unsecur Nts due 3/10]"/>
        <member name="[CB - Account].[Account CB - Description].&amp;[0224550 - L/T DEPR Debt]"/>
        <member name="[CB - Account].[Account CB - Description].&amp;[0224560 - Long term Debt DERF DUE 9/5/06]"/>
        <member name="[CB - Account].[Account CB - Description].&amp;[0224570 - NP&amp;L 6% PROMISSORY NOTE]"/>
        <member name="[CB - Account].[Account CB - Description].&amp;[0224580 - Oconee Co 1999 SerA due 2/1/17]"/>
        <member name="[CB - Account].[Account CB - Description].&amp;[0224581 - DEP 700M TRM LOAN FLTG12/31/20]"/>
        <member name="[CB - Account].[Account CB - Description].&amp;[0224589 - DEP 700M Floater 2/18/22]"/>
        <member name="[CB - Account].[Account CB - Description].&amp;[0224590 - Oconee Co 1999 SerB due 2/1/17]"/>
        <member name="[CB - Account].[Account CB - Description].&amp;[0224600 - Gaston Co 1999 Ser due 10/1/12]"/>
        <member name="[CB - Account].[Account CB - Description].&amp;[0224610 - PC Bonds 2006 A 10-1-2031]"/>
        <member name="[CB - Account].[Account CB - Description].&amp;[0224620 - PC Bonds 2006 B 10-1-2031]"/>
        <member name="[CB - Account].[Account CB - Description].&amp;[0224630 - Notes Payable to Trust- QUIP]"/>
        <member name="[CB - Account].[Account CB - Description].&amp;[0224640 - Oconee CO 5.8% PC Due 9/3/14]"/>
        <member name="[CB - Account].[Account CB - Description].&amp;[0224650 - Notes Payable to Trust- TruPS]"/>
        <member name="[CB - Account].[Account CB - Description].&amp;[0224660 - 7.7% Gaston Pc Bonds Due 2012]"/>
        <member name="[CB - Account].[Account CB - Description].&amp;[0224670 - Electric Center Mortgage]"/>
        <member name="[CB - Account].[Account CB - Description].&amp;[0224680 - Oconee PC Var Due 2/1/2017]"/>
        <member name="[CB - Account].[Account CB - Description].&amp;[0224685 - Oconee PC Bonds 3.6% 2/1/2017]"/>
        <member name="[CB - Account].[Account CB - Description].&amp;[0224690 - Advances w/ Pan Energy Service]"/>
        <member name="[CB - Account].[Account CB - Description].&amp;[0224695 - LT Note w/DE Services, Inc.]"/>
        <member name="[CB - Account].[Account CB - Description].&amp;[0224696 - Other Longterm Liab]"/>
        <member name="[CB - Account].[Account CB - Description].&amp;[0224697 - NP Project Loan Long Term]"/>
        <member name="[CB - Account].[Account CB - Description].&amp;[0224698 - CURRENT PORTION OF PCL]"/>
        <member name="[CB - Account].[Account CB - Description].&amp;[0224699 - Commodity Margin Desolution]"/>
        <member name="[CB - Account].[Account CB - Description].&amp;[0224700 - Deferred Liability-Severence]"/>
        <member name="[CB - Account].[Account CB - Description].&amp;[0224701 - Deferred Loss on Commodity Ops]"/>
        <member name="[CB - Account].[Account CB - Description].&amp;[0224702 - Deferred Office Lease Cancella]"/>
        <member name="[CB - Account].[Account CB - Description].&amp;[0224703 - LT NR W/CRA 30077]"/>
        <member name="[CB - Account].[Account CB - Description].&amp;[0224801 - 5 375 CG&amp;E Ser 2003B 6/15/33]"/>
        <member name="[CB - Account].[Account CB - Description].&amp;[0224802 - 5 40 CG&amp;E Ser 2003A 6/15/33]"/>
        <member name="[CB - Account].[Account CB - Description].&amp;[0224803 - 500M CG&amp;E Deb 5 7 9/15/12]"/>
        <member name="[CB - Account].[Account CB - Description].&amp;[0224804 - PC Bonds 2007A 11/01/2040]"/>
        <member name="[CB - Account].[Account CB - Description].&amp;[0224805 - PC Bonds 2007B 11/01/2040]"/>
        <member name="[CB - Account].[Account CB - Description].&amp;[0224808 - Debs CG&amp;E 6 90 6-1-25]"/>
        <member name="[CB - Account].[Account CB - Description].&amp;[0224814 - 7 875 Snr Uns Debs 9/15/09]"/>
        <member name="[CB - Account].[Account CB - Description].&amp;[0224815 - Jr Maturing Prin Securities]"/>
        <member name="[CB - Account].[Account CB - Description].&amp;[0224824 - Senior Notes 6 52 3/15/09]"/>
        <member name="[CB - Account].[Account CB - Description].&amp;[0224827 - Medium Term Notes - A]"/>
        <member name="[CB - Account].[Account CB - Description].&amp;[0224830 - Medium Term Notes - B]"/>
        <member name="[CB - Account].[Account CB - Description].&amp;[0224831 - 400M 5 0 PSI Debs 9/15/13]"/>
        <member name="[CB - Account].[Account CB - Description].&amp;[0224832 - 6 20 CGR Debs Due11/03/08]"/>
        <member name="[CB - Account].[Account CB - Description].&amp;[0224833 - CORP DEB 6 53 12/16/08]"/>
        <member name="[CB - Account].[Account CB - Description].&amp;[0224834 - Long Term Debt]"/>
        <member name="[CB - Account].[Account CB - Description].&amp;[0224835 - PSI PCB 2005A]"/>
        <member name="[CB - Account].[Account CB - Description].&amp;[0224836 - PSI 350M 10/35]"/>
        <member name="[CB - Account].[Account CB - Description].&amp;[0224837 - VIE - Non-recourse LTD]"/>
        <member name="[CB - Account].[Account CB - Description].&amp;[0224839 - ULHP 50M 5 75 3/10/16]"/>
        <member name="[CB - Account].[Account CB - Description].&amp;[0224840 - ULHP 65M 6 2 3/10/2036]"/>
        <member name="[CB - Account].[Account CB - Description].&amp;[0224841 - PSI 325M 6 05 06/15/16]"/>
        <member name="[CB - Account].[Account CB - Description].&amp;[0224842 - ULHP PCB 06A]"/>
        <member name="[CB - Account].[Account CB - Description].&amp;[0224843 - ULHP PCB 06B]"/>
        <member name="[CB - Account].[Account CB - Description].&amp;[0224844 - KY 5% 40M DEBS DUE 12/15/14]"/>
        <member name="[CB - Account].[Account CB - Description].&amp;[0224845 - OAQD $47M 2004 SER A 11/1/39]"/>
        <member name="[CB - Account].[Account CB - Description].&amp;[0224846 - OAQD 47M 2004 SER B 11/1/39]"/>
        <member name="[CB - Account].[Account CB - Description].&amp;[0224847 - IDFA 2004B 77 12512/1/2039]"/>
        <member name="[CB - Account].[Account CB - Description].&amp;[0224848 - IDFA 2004C 77 12512/1/2039]"/>
        <member name="[CB - Account].[Account CB - Description].&amp;[0224849 - Rus Obligation]"/>
        <member name="[CB - Account].[Account CB - Description].&amp;[0224850 - Environ Wood Supply LT Debt]"/>
        <member name="[CB - Account].[Account CB - Description].&amp;[0224851 - Tranche B]"/>
        <member name="[CB - Account].[Account CB - Description].&amp;[0224853 - CLT Metro Debt]"/>
        <member name="[CB - Account].[Account CB - Description].&amp;[0224866 - IDFA 2004C 77.25 12/1/39]"/>
        <member name="[CB - Account].[Account CB - Description].&amp;[0224867 - IDFA 2004B 77.25 12/1/39]"/>
        <member name="[CB - Account].[Account CB - Description].&amp;[0224872 - DEI 77 25M IDFA 2009A3 12/1/39]"/>
        <member name="[CB - Account].[Account CB - Description].&amp;[0224873 - DEI 77 25M IDFA 2009A4 12/1/39]"/>
        <member name="[CB - Account].[Account CB - Description].&amp;[0225000 - Equity Units-Unamortized Disc]"/>
        <member name="[CB - Account].[Account CB - Description].&amp;[0225010 - Inactive]"/>
        <member name="[CB - Account].[Account CB - Description].&amp;[0225011 - Long-term Debt - Premium]"/>
        <member name="[CB - Account].[Account CB - Description].&amp;[0225015 - Unamort Premiums - Purch Acctg]"/>
        <member name="[CB - Account].[Account CB - Description].&amp;[0225021 - Unamort Premiums-Curr]"/>
        <member name="[CB - Account].[Account CB - Description].&amp;[0225150 - Inactive]"/>
        <member name="[CB - Account].[Account CB - Description].&amp;[0225190 - 12/95]"/>
        <member name="[CB - Account].[Account CB - Description].&amp;[0225210 - 7.125% Roars Due  9-3-2012]"/>
        <member name="[CB - Account].[Account CB - Description].&amp;[0225230 - Inactive]"/>
        <member name="[CB - Account].[Account CB - Description].&amp;[0225240 - Inactive]"/>
        <member name="[CB - Account].[Account CB - Description].&amp;[0225260 - Inactive]"/>
        <member name="[CB - Account].[Account CB - Description].&amp;[0225280 - Inactive]"/>
        <member name="[CB - Account].[Account CB - Description].&amp;[0225290 - Inactive]"/>
        <member name="[CB - Account].[Account CB - Description].&amp;[0225291 - $750M 3.20% FMB due 8/15/49]"/>
        <member name="[CB - Account].[Account CB - Description].&amp;[0225800 - UnamPrmLiqAsstW/CoupExch100107]"/>
        <member name="[CB - Account].[Account CB - Description].&amp;[0225802 - UNAMPREM DEI FMB SERCCC 011522]"/>
        <member name="[CB - Account].[Account CB - Description].&amp;[0225804 - UnamPrm,PA CG&amp;EB5 45SerB010124]"/>
        <member name="[CB - Account].[Account CB - Description].&amp;[0225812 - UNAMPRM PA 5 40  2003A 6/15/33]"/>
        <member name="[CB - Account].[Account CB - Description].&amp;[0225822 - UNAMPRM PA DEBS 6 90 6/1/25]"/>
        <member name="[CB - Account].[Account CB - Description].&amp;[0225955 - UnamPrm,PABondsCG&amp;ESerA5451124]"/>
        <member name="[CB - Account].[Account CB - Description].&amp;[0225956 - UnamPrm,PA 6 4 CG&amp;E Debs040108]"/>
        <member name="[CB - Account].[Account CB - Description].&amp;[0225957 - UnamPrm,PA6 20CGRDebs Due11308]"/>
        <member name="[CB - Account].[Account CB - Description].&amp;[0225958 - UnamPrm,PA CORPDEB6 53 121608]"/>
        <member name="[CB - Account].[Account CB - Description].&amp;[0226000 - Unamort Dde-8.25% Due 2004]"/>
        <member name="[CB - Account].[Account CB - Description].&amp;[0226001 - Unamort Disc 8.625%]"/>
        <member name="[CB - Account].[Account CB - Description].&amp;[0226002 - Unamort Disc-Sr Notes due 2004]"/>
        <member name="[CB - Account].[Account CB - Description].&amp;[0226003 - Unamort Disc-7.38%]"/>
        <member name="[CB - Account].[Account CB - Description].&amp;[0226004 - Unamort Disc-7%]"/>
        <member name="[CB - Account].[Account CB - Description].&amp;[0226005 - Unamort Disc - Senior Note A]"/>
        <member name="[CB - Account].[Account CB - Description].&amp;[0226006 - Unamort Disc - Senior Note B]"/>
        <member name="[CB - Account].[Account CB - Description].&amp;[0226007 - Unamort Disc-Sr Notes Due 2009]"/>
        <member name="[CB - Account].[Account CB - Description].&amp;[0226008 - Unamort Disc-Sr Notes Due 2019]"/>
        <member name="[CB - Account].[Account CB - Description].&amp;[0226009 - Cntra Liability/Unamort Discnt]"/>
        <member name="[CB - Account].[Account CB - Description].&amp;[0226010 - DEFPFDEBTDISC]"/>
        <member name="[CB - Account].[Account CB - Description].&amp;[0226011 - Unamort Disc-Swap Termination]"/>
        <member name="[CB - Account].[Account CB - Description].&amp;[0226012 - Uanort Disc-Sr Bond-2032]"/>
        <member name="[CB - Account].[Account CB - Description].&amp;[0226013 - Uanort Disc-Sr Bond-2013]"/>
        <member name="[CB - Account].[Account CB - Description].&amp;[0226014 - Unamor Disc Quips 6/2038]"/>
        <member name="[CB - Account].[Account CB - Description].&amp;[0226015 - Unamor Disc TrustIII 8/2029]"/>
        <member name="[CB - Account].[Account CB - Description].&amp;[0226016 - Unamortized Discount-SchM]"/>
        <member name="[CB - Account].[Account CB - Description].&amp;[0226018 - DEF 650M UNAMDIS 2.4% 12/15/31]"/>
        <member name="[CB - Account].[Account CB - Description].&amp;[0226019 - DEF 500M UNAMDIS 3% 12/15/2051]"/>
        <member name="[CB - Account].[Account CB - Description].&amp;[0226020 - $250m SR FLOATING 12/8/2005]"/>
        <member name="[CB - Account].[Account CB - Description].&amp;[0226021 - Unamort Discount-Curr]"/>
        <member name="[CB - Account].[Account CB - Description].&amp;[0226022 - $300M 5.1% FMB due 4/15/2018]"/>
        <member name="[CB - Account].[Account CB - Description].&amp;[0226023 - $600M 6.05% FMB due 4/15/2038]"/>
        <member name="[CB - Account].[Account CB - Description].&amp;[0226030 - Maxes Due 12/03/12]"/>
        <member name="[CB - Account].[Account CB - Description].&amp;[0226040 - Pollution Cntrl Oblig Due 2017]"/>
        <member name="[CB - Account].[Account CB - Description].&amp;[0226043 - DEP UNAMDIS 500M 4.15% 12/1/44]"/>
        <member name="[CB - Account].[Account CB - Description].&amp;[0226044 - DEP UNAMDIS 650M 2.00% 2031]"/>
        <member name="[CB - Account].[Account CB - Description].&amp;[0226045 - DEF Long Term Debt Dis]"/>
        <member name="[CB - Account].[Account CB - Description].&amp;[0226046 - DEF UNAMDIS 600M 3.80% 7/15/28]"/>
        <member name="[CB - Account].[Account CB - Description].&amp;[0226047 - DEF UNAMDIS 400M 4.20%]"/>
        <member name="[CB - Account].[Account CB - Description].&amp;[0226050 - 6 3/8% Series Due 2008]"/>
        <member name="[CB - Account].[Account CB - Description].&amp;[0226051 - DEP UNAMDIS 500M 3.25% 2025]"/>
        <member name="[CB - Account].[Account CB - Description].&amp;[0226052 - DEP UNAMDIS 700M 4.20% 2045]"/>
        <member name="[CB - Account].[Account CB - Description].&amp;[0226053 - DEP UNAMDIS 450M 3.70% 10/15/4]"/>
        <member name="[CB - Account].[Account CB - Description].&amp;[0226054 - 2017 Q3/Q4 Issuance- Debt Dis]"/>
        <member name="[CB - Account].[Account CB - Description].&amp;[0226055 - $500M 3.90% FMB due 6/15/21]"/>
        <member name="[CB - Account].[Account CB - Description].&amp;[0226058 - DEP UNAMDIS 500M 3.60%  9/15/4]"/>
        <member name="[CB - Account].[Account CB - Description].&amp;[0226059 - DEP UNAMDIS 300M 3.375% 2023]"/>
        <member name="[CB - Account].[Account CB - Description].&amp;[0226060 - 7.5% Series Due 2025]"/>
        <member name="[CB - Account].[Account CB - Description].&amp;[0226061 - DEP UNAMDIS 450M 2.90% 2051]"/>
        <member name="[CB - Account].[Account CB - Description].&amp;[0226062 - $650M 4% FMB due 9/30/42]"/>
        <member name="[CB - Account].[Account CB - Description].&amp;[0226063 - Unamort Disc $600M (TBDA)]"/>
        <member name="[CB - Account].[Account CB - Description].&amp;[0226064 - Unamort Disc $600M (TBDB)]"/>
        <member name="[CB - Account].[Account CB - Description].&amp;[0226065 - DEP UNAMDIS 500M 3.70% 2028]"/>
        <member name="[CB - Account].[Account CB - Description].&amp;[0226070 - DEC UNAMDIS $100M 1.679% 2031]"/>
        <member name="[CB - Account].[Account CB - Description].&amp;[0226071 - DEC UNAMDIS $137M 2.617% 2041]"/>
        <member name="[CB - Account].[Account CB - Description].&amp;[0226072 - DEP UNAMDIS $221M 1.295% 2028]"/>
        <member name="[CB - Account].[Account CB - Description].&amp;[0226073 - DEP UNAMDIS $352M 2.387% 2037]"/>
        <member name="[CB - Account].[Account CB - Description].&amp;[0226074 - DEP UNAMDIS $197M 2.799% 2041]"/>
        <member name="[CB - Account].[Account CB - Description].&amp;[0226075 - DEP UNAMDIS 400M 4.375% 3/30/2]"/>
        <member name="[CB - Account].[Account CB - Description].&amp;[0226080 - 8.75% Series Due 2021]"/>
        <member name="[CB - Account].[Account CB - Description].&amp;[0226081 - DEC UNAMDIS $500M 2.85% 2032]"/>
        <member name="[CB - Account].[Account CB - Description].&amp;[0226082 - DEC UNAMDIS $650M 3.55% 2052]"/>
        <member name="[CB - Account].[Account CB - Description].&amp;[0226083 - DEP UNAMDIS $500M 3.40% due 20]"/>
        <member name="[CB - Account].[Account CB - Description].&amp;[0226084 - DEP UNAMDIS $400M 4.00% due 52]"/>
        <member name="[CB - Account].[Account CB - Description].&amp;[0226085 - DEF 500M UNAMDIS 5.95% 11/2052]"/>
        <member name="[CB - Account].[Account CB - Description].&amp;[0226089 - 2020 First Mortgage Bond]"/>
        <member name="[CB - Account].[Account CB - Description].&amp;[0226090 - 7.375% Sr Unsecur Nts due 3/10]"/>
        <member name="[CB - Account].[Account CB - Description].&amp;[0226091 - DEF 600M UNAMDIS 3.4% 10/1/46]"/>
        <member name="[CB - Account].[Account CB - Description].&amp;[0226092 - DEFUNAMDIS 250M 1.85% 1/15/20]"/>
        <member name="[CB - Account].[Account CB - Description].&amp;[0226093 - DEF UNAMDIS 650M 3.20% 1/15/27]"/>
        <member name="[CB - Account].[Account CB - Description].&amp;[0226094 - $550M 3.7% FMB due 12/1/2047]"/>
        <member name="[CB - Account].[Account CB - Description].&amp;[0226095 - DEF UNAMDIS 400M 2.1% 12/15/19]"/>
        <member name="[CB - Account].[Account CB - Description].&amp;[0226096 - $500M 3.05% FMB 3/15/2023]"/>
        <member name="[CB - Account].[Account CB - Description].&amp;[0226097 - $500M 3.95% FMB due 3/15/2048]"/>
        <member name="[CB - Account].[Account CB - Description].&amp;[0226098 - 2019 DEF Fixed rate]"/>
        <member name="[CB - Account].[Account CB - Description].&amp;[0226100 - Pollut Control Bonds-Floating]"/>
        <member name="[CB - Account].[Account CB - Description].&amp;[0226110 - Floating Senior due 1-15-2005]"/>
        <member name="[CB - Account].[Account CB - Description].&amp;[0226120 - Mortgage Bonds 7% Due 2000]"/>
        <member name="[CB - Account].[Account CB - Description].&amp;[0226130 - $200M Ret Notes 6.6%-12/31/38]"/>
        <member name="[CB - Account].[Account CB - Description].&amp;[0226140 - Core Bond 11/30/07 4.611%]"/>
        <member name="[CB - Account].[Account CB - Description].&amp;[0226150 - QUIPS Discount]"/>
        <member name="[CB - Account].[Account CB - Description].&amp;[0226160 - TruPS Discount]"/>
        <member name="[CB - Account].[Account CB - Description].&amp;[0226170 - TruPS Debt Disc. $250M Due2039]"/>
        <member name="[CB - Account].[Account CB - Description].&amp;[0226180 - 6.25% Senior due 1-15-2012]"/>
        <member name="[CB - Account].[Account CB - Description].&amp;[0226190 - 12/95]"/>
        <member name="[CB - Account].[Account CB - Description].&amp;[0226200 - 5 3/8% Series Due 1997]"/>
        <member name="[CB - Account].[Account CB - Description].&amp;[0226201 - $500M 7.00% FMB due 11/15/2018]"/>
        <member name="[CB - Account].[Account CB - Description].&amp;[0226210 - $500M FMB 3.75% DUE 3-5-08]"/>
        <member name="[CB - Account].[Account CB - Description].&amp;[0226212 - DEI FMB Ser UUU $250M 3/15/42]"/>
        <member name="[CB - Account].[Account CB - Description].&amp;[0226220 - Inactive]"/>
        <member name="[CB - Account].[Account CB - Description].&amp;[0226226 - $400M 5.75% FMB due 11/15/2013]"/>
        <member name="[CB - Account].[Account CB - Description].&amp;[0226230 - $200M FMB 4.5% DUE 4-1-2010]"/>
        <member name="[CB - Account].[Account CB - Description].&amp;[0226240 - Sr Unsecured Bds due 10/15/32]"/>
        <member name="[CB - Account].[Account CB - Description].&amp;[0226250 - 7% Fst/Ref Mort Bonds Due 7/33]"/>
        <member name="[CB - Account].[Account CB - Description].&amp;[0226260 - $300M SR NT 4.2% 10/1/08]"/>
        <member name="[CB - Account].[Account CB - Description].&amp;[0226270 - $500M FMB 5.3% 10/1/2015]"/>
        <member name="[CB - Account].[Account CB - Description].&amp;[0226280 - $770M Sr Conv Bonds Due5-15-23]"/>
        <member name="[CB - Account].[Account CB - Description].&amp;[0226281 - $500M 2.45% FMB due 2/1/30]"/>
        <member name="[CB - Account].[Account CB - Description].&amp;[0226282 - $550M 2.55% FMB due 4/15/31]"/>
        <member name="[CB - Account].[Account CB - Description].&amp;[0226283 - $550M 2.55% FMB due 4/15/31]"/>
        <member name="[CB - Account].[Account CB - Description].&amp;[0226284 - $650M 4.25% FMB due 12/15/2041]"/>
        <member name="[CB - Account].[Account CB - Description].&amp;[0226285 - $750M 5.3% FMB due 2/15/2040]"/>
        <member name="[CB - Account].[Account CB - Description].&amp;[0226286 - $450M 4.3% FMB due 6/15/2020]"/>
        <member name="[CB - Account].[Account CB - Description].&amp;[0226287 - $350M 3.35% FMB due 5/15/22]"/>
        <member name="[CB - Account].[Account CB - Description].&amp;[0226288 - $650M 3.95% FMB due 11/15/28]"/>
        <member name="[CB - Account].[Account CB - Description].&amp;[0226289 - $450M 2.45% FMB due 8/15/29]"/>
        <member name="[CB - Account].[Account CB - Description].&amp;[0226290 - 8.27% Medium Term Notes Due]"/>
        <member name="[CB - Account].[Account CB - Description].&amp;[0226291 - $750M 3.20% FMB due 8/15/49]"/>
        <member name="[CB - Account].[Account CB - Description].&amp;[0226300 - 5.8% Oconee Pc Due 2014]"/>
        <member name="[CB - Account].[Account CB - Description].&amp;[0226310 - 12/95]"/>
        <member name="[CB - Account].[Account CB - Description].&amp;[0226320 - Quips Financing-$350M Due 2037]"/>
        <member name="[CB - Account].[Account CB - Description].&amp;[0226330 - 6.125% Mtn Bonds Due 7/2003]"/>
        <member name="[CB - Account].[Account CB - Description].&amp;[0226335 - UnamDis 4 65 DEK Deb 10/1/19]"/>
        <member name="[CB - Account].[Account CB - Description].&amp;[0226340 - Oconee Co 1999 SerA due 2/1/17]"/>
        <member name="[CB - Account].[Account CB - Description].&amp;[0226350 - $250M Retail Bonds Due 4/1/22]"/>
        <member name="[CB - Account].[Account CB - Description].&amp;[0226355 - Unamrt Disc 5.56% due 2015]"/>
        <member name="[CB - Account].[Account CB - Description].&amp;[0226360 - UnAmor Dis 6.19% due 2025]"/>
        <member name="[CB - Account].[Account CB - Description].&amp;[0226370 - Sen Unsecured Notes 11/30/12]"/>
        <member name="[CB - Account].[Account CB - Description].&amp;[0226380 - Series A 6% Snr Notes Due 2028]"/>
        <member name="[CB - Account].[Account CB - Description].&amp;[0226390 - Oconee Co 1999 SerB due 2/1/17]"/>
        <member name="[CB - Account].[Account CB - Description].&amp;[0226400 - Gaston Co 1999 Ser due 10/1/12]"/>
        <member name="[CB - Account].[Account CB - Description].&amp;[0226410 - 8.00% Series Due 2004]"/>
        <member name="[CB - Account].[Account CB - Description].&amp;[0226420 - 8.625% Series Due 2022]"/>
        <member name="[CB - Account].[Account CB - Description].&amp;[0226430 - 6.875% 1St Mortg Bonds-8/23]"/>
        <member name="[CB - Account].[Account CB - Description].&amp;[0226440 - 6.75% 1St Mortg Bonds Due 8/25]"/>
        <member name="[CB - Account].[Account CB - Description].&amp;[0226450 - 5.17% Mtn Bonds Due 9/98]"/>
        <member name="[CB - Account].[Account CB - Description].&amp;[0226463 - PNG UNAMDISC $250M 9/18/34]"/>
        <member name="[CB - Account].[Account CB - Description].&amp;[0226471 - PNG UNAMDISC 300M SR NT 8/1/43]"/>
        <member name="[CB - Account].[Account CB - Description].&amp;[0226472 - PNG UNAMDISC $150M 9/1/25]"/>
        <member name="[CB - Account].[Account CB - Description].&amp;[0226474 - PNG UA300M 3.64% SR NT 11/1/46]"/>
        <member name="[CB - Account].[Account CB - Description].&amp;[0226476 - PNG UNAMDISC 2018]"/>
        <member name="[CB - Account].[Account CB - Description].&amp;[0226477 - PNG UNAMDISC $600M SR NT 6/1/2]"/>
        <member name="[CB - Account].[Account CB - Description].&amp;[0226478 - PNG UNAMDISC 400M SR NT 6/1/50]"/>
        <member name="[CB - Account].[Account CB - Description].&amp;[0226479 - PNG UNAMDIC 350M SR NT 3/15/31]"/>
        <member name="[CB - Account].[Account CB - Description].&amp;[0226480 - PNG UNAMDIC 400M SR NT 5/15/52]"/>
        <member name="[CB - Account].[Account CB - Description].&amp;[0226502 - PGN UNAMDIS 650M 7.75% 3/1/31]"/>
        <member name="[CB - Account].[Account CB - Description].&amp;[0226503 - PGN UNAMDIS 400M 7% 10/30/31]"/>
        <member name="[CB - Account].[Account CB - Description].&amp;[0226504 - PGN UNAMDIS 450M 3.15% 4/1/22]"/>
        <member name="[CB - Account].[Account CB - Description].&amp;[0226506 - PGN UNAMDIS 300M5.625%1/15/16]"/>
        <member name="[CB - Account].[Account CB - Description].&amp;[0226507 - PGN UNAMDIS 300M 6.05% 3/15/14]"/>
        <member name="[CB - Account].[Account CB - Description].&amp;[0226508 - PGN UNAMDIS 450M 7.05% 3/15/19]"/>
        <member name="[CB - Account].[Account CB - Description].&amp;[0226509 - PGN DISC 350M 4.875% 12/1/19]"/>
        <member name="[CB - Account].[Account CB - Description].&amp;[0226511 - DEF UNAMDIS 150M 6.75% 2/1/28]"/>
        <member name="[CB - Account].[Account CB - Description].&amp;[0226512 - PEC UNAMDIS LTD 500M 6.5% NOTE]"/>
        <member name="[CB - Account].[Account CB - Description].&amp;[0226513 - PGN UNAMDIS 500M 4.4% 1/15/21]"/>
        <member name="[CB - Account].[Account CB - Description].&amp;[0226514 - PGN UNAMDIS 600M 6% 12/1/39]"/>
        <member name="[CB - Account].[Account CB - Description].&amp;[0226534 - DEF UNAMDIS 425M 4.8% 3/1/13]"/>
        <member name="[CB - Account].[Account CB - Description].&amp;[0226535 - DEF UNAMDIS 225M 5.9% 3/1/33]"/>
        <member name="[CB - Account].[Account CB - Description].&amp;[0226536 - DEF UNAMDIS 300M 5.1% 12/1/15]"/>
        <member name="[CB - Account].[Account CB - Description].&amp;[0226537 - DEF UNAMDIS 500M 6.35% 9/15/37]"/>
        <member name="[CB - Account].[Account CB - Description].&amp;[0226538 - DEF UNAMDIS 250M 5.80% 9/15/17]"/>
        <member name="[CB - Account].[Account CB - Description].&amp;[0226539 - DEF UNAMDIS 500M 5.65% 6/15/18]"/>
        <member name="[CB - Account].[Account CB - Description].&amp;[0226541 - DEF UNAMDIS 250M 4.55% 4/1/20]"/>
        <member name="[CB - Account].[Account CB - Description].&amp;[0226542 - DEF UNAMDIS 350M 5.65% 4/1/40]"/>
        <member name="[CB - Account].[Account CB - Description].&amp;[0226543 - DEP UNAMDIS 300M 5.15% 2015]"/>
        <member name="[CB - Account].[Account CB - Description].&amp;[0226544 - DEP UNAMDIS 200M 5.70% 2035]"/>
        <member name="[CB - Account].[Account CB - Description].&amp;[0226545 - DEP UNAMDIS 400M 5.25% 2015]"/>
        <member name="[CB - Account].[Account CB - Description].&amp;[0226546 - DEP UNAMDIS 325M 6.30% 2038]"/>
        <member name="[CB - Account].[Account CB - Description].&amp;[0226547 - DEP UNAMDIS 600M 5.30% 2019]"/>
        <member name="[CB - Account].[Account CB - Description].&amp;[0226548 - DEP UNAMDIS 400M 5.125% 2013]"/>
        <member name="[CB - Account].[Account CB - Description].&amp;[0226549 - DEP UNAMDIS 200M 6.125% 2033]"/>
        <member name="[CB - Account].[Account CB - Description].&amp;[0226564 - DEF UNAMDIS 300M 3.10% 8/15/21]"/>
        <member name="[CB - Account].[Account CB - Description].&amp;[0226565 - DEF UNAMDIS 1B 6.40% 6/15/38]"/>
        <member name="[CB - Account].[Account CB - Description].&amp;[0226566 - DEP UNAMDIS 100M 8 5/8% 2021]"/>
        <member name="[CB - Account].[Account CB - Description].&amp;[0226567 - DEP 500M 3.00% 9/15/21]"/>
        <member name="[CB - Account].[Account CB - Description].&amp;[0226568 - DEP 500M 2.80% 5/15/22]"/>
        <member name="[CB - Account].[Account CB - Description].&amp;[0226569 - DEF UNAMDIS 400M 3.85 11/15/42]"/>
        <member name="[CB - Account].[Account CB - Description].&amp;[0226571 - DEF UNAMDIS 250M .65% 11/15/15]"/>
        <member name="[CB - Account].[Account CB - Description].&amp;[0226572 - DEP UNAMDIS 500M 4.10% 5/15/42]"/>
        <member name="[CB - Account].[Account CB - Description].&amp;[0226573 - DEP UNAMDIS 500M 4.10% 3/15/43]"/>
        <member name="[CB - Account].[Account CB - Description].&amp;[0226575 - FMB issuing June 2013 - Discnt]"/>
        <member name="[CB - Account].[Account CB - Description].&amp;[0226576 - FMB issuing 06/13-Discnt Varia]"/>
        <member name="[CB - Account].[Account CB - Description].&amp;[0226577 - FMBissuing June 2013 - Discnt]"/>
        <member name="[CB - Account].[Account CB - Description].&amp;[0226578 - FMB issuing 8/13-Dscnt Variabl]"/>
        <member name="[CB - Account].[Account CB - Description].&amp;[0226579 - FMB issuing May 2016 $500MDisc]"/>
        <member name="[CB - Account].[Account CB - Description].&amp;[0226580 - DEO DIS 250M 3.70% FMB 6/15/46]"/>
        <member name="[CB - Account].[Account CB - Description].&amp;[0226582 - DEO Fixed Rate FMB]"/>
        <member name="[CB - Account].[Account CB - Description].&amp;[0226583 - DEO Fixed Rate FMB]"/>
        <member name="[CB - Account].[Account CB - Description].&amp;[0226584 - DEP 600M 3.45% 3/15/2029]"/>
        <member name="[CB - Account].[Account CB - Description].&amp;[0226585 - FMB Issuing Sep 2019 $500M 30Y]"/>
        <member name="[CB - Account].[Account CB - Description].&amp;[0226586 - FMB issuing Mar 2020 $550M 30Y]"/>
        <member name="[CB - Account].[Account CB - Description].&amp;[0226587 - DEO Debt Discount]"/>
        <member name="[CB - Account].[Account CB - Description].&amp;[0226588 - DEP UNAMDIS 600M 2.50% 8/15/50]"/>
        <member name="[CB - Account].[Account CB - Description].&amp;[0226680 - Oconee PC Var Due 2/1/2017]"/>
        <member name="[CB - Account].[Account CB - Description].&amp;[0226685 - Oconee PC Bonds 3.6% 2/1/2017]"/>
        <member name="[CB - Account].[Account CB - Description].&amp;[0226700 - Unamort Debt Discount]"/>
        <member name="[CB - Account].[Account CB - Description].&amp;[0226701 - Quips Bond Discount]"/>
        <member name="[CB - Account].[Account CB - Description].&amp;[0226800 - UnamDis BondsCG&amp;EB545SerB 1124]"/>
        <member name="[CB - Account].[Account CB - Description].&amp;[0226801 - $500M 6.1% Snr Note due 6/1/37]"/>
        <member name="[CB - Account].[Account CB - Description].&amp;[0226802 - $400M 5.25% FMB due 1/15/18]"/>
        <member name="[CB - Account].[Account CB - Description].&amp;[0226803 - $500M 6.0% FMB due 1/15/38]"/>
        <member name="[CB - Account].[Account CB - Description].&amp;[0226804 - Unam Dis Debs CG&amp;E 6 90 6-1-25]"/>
        <member name="[CB - Account].[Account CB - Description].&amp;[0226805 - UnamDis 5 375CG&amp;ESer2003B61533]"/>
        <member name="[CB - Account].[Account CB - Description].&amp;[0226806 - UnamDis 5 40CG&amp;ESer2003A 61533]"/>
        <member name="[CB - Account].[Account CB - Description].&amp;[0226807 - UnamDis CG&amp;EC 5 50 Due 1124]"/>
        <member name="[CB - Account].[Account CB - Description].&amp;[0226808 - UnamDis PutBondCG&amp;EOAQD5A 9130]"/>
        <member name="[CB - Account].[Account CB - Description].&amp;[0226809 - UnamDisPutBondCG&amp;EOAQD95B 9130]"/>
        <member name="[CB - Account].[Account CB - Description].&amp;[0226810 - UnamDisBondsCG&amp;ESerA5 45 10124]"/>
        <member name="[CB - Account].[Account CB - Description].&amp;[0226811 - UnamDis 6 4 CG&amp;E Debs 04012008]"/>
        <member name="[CB - Account].[Account CB - Description].&amp;[0226812 - UnamDisCG&amp;EPutPCBBoone8113]"/>
        <member name="[CB - Account].[Account CB - Description].&amp;[0226813 - UnamDis 6 5 ULHP Debs 04/30/08]"/>
        <member name="[CB - Account].[Account CB - Description].&amp;[0226814 - UnamDis 7 875SnrUnsecDebs91509]"/>
        <member name="[CB - Account].[Account CB - Description].&amp;[0226815 - UnamDis JrMaturingPrincipleSec]"/>
        <member name="[CB - Account].[Account CB - Description].&amp;[0226816 - UnamDisLoanBooneCKYDP65 111522]"/>
        <member name="[CB - Account].[Account CB - Description].&amp;[0226817 - UnamDisULHPUnsec765 71525]"/>
        <member name="[CB - Account].[Account CB - Description].&amp;[0226824 - UnamDis SeniorNotes6 52 31509]"/>
        <member name="[CB - Account].[Account CB - Description].&amp;[0226826 - UnamDis 7 85 PSI Debs 10/15/07]"/>
        <member name="[CB - Account].[Account CB - Description].&amp;[0226831 - UnamDis 400M 5 0PSIDebs 91513]"/>
        <member name="[CB - Account].[Account CB - Description].&amp;[0226832 - UnamDis 6 20 CGR Debs 11/03/08]"/>
        <member name="[CB - Account].[Account CB - Description].&amp;[0226833 - UnamDis CORP DEB 6 53 12/16/08]"/>
        <member name="[CB - Account].[Account CB - Description].&amp;[0226836 - UnamDis PSI 350M 10/35]"/>
        <member name="[CB - Account].[Account CB - Description].&amp;[0226839 - UnamDis ULHP 50M 5 75 3/10/16]"/>
        <member name="[CB - Account].[Account CB - Description].&amp;[0226841 - UnamDis PSI 325M 6 05 06/15/16]"/>
        <member name="[CB - Account].[Account CB - Description].&amp;[0226844 - UNAMDIS 40M KY DEB 5% 12/15/14]"/>
        <member name="[CB - Account].[Account CB - Description].&amp;[0226845 - UNAM DISC RUS OBLIGATION]"/>
        <member name="[CB - Account].[Account CB - Description].&amp;[0226850 - UnamDis 500MCG&amp;E Deb 5 7 91512]"/>
        <member name="[CB - Account].[Account CB - Description].&amp;[0226856 - $500M 3.75% FMB due 6/1/2045]"/>
        <member name="[CB - Account].[Account CB - Description].&amp;[0226857 - $500M 2.5% FMB due 3/15/2023]"/>
        <member name="[CB - Account].[Account CB - Description].&amp;[0226858 - $500M 3.875% FMB due 3/15/2046]"/>
        <member name="[CB - Account].[Account CB - Description].&amp;[0226859 - $600M 2.95% FMB due 12/1/2026]"/>
        <member name="[CB - Account].[Account CB - Description].&amp;[0226860 - UnamDis DE IA FMB $500M 8/38]"/>
        <member name="[CB - Account].[Account CB - Description].&amp;[0226861 - UnamDis $500M DEI FMB 7/2020]"/>
        <member name="[CB - Account].[Account CB - Description].&amp;[0226875 - DEI Debt Disc FMB MMM 4/2039]"/>
        <member name="[CB - Account].[Account CB - Description].&amp;[0226880 - DEO Debt Dsct 5.45% FMB 4/2019]"/>
        <member name="[CB - Account].[Account CB - Description].&amp;[0226885 - DEO DEBT DSCT 2 10 FMB 6152013]"/>
        <member name="[CB - Account].[Account CB - Description].&amp;[0226951 - UnamDis,PA5 375CG&amp;E2003B 61533]"/>
        <member name="[CB - Account].[Account CB - Description].&amp;[0226952 - UnamDis,PA5 375CG&amp;E2003B 61533]"/>
        <member name="[CB - Account].[Account CB - Description].&amp;[0226953 - UnamDis,PA500MCG&amp;EDeb5 7 91512]"/>
        <member name="[CB - Account].[Account CB - Description].&amp;[0227000 - SCHM Oblig Under Capital Lease]"/>
        <member name="[CB - Account].[Account CB - Description].&amp;[0227100 - SCHM Oblig Parking Deck Lease]"/>
        <member name="[CB - Account].[Account CB - Description].&amp;[0227101 - LT Capital Lease Obligations]"/>
        <member name="[CB - Account].[Account CB - Description].&amp;[0227102 - Noncurrent Capital Lease-Meter]"/>
        <member name="[CB - Account].[Account CB - Description].&amp;[0227103 - LT Cap Lease Oblig - Tax Oper]"/>
        <member name="[CB - Account].[Account CB - Description].&amp;[0227104 - Cap Lease Noncurrent SPHQ]"/>
        <member name="[CB - Account].[Account CB - Description].&amp;[0227105 - Cap Lease Noncurrent SH]"/>
        <member name="[CB - Account].[Account CB - Description].&amp;[0227152 - IC Lease-LT Cap(Act as Op) Obl]"/>
        <member name="[CB - Account].[Account CB - Description].&amp;[0227176 - Interco LT Operating Lease Obl]"/>
        <member name="[CB - Account].[Account CB - Description].&amp;[0227185 - LT Oper Lse Obligation Red Hat]"/>
        <member name="[CB - Account].[Account CB - Description].&amp;[0227211 - LT Cap Lease Obl - ORB Def Tax]"/>
        <member name="[CB - Account].[Account CB - Description].&amp;[0227350 - IC Lease-LT Cap Lease Oblig]"/>
        <member name="[CB - Account].[Account CB - Description].&amp;[0227360 - LT Cap Lease Oblig-Tax Op IC]"/>
        <member name="[CB - Account].[Account CB - Description].&amp;[0228010 - SCHM Accrual-Inj&amp;Dam-Electric]"/>
        <member name="[CB - Account].[Account CB - Description].&amp;[0228020 - SCHM Employees-N.C.(Electric)]"/>
        <member name="[CB - Account].[Account CB - Description].&amp;[0228030 - SCHM Public-N.C.(Electric)]"/>
        <member name="[CB - Account].[Account CB - Description].&amp;[0228040 - SCHM Employees-S.C.(Electric)]"/>
        <member name="[CB - Account].[Account CB - Description].&amp;[0228050 - SCHM Public-S.C.(Electric)]"/>
        <member name="[CB - Account].[Account CB - Description].&amp;[0228060 - Employees-N.C.(Construct.)]"/>
        <member name="[CB - Account].[Account CB - Description].&amp;[0228070 - Public-N.C.(Construction)]"/>
        <member name="[CB - Account].[Account CB - Description].&amp;[0228080 - Employees-S.C.(Construct.)]"/>
        <member name="[CB - Account].[Account CB - Description].&amp;[0228090 - Public-S.C.(Construction)]"/>
        <member name="[CB - Account].[Account CB - Description].&amp;[0228100 - RETAIL UNFD STORM DAMAGE]"/>
        <member name="[CB - Account].[Account CB - Description].&amp;[0228101 - WHOLESALE STORM RESERVE]"/>
        <member name="[CB - Account].[Account CB - Description].&amp;[0228110 - Prprty Insrnc Rsrv-Nuclear]"/>
        <member name="[CB - Account].[Account CB - Description].&amp;[0228120 - Prprty Insrnc Rsrv-Other]"/>
        <member name="[CB - Account].[Account CB - Description].&amp;[0228130 - Nuclear Liab Insurance Reserve]"/>
        <member name="[CB - Account].[Account CB - Description].&amp;[0228150 - SCHM I&amp;D Extraordinary]"/>
        <member name="[CB - Account].[Account CB - Description].&amp;[0228200 - SCHM_WORK_COM_OTH_PUR_ACCT_ADJ]"/>
        <member name="[CB - Account].[Account CB - Description].&amp;[0228201 - CLAIM RESERVE]"/>
        <member name="[CB - Account].[Account CB - Description].&amp;[0228202 - CLAIM RESERVE - S/T]"/>
        <member name="[CB - Account].[Account CB - Description].&amp;[0228210 - Accrual Inj &amp; Dam-Water]"/>
        <member name="[CB - Account].[Account CB - Description].&amp;[0228220 - Employees (Water)]"/>
        <member name="[CB - Account].[Account CB - Description].&amp;[0228230 - Public (Water)]"/>
        <member name="[CB - Account].[Account CB - Description].&amp;[0228250 - SCHM Worker's Comp-Other]"/>
        <member name="[CB - Account].[Account CB - Description].&amp;[0228260 - Eastover Liability Reserve]"/>
        <member name="[CB - Account].[Account CB - Description].&amp;[0228270 - Worker's Comp-Reimbursement]"/>
        <member name="[CB - Account].[Account CB - Description].&amp;[0228280 - SCHM Enviromental]"/>
        <member name="[CB - Account].[Account CB - Description].&amp;[0228290 - Environmental Liab NRB]"/>
        <member name="[CB - Account].[Account CB - Description].&amp;[0228300 - Accum Provision - OPEB]"/>
        <member name="[CB - Account].[Account CB - Description].&amp;[0228301 - Accum Provision - PNG SERP]"/>
        <member name="[CB - Account].[Account CB - Description].&amp;[0228302 - Accum Provision - NCNG SERP]"/>
        <member name="[CB - Account].[Account CB - Description].&amp;[0228303 - Accum Provision - Dir Retire]"/>
        <member name="[CB - Account].[Account CB - Description].&amp;[0228310 - OPEB (FAS106)-Admin Fees]"/>
        <member name="[CB - Account].[Account CB - Description].&amp;[0228311 - Res For Exec Supp Life Ins-Ann]"/>
        <member name="[CB - Account].[Account CB - Description].&amp;[0228312 - PENSION REST]"/>
        <member name="[CB - Account].[Account CB - Description].&amp;[0228313 - COLI DEATH BENEFIT SURVIVOR]"/>
        <member name="[CB - Account].[Account CB - Description].&amp;[0228316 - IC SCHM DPLLC OPEB (FAS106)]"/>
        <member name="[CB - Account].[Account CB - Description].&amp;[0228317 - Opeb (Fas106) - TCSR]"/>
        <member name="[CB - Account].[Account CB - Description].&amp;[0228318 - OPEB liability - FAS 106]"/>
        <member name="[CB - Account].[Account CB - Description].&amp;[0228320 - Post Emp(FAS112) Admin Fees]"/>
        <member name="[CB - Account].[Account CB - Description].&amp;[0228323 - Post emp FAS 112 -TCSR]"/>
        <member name="[CB - Account].[Account CB - Description].&amp;[0228324 - SCHM DPC POS EMP FAS 112]"/>
        <member name="[CB - Account].[Account CB - Description].&amp;[0228326 - IC SCHM DPLLC Post Emp FAS112]"/>
        <member name="[CB - Account].[Account CB - Description].&amp;[0228327 - Reserve - Executive Life Ins.]"/>
        <member name="[CB - Account].[Account CB - Description].&amp;[0228330 - Post Retirement Benefits - NPL]"/>
        <member name="[CB - Account].[Account CB - Description].&amp;[0228335 - Res - For VWFR Suplmtl Benefit]"/>
        <member name="[CB - Account].[Account CB - Description].&amp;[0228340 - Nonqualified Plans Liability]"/>
        <member name="[CB - Account].[Account CB - Description].&amp;[0228341 - Benefit Reserve-Current Contr]"/>
        <member name="[CB - Account].[Account CB - Description].&amp;[0228347 - Pension Liab - FAS 87]"/>
        <member name="[CB - Account].[Account CB - Description].&amp;[0228348 - Pension Liab - FAS 87(Cinergy)]"/>
        <member name="[CB - Account].[Account CB - Description].&amp;[0228370 - Supplemental Retirement Pln-Pe]"/>
        <member name="[CB - Account].[Account CB - Description].&amp;[0228375 - Contract Pension Payments]"/>
        <member name="[CB - Account].[Account CB - Description].&amp;[0228385 - Res-Fas 112 Postemp Kaiser WC]"/>
        <member name="[CB - Account].[Account CB - Description].&amp;[0228390 - Res-Fas 112 Postemployment Ben]"/>
        <member name="[CB - Account].[Account CB - Description].&amp;[0228395 - Res-Fas 112 Postemp Ben Wrkcmp]"/>
        <member name="[CB - Account].[Account CB - Description].&amp;[0228400 - MGP Sites - SC only]"/>
        <member name="[CB - Account].[Account CB - Description].&amp;[0228401 - COAL MINES INS LIAB]"/>
        <member name="[CB - Account].[Account CB - Description].&amp;[0228402 - NUCLEAR REFUEL OUTAGE #16]"/>
        <member name="[CB - Account].[Account CB - Description].&amp;[0228403 - DEFERRED SERP-ACTIVE EMPL]"/>
        <member name="[CB - Account].[Account CB - Description].&amp;[0228404 - DEFERRED COMP]"/>
        <member name="[CB - Account].[Account CB - Description].&amp;[0228405 - 2000 CLASS DEFERRED COMPENSAT]"/>
        <member name="[CB - Account].[Account CB - Description].&amp;[0228406 - OTHER DEFERRED COMP]"/>
        <member name="[CB - Account].[Account CB - Description].&amp;[0228407 - PERF SHARE SUB PLAN]"/>
        <member name="[CB - Account].[Account CB - Description].&amp;[0228408 - MGT INCENTIVE AWARD DEF]"/>
        <member name="[CB - Account].[Account CB - Description].&amp;[0228409 - BOD COMP PLAN]"/>
        <member name="[CB - Account].[Account CB - Description].&amp;[0228410 - SCHM Reserve-Loan Assist-N.C.]"/>
        <member name="[CB - Account].[Account CB - Description].&amp;[0228411 - Est Excess PA Scrubber-ST]"/>
        <member name="[CB - Account].[Account CB - Description].&amp;[0228412 - ENVIRONMENTAL - S/T]"/>
        <member name="[CB - Account].[Account CB - Description].&amp;[0228413 - Nuclear EOL Costs]"/>
        <member name="[CB - Account].[Account CB - Description].&amp;[0228414 - Nuclear Refueling Outages]"/>
        <member name="[CB - Account].[Account CB - Description].&amp;[0228415 - EST EXCESS PA SCRUBBER CHARGE]"/>
        <member name="[CB - Account].[Account CB - Description].&amp;[0228416 - LT DEFERRED RETIREMENT LIAB]"/>
        <member name="[CB - Account].[Account CB - Description].&amp;[0228440 - Reserve - MGP Sites FERC 228]"/>
        <member name="[CB - Account].[Account CB - Description].&amp;[0228450 - Def Doe Enrichmnt Clean-Up Fee]"/>
        <member name="[CB - Account].[Account CB - Description].&amp;[0228453 - Accued Vacation]"/>
        <member name="[CB - Account].[Account CB - Description].&amp;[0228454 - Reserve - Asbestos]"/>
        <member name="[CB - Account].[Account CB - Description].&amp;[0228455 - Reg Asset - Manual Reclass]"/>
        <member name="[CB - Account].[Account CB - Description].&amp;[0228456 - Reg Liability - Manual Reclass]"/>
        <member name="[CB - Account].[Account CB - Description].&amp;[0228457 - Nuclear Refueling Outages]"/>
        <member name="[CB - Account].[Account CB - Description].&amp;[0228460 - CR3 LLRW DISPOSAL-LT LIABILITY]"/>
        <member name="[CB - Account].[Account CB - Description].&amp;[0228480 - Acc Prov Insurance-Environ]"/>
        <member name="[CB - Account].[Account CB - Description].&amp;[0228800 - Reserve Pen Post Ret Pur Acctg]"/>
        <member name="[CB - Account].[Account CB - Description].&amp;[0229000 - Accum. Prov. For Rate Refund]"/>
        <member name="[CB - Account].[Account CB - Description].&amp;[0229001 - Accm Prv-Rate Refnd-Trnsp]"/>
        <member name="[CB - Account].[Account CB - Description].&amp;[0229002 - Accum Prv- Rate Refund IGCC]"/>
        <member name="[CB - Account].[Account CB - Description].&amp;[0229003 - WHOLESALE - QF ENERGY]"/>
        <member name="[CB - Account].[Account CB - Description].&amp;[0229010 - Accm Prv-Rate Refnd-Tax Ref]"/>
        <member name="[CB - Account].[Account CB - Description].&amp;[0229011 - Accm Prv-Rate Refnd-Tax Ref ST]"/>
        <member name="[CB - Account].[Account CB - Description].&amp;[0229012 - Prov for RR Excess Def Tax LT]"/>
        <member name="[CB - Account].[Account CB - Description].&amp;[0229013 - Prov for RR Excess Def Tax ST]"/>
        <member name="[CB - Account].[Account CB - Description].&amp;[0229014 - Prov for RR SC LT]"/>
        <member name="[CB - Account].[Account CB - Description].&amp;[0229015 - Prov for Rate Refund - SC ST]"/>
        <member name="[CB - Account].[Account CB - Description].&amp;[0229971 - Accum Provision - LT]"/>
        <member name="[CB - Account].[Account CB - Description].&amp;[0230001 - FAS 143-ARO Liability ST]"/>
        <member name="[CB - Account].[Account CB - Description].&amp;[0230010 - Catawba Cty Use Tax Payable]"/>
        <member name="[CB - Account].[Account CB - Description].&amp;[0230020 - Catawba Cty Sales Tax Payable]"/>
        <member name="[CB - Account].[Account CB - Description].&amp;[0230030 - Lincoln Cty Use Tax Payable]"/>
        <member name="[CB - Account].[Account CB - Description].&amp;[0230040 - Lincoln Cty Sales Tax Payable]"/>
        <member name="[CB - Account].[Account CB - Description].&amp;[0230050 - Alexander Cty Use Tax Payable]"/>
        <member name="[CB - Account].[Account CB - Description].&amp;[0230060 - Alexander Cty Sales Tax Pay]"/>
        <member name="[CB - Account].[Account CB - Description].&amp;[0230070 - Granville Cty Use Tax Payable]"/>
        <member name="[CB - Account].[Account CB - Description].&amp;[0230080 - Granville Cty Sales Tax Pay]"/>
        <member name="[CB - Account].[Account CB - Description].&amp;[0230090 - Stanly Cty Use Tax Payable]"/>
        <member name="[CB - Account].[Account CB - Description].&amp;[0230100 - Stanly Cty Sales Tax Payable]"/>
        <member name="[CB - Account].[Account CB - Description].&amp;[0230110 - Caswell Cty Use Tax Payable]"/>
        <member name="[CB - Account].[Account CB - Description].&amp;[0230120 - Caswell Cty Sales Tax Payable]"/>
        <member name="[CB - Account].[Account CB - Description].&amp;[0230130 - Chatham Cty Use Tax Payable]"/>
        <member name="[CB - Account].[Account CB - Description].&amp;[0230140 - Chatham Cty Sales Tax Payable]"/>
        <member name="[CB - Account].[Account CB - Description].&amp;[0230150 - Iredell Cty Use Tax Payable]"/>
        <member name="[CB - Account].[Account CB - Description].&amp;[0230160 - Iredell Cty Sales Tax Payable]"/>
        <member name="[CB - Account].[Account CB - Description].&amp;[0230170 - Rowan Cty Use Tax Payable]"/>
        <member name="[CB - Account].[Account CB - Description].&amp;[0230180 - Rowan Cty Sales Tax Payable]"/>
        <member name="[CB - Account].[Account CB - Description].&amp;[0230190 - Davie Cty Use Tax Payable]"/>
        <member name="[CB - Account].[Account CB - Description].&amp;[0230200 - Davie Cty Sales Tax Payable]"/>
        <member name="[CB - Account].[Account CB - Description].&amp;[0230210 - Forsyth Cty Use Tax Payable]"/>
        <member name="[CB - Account].[Account CB - Description].&amp;[0230220 - Forsyth Cty Sales Tax Payable]"/>
        <member name="[CB - Account].[Account CB - Description].&amp;[0230230 - Randolph Cty Use Tax Payable]"/>
        <member name="[CB - Account].[Account CB - Description].&amp;[0230240 - Randolph Cty Sales Tax Payable]"/>
        <member name="[CB - Account].[Account CB - Description].&amp;[0230250 - Rockingham Cty Use Tax Pay]"/>
        <member name="[CB - Account].[Account CB - Description].&amp;[0230260 - Rockingham Cty Sales Tax Pay]"/>
        <member name="[CB - Account].[Account CB - Description].&amp;[0230270 - Stokes Cty Use Tax Payable]"/>
        <member name="[CB - Account].[Account CB - Description].&amp;[0230280 - Stokes Cty Sales Tax Payable]"/>
        <member name="[CB - Account].[Account CB - Description].&amp;[0230290 - Caldwell Cty Use Tax Payable]"/>
        <member name="[CB - Account].[Account CB - Description].&amp;[0230300 - Caldwell Cty Sales Tax Payable]"/>
        <member name="[CB - Account].[Account CB - Description].&amp;[0230310 - Rutherford Cty Use Tax Payable]"/>
        <member name="[CB - Account].[Account CB - Description].&amp;[0230320 - Rutherford Sales Tax Payable]"/>
        <member name="[CB - Account].[Account CB - Description].&amp;[0230330 - Burke Cty Use Tax Payable]"/>
        <member name="[CB - Account].[Account CB - Description].&amp;[0230340 - Burke Cty Sales Tax Payable]"/>
        <member name="[CB - Account].[Account CB - Description].&amp;[0230350 - Anson Cty Use Tax Payable]"/>
        <member name="[CB - Account].[Account CB - Description].&amp;[0230360 - Buncombe Cty Use Tax Payable]"/>
        <member name="[CB - Account].[Account CB - Description].&amp;[0230370 - Person Cty Use Tax Payable]"/>
        <member name="[CB - Account].[Account CB - Description].&amp;[0230380 - Wake Cty Use Tax Payable]"/>
        <member name="[CB - Account].[Account CB - Description].&amp;[0230390 - Madison County Use Tax]"/>
        <member name="[CB - Account].[Account CB - Description].&amp;[0230400 - Jackson Cty Use Tax Payable]"/>
        <member name="[CB - Account].[Account CB - Description].&amp;[0230405 - Sales &amp; Use Tax Payable]"/>
        <member name="[CB - Account].[Account CB - Description].&amp;[0230410 - Graham Cty Use Tax Payable]"/>
        <member name="[CB - Account].[Account CB - Description].&amp;[0230411 - Graham City Sales Tax Payable]"/>
        <member name="[CB - Account].[Account CB - Description].&amp;[0230420 - Macon Cty Use Tax Payable]"/>
        <member name="[CB - Account].[Account CB - Description].&amp;[0230421 - Macon City Sales Tax Payable]"/>
        <member name="[CB - Account].[Account CB - Description].&amp;[0230425 - Clay City Use Tax Payable]"/>
        <member name="[CB - Account].[Account CB - Description].&amp;[0230426 - Clay City Sales Tax Payable]"/>
        <member name="[CB - Account].[Account CB - Description].&amp;[0230430 - Swain Cty Use Tax Payable]"/>
        <member name="[CB - Account].[Account CB - Description].&amp;[0230431 - Swain City Sales Tax Payable]"/>
        <member name="[CB - Account].[Account CB - Description].&amp;[0230440 - Cherokee Cty Use Tax Payable]"/>
        <member name="[CB - Account].[Account CB - Description].&amp;[0230441 - Cherokee City Sales Tax Payabl]"/>
        <member name="[CB - Account].[Account CB - Description].&amp;[0230450 - Mitchell County Sales Tax]"/>
        <member name="[CB - Account].[Account CB - Description].&amp;[0230460 - Alleghany County Use Tax]"/>
        <member name="[CB - Account].[Account CB - Description].&amp;[0230470 - 2/97]"/>
        <member name="[CB - Account].[Account CB - Description].&amp;[0230480 - 2/97]"/>
        <member name="[CB - Account].[Account CB - Description].&amp;[0230490 - 2/97]"/>
        <member name="[CB - Account].[Account CB - Description].&amp;[0230500 - 2/97]"/>
        <member name="[CB - Account].[Account CB - Description].&amp;[0230510 - Ncmpa]"/>
        <member name="[CB - Account].[Account CB - Description].&amp;[0230520 - Ncemc]"/>
        <member name="[CB - Account].[Account CB - Description].&amp;[0230530 - Saluda River]"/>
        <member name="[CB - Account].[Account CB - Description].&amp;[0230540 - Pmpa]"/>
        <member name="[CB - Account].[Account CB - Description].&amp;[0230550 - 2/97]"/>
        <member name="[CB - Account].[Account CB - Description].&amp;[0230560 - 2/97]"/>
        <member name="[CB - Account].[Account CB - Description].&amp;[0230570 - 2/97]"/>
        <member name="[CB - Account].[Account CB - Description].&amp;[0230580 - 2/97]"/>
        <member name="[CB - Account].[Account CB - Description].&amp;[0230590 - 2/97]"/>
        <member name="[CB - Account].[Account CB - Description].&amp;[0230600 - 2/97]"/>
        <member name="[CB - Account].[Account CB - Description].&amp;[0230610 - 2/97]"/>
        <member name="[CB - Account].[Account CB - Description].&amp;[0230620 - 2/97]"/>
        <member name="[CB - Account].[Account CB - Description].&amp;[0230630 - 2/97]"/>
        <member name="[CB - Account].[Account CB - Description].&amp;[0230640 - Sc Solid Waste Excise Tax]"/>
        <member name="[CB - Account].[Account CB - Description].&amp;[0230650 - 2/97]"/>
        <member name="[CB - Account].[Account CB - Description].&amp;[0230660 - 2/97]"/>
        <member name="[CB - Account].[Account CB - Description].&amp;[0230670 - 2/97]"/>
        <member name="[CB - Account].[Account CB - Description].&amp;[0230680 - 2/97]"/>
        <member name="[CB - Account].[Account CB - Description].&amp;[0230690 - S.C. Mun. License - Elect.]"/>
        <member name="[CB - Account].[Account CB - Description].&amp;[0230691 - NC Municipal Franchise Tax]"/>
        <member name="[CB - Account].[Account CB - Description].&amp;[0230700 - Nc Vehicle Lease Sales Tax]"/>
        <member name="[CB - Account].[Account CB - Description].&amp;[0230710 - Sc Vehicle Lease Surcharge 5%]"/>
        <member name="[CB - Account].[Account CB - Description].&amp;[0230720 - Sc Vehicle Lease Sales Tax 5%]"/>
        <member name="[CB - Account].[Account CB - Description].&amp;[0230730 - Jackson Cty Sales Tax Payable]"/>
        <member name="[CB - Account].[Account CB - Description].&amp;[0230740 - 1/96]"/>
        <member name="[CB - Account].[Account CB - Description].&amp;[0230750 - 2/97]"/>
        <member name="[CB - Account].[Account CB - Description].&amp;[0230760 - 2/97]"/>
        <member name="[CB - Account].[Account CB - Description].&amp;[0230770 - 2/97]"/>
        <member name="[CB - Account].[Account CB - Description].&amp;[0230780 - 2/97]"/>
        <member name="[CB - Account].[Account CB - Description].&amp;[0230790 - 2/97]"/>
        <member name="[CB - Account].[Account CB - Description].&amp;[0230800 - 2/97]"/>
        <member name="[CB - Account].[Account CB - Description].&amp;[0230810 - 2/97]"/>
        <member name="[CB - Account].[Account CB - Description].&amp;[0230820 - 2/97]"/>
        <member name="[CB - Account].[Account CB - Description].&amp;[0230830 - 2/97]"/>
        <member name="[CB - Account].[Account CB - Description].&amp;[0230840 - 2/97]"/>
        <member name="[CB - Account].[Account CB - Description].&amp;[0230850 - 2/97]"/>
        <member name="[CB - Account].[Account CB - Description].&amp;[0230860 - 2/97]"/>
        <member name="[CB - Account].[Account CB - Description].&amp;[0230870 - 2/97]"/>
        <member name="[CB - Account].[Account CB - Description].&amp;[0230880 - 2/97]"/>
        <member name="[CB - Account].[Account CB - Description].&amp;[0230890 - 2/97]"/>
        <member name="[CB - Account].[Account CB - Description].&amp;[0230900 - 2/97]"/>
        <member name="[CB - Account].[Account CB - Description].&amp;[0230910 - 2/97]"/>
        <member name="[CB - Account].[Account CB - Description].&amp;[0230920 - 2/97]"/>
        <member name="[CB - Account].[Account CB - Description].&amp;[0230930 - Anson Cty Sales Tax Payable]"/>
        <member name="[CB - Account].[Account CB - Description].&amp;[0230940 - Person Cty Sales Tax Payable]"/>
        <member name="[CB - Account].[Account CB - Description].&amp;[0230950 - Wake Cty Sales Tax Payable]"/>
        <member name="[CB - Account].[Account CB - Description].&amp;[0230997 - VIE - Non Recourse ARO]"/>
        <member name="[CB - Account].[Account CB - Description].&amp;[0230999 - ARO Liability]"/>
        <member name="[CB - Account].[Account CB - Description].&amp;[0231000 - Unamortized Discount - Cp]"/>
        <member name="[CB - Account].[Account CB - Description].&amp;[0231100 - Current Portion Secured Fixed]"/>
        <member name="[CB - Account].[Account CB - Description].&amp;[0231101 - Unsecured Fixed (Notes)]"/>
        <member name="[CB - Account].[Account CB - Description].&amp;[0231110 - Audit Costs]"/>
        <member name="[CB - Account].[Account CB - Description].&amp;[0231200 - Notes Payable-Other]"/>
        <member name="[CB - Account].[Account CB - Description].&amp;[0231210 - VIE - Non-recourse Notes Pay]"/>
        <member name="[CB - Account].[Account CB - Description].&amp;[0231300 - S-T Commercial Paper]"/>
        <member name="[CB - Account].[Account CB - Description].&amp;[0231301 - Np - Oric]"/>
        <member name="[CB - Account].[Account CB - Description].&amp;[0231302 - Np - Wgm]"/>
        <member name="[CB - Account].[Account CB - Description].&amp;[0231304 - NP  - Formica]"/>
        <member name="[CB - Account].[Account CB - Description].&amp;[0231305 - NP Project Loan]"/>
        <member name="[CB - Account].[Account CB - Description].&amp;[0231306 - NP - short term]"/>
        <member name="[CB - Account].[Account CB - Description].&amp;[0231307 - NP-Duke Capital]"/>
        <member name="[CB - Account].[Account CB - Description].&amp;[0231309 - Extendable Commercial Notes]"/>
        <member name="[CB - Account].[Account CB - Description].&amp;[0232001 - A/P Corporate Vendors Payable]"/>
        <member name="[CB - Account].[Account CB - Description].&amp;[0232003 - Ap-Vat _Prepay Costs]"/>
        <member name="[CB - Account].[Account CB - Description].&amp;[0232006 - Ret Med, Life &amp; Dental Premium]"/>
        <member name="[CB - Account].[Account CB - Description].&amp;[0232007 - Ap-Vacation Accrual]"/>
        <member name="[CB - Account].[Account CB - Description].&amp;[0232008 - A/P-Ser &amp; Envrn-Wattnberg]"/>
        <member name="[CB - Account].[Account CB - Description].&amp;[0232009 - Purchasing Card Accrual]"/>
        <member name="[CB - Account].[Account CB - Description].&amp;[0232010 - Anderson Fair User Charge]"/>
        <member name="[CB - Account].[Account CB - Description].&amp;[0232011 - ANDERSON WATER PAYABLE]"/>
        <member name="[CB - Account].[Account CB - Description].&amp;[0232012 - SC Sharing Liability - Rates]"/>
        <member name="[CB - Account].[Account CB - Description].&amp;[0232013 - RPT Audit Services - Duke]"/>
        <member name="[CB - Account].[Account CB - Description].&amp;[0232014 - RPT Other Accruals]"/>
        <member name="[CB - Account].[Account CB - Description].&amp;[0232015 - RPT Corporate Governance COP]"/>
        <member name="[CB - Account].[Account CB - Description].&amp;[0232017 - Other Current Liabilities-Comp]"/>
        <member name="[CB - Account].[Account CB - Description].&amp;[0232018 - EAM Payables]"/>
        <member name="[CB - Account].[Account CB - Description].&amp;[0232019 - T&amp;E Card Liability]"/>
        <member name="[CB - Account].[Account CB - Description].&amp;[0232020 - Vouchers Payable-Merch.]"/>
        <member name="[CB - Account].[Account CB - Description].&amp;[0232021 - AP-Gas Purchases]"/>
        <member name="[CB - Account].[Account CB - Description].&amp;[0232022 - AP- Electric Power]"/>
        <member name="[CB - Account].[Account CB - Description].&amp;[0232023 - AP-Gas Processing Plants]"/>
        <member name="[CB - Account].[Account CB - Description].&amp;[0232024 - AP-Take Or Pay Flow Thru]"/>
        <member name="[CB - Account].[Account CB - Description].&amp;[0232025 - AP-Transport Gas By Others]"/>
        <member name="[CB - Account].[Account CB - Description].&amp;[0232026 - A/P-CAP RENT LONG TERM(I)]"/>
        <member name="[CB - Account].[Account CB - Description].&amp;[0232027 - AP-Fuel Financial Hedge]"/>
        <member name="[CB - Account].[Account CB - Description].&amp;[0232028 - CertainTeed settlement pay-LT]"/>
        <member name="[CB - Account].[Account CB - Description].&amp;[0232029 - CertainTeed settlement pay-ST]"/>
        <member name="[CB - Account].[Account CB - Description].&amp;[0232030 - Unbilled Fuel Rev-NC Current]"/>
        <member name="[CB - Account].[Account CB - Description].&amp;[0232031 - Treasury LC and MCF Fees]"/>
        <member name="[CB - Account].[Account CB - Description].&amp;[0232032 - Unbilled Fuel Rev-NC Prior Yr]"/>
        <member name="[CB - Account].[Account CB - Description].&amp;[0232033 - Unbilled Fuel Rev-NC2Yrs Prior]"/>
        <member name="[CB - Account].[Account CB - Description].&amp;[0232034 - EMF Interest-NC Current]"/>
        <member name="[CB - Account].[Account CB - Description].&amp;[0232035 - EMF Interest-NC Prior Yr]"/>
        <member name="[CB - Account].[Account CB - Description].&amp;[0232036 - EMF Interest-NC 2 Yrs Prior]"/>
        <member name="[CB - Account].[Account CB - Description].&amp;[0232037 - PE Billed &amp; Def Net Pay-F2G]"/>
        <member name="[CB - Account].[Account CB - Description].&amp;[0232040 - Accounts Payable-Credit Cards]"/>
        <member name="[CB - Account].[Account CB - Description].&amp;[0232041 - AP-Retainage]"/>
        <member name="[CB - Account].[Account CB - Description].&amp;[0232042 - AP-Misc-Gen Acct-M&amp;N Mgmt]"/>
        <member name="[CB - Account].[Account CB - Description].&amp;[0232043 - Ap-Misc-Gen Acct-Mart Llc]"/>
        <member name="[CB - Account].[Account CB - Description].&amp;[0232044 - Ap-Misc-Gen Acct-Westcoast]"/>
        <member name="[CB - Account].[Account CB - Description].&amp;[0232046 - AP-Misc-Gas Acctg]"/>
        <member name="[CB - Account].[Account CB - Description].&amp;[0232047 - Ap-Dependant Life]"/>
        <member name="[CB - Account].[Account CB - Description].&amp;[0232050 - Unbilled Fuel Rev - SC Dfd Tax]"/>
        <member name="[CB - Account].[Account CB - Description].&amp;[0232051 - Unbilled Fuel Rev - 10A Df Tax]"/>
        <member name="[CB - Account].[Account CB - Description].&amp;[0232054 - Long Term Care Contributions]"/>
        <member name="[CB - Account].[Account CB - Description].&amp;[0232055 - Ap-Invest Plan Loan Rpmt]"/>
        <member name="[CB - Account].[Account CB - Description].&amp;[0232056 - Ap-Gain Share Bonus Accrual]"/>
        <member name="[CB - Account].[Account CB - Description].&amp;[0232057 - AP-GRI-Transport]"/>
        <member name="[CB - Account].[Account CB - Description].&amp;[0232058 - Ap-Misc-Revenue Billing]"/>
        <member name="[CB - Account].[Account CB - Description].&amp;[0232059 - Cash Call-ANNGTC Part]"/>
        <member name="[CB - Account].[Account CB - Description].&amp;[0232060 - Accts Payble Merch Svc Protect]"/>
        <member name="[CB - Account].[Account CB - Description].&amp;[0232061 - Checks not presented - reclass]"/>
        <member name="[CB - Account].[Account CB - Description].&amp;[0232062 - Ap-BOB]"/>
        <member name="[CB - Account].[Account CB - Description].&amp;[0232063 - A/p-Unrecon cash-Citibank]"/>
        <member name="[CB - Account].[Account CB - Description].&amp;[0232064 - Ap-Prch Gas-Transco]"/>
        <member name="[CB - Account].[Account CB - Description].&amp;[0232065 - Employee Relocation Payable]"/>
        <member name="[CB - Account].[Account CB - Description].&amp;[0232066 - Ap-Inventory Losses]"/>
        <member name="[CB - Account].[Account CB - Description].&amp;[0232068 - Employee Parking Deductions]"/>
        <member name="[CB - Account].[Account CB - Description].&amp;[0232070 - Unbilled Fuel Rev-Wholesale]"/>
        <member name="[CB - Account].[Account CB - Description].&amp;[0232074 - Ap-Other Gas Purchase]"/>
        <member name="[CB - Account].[Account CB - Description].&amp;[0232075 - Ap-Gri]"/>
        <member name="[CB - Account].[Account CB - Description].&amp;[0232076 - A/P-Prepaid Reservations Charg]"/>
        <member name="[CB - Account].[Account CB - Description].&amp;[0232077 - Ap-Prepaid Reservation-I/C]"/>
        <member name="[CB - Account].[Account CB - Description].&amp;[0232080 - Unbilled Fuel Rev-SC]"/>
        <member name="[CB - Account].[Account CB - Description].&amp;[0232081 - AP-GST/HST Tax Payable]"/>
        <member name="[CB - Account].[Account CB - Description].&amp;[0232082 - SC UNBILLED REV WRITE-OFF]"/>
        <member name="[CB - Account].[Account CB - Description].&amp;[0232090 - Unbilled Fuel Clause-Np&amp;L]"/>
        <member name="[CB - Account].[Account CB - Description].&amp;[0232094 - AP Rev Control - Related Party]"/>
        <member name="[CB - Account].[Account CB - Description].&amp;[0232095 - Acct Pay Related Pty]"/>
        <member name="[CB - Account].[Account CB - Description].&amp;[0232096 - RPT AP Trade - COP]"/>
        <member name="[CB - Account].[Account CB - Description].&amp;[0232097 - RPT Crossbill Gross-up LiabDuk]"/>
        <member name="[CB - Account].[Account CB - Description].&amp;[0232098 - RPT Crossbill Gross-up LiabOth]"/>
        <member name="[CB - Account].[Account CB - Description].&amp;[0232100 - Retention Payable]"/>
        <member name="[CB - Account].[Account CB - Description].&amp;[0232102 - DEP Payable - NG Purchases]"/>
        <member name="[CB - Account].[Account CB - Description].&amp;[0232103 - DEF Payable - NG Purchases]"/>
        <member name="[CB - Account].[Account CB - Description].&amp;[0232104 - DEP Payable - NG Transport]"/>
        <member name="[CB - Account].[Account CB - Description].&amp;[0232105 - DEF Payable - NG Transport]"/>
        <member name="[CB - Account].[Account CB - Description].&amp;[0232106 - DEP Payable - NG Fin Transact]"/>
        <member name="[CB - Account].[Account CB - Description].&amp;[0232107 - DEF Payable - NG Fin Transact]"/>
        <member name="[CB - Account].[Account CB - Description].&amp;[0232108 - DEF Cogen Payable]"/>
        <member name="[CB - Account].[Account CB - Description].&amp;[0232110 - Vouchers Payable-Automated]"/>
        <member name="[CB - Account].[Account CB - Description].&amp;[0232111 - Vouchers Payable-Passport]"/>
        <member name="[CB - Account].[Account CB - Description].&amp;[0232115 - CLHFS AP]"/>
        <member name="[CB - Account].[Account CB - Description].&amp;[0232121 - DOE Nuclear Waste Fee Pay]"/>
        <member name="[CB - Account].[Account CB - Description].&amp;[0232122 - Annual FERC Adm &amp;  Hydro Fee]"/>
        <member name="[CB - Account].[Account CB - Description].&amp;[0232123 - NCUC Regulatory Fee Pay]"/>
        <member name="[CB - Account].[Account CB - Description].&amp;[0232124 - NRC License Fee Pay]"/>
        <member name="[CB - Account].[Account CB - Description].&amp;[0232125 - NRC Inspection Fee Pay]"/>
        <member name="[CB - Account].[Account CB - Description].&amp;[0232126 - Accrued Audit Fees]"/>
        <member name="[CB - Account].[Account CB - Description].&amp;[0232127 - Trades Pending Settlement]"/>
        <member name="[CB - Account].[Account CB - Description].&amp;[0232128 - A/P DP&amp;L CCD Operations New]"/>
        <member name="[CB - Account].[Account CB - Description].&amp;[0232129 - SC PSC Reg Fee Pay]"/>
        <member name="[CB - Account].[Account CB - Description].&amp;[0232130 - Accounts Payable - Panenergy]"/>
        <member name="[CB - Account].[Account CB - Description].&amp;[0232131 - A/P - DPL Transmission]"/>
        <member name="[CB - Account].[Account CB - Description].&amp;[0232135 - EMPLOYEE EXPENSE PAYABLE]"/>
        <member name="[CB - Account].[Account CB - Description].&amp;[0232136 - Line Ext 3rd Party Refunds]"/>
        <member name="[CB - Account].[Account CB - Description].&amp;[0232137 - PURCPA Accounts Payable]"/>
        <member name="[CB - Account].[Account CB - Description].&amp;[0232140 - Customer Refunds Payable]"/>
        <member name="[CB - Account].[Account CB - Description].&amp;[0232141 - Unvouchred Stock Matls Receipt]"/>
        <member name="[CB - Account].[Account CB - Description].&amp;[0232142 - Advance Payable-NCMPA]"/>
        <member name="[CB - Account].[Account CB - Description].&amp;[0232143 - Advance Payable-NCEMC]"/>
        <member name="[CB - Account].[Account CB - Description].&amp;[0232144 - Advance Payable-PMPA]"/>
        <member name="[CB - Account].[Account CB - Description].&amp;[0232145 - A/P CJO Special Projects]"/>
        <member name="[CB - Account].[Account CB - Description].&amp;[0232150 - Accounts Payable-Stores]"/>
        <member name="[CB - Account].[Account CB - Description].&amp;[0232151 - PP Accounts Payable - Stores]"/>
        <member name="[CB - Account].[Account CB - Description].&amp;[0232152 - A/P Purchased Gas]"/>
        <member name="[CB - Account].[Account CB - Description].&amp;[0232153 - A/P - CSP Transmission]"/>
        <member name="[CB - Account].[Account CB - Description].&amp;[0232154 - A/P CSP CCD Operations]"/>
        <member name="[CB - Account].[Account CB - Description].&amp;[0232155 - Accounts Payable-Stores CAS]"/>
        <member name="[CB - Account].[Account CB - Description].&amp;[0232160 - Accounts Payable-Clearing]"/>
        <member name="[CB - Account].[Account CB - Description].&amp;[0232161 - Non-Reg Fuel Purchase]"/>
        <member name="[CB - Account].[Account CB - Description].&amp;[0232177 - Generic By Product Payable]"/>
        <member name="[CB - Account].[Account CB - Description].&amp;[0232178 - Accrued Settlements Payable]"/>
        <member name="[CB - Account].[Account CB - Description].&amp;[0232190 - Coal Freight Payable]"/>
        <member name="[CB - Account].[Account CB - Description].&amp;[0232191 - NC Coal Inventory Payable]"/>
        <member name="[CB - Account].[Account CB - Description].&amp;[0232192 - SC Coal Inventory Payable]"/>
        <member name="[CB - Account].[Account CB - Description].&amp;[0232195 - RAILCAR LEASE PAYABLE]"/>
        <member name="[CB - Account].[Account CB - Description].&amp;[0232199 - PowerPlan Coal Payable]"/>
        <member name="[CB - Account].[Account CB - Description].&amp;[0232200 - CBIS Refund Payable]"/>
        <member name="[CB - Account].[Account CB - Description].&amp;[0232205 - A/P ENRB Holding Account]"/>
        <member name="[CB - Account].[Account CB - Description].&amp;[0232210 - Unclaimed Wages]"/>
        <member name="[CB - Account].[Account CB - Description].&amp;[0232220 - Employee Relocation Payable]"/>
        <member name="[CB - Account].[Account CB - Description].&amp;[0232221 - Employee Relocation- NEI]"/>
        <member name="[CB - Account].[Account CB - Description].&amp;[0232222 - Test Fuel Payable]"/>
        <member name="[CB - Account].[Account CB - Description].&amp;[0232223 - A/P Certified Supplier Gas]"/>
        <member name="[CB - Account].[Account CB - Description].&amp;[0232224 - Solar Generation Rider]"/>
        <member name="[CB - Account].[Account CB - Description].&amp;[0232230 - Accrued Liabilities]"/>
        <member name="[CB - Account].[Account CB - Description].&amp;[0232231 - AP Revenue Control]"/>
        <member name="[CB - Account].[Account CB - Description].&amp;[0232232 - AP Affiliates]"/>
        <member name="[CB - Account].[Account CB - Description].&amp;[0232233 - AP Contra]"/>
        <member name="[CB - Account].[Account CB - Description].&amp;[0232234 - AP Estimate]"/>
        <member name="[CB - Account].[Account CB - Description].&amp;[0232235 - Employee Expenses Payable]"/>
        <member name="[CB - Account].[Account CB - Description].&amp;[0232240 - Accrued Liabilities MW Joint O]"/>
        <member name="[CB - Account].[Account CB - Description].&amp;[0232250 - SHORT TERM DEF GAIN ON SALE]"/>
        <member name="[CB - Account].[Account CB - Description].&amp;[0232255 - LONG-TERM DEF LEASE LIABILITY]"/>
        <member name="[CB - Account].[Account CB - Description].&amp;[0232256 - BROKERAGE COLLATERAL]"/>
        <member name="[CB - Account].[Account CB - Description].&amp;[0232257 - Avoided Prem Surcharge Pay-Cur]"/>
        <member name="[CB - Account].[Account CB - Description].&amp;[0232260 - Deposit Account]"/>
        <member name="[CB - Account].[Account CB - Description].&amp;[0232270 - Passport Unvouchered Liability]"/>
        <member name="[CB - Account].[Account CB - Description].&amp;[0232300 - AP-TRANSPORTATION]"/>
        <member name="[CB - Account].[Account CB - Description].&amp;[0232301 - AP-TRANSPORTATION ESTIMATE]"/>
        <member name="[CB - Account].[Account CB - Description].&amp;[0232310 - PAYROLL POOL/IBNR RESERVE]"/>
        <member name="[CB - Account].[Account CB - Description].&amp;[0232311 - OPEX G&amp;A ACCRUAL]"/>
        <member name="[CB - Account].[Account CB - Description].&amp;[0232312 - IMBALANCE PAYABLE]"/>
        <member name="[CB - Account].[Account CB - Description].&amp;[0232313 - CORPORATE GOVERANCE ACCRUAL]"/>
        <member name="[CB - Account].[Account CB - Description].&amp;[0232314 - CAPITAL SPENDING ACCRUAL]"/>
        <member name="[CB - Account].[Account CB - Description].&amp;[0232325 - Losses Payable]"/>
        <member name="[CB - Account].[Account CB - Description].&amp;[0232329 - Share The Warmth]"/>
        <member name="[CB - Account].[Account CB - Description].&amp;[0232330 - OTH DEFER CR PA3 URAN ACCT UF6]"/>
        <member name="[CB - Account].[Account CB - Description].&amp;[0232331 - A/P - ENERGY NEIGHBOR FUND]"/>
        <member name="[CB - Account].[Account CB - Description].&amp;[0232332 - Photovoltaic Fund]"/>
        <member name="[CB - Account].[Account CB - Description].&amp;[0232333 - A/P - FLEXCARE]"/>
        <member name="[CB - Account].[Account CB - Description].&amp;[0232334 - A/P - Stock Loan Repay]"/>
        <member name="[CB - Account].[Account CB - Description].&amp;[0232335 - NCEMPA - Other]"/>
        <member name="[CB - Account].[Account CB - Description].&amp;[0232336 - Advance Payable NCEMPA]"/>
        <member name="[CB - Account].[Account CB - Description].&amp;[0232337 - CR3 Joint Owner]"/>
        <member name="[CB - Account].[Account CB - Description].&amp;[0232338 - Payable - Int City Joint Owner]"/>
        <member name="[CB - Account].[Account CB - Description].&amp;[0232339 - Advance Payable NCEMPA Uranium]"/>
        <member name="[CB - Account].[Account CB - Description].&amp;[0232350 - INTERCO AP]"/>
        <member name="[CB - Account].[Account CB - Description].&amp;[0232357 - PIPP Installment Liability]"/>
        <member name="[CB - Account].[Account CB - Description].&amp;[0232358 - A/P ODOD EER]"/>
        <member name="[CB - Account].[Account CB - Description].&amp;[0232359 - A/P ODOD USF]"/>
        <member name="[CB - Account].[Account CB - Description].&amp;[0232360 - Reinsurance premium payable-cu]"/>
        <member name="[CB - Account].[Account CB - Description].&amp;[0232370 - Outstanding Drafts]"/>
        <member name="[CB - Account].[Account CB - Description].&amp;[0232380 - Outstanding Drafts-Claim Dept.]"/>
        <member name="[CB - Account].[Account CB - Description].&amp;[0232390 - Outstanding Drafts - Mapps]"/>
        <member name="[CB - Account].[Account CB - Description].&amp;[0232400 - Interco Accrued Liability]"/>
        <member name="[CB - Account].[Account CB - Description].&amp;[0232402 - COLLATERAL LIAB]"/>
        <member name="[CB - Account].[Account CB - Description].&amp;[0232410 - Transmission Payables]"/>
        <member name="[CB - Account].[Account CB - Description].&amp;[0232420 - Georgia Power Co(Sou. Srvc Co)]"/>
        <member name="[CB - Account].[Account CB - Description].&amp;[0232421 - Unfunded Supplemental Payments]"/>
        <member name="[CB - Account].[Account CB - Description].&amp;[0232430 - Inactive]"/>
        <member name="[CB - Account].[Account CB - Description].&amp;[0232440 - S.C. Electric &amp; Gas Co.]"/>
        <member name="[CB - Account].[Account CB - Description].&amp;[0232450 - Appalachian Power Co.]"/>
        <member name="[CB - Account].[Account CB - Description].&amp;[0232460 - Bulk Power Marketing Payable]"/>
        <member name="[CB - Account].[Account CB - Description].&amp;[0232470 - Carolina Power &amp; Light Co.]"/>
        <member name="[CB - Account].[Account CB - Description].&amp;[0232480 - Co-Generation]"/>
        <member name="[CB - Account].[Account CB - Description].&amp;[0232490 - S.C. Public Service Authority]"/>
        <member name="[CB - Account].[Account CB - Description].&amp;[0232500 - Reinsurance premium payable-LT]"/>
        <member name="[CB - Account].[Account CB - Description].&amp;[0232501 - Intercompany A/P Trading]"/>
        <member name="[CB - Account].[Account CB - Description].&amp;[0232510 - Checks Not Prsntd-Escheable]"/>
        <member name="[CB - Account].[Account CB - Description].&amp;[0232520 - Checks Not Prsntd - CntrlDisb]"/>
        <member name="[CB - Account].[Account CB - Description].&amp;[0232530 - Escheats Payable Other]"/>
        <member name="[CB - Account].[Account CB - Description].&amp;[0232540 - F. U. N. B.  Payroll Payable]"/>
        <member name="[CB - Account].[Account CB - Description].&amp;[0232550 - Automatic Payroll Deposit Pay]"/>
        <member name="[CB - Account].[Account CB - Description].&amp;[0232560 - Biweekly Automated Payroll Dep]"/>
        <member name="[CB - Account].[Account CB - Description].&amp;[0232570 - Payroll Payable-Ncnb-(9/74)]"/>
        <member name="[CB - Account].[Account CB - Description].&amp;[0232580 - Inactive]"/>
        <member name="[CB - Account].[Account CB - Description].&amp;[0232590 - F. U. N. B.-Ss Plan]"/>
        <member name="[CB - Account].[Account CB - Description].&amp;[0232595 - Pool Plan Inc Liab Def]"/>
        <member name="[CB - Account].[Account CB - Description].&amp;[0232600 - White goods fee]"/>
        <member name="[CB - Account].[Account CB - Description].&amp;[0232610 - Nc Use Tax Payable]"/>
        <member name="[CB - Account].[Account CB - Description].&amp;[0232620 - Sc Use Tax Payable]"/>
        <member name="[CB - Account].[Account CB - Description].&amp;[0232630 - Nc Sales Tax Payable]"/>
        <member name="[CB - Account].[Account CB - Description].&amp;[0232640 - Sc Sales Tax Payable]"/>
        <member name="[CB - Account].[Account CB - Description].&amp;[0232650 - Mecklenburg Cty Use Tax Pay]"/>
        <member name="[CB - Account].[Account CB - Description].&amp;[0232651 - MECK CTY USE TAX 1/2% LOCAL]"/>
        <member name="[CB - Account].[Account CB - Description].&amp;[0232660 - Mecklenburg Cty Sales Tax Pay]"/>
        <member name="[CB - Account].[Account CB - Description].&amp;[0232661 - Mecklenburg 1/2% Sales Tax]"/>
        <member name="[CB - Account].[Account CB - Description].&amp;[0232670 - Durham Cty Use Tax Payable]"/>
        <member name="[CB - Account].[Account CB - Description].&amp;[0232680 - Durham Cty Sales Tax Payable]"/>
        <member name="[CB - Account].[Account CB - Description].&amp;[0232690 - Henderson Cty Use Tax Pay]"/>
        <member name="[CB - Account].[Account CB - Description].&amp;[0232700 - Henderson Cty Sales Tax Pay]"/>
        <member name="[CB - Account].[Account CB - Description].&amp;[0232710 - Cleveland Cty Use Tax Payable]"/>
        <member name="[CB - Account].[Account CB - Description].&amp;[0232720 - Cleveland Sales Tax Payable]"/>
        <member name="[CB - Account].[Account CB - Description].&amp;[0232730 - Mcdowell Cty Use Tax Payable]"/>
        <member name="[CB - Account].[Account CB - Description].&amp;[0232740 - Mcdowell Cty Sales Tax Payable]"/>
        <member name="[CB - Account].[Account CB - Description].&amp;[0232750 - Surry Cty Use Tax Payable]"/>
        <member name="[CB - Account].[Account CB - Description].&amp;[0232760 - Surry Cty Sales Tax Payable]"/>
        <member name="[CB - Account].[Account CB - Description].&amp;[0232770 - Transylvania Cty Use Tax Pay]"/>
        <member name="[CB - Account].[Account CB - Description].&amp;[0232780 - Transylvania Cty Sales Tax Pay]"/>
        <member name="[CB - Account].[Account CB - Description].&amp;[0232790 - Wilkes Cty Use Tax Payable]"/>
        <member name="[CB - Account].[Account CB - Description].&amp;[0232800 - Wilkes Cty Sales Tax Payable]"/>
        <member name="[CB - Account].[Account CB - Description].&amp;[0232810 - Guilford Cty Use Tax Payable]"/>
        <member name="[CB - Account].[Account CB - Description].&amp;[0232820 - Guilford Cty Sales Tax Payable]"/>
        <member name="[CB - Account].[Account CB - Description].&amp;[0232830 - Union Cty Use Tax Payable]"/>
        <member name="[CB - Account].[Account CB - Description].&amp;[0232840 - Union Cty Sales Tax Payable]"/>
        <member name="[CB - Account].[Account CB - Description].&amp;[0232850 - Gaston Cty Use Tax Payable]"/>
        <member name="[CB - Account].[Account CB - Description].&amp;[0232860 - Gaston Cyt Sales Tax Payable]"/>
        <member name="[CB - Account].[Account CB - Description].&amp;[0232870 - Cabarrus Cty Use Tax Payable]"/>
        <member name="[CB - Account].[Account CB - Description].&amp;[0232880 - Cabarrus Cty Sales Tax Payable]"/>
        <member name="[CB - Account].[Account CB - Description].&amp;[0232881 - Union Employee Incentive Plan]"/>
        <member name="[CB - Account].[Account CB - Description].&amp;[0232882 - GSA Product Charge]"/>
        <member name="[CB - Account].[Account CB - Description].&amp;[0232890 - Alamance Cty Use Tax Payable]"/>
        <member name="[CB - Account].[Account CB - Description].&amp;[0232891 - AP Accrual]"/>
        <member name="[CB - Account].[Account CB - Description].&amp;[0232893 - AP-Certified Supplier PAR Ele]"/>
        <member name="[CB - Account].[Account CB - Description].&amp;[0232894 - Salaries Payable]"/>
        <member name="[CB - Account].[Account CB - Description].&amp;[0232895 - Sec 125 Employee Balance]"/>
        <member name="[CB - Account].[Account CB - Description].&amp;[0232896 - AP VWRP]"/>
        <member name="[CB - Account].[Account CB - Description].&amp;[0232897 - Misc A/P - Manual]"/>
        <member name="[CB - Account].[Account CB - Description].&amp;[0232898 - A/P - Carolinas Cost of Gas]"/>
        <member name="[CB - Account].[Account CB - Description].&amp;[0232899 - A/P - Tennessee Cost of Gas]"/>
        <member name="[CB - Account].[Account CB - Description].&amp;[0232900 - Alamance Cty Sales Tax Payable]"/>
        <member name="[CB - Account].[Account CB - Description].&amp;[0232901 - A/P Refund Clearing]"/>
        <member name="[CB - Account].[Account CB - Description].&amp;[0232910 - Orange Cty Use Tax Payable]"/>
        <member name="[CB - Account].[Account CB - Description].&amp;[0232920 - Orange Cty Sales Tax Payable]"/>
        <member name="[CB - Account].[Account CB - Description].&amp;[0232930 - Polk Cty Use Tax Payable]"/>
        <member name="[CB - Account].[Account CB - Description].&amp;[0232933 - VIE - Non-recourse A/P Trade]"/>
        <member name="[CB - Account].[Account CB - Description].&amp;[0232940 - Polk Cty Sales Tax Payable]"/>
        <member name="[CB - Account].[Account CB - Description].&amp;[0232950 - Yadkin Cty Use Tax Payable]"/>
        <member name="[CB - Account].[Account CB - Description].&amp;[0232955 - A/P Wholesale Pwr - Estimate]"/>
        <member name="[CB - Account].[Account CB - Description].&amp;[0232960 - Yadkin Cty Sales Tax Payable]"/>
        <member name="[CB - Account].[Account CB - Description].&amp;[0232970 - Davidson Cty Use Tax Payable]"/>
        <member name="[CB - Account].[Account CB - Description].&amp;[0232980 - Davidson Cty Sales Tax Payable]"/>
        <member name="[CB - Account].[Account CB - Description].&amp;[0232990 - Nc Vehicle Use Tax]"/>
        <member name="[CB - Account].[Account CB - Description].&amp;[0232991 - Electric Payable]"/>
        <member name="[CB - Account].[Account CB - Description].&amp;[0232992 - Customer Collateral Deposit]"/>
        <member name="[CB - Account].[Account CB - Description].&amp;[0232993 - AP Off System]"/>
        <member name="[CB - Account].[Account CB - Description].&amp;[0232995 - AP Est Affiliate Non-Consol]"/>
        <member name="[CB - Account].[Account CB - Description].&amp;[0232997 - A/P PA NUC FUEL DEFER]"/>
        <member name="[CB - Account].[Account CB - Description].&amp;[0233000 - Notes Payable Current I/C Cont]"/>
        <member name="[CB - Account].[Account CB - Description].&amp;[0233001 - Notes Payable Log Term I/C Con]"/>
        <member name="[CB - Account].[Account CB - Description].&amp;[0233002 - Interco Notes Payable Current]"/>
        <member name="[CB - Account].[Account CB - Description].&amp;[0233003 - IC - LT Notes Pay]"/>
        <member name="[CB - Account].[Account CB - Description].&amp;[0233110 - Notes Payable To Assoc Co'S]"/>
        <member name="[CB - Account].[Account CB - Description].&amp;[0233200 - Notes Pay - DEC]"/>
        <member name="[CB - Account].[Account CB - Description].&amp;[0233220 - Notes Pay - MPS]"/>
        <member name="[CB - Account].[Account CB - Description].&amp;[0233230 - Notes Payable w/Duke Energy]"/>
        <member name="[CB - Account].[Account CB - Description].&amp;[0233240 - Notes Payable to DCC]"/>
        <member name="[CB - Account].[Account CB - Description].&amp;[0233241 - NOTE PAYABLE-DCC LUX]"/>
        <member name="[CB - Account].[Account CB - Description].&amp;[0233891 - IC Note Pay VIE]"/>
        <member name="[CB - Account].[Account CB - Description].&amp;[0233893 - AP Misc par elec]"/>
        <member name="[CB - Account].[Account CB - Description].&amp;[0234001 - Accounts Payable I/C Contra]"/>
        <member name="[CB - Account].[Account CB - Description].&amp;[0234002 - Interest Payable I/C Contra]"/>
        <member name="[CB - Account].[Account CB - Description].&amp;[0234005 - Unearned premiums-affiliate]"/>
        <member name="[CB - Account].[Account CB - Description].&amp;[0234010 - I/C AP - Joint Dispatch]"/>
        <member name="[CB - Account].[Account CB - Description].&amp;[0234020 - 5/14/96]"/>
        <member name="[CB - Account].[Account CB - Description].&amp;[0234070 - I/C A/P with 10276]"/>
        <member name="[CB - Account].[Account CB - Description].&amp;[0234100 - Mill-Power Supply Company]"/>
        <member name="[CB - Account].[Account CB - Description].&amp;[0234104 - IC Accounts Payable]"/>
        <member name="[CB - Account].[Account CB - Description].&amp;[0234110 - Houston Accounts Payable]"/>
        <member name="[CB - Account].[Account CB - Description].&amp;[0234120 - Denver Accounts Payable]"/>
        <member name="[CB - Account].[Account CB - Description].&amp;[0234130 - Global Asset Accounts Payable]"/>
        <member name="[CB - Account].[Account CB - Description].&amp;[0234140 - Trading &amp; Marketing Accounts P]"/>
        <member name="[CB - Account].[Account CB - Description].&amp;[0234190 - Church Street Capital Corp.]"/>
        <member name="[CB - Account].[Account CB - Description].&amp;[0234200 - Crescent Land And Timber Corp]"/>
        <member name="[CB - Account].[Account CB - Description].&amp;[0234242 - COLLATERAL LIABILITY ACCOUNT]"/>
        <member name="[CB - Account].[Account CB - Description].&amp;[0234250 - IC Netting - Accts Payable]"/>
        <member name="[CB - Account].[Account CB - Description].&amp;[0234260 - AP DUKE COMMUNICATION SERVICE]"/>
        <member name="[CB - Account].[Account CB - Description].&amp;[0234270 - AP PANENERGY RESOURCES MGT]"/>
        <member name="[CB - Account].[Account CB - Description].&amp;[0234300 - Eastover Mining Company]"/>
        <member name="[CB - Account].[Account CB - Description].&amp;[0234350 - IC Netting - LT Accts Payable]"/>
        <member name="[CB - Account].[Account CB - Description].&amp;[0234400 - Eastover Land Company]"/>
        <member name="[CB - Account].[Account CB - Description].&amp;[0234410 - Reins prem payable current-aff]"/>
        <member name="[CB - Account].[Account CB - Description].&amp;[0234500 - Duke Eng. &amp; Services,Inc.]"/>
        <member name="[CB - Account].[Account CB - Description].&amp;[0234550 - Duke/Fluor Daniel]"/>
        <member name="[CB - Account].[Account CB - Description].&amp;[0234600 - Nantahala Power &amp; Light]"/>
        <member name="[CB - Account].[Account CB - Description].&amp;[0234650 - AP w/Pan Service Corp]"/>
        <member name="[CB - Account].[Account CB - Description].&amp;[0234660 - AP w/DEI]"/>
        <member name="[CB - Account].[Account CB - Description].&amp;[0234700 - Duke Energy Corp]"/>
        <member name="[CB - Account].[Account CB - Description].&amp;[0234710 - Intercompany w/ DEBS]"/>
        <member name="[CB - Account].[Account CB - Description].&amp;[0234740 - Intera Payables]"/>
        <member name="[CB - Account].[Account CB - Description].&amp;[0234800 - Other]"/>
        <member name="[CB - Account].[Account CB - Description].&amp;[0234801 - Dover Profit Sharing]"/>
        <member name="[CB - Account].[Account CB - Description].&amp;[0234802 - Interco Payable - DE]"/>
        <member name="[CB - Account].[Account CB - Description].&amp;[0234803 - FERC Annual Chrg Adj]"/>
        <member name="[CB - Account].[Account CB - Description].&amp;[0234804 - Intraco Pay - Canada]"/>
        <member name="[CB - Account].[Account CB - Description].&amp;[0234805 - Intraco Pay - Commodity]"/>
        <member name="[CB - Account].[Account CB - Description].&amp;[0234806 - Intraco Pay - Energy Invest]"/>
        <member name="[CB - Account].[Account CB - Description].&amp;[0234807 - Intraco Pay - Techtrol]"/>
        <member name="[CB - Account].[Account CB - Description].&amp;[0234808 - Intraco Pay - DukeSolutions]"/>
        <member name="[CB - Account].[Account CB - Description].&amp;[0234809 - Accounts Payable - Mint Street]"/>
        <member name="[CB - Account].[Account CB - Description].&amp;[0234810 - Interco Payable w/Evendale]"/>
        <member name="[CB - Account].[Account CB - Description].&amp;[0234811 - Interco Payable w/GNE]"/>
        <member name="[CB - Account].[Account CB - Description].&amp;[0234812 - Interco Pay w/Huntington Beach]"/>
        <member name="[CB - Account].[Account CB - Description].&amp;[0234813 - I/C Pay w/ DEFS]"/>
        <member name="[CB - Account].[Account CB - Description].&amp;[0234814 - Accts Payable w/ 30274]"/>
        <member name="[CB - Account].[Account CB - Description].&amp;[0234815 - Accts Payable w/ 30274]"/>
        <member name="[CB - Account].[Account CB - Description].&amp;[0234816 - I/C Pay W/30274]"/>
        <member name="[CB - Account].[Account CB - Description].&amp;[0234817 - A/P DETM Canada]"/>
        <member name="[CB - Account].[Account CB - Description].&amp;[0234818 - A/P TETCO]"/>
        <member name="[CB - Account].[Account CB - Description].&amp;[0234819 - INTERCOMPANY PAYABLE]"/>
        <member name="[CB - Account].[Account CB - Description].&amp;[0234820 - INTERCO PAY WITH 45065]"/>
        <member name="[CB - Account].[Account CB - Description].&amp;[0234821 - AP WITH 45000]"/>
        <member name="[CB - Account].[Account CB - Description].&amp;[0234830 - DETM/DENA Keepwhole Payable]"/>
        <member name="[CB - Account].[Account CB - Description].&amp;[0234900 - Reins Prm Payable LT-affiliate]"/>
        <member name="[CB - Account].[Account CB - Description].&amp;[0234910 - IUB A/P Actual]"/>
        <member name="[CB - Account].[Account CB - Description].&amp;[0234911 - Intercompany A/P Estimate]"/>
        <member name="[CB - Account].[Account CB - Description].&amp;[0234912 - Deferred Revenue Billing]"/>
        <member name="[CB - Account].[Account CB - Description].&amp;[0235000 - CUST DEP NC-CIM]"/>
        <member name="[CB - Account].[Account CB - Description].&amp;[0235001 - CUST DEP SC-CIM]"/>
        <member name="[CB - Account].[Account CB - Description].&amp;[0235002 - C/D ACTIVE]"/>
        <member name="[CB - Account].[Account CB - Description].&amp;[0235003 - C/D INACTIVE]"/>
        <member name="[CB - Account].[Account CB - Description].&amp;[0235004 - Deferred Liability OL]"/>
        <member name="[CB - Account].[Account CB - Description].&amp;[0235005 - Special Deposits - Collateral]"/>
        <member name="[CB - Account].[Account CB - Description].&amp;[0235006 - Pole Attachment Deposits]"/>
        <member name="[CB - Account].[Account CB - Description].&amp;[0235007 - EVSE - Customer Deposits ST]"/>
        <member name="[CB - Account].[Account CB - Description].&amp;[0235110 - Cust Dep For Srvc - Edp Billin]"/>
        <member name="[CB - Account].[Account CB - Description].&amp;[0235115 - CLHFS NP]"/>
        <member name="[CB - Account].[Account CB - Description].&amp;[0235130 - Cust Dep Transf To Gen Office]"/>
        <member name="[CB - Account].[Account CB - Description].&amp;[0235133 - Phy Option Premiums]"/>
        <member name="[CB - Account].[Account CB - Description].&amp;[0235145 - NYMEX Margin]"/>
        <member name="[CB - Account].[Account CB - Description].&amp;[0235150 - UNRLZDLOSS ON MKTtoMKT TRADNG]"/>
        <member name="[CB - Account].[Account CB - Description].&amp;[0235151 - MTM Reserve]"/>
        <member name="[CB - Account].[Account CB - Description].&amp;[0235152 - Solar Interconnect Deposits]"/>
        <member name="[CB - Account].[Account CB - Description].&amp;[0235202 - OTC Options]"/>
        <member name="[CB - Account].[Account CB - Description].&amp;[0235251 - IC HEDGE LIABILITY CURRENT]"/>
        <member name="[CB - Account].[Account CB - Description].&amp;[0236000 - Nc Prop Tax - Electric]"/>
        <member name="[CB - Account].[Account CB - Description].&amp;[0236005 - Accr Ad Valorem Tax 97]"/>
        <member name="[CB - Account].[Account CB - Description].&amp;[0236006 - Accr Franchise]"/>
        <member name="[CB - Account].[Account CB - Description].&amp;[0236007 - Accr Franchise-Other]"/>
        <member name="[CB - Account].[Account CB - Description].&amp;[0236008 - Oth Accr Tax - Trans Fran]"/>
        <member name="[CB - Account].[Account CB - Description].&amp;[0236009 - Accr Tax-Compresser Fuel]"/>
        <member name="[CB - Account].[Account CB - Description].&amp;[0236010 - Nc Prop Tax - Water]"/>
        <member name="[CB - Account].[Account CB - Description].&amp;[0236011 - Accrued Sit-Other]"/>
        <member name="[CB - Account].[Account CB - Description].&amp;[0236012 - Oth Accr Tax - Gross Vol]"/>
        <member name="[CB - Account].[Account CB - Description].&amp;[0236013 - Accr Ad Valorem Tax 98]"/>
        <member name="[CB - Account].[Account CB - Description].&amp;[0236014 - Accr Ad Valoren Tax 99]"/>
        <member name="[CB - Account].[Account CB - Description].&amp;[0236015 - Accr AD Valorem 2000]"/>
        <member name="[CB - Account].[Account CB - Description].&amp;[0236016 - Accr Ad Valorem Tax 2001]"/>
        <member name="[CB - Account].[Account CB - Description].&amp;[0236017 - Accr Ad Valorem Tax 2003]"/>
        <member name="[CB - Account].[Account CB - Description].&amp;[0236018 - Accrued Sit-Unitary]"/>
        <member name="[CB - Account].[Account CB - Description].&amp;[0236019 - Accrued Fit-Other]"/>
        <member name="[CB - Account].[Account CB - Description].&amp;[0236020 - FAS 5 Non-Income Tax Reserves]"/>
        <member name="[CB - Account].[Account CB - Description].&amp;[0236025 - LT Inc Tax Payalble]"/>
        <member name="[CB - Account].[Account CB - Description].&amp;[0236030 - Nc Prop Tax - Merchandising]"/>
        <member name="[CB - Account].[Account CB - Description].&amp;[0236040 - Nc Prop Tax - Misc Non-Util]"/>
        <member name="[CB - Account].[Account CB - Description].&amp;[0236042 - Property Tax Reserve]"/>
        <member name="[CB - Account].[Account CB - Description].&amp;[0236050 - Nc Municipal License - Elec]"/>
        <member name="[CB - Account].[Account CB - Description].&amp;[0236060 - Inactive]"/>
        <member name="[CB - Account].[Account CB - Description].&amp;[0236065 - Accrued Production Tax]"/>
        <member name="[CB - Account].[Account CB - Description].&amp;[0236066 - Current Foreign Tax]"/>
        <member name="[CB - Account].[Account CB - Description].&amp;[0236070 - Inactive]"/>
        <member name="[CB - Account].[Account CB - Description].&amp;[0236071 - Fed IncTax Pay]"/>
        <member name="[CB - Account].[Account CB - Description].&amp;[0236080 - Nc Muni License-Merchandising]"/>
        <member name="[CB - Account].[Account CB - Description].&amp;[0236090 - Inactive]"/>
        <member name="[CB - Account].[Account CB - Description].&amp;[0236100 - Franchise Tax - Electric]"/>
        <member name="[CB - Account].[Account CB - Description].&amp;[0236110 - Nc Franchise Tax - Water]"/>
        <member name="[CB - Account].[Account CB - Description].&amp;[0236115 - CLHFS TAXES ACC]"/>
        <member name="[CB - Account].[Account CB - Description].&amp;[0236120 - CUR FRANCHISE TAX PAYABLE-DEBS]"/>
        <member name="[CB - Account].[Account CB - Description].&amp;[0236123 - Fl Prop Tax - Electric]"/>
        <member name="[CB - Account].[Account CB - Description].&amp;[0236125 - NC GROSS REC TAX UNBILL ACC]"/>
        <member name="[CB - Account].[Account CB - Description].&amp;[0236130 - PR FRANCHISE TAX PAYABLE-DEBS]"/>
        <member name="[CB - Account].[Account CB - Description].&amp;[0236131 - FL FRANCHISE TX ACCRUAL]"/>
        <member name="[CB - Account].[Account CB - Description].&amp;[0236135 - FL Reg Assessment - Electric]"/>
        <member name="[CB - Account].[Account CB - Description].&amp;[0236140 - Inactive]"/>
        <member name="[CB - Account].[Account CB - Description].&amp;[0236160 - Nc Unemployment Tax-Water]"/>
        <member name="[CB - Account].[Account CB - Description].&amp;[0236170 - 12/95]"/>
        <member name="[CB - Account].[Account CB - Description].&amp;[0236180 - 5/14/96]"/>
        <member name="[CB - Account].[Account CB - Description].&amp;[0236190 - Inactive]"/>
        <member name="[CB - Account].[Account CB - Description].&amp;[0236200 - Nc Industr Comm - Electric]"/>
        <member name="[CB - Account].[Account CB - Description].&amp;[0236210 - Nc Industr Comm - Water]"/>
        <member name="[CB - Account].[Account CB - Description].&amp;[0236220 - Inactive]"/>
        <member name="[CB - Account].[Account CB - Description].&amp;[0236230 - Inactive]"/>
        <member name="[CB - Account].[Account CB - Description].&amp;[0236240 - Inactive]"/>
        <member name="[CB - Account].[Account CB - Description].&amp;[0236250 - Nc Intang Tax - Electric]"/>
        <member name="[CB - Account].[Account CB - Description].&amp;[0236260 - Nc Intang Tax - Water]"/>
        <member name="[CB - Account].[Account CB - Description].&amp;[0236270 - Inactive]"/>
        <member name="[CB - Account].[Account CB - Description].&amp;[0236280 - Nc Intang Tax-Merchandising]"/>
        <member name="[CB - Account].[Account CB - Description].&amp;[0236290 - Nc Intang Tax-Misc Non-Util]"/>
        <member name="[CB - Account].[Account CB - Description].&amp;[0236300 - Nc Chain Store Tax-Merchandisi]"/>
        <member name="[CB - Account].[Account CB - Description].&amp;[0236320 - Inactive]"/>
        <member name="[CB - Account].[Account CB - Description].&amp;[0236330 - Nc Material Use Tax- Electr]"/>
        <member name="[CB - Account].[Account CB - Description].&amp;[0236360 - Sc Prop Tax - Electric]"/>
        <member name="[CB - Account].[Account CB - Description].&amp;[0236370 - Sc Prop Tax - Water]"/>
        <member name="[CB - Account].[Account CB - Description].&amp;[0236375 - SC CORP LIC UNBILL ACCRUAL]"/>
        <member name="[CB - Account].[Account CB - Description].&amp;[0236380 - Inactive]"/>
        <member name="[CB - Account].[Account CB - Description].&amp;[0236390 - Sc Prop Tax-Merchandising]"/>
        <member name="[CB - Account].[Account CB - Description].&amp;[0236400 - Sc Prop Tax-Misc Non-Util]"/>
        <member name="[CB - Account].[Account CB - Description].&amp;[0236410 - Sc Municipal License-Electr]"/>
        <member name="[CB - Account].[Account CB - Description].&amp;[0236420 - Inactive]"/>
        <member name="[CB - Account].[Account CB - Description].&amp;[0236430 - Inactive]"/>
        <member name="[CB - Account].[Account CB - Description].&amp;[0236440 - Sc Municipal License - Merc]"/>
        <member name="[CB - Account].[Account CB - Description].&amp;[0236450 - Inactive]"/>
        <member name="[CB - Account].[Account CB - Description].&amp;[0236460 - Sc Kwh Power Generation Tax]"/>
        <member name="[CB - Account].[Account CB - Description].&amp;[0236470 - Franchise Tax Accrual]"/>
        <member name="[CB - Account].[Account CB - Description].&amp;[0236480 - SC Gross Receipts Tax - Wtr]"/>
        <member name="[CB - Account].[Account CB - Description].&amp;[0236490 - Inactive]"/>
        <member name="[CB - Account].[Account CB - Description].&amp;[0236500 - Sc Franchise Tax-Merchandis]"/>
        <member name="[CB - Account].[Account CB - Description].&amp;[0236510 - Sc Franchise Tx-Misc Non-Util]"/>
        <member name="[CB - Account].[Account CB - Description].&amp;[0236520 - S. C. Pub Ser Comm-Electric]"/>
        <member name="[CB - Account].[Account CB - Description].&amp;[0236530 - S. C. Pub Ser Comm-Water]"/>
        <member name="[CB - Account].[Account CB - Description].&amp;[0236540 - Inactive]"/>
        <member name="[CB - Account].[Account CB - Description].&amp;[0236550 - S. C. Pub Ser Comm-Merchand]"/>
        <member name="[CB - Account].[Account CB - Description].&amp;[0236560 - Inactive]"/>
        <member name="[CB - Account].[Account CB - Description].&amp;[0236570 - S.C. Unemploy Tax-Electric]"/>
        <member name="[CB - Account].[Account CB - Description].&amp;[0236580 - S.C. Unemploy Tax-Water]"/>
        <member name="[CB - Account].[Account CB - Description].&amp;[0236590 - PST - Provincial Tax]"/>
        <member name="[CB - Account].[Account CB - Description].&amp;[0236600 - HST/GST - Canadian Tax]"/>
        <member name="[CB - Account].[Account CB - Description].&amp;[0236610 - QST - Quebec Tax]"/>
        <member name="[CB - Account].[Account CB - Description].&amp;[0236620 - S. C. Greenwood Tax-Electric]"/>
        <member name="[CB - Account].[Account CB - Description].&amp;[0236630 - S. C. Indust Comm-Electric]"/>
        <member name="[CB - Account].[Account CB - Description].&amp;[0236640 - S. C. Chain Store Tax-Merchand]"/>
        <member name="[CB - Account].[Account CB - Description].&amp;[0236650 - Inactive]"/>
        <member name="[CB - Account].[Account CB - Description].&amp;[0236660 - Inactive]"/>
        <member name="[CB - Account].[Account CB - Description].&amp;[0236670 - Inactive]"/>
        <member name="[CB - Account].[Account CB - Description].&amp;[0236690 - Inactive]"/>
        <member name="[CB - Account].[Account CB - Description].&amp;[0236710 - Fed Soc Sec Tx-Water]"/>
        <member name="[CB - Account].[Account CB - Description].&amp;[0236720 - Inactive]"/>
        <member name="[CB - Account].[Account CB - Description].&amp;[0236730 - 8/96]"/>
        <member name="[CB - Account].[Account CB - Description].&amp;[0236740 - Inactive]"/>
        <member name="[CB - Account].[Account CB - Description].&amp;[0236760 - Fed Unemploy Tx-Water]"/>
        <member name="[CB - Account].[Account CB - Description].&amp;[0236770 - Inactive]"/>
        <member name="[CB - Account].[Account CB - Description].&amp;[0236780 - 5/14/96]"/>
        <member name="[CB - Account].[Account CB - Description].&amp;[0236790 - Inactive]"/>
        <member name="[CB - Account].[Account CB - Description].&amp;[0236800 - Federal Hwy Use Tx-Electric]"/>
        <member name="[CB - Account].[Account CB - Description].&amp;[0236801 - Accrued Gross Receipts Tax]"/>
        <member name="[CB - Account].[Account CB - Description].&amp;[0236802 - Ohio Kilowatt Tax Liability]"/>
        <member name="[CB - Account].[Account CB - Description].&amp;[0236803 - Ohio MCF Tax Liability]"/>
        <member name="[CB - Account].[Account CB - Description].&amp;[0236804 - Federal Excise Tax - CNG]"/>
        <member name="[CB - Account].[Account CB - Description].&amp;[0236805 - Reg Liab Fas 109 Def Tax]"/>
        <member name="[CB - Account].[Account CB - Description].&amp;[0236810 - Accrued Franchise Tax]"/>
        <member name="[CB - Account].[Account CB - Description].&amp;[0236820 - Misc Nonutility]"/>
        <member name="[CB - Account].[Account CB - Description].&amp;[0236830 - Misc-Electric-Georgia]"/>
        <member name="[CB - Account].[Account CB - Description].&amp;[0236831 - Misc. Taxes &amp; Interest]"/>
        <member name="[CB - Account].[Account CB - Description].&amp;[0236832 - Misc. Penalties]"/>
        <member name="[CB - Account].[Account CB - Description].&amp;[0236840 - Ohio Commercial Activity Tax]"/>
        <member name="[CB - Account].[Account CB - Description].&amp;[0236850 - Fed Manufact Excise Tax-Vehicl]"/>
        <member name="[CB - Account].[Account CB - Description].&amp;[0236860 - PetrolTax Payable]"/>
        <member name="[CB - Account].[Account CB - Description].&amp;[0236870 - PetrolTesting Fee]"/>
        <member name="[CB - Account].[Account CB - Description].&amp;[0236880 - Tonnage Tax Payable]"/>
        <member name="[CB - Account].[Account CB - Description].&amp;[0236890 - Excise Tax Payable]"/>
        <member name="[CB - Account].[Account CB - Description].&amp;[0236897 - VIE-NR Taxes Accrued]"/>
        <member name="[CB - Account].[Account CB - Description].&amp;[0236900 - Accr Ad Valorem Tax - M&amp;N LLC]"/>
        <member name="[CB - Account].[Account CB - Description].&amp;[0236901 - Accr Ad Valorem Tax - PNGTS]"/>
        <member name="[CB - Account].[Account CB - Description].&amp;[0236904 - PRIOR STATE INC TAX ACCR-DEBS]"/>
        <member name="[CB - Account].[Account CB - Description].&amp;[0236905 - State Income Payable]"/>
        <member name="[CB - Account].[Account CB - Description].&amp;[0236907 - Accrued FIT - DE Group]"/>
        <member name="[CB - Account].[Account CB - Description].&amp;[0236908 - Accrued FIT - DENA,LLC]"/>
        <member name="[CB - Account].[Account CB - Description].&amp;[0236909 - Accrued FIT - Oakland]"/>
        <member name="[CB - Account].[Account CB - Description].&amp;[0236910 - Accrued FIT - Morro Bay]"/>
        <member name="[CB - Account].[Account CB - Description].&amp;[0236911 - Accrued FIT - South Bay]"/>
        <member name="[CB - Account].[Account CB - Description].&amp;[0236912 - Accrued FIT - Moss Landing]"/>
        <member name="[CB - Account].[Account CB - Description].&amp;[0236913 - Accrued FIT - DE Bridgeport]"/>
        <member name="[CB - Account].[Account CB - Description].&amp;[0236914 - Income Taxes Accrued]"/>
        <member name="[CB - Account].[Account CB - Description].&amp;[0236915 - Accr Ad Valorem Tax 2002]"/>
        <member name="[CB - Account].[Account CB - Description].&amp;[0236916 - Accr Ad Valorem Tax 2004]"/>
        <member name="[CB - Account].[Account CB - Description].&amp;[0236917 - Accr Ad Valorem Tax 2005]"/>
        <member name="[CB - Account].[Account CB - Description].&amp;[0236918 - Accr Ad Valorem Tax 2006]"/>
        <member name="[CB - Account].[Account CB - Description].&amp;[0236919 - NC Privilege Tax Payable]"/>
        <member name="[CB - Account].[Account CB - Description].&amp;[0236920 - GA Inc Tax Payable-Prior Yrs]"/>
        <member name="[CB - Account].[Account CB - Description].&amp;[0236921 - GA Inc Tax Pyble - Previous Yr]"/>
        <member name="[CB - Account].[Account CB - Description].&amp;[0236922 - Accr Ad Valorem Tax 2007]"/>
        <member name="[CB - Account].[Account CB - Description].&amp;[0236924 - CurrRec Gain Contingency Intl]"/>
        <member name="[CB - Account].[Account CB - Description].&amp;[0236925 - Current Tax Reclass Intl Cr]"/>
        <member name="[CB - Account].[Account CB - Description].&amp;[0236927 - LT Tax Reclass State Cr]"/>
        <member name="[CB - Account].[Account CB - Description].&amp;[0236928 - LT Tax Reclass Intl Cr]"/>
        <member name="[CB - Account].[Account CB - Description].&amp;[0236930 - GA Inc Tax Payable - Current]"/>
        <member name="[CB - Account].[Account CB - Description].&amp;[0236941 - NC Inc Tax Payble-Prev Yr]"/>
        <member name="[CB - Account].[Account CB - Description].&amp;[0236942 - State Inc Pay-Prior Years L]"/>
        <member name="[CB - Account].[Account CB - Description].&amp;[0236943 - State Inc Tax Pay-Prior Years]"/>
        <member name="[CB - Account].[Account CB - Description].&amp;[0236944 - Curr Rec Gain Contingency St]"/>
        <member name="[CB - Account].[Account CB - Description].&amp;[0236950 - NC Inc Tax Payable-Current]"/>
        <member name="[CB - Account].[Account CB - Description].&amp;[0236951 - Current Liability UTP: State]"/>
        <member name="[CB - Account].[Account CB - Description].&amp;[0236952 - Current Liability UTP St PGN]"/>
        <member name="[CB - Account].[Account CB - Description].&amp;[0236953 - LT Liability: State UTP]"/>
        <member name="[CB - Account].[Account CB - Description].&amp;[0236954 - LT Contra Liab GC: State]"/>
        <member name="[CB - Account].[Account CB - Description].&amp;[0236955 - Current Liability UTP: Intl]"/>
        <member name="[CB - Account].[Account CB - Description].&amp;[0236956 - Int'l Inc Tax Payabl-Prior Yrs]"/>
        <member name="[CB - Account].[Account CB - Description].&amp;[0236957 - LT Liability: Intl UTP]"/>
        <member name="[CB - Account].[Account CB - Description].&amp;[0236958 - LT Contra-Liab GC: Intl]"/>
        <member name="[CB - Account].[Account CB - Description].&amp;[0236959 - Int'l Inc Tax Payable-PY LT]"/>
        <member name="[CB - Account].[Account CB - Description].&amp;[0236960 - SC Inc Tax Payable-Prior Yr]"/>
        <member name="[CB - Account].[Account CB - Description].&amp;[0236961 - SC Inc Tax Payable - Prev Yr]"/>
        <member name="[CB - Account].[Account CB - Description].&amp;[0236962 - Current Liability UTP Fed PGN]"/>
        <member name="[CB - Account].[Account CB - Description].&amp;[0236970 - SC Inc Tax Payble - Current]"/>
        <member name="[CB - Account].[Account CB - Description].&amp;[0236982 - Fed Inc Payable - PY LT 04-05]"/>
        <member name="[CB - Account].[Account CB - Description].&amp;[0236983 - Fed Inc Tax Pay-Prior Years]"/>
        <member name="[CB - Account].[Account CB - Description].&amp;[0236984 - Curr Rec Gain Contingency Fed]"/>
        <member name="[CB - Account].[Account CB - Description].&amp;[0236985 - Fed Inc Payable-PY LT 06-07 yr]"/>
        <member name="[CB - Account].[Account CB - Description].&amp;[0236986 - LT Liability FED - KTRA]"/>
        <member name="[CB - Account].[Account CB - Description].&amp;[0236987 - FBOS for KTRA's]"/>
        <member name="[CB - Account].[Account CB - Description].&amp;[0236988 - LT Liability St UTP PGN]"/>
        <member name="[CB - Account].[Account CB - Description].&amp;[0236989 - LT Liability Fed UTP PGN]"/>
        <member name="[CB - Account].[Account CB - Description].&amp;[0236991 - Back-up Withholding Tax]"/>
        <member name="[CB - Account].[Account CB - Description].&amp;[0236992 - Current Liability UTP: Fed]"/>
        <member name="[CB - Account].[Account CB - Description].&amp;[0236994 - LT Liability Fed UTP 04-05 yrs]"/>
        <member name="[CB - Account].[Account CB - Description].&amp;[0236995 - LT Rec Gain Contingenc 4-5 yrs]"/>
        <member name="[CB - Account].[Account CB - Description].&amp;[0236996 - LT Liability Fed UTP 06-07 yr]"/>
        <member name="[CB - Account].[Account CB - Description].&amp;[0236997 - LT Receiv Gain Cont]"/>
        <member name="[CB - Account].[Account CB - Description].&amp;[0236998 - LT Receiv Gain Cont 06-07 yrs]"/>
        <member name="[CB - Account].[Account CB - Description].&amp;[0236999 - Accrued FIT - Disco Ops]"/>
        <member name="[CB - Account].[Account CB - Description].&amp;[0237000 - Accr Int-8% Due 2002]"/>
        <member name="[CB - Account].[Account CB - Description].&amp;[0237001 - Accr Int-Med Term Note-Tetco]"/>
        <member name="[CB - Account].[Account CB - Description].&amp;[0237002 - Accr Int-8.25% 2004]"/>
        <member name="[CB - Account].[Account CB - Description].&amp;[0237003 - Accr Int-9.13% Due 2003]"/>
        <member name="[CB - Account].[Account CB - Description].&amp;[0237004 - Accr Int-7 3/4% Port Fac Rev B]"/>
        <member name="[CB - Account].[Account CB - Description].&amp;[0237005 - Accr Int-8.625% Deb]"/>
        <member name="[CB - Account].[Account CB - Description].&amp;[0237006 - Accr Int-7.25%]"/>
        <member name="[CB - Account].[Account CB - Description].&amp;[0237007 - Accr Int-9.9%]"/>
        <member name="[CB - Account].[Account CB - Description].&amp;[0237008 - Accr Int-7.38%]"/>
        <member name="[CB - Account].[Account CB - Description].&amp;[0237009 - Accr Int-7%]"/>
        <member name="[CB - Account].[Account CB - Description].&amp;[0237010 - Accr Int-Cr Agree]"/>
        <member name="[CB - Account].[Account CB - Description].&amp;[0237011 - Int Payable - Notes]"/>
        <member name="[CB - Account].[Account CB - Description].&amp;[0237012 - Accrued Interest - Dfd]"/>
        <member name="[CB - Account].[Account CB - Description].&amp;[0237013 - Int Pay- 7.25% due 2004]"/>
        <member name="[CB - Account].[Account CB - Description].&amp;[0237014 - Int Pay- 7.50% due 2009]"/>
        <member name="[CB - Account].[Account CB - Description].&amp;[0237015 - Int Pay- 8.00% due 2019]"/>
        <member name="[CB - Account].[Account CB - Description].&amp;[0237016 - Accrued Interest On Swaps]"/>
        <member name="[CB - Account].[Account CB - Description].&amp;[0237017 - Accr Int-$115Mm (144A)]"/>
        <member name="[CB - Account].[Account CB - Description].&amp;[0237018 - MASS MUTUAL INT PAY 12/28/84]"/>
        <member name="[CB - Account].[Account CB - Description].&amp;[0237019 - MASS MUTUAL INT PAY 1/1/86]"/>
        <member name="[CB - Account].[Account CB - Description].&amp;[0237020 - MASS MUTUAL INT PAY 1/1/84]"/>
        <member name="[CB - Account].[Account CB - Description].&amp;[0237021 - MASS MUTUAL INT PAY 12/15/84]"/>
        <member name="[CB - Account].[Account CB - Description].&amp;[0237022 - MASS MUTUAL INT PAY 9/1/85PE]"/>
        <member name="[CB - Account].[Account CB - Description].&amp;[0237023 - MASS MUTAL INT PAY 6/1/86]"/>
        <member name="[CB - Account].[Account CB - Description].&amp;[0237024 - MASS MUTUAL INT PAY 9/1/85TE]"/>
        <member name="[CB - Account].[Account CB - Description].&amp;[0237025 - TE HARTFORD INT PAY 5/31/88]"/>
        <member name="[CB - Account].[Account CB - Description].&amp;[0237026 - PE HARTFORD INT PAY 8/31/88]"/>
        <member name="[CB - Account].[Account CB - Description].&amp;[0237027 - MANU LIFE INT PAY 12/1/85]"/>
        <member name="[CB - Account].[Account CB - Description].&amp;[0237028 - Interest Accr-NPL to Duke]"/>
        <member name="[CB - Account].[Account CB - Description].&amp;[0237029 - Interest Accr-NPL S/T to Duke]"/>
        <member name="[CB - Account].[Account CB - Description].&amp;[0237030 - Accr Int-7.30% 2 Due 2010]"/>
        <member name="[CB - Account].[Account CB - Description].&amp;[0237031 - Accr Int - Convert Debt]"/>
        <member name="[CB - Account].[Account CB - Description].&amp;[0237032 - AccIntPay-CashSweepsDukeCogema]"/>
        <member name="[CB - Account].[Account CB - Description].&amp;[0237033 - Int Pay-Sr Bonds-2013 &amp; 2032]"/>
        <member name="[CB - Account].[Account CB - Description].&amp;[0237034 - Accr Int-5.69% 2012]"/>
        <member name="[CB - Account].[Account CB - Description].&amp;[0237035 - Accr Int-5.71% 2012]"/>
        <member name="[CB - Account].[Account CB - Description].&amp;[0237036 - Accr Int-5.25% due 2007]"/>
        <member name="[CB - Account].[Account CB - Description].&amp;[0237037 - Accr Int-8.25% due 2005]"/>
        <member name="[CB - Account].[Account CB - Description].&amp;[0237038 - LT Liability Interest accrued]"/>
        <member name="[CB - Account].[Account CB - Description].&amp;[0237039 - Cur Int Accrued - Tax]"/>
        <member name="[CB - Account].[Account CB - Description].&amp;[0237040 - INS AND HEALTH CARE PAYABLES]"/>
        <member name="[CB - Account].[Account CB - Description].&amp;[0237041 - FERC Interconnect Interest LT]"/>
        <member name="[CB - Account].[Account CB - Description].&amp;[0237042 - FERC Interconnect Interest ST]"/>
        <member name="[CB - Account].[Account CB - Description].&amp;[0237115 - CLHFS INT ACCRUED]"/>
        <member name="[CB - Account].[Account CB - Description].&amp;[0237120 - Interest Accrued-A/R Financing]"/>
        <member name="[CB - Account].[Account CB - Description].&amp;[0237150 - Accrued Int on Inc Taxes]"/>
        <member name="[CB - Account].[Account CB - Description].&amp;[0237170 - Int Pay Tax Return Adj.]"/>
        <member name="[CB - Account].[Account CB - Description].&amp;[0237180 - Int Payable York Co PC Bonds]"/>
        <member name="[CB - Account].[Account CB - Description].&amp;[0237190 - Inactive]"/>
        <member name="[CB - Account].[Account CB - Description].&amp;[0237200 - Cur Liability Interest accrued]"/>
        <member name="[CB - Account].[Account CB - Description].&amp;[0237210 - Int Payable Quips, ST Notes]"/>
        <member name="[CB - Account].[Account CB - Description].&amp;[0237220 - Int Accrued On Nc Cust Deposit]"/>
        <member name="[CB - Account].[Account CB - Description].&amp;[0237222 - Int Accr Cust Dep FLA]"/>
        <member name="[CB - Account].[Account CB - Description].&amp;[0237230 - Int Pd Curr Yr On Nc Cust Dep]"/>
        <member name="[CB - Account].[Account CB - Description].&amp;[0237231 - Accr Int 5.56% due 2015]"/>
        <member name="[CB - Account].[Account CB - Description].&amp;[0237232 - Accr Int 6.19% due 2025]"/>
        <member name="[CB - Account].[Account CB - Description].&amp;[0237240 - Int Accrued On Sc Cust Dep]"/>
        <member name="[CB - Account].[Account CB - Description].&amp;[0237250 - Int Pd Curr Yr On Sc Cust Dep]"/>
        <member name="[CB - Account].[Account CB - Description].&amp;[0237260 - Inactive]"/>
        <member name="[CB - Account].[Account CB - Description].&amp;[0237270 - Int. Payable TruPS]"/>
        <member name="[CB - Account].[Account CB - Description].&amp;[0237300 - Inactive]"/>
        <member name="[CB - Account].[Account CB - Description].&amp;[0237310 - Inactive]"/>
        <member name="[CB - Account].[Account CB - Description].&amp;[0237320 - Inactive]"/>
        <member name="[CB - Account].[Account CB - Description].&amp;[0237410 - Inactive]"/>
        <member name="[CB - Account].[Account CB - Description].&amp;[0237411 - Accrued Int w/Duke Capital]"/>
        <member name="[CB - Account].[Account CB - Description].&amp;[0237415 - Accrued Interest w/DE Serv Inc]"/>
        <member name="[CB - Account].[Account CB - Description].&amp;[0237416 - Fbne - De&amp;S]"/>
        <member name="[CB - Account].[Account CB - Description].&amp;[0237417 - Fbne - Ds]"/>
        <member name="[CB - Account].[Account CB - Description].&amp;[0237418 - Other Current Liab]"/>
        <member name="[CB - Account].[Account CB - Description].&amp;[0237419 - Curr UTP Interest Accrued]"/>
        <member name="[CB - Account].[Account CB - Description].&amp;[0237420 - Deferred Liability- Acq]"/>
        <member name="[CB - Account].[Account CB - Description].&amp;[0237421 - Accrued Interest Related Pty]"/>
        <member name="[CB - Account].[Account CB - Description].&amp;[0237422 - Interest Accrued-Affiliates]"/>
        <member name="[CB - Account].[Account CB - Description].&amp;[0237423 - Accrued Interest w/20018]"/>
        <member name="[CB - Account].[Account CB - Description].&amp;[0237424 - ACCRUED INTEREST-DCC LUX]"/>
        <member name="[CB - Account].[Account CB - Description].&amp;[0237425 - VIE - Non-recourse Interest Ac]"/>
        <member name="[CB - Account].[Account CB - Description].&amp;[0237460 - Interest Payable]"/>
        <member name="[CB - Account].[Account CB - Description].&amp;[0237510 - Bonds Interest Payable]"/>
        <member name="[CB - Account].[Account CB - Description].&amp;[0238000 - Dividends Declared]"/>
        <member name="[CB - Account].[Account CB - Description].&amp;[0238001 - Prov - Contr Adju-Equity Units]"/>
        <member name="[CB - Account].[Account CB - Description].&amp;[0238002 - Provis-Contr Adj-EU-Series C]"/>
        <member name="[CB - Account].[Account CB - Description].&amp;[0238003 - Provis-Contr Adj-EU-Series B]"/>
        <member name="[CB - Account].[Account CB - Description].&amp;[0238004 - Provis-Contr Adj-EU-Series A]"/>
        <member name="[CB - Account].[Account CB - Description].&amp;[0238005 - Div.Pay. GPB-Int-Corp-Sub Note]"/>
        <member name="[CB - Account].[Account CB - Description].&amp;[0241000 - GST Payable]"/>
        <member name="[CB - Account].[Account CB - Description].&amp;[0241001 - TAX COLLECTIONS STOCK OPTIONS]"/>
        <member name="[CB - Account].[Account CB - Description].&amp;[0241002 - Aliens Fit Whwld Royalty]"/>
        <member name="[CB - Account].[Account CB - Description].&amp;[0241004 - Backup Wheld Dividends]"/>
        <member name="[CB - Account].[Account CB - Description].&amp;[0241005 - 1099 Backup Withholding]"/>
        <member name="[CB - Account].[Account CB - Description].&amp;[0241007 - Tax Coll Pay-Severance Tx]"/>
        <member name="[CB - Account].[Account CB - Description].&amp;[0241008 - Tax Coll Pay-Sales Tax]"/>
        <member name="[CB - Account].[Account CB - Description].&amp;[0241009 - Tax Coll Pay-St Dis With]"/>
        <member name="[CB - Account].[Account CB - Description].&amp;[0241012 - Occupational Tax Wheld]"/>
        <member name="[CB - Account].[Account CB - Description].&amp;[0241018 - Hypothetical Tax Wheld]"/>
        <member name="[CB - Account].[Account CB - Description].&amp;[0241120 - SC State Incm Tax WH-Employee]"/>
        <member name="[CB - Account].[Account CB - Description].&amp;[0241130 - 12/95]"/>
        <member name="[CB - Account].[Account CB - Description].&amp;[0241140 - 12/95]"/>
        <member name="[CB - Account].[Account CB - Description].&amp;[0241142 - ST SALES TAX SERV-REV 7%]"/>
        <member name="[CB - Account].[Account CB - Description].&amp;[0241170 - SC salestx-cust refunds]"/>
        <member name="[CB - Account].[Account CB - Description].&amp;[0241180 - Fed Income Tax With-Ssp]"/>
        <member name="[CB - Account].[Account CB - Description].&amp;[0241190 - Georgia State Inc Tax Withheld]"/>
        <member name="[CB - Account].[Account CB - Description].&amp;[0241200 - 5/22/96]"/>
        <member name="[CB - Account].[Account CB - Description].&amp;[0241210 - Inactive]"/>
        <member name="[CB - Account].[Account CB - Description].&amp;[0241220 - Kentucky IncomeTax WH-Employee]"/>
        <member name="[CB - Account].[Account CB - Description].&amp;[0241310 - General Sales Tax]"/>
        <member name="[CB - Account].[Account CB - Description].&amp;[0241330 - Sc Tax Withld-Non-Res Contract]"/>
        <member name="[CB - Account].[Account CB - Description].&amp;[0241340 - Foreign Municipal Tax]"/>
        <member name="[CB - Account].[Account CB - Description].&amp;[0241341 - Accrued Property Tax]"/>
        <member name="[CB - Account].[Account CB - Description].&amp;[0241343 - Disability Taxes]"/>
        <member name="[CB - Account].[Account CB - Description].&amp;[0241344 - Federal Unemployment Taxes]"/>
        <member name="[CB - Account].[Account CB - Description].&amp;[0241345 - State Unemployment Taxes]"/>
        <member name="[CB - Account].[Account CB - Description].&amp;[0241346 - Federal Tax Withholding]"/>
        <member name="[CB - Account].[Account CB - Description].&amp;[0241347 - State Tax Withholding]"/>
        <member name="[CB - Account].[Account CB - Description].&amp;[0241349 - FOREIGN TAX WITHHOLDING]"/>
        <member name="[CB - Account].[Account CB - Description].&amp;[0241350 - PNG SC FRAN FEE]"/>
        <member name="[CB - Account].[Account CB - Description].&amp;[0241400 - Other Taxes Payable]"/>
        <member name="[CB - Account].[Account CB - Description].&amp;[0241404 - Tax-Gross Receipts]"/>
        <member name="[CB - Account].[Account CB - Description].&amp;[0241405 - Tax-Energy Surcharge]"/>
        <member name="[CB - Account].[Account CB - Description].&amp;[0241406 - Tax-Utility user Tax]"/>
        <member name="[CB - Account].[Account CB - Description].&amp;[0241500 - VAT PAYABLE]"/>
        <member name="[CB - Account].[Account CB - Description].&amp;[0241800 - UTILITY TAX-COUNTY]"/>
        <member name="[CB - Account].[Account CB - Description].&amp;[0241900 - TX COL PAY-FL MUNI UTILITY TAX]"/>
        <member name="[CB - Account].[Account CB - Description].&amp;[0241980 - FOREIGN WITHHOLDING TAX]"/>
        <member name="[CB - Account].[Account CB - Description].&amp;[0241990 - GRT Payable Additional  2.6%]"/>
        <member name="[CB - Account].[Account CB - Description].&amp;[0242000 - Short Term - LTIP/RS/Retention]"/>
        <member name="[CB - Account].[Account CB - Description].&amp;[0242001 - Mark to Mark Reserves]"/>
        <member name="[CB - Account].[Account CB - Description].&amp;[0242002 - Imbalance Payable-Exchange]"/>
        <member name="[CB - Account].[Account CB - Description].&amp;[0242003 - Imbalance Payable-OBA]"/>
        <member name="[CB - Account].[Account CB - Description].&amp;[0242004 - Imbalance Payable-Park/Lend]"/>
        <member name="[CB - Account].[Account CB - Description].&amp;[0242005 - Imbalance Payable-TFO]"/>
        <member name="[CB - Account].[Account CB - Description].&amp;[0242006 - Imbalance Payable-Related Part]"/>
        <member name="[CB - Account].[Account CB - Description].&amp;[0242007 - Storage Imbalance Receivd]"/>
        <member name="[CB - Account].[Account CB - Description].&amp;[0242008 - Scheduling Penalty Refund]"/>
        <member name="[CB - Account].[Account CB - Description].&amp;[0242009 - OFO Penalty Refund]"/>
        <member name="[CB - Account].[Account CB - Description].&amp;[0242010 - Unclaim &amp; Uncashed Checks]"/>
        <member name="[CB - Account].[Account CB - Description].&amp;[0242011 - Acru Lib-American Express]"/>
        <member name="[CB - Account].[Account CB - Description].&amp;[0242012 - Oth Misc-Rev Billing]"/>
        <member name="[CB - Account].[Account CB - Description].&amp;[0242013 - Oth Accrued Liability-Tax]"/>
        <member name="[CB - Account].[Account CB - Description].&amp;[0242014 - Accru Liab-Mentor Mgt]"/>
        <member name="[CB - Account].[Account CB - Description].&amp;[0242015 - Unrealized Loss Mkt-Mkt Off Sy]"/>
        <member name="[CB - Account].[Account CB - Description].&amp;[0242016 - MiscPay-CashSweepsDukeCogema]"/>
        <member name="[CB - Account].[Account CB - Description].&amp;[0242017 - Mark to Market Reserves]"/>
        <member name="[CB - Account].[Account CB - Description].&amp;[0242018 - Tracker Account]"/>
        <member name="[CB - Account].[Account CB - Description].&amp;[0242019 - Misc Cr- Gas Accounting]"/>
        <member name="[CB - Account].[Account CB - Description].&amp;[0242020 - CY IT REVENUE DEFERRALS LIAB]"/>
        <member name="[CB - Account].[Account CB - Description].&amp;[0242021 - PY IT REVENUE DEFERRALS LIAB]"/>
        <member name="[CB - Account].[Account CB - Description].&amp;[0242022 - CY PROPTAX DEFERRALS LAIB]"/>
        <member name="[CB - Account].[Account CB - Description].&amp;[0242023 - PY PROPTQAX DEFERRALS LIAB]"/>
        <member name="[CB - Account].[Account CB - Description].&amp;[0242024 - CY INCOME TAX DEFERRALS LIAB]"/>
        <member name="[CB - Account].[Account CB - Description].&amp;[0242025 - PY INCOME TAX DEFERRALS LIAB]"/>
        <member name="[CB - Account].[Account CB - Description].&amp;[0242026 - CY INTEREST DEFERRALS LIAB]"/>
        <member name="[CB - Account].[Account CB - Description].&amp;[0242027 - PY INTEREST DEFERRALS LIAB]"/>
        <member name="[CB - Account].[Account CB - Description].&amp;[0242028 - CY OTHER DEFERRALS LIAB]"/>
        <member name="[CB - Account].[Account CB - Description].&amp;[0242029 - PY OTHER DEFERRALS LIAB]"/>
        <member name="[CB - Account].[Account CB - Description].&amp;[0242030 - Loss Reserves-current]"/>
        <member name="[CB - Account].[Account CB - Description].&amp;[0242031 - Curr UTP Penalty Accrued]"/>
        <member name="[CB - Account].[Account CB - Description].&amp;[0242032 - Claims Reserve Med Den]"/>
        <member name="[CB - Account].[Account CB - Description].&amp;[0242034 - PA 253 Billing Net Pay-F2G]"/>
        <member name="[CB - Account].[Account CB - Description].&amp;[0242035 - Unearned premiums]"/>
        <member name="[CB - Account].[Account CB - Description].&amp;[0242036 - DERIVATIVE COLLATERAL PAYABLE]"/>
        <member name="[CB - Account].[Account CB - Description].&amp;[0242037 - BOOK OVERDRAFTS]"/>
        <member name="[CB - Account].[Account CB - Description].&amp;[0242038 - Accured Workers Comp (Coal)]"/>
        <member name="[CB - Account].[Account CB - Description].&amp;[0242039 - Accrued Legal]"/>
        <member name="[CB - Account].[Account CB - Description].&amp;[0242040 - DEO Veg Mgmt Rider Defered Rev]"/>
        <member name="[CB - Account].[Account CB - Description].&amp;[0242041 - SC Bulk Utility Payments]"/>
        <member name="[CB - Account].[Account CB - Description].&amp;[0242050 - Other Curr Liability Rel Pty]"/>
        <member name="[CB - Account].[Account CB - Description].&amp;[0242051 - FERC Interconnect Deposits LT]"/>
        <member name="[CB - Account].[Account CB - Description].&amp;[0242052 - FERC Interconnect Deposits ST]"/>
        <member name="[CB - Account].[Account CB - Description].&amp;[0242053 - FERC Interconnect Penalty ST]"/>
        <member name="[CB - Account].[Account CB - Description].&amp;[0242054 - State Interconnect Deposits LT]"/>
        <member name="[CB - Account].[Account CB - Description].&amp;[0242055 - State Interconnect Deposits ST]"/>
        <member name="[CB - Account].[Account CB - Description].&amp;[0242056 - State Interconnec Penalties ST]"/>
        <member name="[CB - Account].[Account CB - Description].&amp;[0242100 - I/C COLLATERAL LIABILITIES]"/>
        <member name="[CB - Account].[Account CB - Description].&amp;[0242115 - CLHFS OTHER]"/>
        <member name="[CB - Account].[Account CB - Description].&amp;[0242120 - SCHM Admitted Liab-Injury&amp;Dam]"/>
        <member name="[CB - Account].[Account CB - Description].&amp;[0242121 - Acc Reg Comm Fees-Maint]"/>
        <member name="[CB - Account].[Account CB - Description].&amp;[0242122 - Acc Reg Comm Fees-Counsel]"/>
        <member name="[CB - Account].[Account CB - Description].&amp;[0242123 - Acc Reg Comm Fees-Div of Frcst]"/>
        <member name="[CB - Account].[Account CB - Description].&amp;[0242130 - Prepaid Ext FACL-Lighting]"/>
        <member name="[CB - Account].[Account CB - Description].&amp;[0242140 - IC MTM CURRENT LIABILITES]"/>
        <member name="[CB - Account].[Account CB - Description].&amp;[0242141 - SCHM 3rd Pty Deriv Liab-Curr]"/>
        <member name="[CB - Account].[Account CB - Description].&amp;[0242142 - Written Options Current]"/>
        <member name="[CB - Account].[Account CB - Description].&amp;[0242144 - ST FAS Contra - Liability]"/>
        <member name="[CB - Account].[Account CB - Description].&amp;[0242150 - Deferred Rev Payable for Rider]"/>
        <member name="[CB - Account].[Account CB - Description].&amp;[0242153 - Performance Securities]"/>
        <member name="[CB - Account].[Account CB - Description].&amp;[0242160 - Current Liabilities of VIEs]"/>
        <member name="[CB - Account].[Account CB - Description].&amp;[0242176 - Interco Curr Operating Lease O]"/>
        <member name="[CB - Account].[Account CB - Description].&amp;[0242185 - ST Oper Lse Obligation Red Hat]"/>
        <member name="[CB - Account].[Account CB - Description].&amp;[0242200 - Misc C&amp;A Liab Incentives]"/>
        <member name="[CB - Account].[Account CB - Description].&amp;[0242216 - Payrll ST Retention/Spcl Rsrvs]"/>
        <member name="[CB - Account].[Account CB - Description].&amp;[0242220 - Legal Employee Deductions]"/>
        <member name="[CB - Account].[Account CB - Description].&amp;[0242221 - Current Year BPM Sharing]"/>
        <member name="[CB - Account].[Account CB - Description].&amp;[0242222 - Prior Year BPM Sharing]"/>
        <member name="[CB - Account].[Account CB - Description].&amp;[0242223 - BPM Sharing 2Yrs Prior]"/>
        <member name="[CB - Account].[Account CB - Description].&amp;[0242230 - Natural Gas Fuel]"/>
        <member name="[CB - Account].[Account CB - Description].&amp;[0242260 - High Efficiency Hp Incentive]"/>
        <member name="[CB - Account].[Account CB - Description].&amp;[0242300 - Palmetto Clean Energy Payable]"/>
        <member name="[CB - Account].[Account CB - Description].&amp;[0242310 - GREEN POWER PAYABLE]"/>
        <member name="[CB - Account].[Account CB - Description].&amp;[0242320 - Transmission Open Acc-Deposits]"/>
        <member name="[CB - Account].[Account CB - Description].&amp;[0242321 - Affected System Studies]"/>
        <member name="[CB - Account].[Account CB - Description].&amp;[0242330 - Carbon Offset Program - NC]"/>
        <member name="[CB - Account].[Account CB - Description].&amp;[0242340 - Carbon Offset Program - SC]"/>
        <member name="[CB - Account].[Account CB - Description].&amp;[0242350 - Other Products &amp; Svc.-Unearned]"/>
        <member name="[CB - Account].[Account CB - Description].&amp;[0242360 - Inactive]"/>
        <member name="[CB - Account].[Account CB - Description].&amp;[0242370 - Inactive]"/>
        <member name="[CB - Account].[Account CB - Description].&amp;[0242380 - Inactive]"/>
        <member name="[CB - Account].[Account CB - Description].&amp;[0242390 - CURR&amp;ACCR LIAB-FPC LTD]"/>
        <member name="[CB - Account].[Account CB - Description].&amp;[0242391 - A/P COAL &amp; OIL COMMITMENTS]"/>
        <member name="[CB - Account].[Account CB - Description].&amp;[0242392 - Bargaining Unit Dental Reserve]"/>
        <member name="[CB - Account].[Account CB - Description].&amp;[0242393 - Misc C&amp;A Liab Def Vacation]"/>
        <member name="[CB - Account].[Account CB - Description].&amp;[0242394 - CTA S/T CHARITABLE CONTR LIAB]"/>
        <member name="[CB - Account].[Account CB - Description].&amp;[0242395 - CUR&amp;ACCR LIAB MED/DTL INS ACT]"/>
        <member name="[CB - Account].[Account CB - Description].&amp;[0242396 - CURR&amp;ACCR LIAB-WORKERS COMP]"/>
        <member name="[CB - Account].[Account CB - Description].&amp;[0242397 - IRU INDEMNIFICATION -ST]"/>
        <member name="[CB - Account].[Account CB - Description].&amp;[0242398 - CURR&amp;ACCR LIAB MISC]"/>
        <member name="[CB - Account].[Account CB - Description].&amp;[0242400 - Collections For United Way]"/>
        <member name="[CB - Account].[Account CB - Description].&amp;[0242401 - Long Term Incentive]"/>
        <member name="[CB - Account].[Account CB - Description].&amp;[0242403 - DEF INT REV]"/>
        <member name="[CB - Account].[Account CB - Description].&amp;[0242405 - Prov-Cum Int Pref Stk]"/>
        <member name="[CB - Account].[Account CB - Description].&amp;[0242410 - Prov-Cum Div Pref &amp; Pref St]"/>
        <member name="[CB - Account].[Account CB - Description].&amp;[0242411 - Short Term Incentive]"/>
        <member name="[CB - Account].[Account CB - Description].&amp;[0242420 - COLLECTIONS-UNION DUES &amp; FEES]"/>
        <member name="[CB - Account].[Account CB - Description].&amp;[0242430 - Power Agency Work Cap Fund]"/>
        <member name="[CB - Account].[Account CB - Description].&amp;[0242440 - Cash Coll &amp; Contrib To Trustee]"/>
        <member name="[CB - Account].[Account CB - Description].&amp;[0242450 - Collections From Payroll-Misc]"/>
        <member name="[CB - Account].[Account CB - Description].&amp;[0242451 - COLLECTIONS-LAUNDRY/UNIFORMS]"/>
        <member name="[CB - Account].[Account CB - Description].&amp;[0242461 - Prior Year Incentive Accrual]"/>
        <member name="[CB - Account].[Account CB - Description].&amp;[0242470 - NC Alternative Energy Payable]"/>
        <member name="[CB - Account].[Account CB - Description].&amp;[0242480 - Dividend Reinvestment-Cash Pmt]"/>
        <member name="[CB - Account].[Account CB - Description].&amp;[0242481 - Div Reinvest Pending Payable]"/>
        <member name="[CB - Account].[Account CB - Description].&amp;[0242500 - Intercompany Imbalance - Pay]"/>
        <member name="[CB - Account].[Account CB - Description].&amp;[0242510 - Escheats Officer, Dpt Treas-Nc]"/>
        <member name="[CB - Account].[Account CB - Description].&amp;[0242520 - Sc Tx Comm, Abandoned Prop Rpt]"/>
        <member name="[CB - Account].[Account CB - Description].&amp;[0242530 - ISO/DETM Keepwhole fm DENA AP]"/>
        <member name="[CB - Account].[Account CB - Description].&amp;[0242540 - Escheaments Payable]"/>
        <member name="[CB - Account].[Account CB - Description].&amp;[0242550 - ST LIAB-PHYS FIRM COMMIT]"/>
        <member name="[CB - Account].[Account CB - Description].&amp;[0242610 - Medical Insurance Plan]"/>
        <member name="[CB - Account].[Account CB - Description].&amp;[0242620 - Dental Insurance Plan]"/>
        <member name="[CB - Account].[Account CB - Description].&amp;[0242630 - SCHM Accurred Eps Credits]"/>
        <member name="[CB - Account].[Account CB - Description].&amp;[0242640 - Emp Retire(FAS87)-Admin Fees]"/>
        <member name="[CB - Account].[Account CB - Description].&amp;[0242645 - Old Duke Emp Retire (FAS87)]"/>
        <member name="[CB - Account].[Account CB - Description].&amp;[0242649 - Injuries and Damages-Current]"/>
        <member name="[CB - Account].[Account CB - Description].&amp;[0242651 - CWIP Accrual]"/>
        <member name="[CB - Account].[Account CB - Description].&amp;[0242652 - Property &amp; Liab Ins Accrual]"/>
        <member name="[CB - Account].[Account CB - Description].&amp;[0242653 - Audit Fee Accrual]"/>
        <member name="[CB - Account].[Account CB - Description].&amp;[0242654 - Franchise Tax Accrual]"/>
        <member name="[CB - Account].[Account CB - Description].&amp;[0242655 - FX G/L for Other Cur Liab]"/>
        <member name="[CB - Account].[Account CB - Description].&amp;[0242656 - Litigation Reserve - ST]"/>
        <member name="[CB - Account].[Account CB - Description].&amp;[0242657 - Litigation Reserve - Accrued]"/>
        <member name="[CB - Account].[Account CB - Description].&amp;[0242658 - Environmental Reserve - ST]"/>
        <member name="[CB - Account].[Account CB - Description].&amp;[0242659 - Severence Payable]"/>
        <member name="[CB - Account].[Account CB - Description].&amp;[0242660 - Collection-Contr Stk Pur 401-K]"/>
        <member name="[CB - Account].[Account CB - Description].&amp;[0242661 - RSP Loans Payable]"/>
        <member name="[CB - Account].[Account CB - Description].&amp;[0242662 - RSP Lns Pay Bridgeport]"/>
        <member name="[CB - Account].[Account CB - Description].&amp;[0242670 - Gift Certificate Program]"/>
        <member name="[CB - Account].[Account CB - Description].&amp;[0242675 - Current Deferred Rev - OL]"/>
        <member name="[CB - Account].[Account CB - Description].&amp;[0242680 - SCHM Accr Executive Stk Apprec]"/>
        <member name="[CB - Account].[Account CB - Description].&amp;[0242690 - Executive Incentive Accrual]"/>
        <member name="[CB - Account].[Account CB - Description].&amp;[0242697 - NQ Pension Current PNG]"/>
        <member name="[CB - Account].[Account CB - Description].&amp;[0242700 - Promissory Notes - Cur]"/>
        <member name="[CB - Account].[Account CB - Description].&amp;[0242710 - 8.95% Grnsboro Transit Due2027]"/>
        <member name="[CB - Account].[Account CB - Description].&amp;[0242720 - Unearned Interest Income]"/>
        <member name="[CB - Account].[Account CB - Description].&amp;[0242730 - Electric Center Mortgage-Curr]"/>
        <member name="[CB - Account].[Account CB - Description].&amp;[0242797 - NQ Pension Current FPC SERP/ND]"/>
        <member name="[CB - Account].[Account CB - Description].&amp;[0242800 - L-T Debt - Current Portion]"/>
        <member name="[CB - Account].[Account CB - Description].&amp;[0242801 - Accrued Commissions]"/>
        <member name="[CB - Account].[Account CB - Description].&amp;[0242802 - Accrued Incentive]"/>
        <member name="[CB - Account].[Account CB - Description].&amp;[0242803 - Deferred Rent]"/>
        <member name="[CB - Account].[Account CB - Description].&amp;[0242804 - 401K Withholdings]"/>
        <member name="[CB - Account].[Account CB - Description].&amp;[0242805 - Alimony Withholding]"/>
        <member name="[CB - Account].[Account CB - Description].&amp;[0242806 - FICA Employee W/H]"/>
        <member name="[CB - Account].[Account CB - Description].&amp;[0242807 - FICA Employer W/H]"/>
        <member name="[CB - Account].[Account CB - Description].&amp;[0242808 - Security Deposits-Tenant]"/>
        <member name="[CB - Account].[Account CB - Description].&amp;[0242809 - Garnishment Payable]"/>
        <member name="[CB - Account].[Account CB - Description].&amp;[0242810 - Accrued Bonuses]"/>
        <member name="[CB - Account].[Account CB - Description].&amp;[0242811 - Oth Payroll Deductions Payable]"/>
        <member name="[CB - Account].[Account CB - Description].&amp;[0242812 - PP&amp;E HOLDING ACCOUNT]"/>
        <member name="[CB - Account].[Account CB - Description].&amp;[0242815 - Avoided prem surcharge pay-LT]"/>
        <member name="[CB - Account].[Account CB - Description].&amp;[0242816 - Accrued Rent - amort PNG lease]"/>
        <member name="[CB - Account].[Account CB - Description].&amp;[0242879 - Def Rev Pay - TDSIC2]"/>
        <member name="[CB - Account].[Account CB - Description].&amp;[0242880 - DEFERRED REVENUES PAYABLE EMIS]"/>
        <member name="[CB - Account].[Account CB - Description].&amp;[0242881 - Def Rev Pay - Markland]"/>
        <member name="[CB - Account].[Account CB - Description].&amp;[0242882 - Def Rev Pay - Unbilled Fuel]"/>
        <member name="[CB - Account].[Account CB - Description].&amp;[0242883 - Def Rev Pay - Crane]"/>
        <member name="[CB - Account].[Account CB - Description].&amp;[0242884 - Def Rev Pay - MISO Unbilled]"/>
        <member name="[CB - Account].[Account CB - Description].&amp;[0242885 - Def Rev Pay- Unbilled EA]"/>
        <member name="[CB - Account].[Account CB - Description].&amp;[0242886 - Deferred IGCC Revenue Payable]"/>
        <member name="[CB - Account].[Account CB - Description].&amp;[0242887 - Def Rev Pay - TDSIC]"/>
        <member name="[CB - Account].[Account CB - Description].&amp;[0242888 - Def Rev Pay - Fed Mandate]"/>
        <member name="[CB - Account].[Account CB - Description].&amp;[0242889 - Def Rev Pay - CCR]"/>
        <member name="[CB - Account].[Account CB - Description].&amp;[0242894 - Wholesale - MISO Deferred Pay]"/>
        <member name="[CB - Account].[Account CB - Description].&amp;[0242896 - Deferred ECR Rider 62]"/>
        <member name="[CB - Account].[Account CB - Description].&amp;[0242899 - FAS 112 current liability]"/>
        <member name="[CB - Account].[Account CB - Description].&amp;[0242900 - SCHM Deferred Purchase Pwr-NPL]"/>
        <member name="[CB - Account].[Account CB - Description].&amp;[0242910 - Withheld-Savings Bonds]"/>
        <member name="[CB - Account].[Account CB - Description].&amp;[0242920 - Accrued Wages - NPL]"/>
        <member name="[CB - Account].[Account CB - Description].&amp;[0242930 - Vacation Carryover - Internati]"/>
        <member name="[CB - Account].[Account CB - Description].&amp;[0242940 - Accrued Vac Salary - NPL]"/>
        <member name="[CB - Account].[Account CB - Description].&amp;[0242950 - Accrued Vac Hourly Curr- NPL]"/>
        <member name="[CB - Account].[Account CB - Description].&amp;[0242960 - Accrued Vac Hourly Next - NPL]"/>
        <member name="[CB - Account].[Account CB - Description].&amp;[0242970 - Group Insurance - NPL]"/>
        <member name="[CB - Account].[Account CB - Description].&amp;[0242971 - Accum Provision - ST]"/>
        <member name="[CB - Account].[Account CB - Description].&amp;[0242975 - Reg Liability arising from MTM]"/>
        <member name="[CB - Account].[Account CB - Description].&amp;[0242980 - Currnt Liability Hldg Acct NPL]"/>
        <member name="[CB - Account].[Account CB - Description].&amp;[0242982 - Def Rev Pay - Cr Rider 67]"/>
        <member name="[CB - Account].[Account CB - Description].&amp;[0242984 - Other Curr Liability (TR)]"/>
        <member name="[CB - Account].[Account CB - Description].&amp;[0242985 - Def Rev Payable - Other]"/>
        <member name="[CB - Account].[Account CB - Description].&amp;[0242986 - Reg Liab NC Rate Remand-Curren]"/>
        <member name="[CB - Account].[Account CB - Description].&amp;[0242987 - Reg Liab SC DSM-Current]"/>
        <member name="[CB - Account].[Account CB - Description].&amp;[0242988 - Reg Liability Current]"/>
        <member name="[CB - Account].[Account CB - Description].&amp;[0242989 - Misc Current Liabilities]"/>
        <member name="[CB - Account].[Account CB - Description].&amp;[0242990 - Incentive Pay - NPL]"/>
        <member name="[CB - Account].[Account CB - Description].&amp;[0242991 - Unearned Rev - Ppd Electricity]"/>
        <member name="[CB - Account].[Account CB - Description].&amp;[0242992 - Deferred Option Premiums]"/>
        <member name="[CB - Account].[Account CB - Description].&amp;[0242993 - IC Prepaid Insurance Liab]"/>
        <member name="[CB - Account].[Account CB - Description].&amp;[0242994 - Loss Reserves current-affiliat]"/>
        <member name="[CB - Account].[Account CB - Description].&amp;[0242995 - Unearned commission income-aff]"/>
        <member name="[CB - Account].[Account CB - Description].&amp;[0242996 - I/C OTHER CUR. LIABILITIES]"/>
        <member name="[CB - Account].[Account CB - Description].&amp;[0242997 - NQ Pension Current SSERP]"/>
        <member name="[CB - Account].[Account CB - Description].&amp;[0243000 - SCHM Oblig Under Cap Lease-Cur]"/>
        <member name="[CB - Account].[Account CB - Description].&amp;[0243050 - Current Capital Lease-Meters]"/>
        <member name="[CB - Account].[Account CB - Description].&amp;[0243100 - SCHM Oblig Park Deck Lse Curr]"/>
        <member name="[CB - Account].[Account CB - Description].&amp;[0243103 - Current Cap Lease Oblig - Tax]"/>
        <member name="[CB - Account].[Account CB - Description].&amp;[0243105 - Curr Portion of Cap Lease Obl]"/>
        <member name="[CB - Account].[Account CB - Description].&amp;[0243106 - Cap Lease Current SPHQ]"/>
        <member name="[CB - Account].[Account CB - Description].&amp;[0243107 - Cap Lease Current SH]"/>
        <member name="[CB - Account].[Account CB - Description].&amp;[0243152 - IC Lease-Curr Cap(Act Op) Obl]"/>
        <member name="[CB - Account].[Account CB - Description].&amp;[0243211 - ST Cap Lease Obl - ORB Def Tax]"/>
        <member name="[CB - Account].[Account CB - Description].&amp;[0243350 - IC Lease-Curr Cap Lease Oblig]"/>
        <member name="[CB - Account].[Account CB - Description].&amp;[0243360 - Curr Cap Lease Oblig-Tax IC]"/>
        <member name="[CB - Account].[Account CB - Description].&amp;[0244000 - Inactive]"/>
        <member name="[CB - Account].[Account CB - Description].&amp;[0244002 - Deriv Liab-NonCashFlw-L-T]"/>
        <member name="[CB - Account].[Account CB - Description].&amp;[0244003 - Deriv Liab S-T I/C]"/>
        <member name="[CB - Account].[Account CB - Description].&amp;[0244004 - Deriv Liab L-T I/C]"/>
        <member name="[CB - Account].[Account CB - Description].&amp;[0244008 - Deriv Instr Liab-Broad River L]"/>
        <member name="[CB - Account].[Account CB - Description].&amp;[0244009 - DERIV INSTR LIABILITY-BROAD RI]"/>
        <member name="[CB - Account].[Account CB - Description].&amp;[0244010 - NDTF Derivative Options]"/>
        <member name="[CB - Account].[Account CB - Description].&amp;[0244011 - FV Hedge - Unrealized Losses]"/>
        <member name="[CB - Account].[Account CB - Description].&amp;[0244101 - EA Risk Mgmt Liab Curr]"/>
        <member name="[CB - Account].[Account CB - Description].&amp;[0244110 - CLHFS UNR LOSS ON MTM &amp; HEDGE]"/>
        <member name="[CB - Account].[Account CB - Description].&amp;[0245001 - 3RD PTY DERIV LIABILITY CUR]"/>
        <member name="[CB - Account].[Account CB - Description].&amp;[0245002 - 3RD PTY DERIV LIABILITY LT]"/>
        <member name="[CB - Account].[Account CB - Description].&amp;[0245003 - Accrued Interest Exp - Swaps]"/>
        <member name="[CB - Account].[Account CB - Description].&amp;[0245004 - 3rd Party Derivative Int Paybl]"/>
        <member name="[CB - Account].[Account CB - Description].&amp;[0245005 - FV Hedge - Current Liability]"/>
        <member name="[CB - Account].[Account CB - Description].&amp;[0245897 - 3rd Party Deriv Liab Cur VIE]"/>
        <member name="[CB - Account].[Account CB - Description].&amp;[0245898 - 3rd Party Deriv Liab LT VIE]"/>
        <member name="[CB - Account].[Account CB - Description].&amp;[0252001 - CUST ADV FOR CONSTRUCTION]"/>
        <member name="[CB - Account].[Account CB - Description].&amp;[0252002 - CUSTOMER DSM CAMP LEJEUNE]"/>
        <member name="[CB - Account].[Account CB - Description].&amp;[0252050 - Gas Contributions Post 1992]"/>
        <member name="[CB - Account].[Account CB - Description].&amp;[0252100 - Cost Free Capital -29 &amp; 35 NPL]"/>
        <member name="[CB - Account].[Account CB - Description].&amp;[0252110 - Cost Free Capital - 44 NPL]"/>
        <member name="[CB - Account].[Account CB - Description].&amp;[0252120 - Reserve Capacity]"/>
        <member name="[CB - Account].[Account CB - Description].&amp;[0252200 - AP - Litigation]"/>
        <member name="[CB - Account].[Account CB - Description].&amp;[0252300 - Power Agency Working Capital F]"/>
        <member name="[CB - Account].[Account CB - Description].&amp;[0252400 - Customer Advances-ST]"/>
        <member name="[CB - Account].[Account CB - Description].&amp;[0252450 - MDO Elec Distrib Deferred CIAC]"/>
        <member name="[CB - Account].[Account CB - Description].&amp;[0253000 - Loss Reserves-LT-affiliate]"/>
        <member name="[CB - Account].[Account CB - Description].&amp;[0253001 - Def Credit - Consol Elim Diff]"/>
        <member name="[CB - Account].[Account CB - Description].&amp;[0253002 - Def Credit - Minority Interest]"/>
        <member name="[CB - Account].[Account CB - Description].&amp;[0253003 - Def Credit - Min Int Equity]"/>
        <member name="[CB - Account].[Account CB - Description].&amp;[0253004 - IC MTM Noncurrent Liabilites]"/>
        <member name="[CB - Account].[Account CB - Description].&amp;[0253005 - SCHM 3rd Party Deriv Liab-Nonc]"/>
        <member name="[CB - Account].[Account CB - Description].&amp;[0253006 - SC EDP Deferred Depreciation]"/>
        <member name="[CB - Account].[Account CB - Description].&amp;[0253007 - Payrll LT Retention/Spcl Rsrvs]"/>
        <member name="[CB - Account].[Account CB - Description].&amp;[0253008 - Pole Attach - deferred revenue]"/>
        <member name="[CB - Account].[Account CB - Description].&amp;[0253009 - Environmental Liabilities]"/>
        <member name="[CB - Account].[Account CB - Description].&amp;[0253010 - Insurance-Property Gen]"/>
        <member name="[CB - Account].[Account CB - Description].&amp;[0253011 - Ins Res-Liability-General]"/>
        <member name="[CB - Account].[Account CB - Description].&amp;[0253012 - Ins Res-Workers Comp-Othr]"/>
        <member name="[CB - Account].[Account CB - Description].&amp;[0253013 - Ins Res-Auto Liability]"/>
        <member name="[CB - Account].[Account CB - Description].&amp;[0253014 - Ins Res-Primary Genl Liab]"/>
        <member name="[CB - Account].[Account CB - Description].&amp;[0253015 - Imbalance Penalty Revenue]"/>
        <member name="[CB - Account].[Account CB - Description].&amp;[0253017 - Pcb Reserve Liability]"/>
        <member name="[CB - Account].[Account CB - Description].&amp;[0253018 - Pcb Liability]"/>
        <member name="[CB - Account].[Account CB - Description].&amp;[0253019 - Pcb Fines &amp; Penalties]"/>
        <member name="[CB - Account].[Account CB - Description].&amp;[0253020 - Custom Reserv Prog-Revnu]"/>
        <member name="[CB - Account].[Account CB - Description].&amp;[0253021 - Exchange Gas Expense]"/>
        <member name="[CB - Account].[Account CB - Description].&amp;[0253022 - Misc Def Cr - Gas Acctg]"/>
        <member name="[CB - Account].[Account CB - Description].&amp;[0253023 - Provis-Real Estate Assets]"/>
        <member name="[CB - Account].[Account CB - Description].&amp;[0253024 - Misc Def Cr - Gen Acctg]"/>
        <member name="[CB - Account].[Account CB - Description].&amp;[0253025 - Misc Def Cr - Plant Acctg]"/>
        <member name="[CB - Account].[Account CB - Description].&amp;[0253026 - Regulatory Refund-Gaap]"/>
        <member name="[CB - Account].[Account CB - Description].&amp;[0253027 - Reserve For Operating Losses]"/>
        <member name="[CB - Account].[Account CB - Description].&amp;[0253028 - Def Cr-Environmental Prov]"/>
        <member name="[CB - Account].[Account CB - Description].&amp;[0253029 - Provision-Petrolane I]"/>
        <member name="[CB - Account].[Account CB - Description].&amp;[0253030 - Reserve-Anngtc Partne]"/>
        <member name="[CB - Account].[Account CB - Description].&amp;[0253031 - Retired Medical Reserve]"/>
        <member name="[CB - Account].[Account CB - Description].&amp;[0253032 - Def Cr-Ahs Hospital L]"/>
        <member name="[CB - Account].[Account CB - Description].&amp;[0253033 - Def Cr-Green Cay]"/>
        <member name="[CB - Account].[Account CB - Description].&amp;[0253034 - Def Cr-Superfund Envi]"/>
        <member name="[CB - Account].[Account CB - Description].&amp;[0253035 - Misc Def Cr - Genl Acctg]"/>
        <member name="[CB - Account].[Account CB - Description].&amp;[0253036 - JEA Option Agreement]"/>
        <member name="[CB - Account].[Account CB - Description].&amp;[0253037 - LT Liab - Current Portion]"/>
        <member name="[CB - Account].[Account CB - Description].&amp;[0253038 - Min Pension Liability - Emp]"/>
        <member name="[CB - Account].[Account CB - Description].&amp;[0253039 - Deferred Revenue]"/>
        <member name="[CB - Account].[Account CB - Description].&amp;[0253040 - Deferred Revenue-IC]"/>
        <member name="[CB - Account].[Account CB - Description].&amp;[0253041 - MIn Pension Liability - Exec]"/>
        <member name="[CB - Account].[Account CB - Description].&amp;[0253042 - Empl Ret Ben Adj]"/>
        <member name="[CB - Account].[Account CB - Description].&amp;[0253043 - OPEB - FAS106 Grantor Trust]"/>
        <member name="[CB - Account].[Account CB - Description].&amp;[0253044 - OPEB - Health]"/>
        <member name="[CB - Account].[Account CB - Description].&amp;[0253045 - Severance Reserve-Non Current]"/>
        <member name="[CB - Account].[Account CB - Description].&amp;[0253046 - Pension Cost Adj]"/>
        <member name="[CB - Account].[Account CB - Description].&amp;[0253047 - Pension Cost Adj (ODC)]"/>
        <member name="[CB - Account].[Account CB - Description].&amp;[0253048 - Pension Cost Adj - TCSR]"/>
        <member name="[CB - Account].[Account CB - Description].&amp;[0253049 - INT ON TAX DEFICIENCY-LT LIAB]"/>
        <member name="[CB - Account].[Account CB - Description].&amp;[0253050 - Def Cr-Merger Capacity Rider]"/>
        <member name="[CB - Account].[Account CB - Description].&amp;[0253051 - LEASE OBLIGATION ACCRUAL]"/>
        <member name="[CB - Account].[Account CB - Description].&amp;[0253052 - IMBALANCE RESERVE]"/>
        <member name="[CB - Account].[Account CB - Description].&amp;[0253053 - OTH DEF CREDIT-SMART GRID]"/>
        <member name="[CB - Account].[Account CB - Description].&amp;[0253054 - LT FAS Contra - Liability]"/>
        <member name="[CB - Account].[Account CB - Description].&amp;[0253055 - Def CR-Merger Capacity Rider]"/>
        <member name="[CB - Account].[Account CB - Description].&amp;[0253056 - ST Liab Closed Def Int Hedge]"/>
        <member name="[CB - Account].[Account CB - Description].&amp;[0253057 - NCEMPA NC Equity Reserve]"/>
        <member name="[CB - Account].[Account CB - Description].&amp;[0253058 - NCEMPA SC Equity Reserve]"/>
        <member name="[CB - Account].[Account CB - Description].&amp;[0253059 - C-W Licensing Proj-Future Liab]"/>
        <member name="[CB - Account].[Account CB - Description].&amp;[0253060 - MIN_PENS_LIAB_EMP_PUR_ACCT_ADJ]"/>
        <member name="[CB - Account].[Account CB - Description].&amp;[0253061 - Unbilled Rev - Gas Cost Adjust]"/>
        <member name="[CB - Account].[Account CB - Description].&amp;[0253063 - SC Coal Ash Insurance Proceeds]"/>
        <member name="[CB - Account].[Account CB - Description].&amp;[0253065 - Misc Def Cr sch M]"/>
        <member name="[CB - Account].[Account CB - Description].&amp;[0253070 - Reserve - MGP Sites]"/>
        <member name="[CB - Account].[Account CB - Description].&amp;[0253071 - Unrecognized Rev-Warranty Prog]"/>
        <member name="[CB - Account].[Account CB - Description].&amp;[0253072 - NCUC Legal Fund]"/>
        <member name="[CB - Account].[Account CB - Description].&amp;[0253075 - Bear Run Coal Settlement Whlsl]"/>
        <member name="[CB - Account].[Account CB - Description].&amp;[0253080 - DEFERRED REV-PREPAY METER PROG]"/>
        <member name="[CB - Account].[Account CB - Description].&amp;[0253081 - DEF CR FASB 146 EXIT COST RES]"/>
        <member name="[CB - Account].[Account CB - Description].&amp;[0253082 - OTH DEFER CR MISCELLANEOUS]"/>
        <member name="[CB - Account].[Account CB - Description].&amp;[0253083 - Oth Defer Cr Sale of Land Harr]"/>
        <member name="[CB - Account].[Account CB - Description].&amp;[0253084 - IRU INDEMNIFICATION -LT]"/>
        <member name="[CB - Account].[Account CB - Description].&amp;[0253085 - Other LT Liabilities]"/>
        <member name="[CB - Account].[Account CB - Description].&amp;[0253086 - ACCRUED INDEMNIFICATIONS - SFA]"/>
        <member name="[CB - Account].[Account CB - Description].&amp;[0253087 - Workers Compensation Reserve (]"/>
        <member name="[CB - Account].[Account CB - Description].&amp;[0253090 - LT Portion of Unbilled Fuel]"/>
        <member name="[CB - Account].[Account CB - Description].&amp;[0253100 - SCHM Def Credit-Npl Energy Bk]"/>
        <member name="[CB - Account].[Account CB - Description].&amp;[0253101 - Deferred Interest-Tran]"/>
        <member name="[CB - Account].[Account CB - Description].&amp;[0253102 - IC DEF CREDIT NPL ENERGY BANK]"/>
        <member name="[CB - Account].[Account CB - Description].&amp;[0253104 - LT UTP Penalty Accrued]"/>
        <member name="[CB - Account].[Account CB - Description].&amp;[0253110 - Def Credit - Yadkin Energy Bnk]"/>
        <member name="[CB - Account].[Account CB - Description].&amp;[0253111 - Def Cr DEFS Bal Sheet Elim Dif]"/>
        <member name="[CB - Account].[Account CB - Description].&amp;[0253115 - AHFS NCLIAB DEF CR]"/>
        <member name="[CB - Account].[Account CB - Description].&amp;[0253116 - Loss Reserves - LT]"/>
        <member name="[CB - Account].[Account CB - Description].&amp;[0253120 - Cust Choice Program-Deposit]"/>
        <member name="[CB - Account].[Account CB - Description].&amp;[0253121 - Def Cr DEFS Inc Stmnt Elim Dif]"/>
        <member name="[CB - Account].[Account CB - Description].&amp;[0253125 - LT LIAB RELATED PTY]"/>
        <member name="[CB - Account].[Account CB - Description].&amp;[0253127 - Int Acr-NC Cus Def Tax  CGS]"/>
        <member name="[CB - Account].[Account CB - Description].&amp;[0253130 - Gas Refunds/Recl Adj Due Cust]"/>
        <member name="[CB - Account].[Account CB - Description].&amp;[0253131 - NC Def Acct - Sales Cust]"/>
        <member name="[CB - Account].[Account CB - Description].&amp;[0253132 - NC Def Acct - All Cust]"/>
        <member name="[CB - Account].[Account CB - Description].&amp;[0253133 - SC All Customers]"/>
        <member name="[CB - Account].[Account CB - Description].&amp;[0253134 - Misc Credits]"/>
        <member name="[CB - Account].[Account CB - Description].&amp;[0253135 - 2015 NC IMR Settlement Reserve]"/>
        <member name="[CB - Account].[Account CB - Description].&amp;[0253136 - Margin Decoupling Mechanism]"/>
        <member name="[CB - Account].[Account CB - Description].&amp;[0253137 - Supp Rate Chg Ref-SC Hed-CONTR]"/>
        <member name="[CB - Account].[Account CB - Description].&amp;[0253138 - IMR Deferred Account - NC]"/>
        <member name="[CB - Account].[Account CB - Description].&amp;[0253139 - IMR Deferred Account - TN]"/>
        <member name="[CB - Account].[Account CB - Description].&amp;[0253140 - TN ACA Hedging-CONTRA]"/>
        <member name="[CB - Account].[Account CB - Description].&amp;[0253141 - NC Hedging Program-CONTRA]"/>
        <member name="[CB - Account].[Account CB - Description].&amp;[0253142 - ACA - Nashville Gas Purchases]"/>
        <member name="[CB - Account].[Account CB - Description].&amp;[0253150 - RETURN ON GRID SOUTH INV]"/>
        <member name="[CB - Account].[Account CB - Description].&amp;[0253160 - Long-Term Liabilities of VIEs]"/>
        <member name="[CB - Account].[Account CB - Description].&amp;[0253200 - Cashier'S Overs &amp; Shorts-&lt;$1]"/>
        <member name="[CB - Account].[Account CB - Description].&amp;[0253201 - Defd Rev-Warranty Prog NRB]"/>
        <member name="[CB - Account].[Account CB - Description].&amp;[0253209 - Oth NonCurr Liab Guar Pur Acct]"/>
        <member name="[CB - Account].[Account CB - Description].&amp;[0253211 - Deferred MtM Gain/Loss]"/>
        <member name="[CB - Account].[Account CB - Description].&amp;[0253221 - Non Current BPM Sharing Liab]"/>
        <member name="[CB - Account].[Account CB - Description].&amp;[0253250 - Def Cr - WVPA/IMPA Deposits]"/>
        <member name="[CB - Account].[Account CB - Description].&amp;[0253270 - Suplmtl Penison-Excess Plan]"/>
        <member name="[CB - Account].[Account CB - Description].&amp;[0253275 - Pension liab - FAS 87 NQ]"/>
        <member name="[CB - Account].[Account CB - Description].&amp;[0253280 - Phantom Shares Liability]"/>
        <member name="[CB - Account].[Account CB - Description].&amp;[0253290 - Suplmtl Retirement Plan]"/>
        <member name="[CB - Account].[Account CB - Description].&amp;[0253300 - Cashiers' Overs And Shorts]"/>
        <member name="[CB - Account].[Account CB - Description].&amp;[0253303 - LT Closed Def Int Hedge]"/>
        <member name="[CB - Account].[Account CB - Description].&amp;[0253304 - Open Def Int Hedge PreTax Liab]"/>
        <member name="[CB - Account].[Account CB - Description].&amp;[0253310 - Deferred Gain - Madcad]"/>
        <member name="[CB - Account].[Account CB - Description].&amp;[0253340 - Res - 401K Excess Plan]"/>
        <member name="[CB - Account].[Account CB - Description].&amp;[0253400 - BARTOW LTSA]"/>
        <member name="[CB - Account].[Account CB - Description].&amp;[0253401 - HINES LTSA]"/>
        <member name="[CB - Account].[Account CB - Description].&amp;[0253402 - URANIUM ACCOUNT IN PROCESS]"/>
        <member name="[CB - Account].[Account CB - Description].&amp;[0253403 - Citrus County LTSA Def Liab]"/>
        <member name="[CB - Account].[Account CB - Description].&amp;[0253410 - Agency Collections-Clearing]"/>
        <member name="[CB - Account].[Account CB - Description].&amp;[0253420 - Accrued Misc. Oprtng Provision]"/>
        <member name="[CB - Account].[Account CB - Description].&amp;[0253500 - Net Proceeds on Property Sales]"/>
        <member name="[CB - Account].[Account CB - Description].&amp;[0253550 - Current Liab Held for Sale]"/>
        <member name="[CB - Account].[Account CB - Description].&amp;[0253600 - Reg Liab - NC EDIT - SC Retail]"/>
        <member name="[CB - Account].[Account CB - Description].&amp;[0253601 - Excess DIT Refunded to Cust-TN]"/>
        <member name="[CB - Account].[Account CB - Description].&amp;[0253602 - Other Deferred Credits-Tax]"/>
        <member name="[CB - Account].[Account CB - Description].&amp;[0253603 - Oth Def Cr - NC EDIT GU]"/>
        <member name="[CB - Account].[Account CB - Description].&amp;[0253610 - SCHM Deferred Compensation]"/>
        <member name="[CB - Account].[Account CB - Description].&amp;[0253620 - SCHM Executive Savings Pln-Stk]"/>
        <member name="[CB - Account].[Account CB - Description].&amp;[0253631 - SCHM DPC EXEC CASH BAL PLAN]"/>
        <member name="[CB - Account].[Account CB - Description].&amp;[0253632 - SCHM Deferred DSM Incentive-SC]"/>
        <member name="[CB - Account].[Account CB - Description].&amp;[0253633 - SCHM Deferred DSM Costs-SC]"/>
        <member name="[CB - Account].[Account CB - Description].&amp;[0253634 - SCHM Ret on Def Cat Pur-SC]"/>
        <member name="[CB - Account].[Account CB - Description].&amp;[0253635 - EXEC CASH BAL PLAN]"/>
        <member name="[CB - Account].[Account CB - Description].&amp;[0253636 - SCHM Def Catawba Pur Cap-SC]"/>
        <member name="[CB - Account].[Account CB - Description].&amp;[0253637 - NC DSM Incentives/GAAP Adj]"/>
        <member name="[CB - Account].[Account CB - Description].&amp;[0253640 - SCHM Executive Savgs Pln-10.5%]"/>
        <member name="[CB - Account].[Account CB - Description].&amp;[0253650 - DC Restoration Plan]"/>
        <member name="[CB - Account].[Account CB - Description].&amp;[0253652 - PE Executive Def Comp]"/>
        <member name="[CB - Account].[Account CB - Description].&amp;[0253654 - PE KED Plan]"/>
        <member name="[CB - Account].[Account CB - Description].&amp;[0253656 - PE Director's Retirement]"/>
        <member name="[CB - Account].[Account CB - Description].&amp;[0253658 - PE Supplemental Severance]"/>
        <member name="[CB - Account].[Account CB - Description].&amp;[0253660 - PEC '82 Director's Retirement]"/>
        <member name="[CB - Account].[Account CB - Description].&amp;[0253670 - PE Director's Def Comp]"/>
        <member name="[CB - Account].[Account CB - Description].&amp;[0253680 - Exec Savings Plan 10.5 Vinings]"/>
        <member name="[CB - Account].[Account CB - Description].&amp;[0253690 - Pension Deferred Credits]"/>
        <member name="[CB - Account].[Account CB - Description].&amp;[0253700 - Res - NQ Def Inc Plan]"/>
        <member name="[CB - Account].[Account CB - Description].&amp;[0253710 - Flyash Reserve]"/>
        <member name="[CB - Account].[Account CB - Description].&amp;[0253720 - Reserve - Tank Farm]"/>
        <member name="[CB - Account].[Account CB - Description].&amp;[0253730 - Reserve - Demolition]"/>
        <member name="[CB - Account].[Account CB - Description].&amp;[0253740 - FX G/L for Other Def Cr]"/>
        <member name="[CB - Account].[Account CB - Description].&amp;[0253741 - Tyrone Synfuel Rem Escrow]"/>
        <member name="[CB - Account].[Account CB - Description].&amp;[0253750 - Leashold Inducements]"/>
        <member name="[CB - Account].[Account CB - Description].&amp;[0253760 - Pipeline Tariff Rebate]"/>
        <member name="[CB - Account].[Account CB - Description].&amp;[0253770 - Reserve - RMR]"/>
        <member name="[CB - Account].[Account CB - Description].&amp;[0253800 - Cash Sales-Clearing]"/>
        <member name="[CB - Account].[Account CB - Description].&amp;[0253810 - Prepaid Rent - NPL]"/>
        <member name="[CB - Account].[Account CB - Description].&amp;[0253820 - SCHM Deferred Benefit Plan-NPL]"/>
        <member name="[CB - Account].[Account CB - Description].&amp;[0253830 - CIAC Taxes - NPL]"/>
        <member name="[CB - Account].[Account CB - Description].&amp;[0253840 - TVA Rachet Costs - NPL]"/>
        <member name="[CB - Account].[Account CB - Description].&amp;[0253870 - DOE Stimulus Funds]"/>
        <member name="[CB - Account].[Account CB - Description].&amp;[0253880 - Advance Billing - Transmission]"/>
        <member name="[CB - Account].[Account CB - Description].&amp;[0253881 - SCHM Defd Transmission Revenue]"/>
        <member name="[CB - Account].[Account CB - Description].&amp;[0253882 - Straight Line Lease Defer CR]"/>
        <member name="[CB - Account].[Account CB - Description].&amp;[0253890 - SCHM Tax&amp;S/L For Surplus Mat'L]"/>
        <member name="[CB - Account].[Account CB - Description].&amp;[0253897 - VIE-NR Cur Liabilities AHFS]"/>
        <member name="[CB - Account].[Account CB - Description].&amp;[0253900 - Deferred Credit-Customer Loans]"/>
        <member name="[CB - Account].[Account CB - Description].&amp;[0253901 - DEFERRED CREDIT-UPS SALES]"/>
        <member name="[CB - Account].[Account CB - Description].&amp;[0253902 - DEFERRED CREDITS-UPS TAXES]"/>
        <member name="[CB - Account].[Account CB - Description].&amp;[0253903 - MANAGEMENT FEE PAY (TAX ONLY)]"/>
        <member name="[CB - Account].[Account CB - Description].&amp;[0253904 - Res Assurance Prods-Def Rev]"/>
        <member name="[CB - Account].[Account CB - Description].&amp;[0253905 - Deferred Debt Return - Solar]"/>
        <member name="[CB - Account].[Account CB - Description].&amp;[0253910 - POLE ATTACH-ADVANCE BILLING]"/>
        <member name="[CB - Account].[Account CB - Description].&amp;[0253911 - OTHER_DEFER_CR_PUR_ACCTG_ADJ]"/>
        <member name="[CB - Account].[Account CB - Description].&amp;[0253919 - Conservation Program]"/>
        <member name="[CB - Account].[Account CB - Description].&amp;[0253920 - Other Deferred Credits]"/>
        <member name="[CB - Account].[Account CB - Description].&amp;[0253921 - SCHM Othr Deferred Credits-Tax]"/>
        <member name="[CB - Account].[Account CB - Description].&amp;[0253922 - NC rate Remand Reserve]"/>
        <member name="[CB - Account].[Account CB - Description].&amp;[0253923 - Anderson Water Sale Reserve]"/>
        <member name="[CB - Account].[Account CB - Description].&amp;[0253924 - Int Accrl on Inc Tax Reserve]"/>
        <member name="[CB - Account].[Account CB - Description].&amp;[0253925 - Def Cr-Trans Proj Disallowance]"/>
        <member name="[CB - Account].[Account CB - Description].&amp;[0253930 - SCHM Def Charitable Giving Prg]"/>
        <member name="[CB - Account].[Account CB - Description].&amp;[0253934 - ST Accrual Reserves]"/>
        <member name="[CB - Account].[Account CB - Description].&amp;[0253935 - LT Accrual Reserves]"/>
        <member name="[CB - Account].[Account CB - Description].&amp;[0253940 - Note Payable-Town Of Davidson]"/>
        <member name="[CB - Account].[Account CB - Description].&amp;[0253950 - Other Notes Payable]"/>
        <member name="[CB - Account].[Account CB - Description].&amp;[0253955 - ST Guarantee Obligations]"/>
        <member name="[CB - Account].[Account CB - Description].&amp;[0253960 - Def Credit-Equity Redemption]"/>
        <member name="[CB - Account].[Account CB - Description].&amp;[0253970 - SCHM Def Liab NonEmpl Director]"/>
        <member name="[CB - Account].[Account CB - Description].&amp;[0253980 - SCHM Accr Decommissioning Cost]"/>
        <member name="[CB - Account].[Account CB - Description].&amp;[0253990 - Deferred Prepaid EF-Lighting]"/>
        <member name="[CB - Account].[Account CB - Description].&amp;[0253991 - Reserves Short Term]"/>
        <member name="[CB - Account].[Account CB - Description].&amp;[0253992 - Smart Grid reserve]"/>
        <member name="[CB - Account].[Account CB - Description].&amp;[0253993 - Reserves Short Term]"/>
        <member name="[CB - Account].[Account CB - Description].&amp;[0253994 - FV of hedges-Financial Hedges]"/>
        <member name="[CB - Account].[Account CB - Description].&amp;[0253995 - FV of hedges-Commodity Hedges]"/>
        <member name="[CB - Account].[Account CB - Description].&amp;[0253996 - Misc Def Cr - Revenue Billing]"/>
        <member name="[CB - Account].[Account CB - Description].&amp;[0253997 - Deferral -Prospective Disposal]"/>
        <member name="[CB - Account].[Account CB - Description].&amp;[0253998 - Deferral Demand Determinants]"/>
        <member name="[CB - Account].[Account CB - Description].&amp;[0253999 - Unearned Revenue]"/>
        <member name="[CB - Account].[Account CB - Description].&amp;[0254000 - Regulatory Refund Obliga]"/>
        <member name="[CB - Account].[Account CB - Description].&amp;[0254001 - Tax Regulatory Liab - Reclass]"/>
        <member name="[CB - Account].[Account CB - Description].&amp;[0254002 - Interest Rate Swap Reg Liabili]"/>
        <member name="[CB - Account].[Account CB - Description].&amp;[0254003 - Regulatory Def. - Onshore]"/>
        <member name="[CB - Account].[Account CB - Description].&amp;[0254004 - Regulatory Def. - Storage]"/>
        <member name="[CB - Account].[Account CB - Description].&amp;[0254005 - Pcb It Credit - Yr 12]"/>
        <member name="[CB - Account].[Account CB - Description].&amp;[0254006 - Pcb It Credit - Yr 13]"/>
        <member name="[CB - Account].[Account CB - Description].&amp;[0254007 - Pcb It Credit - Yr 14]"/>
        <member name="[CB - Account].[Account CB - Description].&amp;[0254008 - PCB IT CREDIT YR 15]"/>
        <member name="[CB - Account].[Account CB - Description].&amp;[0254009 - PCB IT Cr-15]"/>
        <member name="[CB - Account].[Account CB - Description].&amp;[0254010 - Enviromental Liability]"/>
        <member name="[CB - Account].[Account CB - Description].&amp;[0254011 - PCB IT Cr Yr 17]"/>
        <member name="[CB - Account].[Account CB - Description].&amp;[0254012 - DEF CAPACITY REV-PRIOR YEAR]"/>
        <member name="[CB - Account].[Account CB - Description].&amp;[0254013 - Reg Liab NC Deferred Fuel]"/>
        <member name="[CB - Account].[Account CB - Description].&amp;[0254014 - Reg Liab SC Deferred Fuel]"/>
        <member name="[CB - Account].[Account CB - Description].&amp;[0254015 - Reg Liability - MTM Fuel - ST]"/>
        <member name="[CB - Account].[Account CB - Description].&amp;[0254016 - Deferred SPP]"/>
        <member name="[CB - Account].[Account CB - Description].&amp;[0254017 - Sale of Land Harris Deferral]"/>
        <member name="[CB - Account].[Account CB - Description].&amp;[0254018 - Harris Land Gain Amort]"/>
        <member name="[CB - Account].[Account CB - Description].&amp;[0254019 - Harris Land Gain Amort - Curre]"/>
        <member name="[CB - Account].[Account CB - Description].&amp;[0254020 - AUCTIONED S02 ALLOWANCE]"/>
        <member name="[CB - Account].[Account CB - Description].&amp;[0254021 - Nuclear Fuel Last Core Reserv]"/>
        <member name="[CB - Account].[Account CB - Description].&amp;[0254022 - M&amp;S Inventory Reserve_PEC RC]"/>
        <member name="[CB - Account].[Account CB - Description].&amp;[0254023 - NDTF Contaminated Liability]"/>
        <member name="[CB - Account].[Account CB - Description].&amp;[0254024 - Def CR3 Liab - Depr &amp; Prop Tax]"/>
        <member name="[CB - Account].[Account CB - Description].&amp;[0254025 - Reg Liab - NCDT Overfund]"/>
        <member name="[CB - Account].[Account CB - Description].&amp;[0254026 - ARO Reg Liability]"/>
        <member name="[CB - Account].[Account CB - Description].&amp;[0254027 - FERC 494 refund]"/>
        <member name="[CB - Account].[Account CB - Description].&amp;[0254029 - DEO Rider PSR - OVEC Liability]"/>
        <member name="[CB - Account].[Account CB - Description].&amp;[0254030 - NC Long-Term Liab Defer Fuel]"/>
        <member name="[CB - Account].[Account CB - Description].&amp;[0254031 - CR4&amp;5 Accelerated Depreciaton]"/>
        <member name="[CB - Account].[Account CB - Description].&amp;[0254032 - Nuc Fuel Last Core Reserve SC]"/>
        <member name="[CB - Account].[Account CB - Description].&amp;[0254033 - M&amp;S Inv Reserve_PEC RC SC]"/>
        <member name="[CB - Account].[Account CB - Description].&amp;[0254034 - CPRE (LT)]"/>
        <member name="[CB - Account].[Account CB - Description].&amp;[0254035 - SC Long-Term Liab Defer Fuel]"/>
        <member name="[CB - Account].[Account CB - Description].&amp;[0254037 - RL- Excess NC ADIT - SC Retail]"/>
        <member name="[CB - Account].[Account CB - Description].&amp;[0254041 - Reg Liab - D&amp;E Ret on St EDIT]"/>
        <member name="[CB - Account].[Account CB - Description].&amp;[0254042 - Reg Liab - Fed EDIT - SC Retai]"/>
        <member name="[CB - Account].[Account CB - Description].&amp;[0254043 - Reg Liab - State EDIT - S-T]"/>
        <member name="[CB - Account].[Account CB - Description].&amp;[0254044 - Reg Liab - Fed EDIT - W/S]"/>
        <member name="[CB - Account].[Account CB - Description].&amp;[0254045 - Reg Liab - Debt Retrn on FEDIT]"/>
        <member name="[CB - Account].[Account CB - Description].&amp;[0254046 - DEO DCI Rider Liability]"/>
        <member name="[CB - Account].[Account CB - Description].&amp;[0254047 - Coal Ash Insurance Proceeds]"/>
        <member name="[CB - Account].[Account CB - Description].&amp;[0254048 - SC Coal Ash Insurance Proceeds]"/>
        <member name="[CB - Account].[Account CB - Description].&amp;[0254049 - Storm Secur Srvc/Admin - ST]"/>
        <member name="[CB - Account].[Account CB - Description].&amp;[0254050 - REG LIAB SC DEFERRED FUEL]"/>
        <member name="[CB - Account].[Account CB - Description].&amp;[0254051 - CPRE (ST)]"/>
        <member name="[CB - Account].[Account CB - Description].&amp;[0254052 - Storm Secur Srvc/Admin - LT]"/>
        <member name="[CB - Account].[Account CB - Description].&amp;[0254053 - Reg Liab - NC EDIT - Wholesale]"/>
        <member name="[CB - Account].[Account CB - Description].&amp;[0254054 - Reg Liab - NC EDIT - NC Retail]"/>
        <member name="[CB - Account].[Account CB - Description].&amp;[0254055 - Reg Liab - NC EDIT - GrossUp]"/>
        <member name="[CB - Account].[Account CB - Description].&amp;[0254056 - Storm Reg Liab - Upfront Costs]"/>
        <member name="[CB - Account].[Account CB - Description].&amp;[0254057 - NC NBV Retired Plant]"/>
        <member name="[CB - Account].[Account CB - Description].&amp;[0254058 - Storm Reg Liab Upfront Cost ST]"/>
        <member name="[CB - Account].[Account CB - Description].&amp;[0254059 - DOE Reg Liability]"/>
        <member name="[CB - Account].[Account CB - Description].&amp;[0254060 - DEF Tax Savings Reg Liability]"/>
        <member name="[CB - Account].[Account CB - Description].&amp;[0254061 - Deferred PTCs]"/>
        <member name="[CB - Account].[Account CB - Description].&amp;[0254062 - Deferred PTCs - Short Term]"/>
        <member name="[CB - Account].[Account CB - Description].&amp;[0254065 - Job Retention Rider Liability]"/>
        <member name="[CB - Account].[Account CB - Description].&amp;[0254087 - DEF CR4&amp;5 Accelerated Deprecia]"/>
        <member name="[CB - Account].[Account CB - Description].&amp;[0254095 - REG LIAB REPS]"/>
        <member name="[CB - Account].[Account CB - Description].&amp;[0254101 - Deferred Regulatory Liability]"/>
        <member name="[CB - Account].[Account CB - Description].&amp;[0254102 - IGCC Rate Refund]"/>
        <member name="[CB - Account].[Account CB - Description].&amp;[0254103 - SAW Regulated Deferred Liab]"/>
        <member name="[CB - Account].[Account CB - Description].&amp;[0254104 - SC SAW Regulated Defer Liab]"/>
        <member name="[CB - Account].[Account CB - Description].&amp;[0254105 - Deferred BTR Reg Liab]"/>
        <member name="[CB - Account].[Account CB - Description].&amp;[0254106 - Rotable Fleet Spare Reg Liab]"/>
        <member name="[CB - Account].[Account CB - Description].&amp;[0254107 - NCEMPA JAAR Nuclear Depr Diff]"/>
        <member name="[CB - Account].[Account CB - Description].&amp;[0254108 - Reg Liability - Gallagher 1&amp;]"/>
        <member name="[CB - Account].[Account CB - Description].&amp;[0254109 - EVSE - Customer Deposits LT]"/>
        <member name="[CB - Account].[Account CB - Description].&amp;[0254110 - Reg Liab Environmental Cst]"/>
        <member name="[CB - Account].[Account CB - Description].&amp;[0254111 - DEFCRED-ACCUM AMORT PUR PRICE]"/>
        <member name="[CB - Account].[Account CB - Description].&amp;[0254112 - DEFCRED- INVEST IN JV]"/>
        <member name="[CB - Account].[Account CB - Description].&amp;[0254113 - JV EXC-DEF PURHC PRICE]"/>
        <member name="[CB - Account].[Account CB - Description].&amp;[0254114 - Equity Post In Service Nox]"/>
        <member name="[CB - Account].[Account CB - Description].&amp;[0254120 - I &amp; D Regulatory Liability]"/>
        <member name="[CB - Account].[Account CB - Description].&amp;[0254130 - Other Reg Liab NPL - Tax Rate]"/>
        <member name="[CB - Account].[Account CB - Description].&amp;[0254140 - PostInServ Equity Nblsv Repwr]"/>
        <member name="[CB - Account].[Account CB - Description].&amp;[0254160 - Supplier Cost Recovery - Liabi]"/>
        <member name="[CB - Account].[Account CB - Description].&amp;[0254161 - Vegetation Mgmt Rider]"/>
        <member name="[CB - Account].[Account CB - Description].&amp;[0254162 - Dis Storm Rider Carrying Cost]"/>
        <member name="[CB - Account].[Account CB - Description].&amp;[0254163 - Distribution Storm Rider]"/>
        <member name="[CB - Account].[Account CB - Description].&amp;[0254164 - OVEC Rider Reg Liability]"/>
        <member name="[CB - Account].[Account CB - Description].&amp;[0254200 - Epa Auction Proceeds]"/>
        <member name="[CB - Account].[Account CB - Description].&amp;[0254221 - Equity Post In Service MAD/CAD]"/>
        <member name="[CB - Account].[Account CB - Description].&amp;[0254240 - Post in Svc equity-Wheatland]"/>
        <member name="[CB - Account].[Account CB - Description].&amp;[0254250 - NC REC Liability - Retail]"/>
        <member name="[CB - Account].[Account CB - Description].&amp;[0254251 - NC REC Liability - Whse]"/>
        <member name="[CB - Account].[Account CB - Description].&amp;[0254300 - Steam Gen Regulatory Liability]"/>
        <member name="[CB - Account].[Account CB - Description].&amp;[0254301 - Other Reg Liab-FAS109]"/>
        <member name="[CB - Account].[Account CB - Description].&amp;[0254310 - Deferred Fuel Settlements]"/>
        <member name="[CB - Account].[Account CB - Description].&amp;[0254311 - Deferred Fuel Revenue]"/>
        <member name="[CB - Account].[Account CB - Description].&amp;[0254312 - Deferred GPIF - Reg Liab Fuel]"/>
        <member name="[CB - Account].[Account CB - Description].&amp;[0254313 - Deferred Fuel - PY]"/>
        <member name="[CB - Account].[Account CB - Description].&amp;[0254314 - Deferred Levy - NCRC]"/>
        <member name="[CB - Account].[Account CB - Description].&amp;[0254315 - Deferred CR3 - NCRC]"/>
        <member name="[CB - Account].[Account CB - Description].&amp;[0254316 - Deferred Energy Conservation]"/>
        <member name="[CB - Account].[Account CB - Description].&amp;[0254317 - Deferred Environmental Cost Re]"/>
        <member name="[CB - Account].[Account CB - Description].&amp;[0254318 - Deferred Property Gains/Losses]"/>
        <member name="[CB - Account].[Account CB - Description].&amp;[0254319 - REG LIAB - DOE REFUND AMORT NC]"/>
        <member name="[CB - Account].[Account CB - Description].&amp;[0254320 - Deferred Capacity - Curr Yr]"/>
        <member name="[CB - Account].[Account CB - Description].&amp;[0254321 - Deferred Capacity - Prior Year]"/>
        <member name="[CB - Account].[Account CB - Description].&amp;[0254324 - Bad Debt Exp Over Collection]"/>
        <member name="[CB - Account].[Account CB - Description].&amp;[0254325 - WS Coal Ash Ins Proceeds-Curr]"/>
        <member name="[CB - Account].[Account CB - Description].&amp;[0254326 - WS Settlement Refund Curr]"/>
        <member name="[CB - Account].[Account CB - Description].&amp;[0254331 - LT Closed Def Int Hedge-Liab]"/>
        <member name="[CB - Account].[Account CB - Description].&amp;[0254332 - ST Closed Def Int Hedge_Liab]"/>
        <member name="[CB - Account].[Account CB - Description].&amp;[0254333 - Open Def Int Hedge-Liab]"/>
        <member name="[CB - Account].[Account CB - Description].&amp;[0254402 - SC Historical DSM]"/>
        <member name="[CB - Account].[Account CB - Description].&amp;[0254403 - SFAS 143 Asbestos-Reg Liab FTG]"/>
        <member name="[CB - Account].[Account CB - Description].&amp;[0254408 - Load Factor Adj Defer - Liab]"/>
        <member name="[CB - Account].[Account CB - Description].&amp;[0254410 - ST SO2 EA Proceeds]"/>
        <member name="[CB - Account].[Account CB - Description].&amp;[0254420 - NC Rate Remand Reg Liab]"/>
        <member name="[CB - Account].[Account CB - Description].&amp;[0254425 - NC Unbilled Fuel Giveback]"/>
        <member name="[CB - Account].[Account CB - Description].&amp;[0254430 - NC Nuc Ins Reserve Reg Liab]"/>
        <member name="[CB - Account].[Account CB - Description].&amp;[0254440 - SC Nuc Ins Reserve Reg Liab]"/>
        <member name="[CB - Account].[Account CB - Description].&amp;[0254450 - SC Storm Reserve Fund]"/>
        <member name="[CB - Account].[Account CB - Description].&amp;[0254460 - SC EDP Def. Dep.]"/>
        <member name="[CB - Account].[Account CB - Description].&amp;[0254580 - SC Pension Rider Liability]"/>
        <member name="[CB - Account].[Account CB - Description].&amp;[0254688 - Reg Liability - Qual Pension]"/>
        <member name="[CB - Account].[Account CB - Description].&amp;[0254700 - DOE SETTLEMENT DEF NC CUR]"/>
        <member name="[CB - Account].[Account CB - Description].&amp;[0254711 - Distr Storm Rider - Liability]"/>
        <member name="[CB - Account].[Account CB - Description].&amp;[0254712 - 2019 Distr Stm Rider-Liability]"/>
        <member name="[CB - Account].[Account CB - Description].&amp;[0254713 - 2020 Distr Storm Rider - Liab]"/>
        <member name="[CB - Account].[Account CB - Description].&amp;[0254755 - DEI Distrib. Veg Mgmt - Liab.]"/>
        <member name="[CB - Account].[Account CB - Description].&amp;[0254800 - Reg Liability - MTM Fuel - LT]"/>
        <member name="[CB - Account].[Account CB - Description].&amp;[0254914 - NDT - QUAL - UNREAL GAINS]"/>
        <member name="[CB - Account].[Account CB - Description].&amp;[0254915 - NDT - NONQUAL - UNREAL GAINS]"/>
        <member name="[CB - Account].[Account CB - Description].&amp;[0254980 - Open Int Rate Swap Cur Rg Liab]"/>
        <member name="[CB - Account].[Account CB - Description].&amp;[0254990 - ARO Reg Liab - Accr/ARC Depr]"/>
        <member name="[CB - Account].[Account CB - Description].&amp;[0254991 - ARO Reg Liab - Book Depr]"/>
        <member name="[CB - Account].[Account CB - Description].&amp;[0254999 - Reg Liab COR reclass from A/D]"/>
        <member name="[CB - Account].[Account CB - Description].&amp;[0255001 - Def ITC - No Normalization]"/>
        <member name="[CB - Account].[Account CB - Description].&amp;[0255100 - Gross ITC - NPL]"/>
        <member name="[CB - Account].[Account CB - Description].&amp;[0255110 - Unamort Inv Tax Cr-Util Pla]"/>
        <member name="[CB - Account].[Account CB - Description].&amp;[0255200 - Amortized ITC - NPL]"/>
        <member name="[CB - Account].[Account CB - Description].&amp;[0255201 - Def ITC-Non-Regulated]"/>
        <member name="[CB - Account].[Account CB - Description].&amp;[0255897 - VIE-NR Investment Tax Credits]"/>
        <member name="[CB - Account].[Account CB - Description].&amp;[0256000 - Deferred Gain on Sale of Asset]"/>
        <member name="[CB - Account].[Account CB - Description].&amp;[0256001 - LT Pref Stock w/mand redempt]"/>
        <member name="[CB - Account].[Account CB - Description].&amp;[0256010 - LT LIAB-PHYS FIRM COMMIT]"/>
        <member name="[CB - Account].[Account CB - Description].&amp;[0256500 - DEFERRED CREDIT AFFILIATE]"/>
        <member name="[CB - Account].[Account CB - Description].&amp;[0257010 - Unamortized Gain - Debt]"/>
        <member name="[CB - Account].[Account CB - Description].&amp;[0262100 - Inactive]"/>
        <member name="[CB - Account].[Account CB - Description].&amp;[0262110 - Inactive]"/>
        <member name="[CB - Account].[Account CB - Description].&amp;[0262120 - Inactive]"/>
        <member name="[CB - Account].[Account CB - Description].&amp;[0262130 - Inactive]"/>
        <member name="[CB - Account].[Account CB - Description].&amp;[0262140 - Inactive]"/>
        <member name="[CB - Account].[Account CB - Description].&amp;[0262150 - Inactive]"/>
        <member name="[CB - Account].[Account CB - Description].&amp;[0262170 - Inactive]"/>
        <member name="[CB - Account].[Account CB - Description].&amp;[0265200 - Inactive]"/>
        <member name="[CB - Account].[Account CB - Description].&amp;[0265300 - Inactive]"/>
        <member name="[CB - Account].[Account CB - Description].&amp;[0266100 - L-T UNREALIZED LOSSES MTM]"/>
        <member name="[CB - Account].[Account CB - Description].&amp;[0266101 - IC HEDGE LIABILITY NONCURRENT]"/>
        <member name="[CB - Account].[Account CB - Description].&amp;[0266133 - LT MTM RESERVE]"/>
        <member name="[CB - Account].[Account CB - Description].&amp;[0266200 - LT Guarantee Obligations]"/>
        <member name="[CB - Account].[Account CB - Description].&amp;[0266201 - Guaranty Credit Loss Reserve]"/>
        <member name="[CB - Account].[Account CB - Description].&amp;[0266300 - ACCRUED INDEMNIFICATIONS - FIN]"/>
        <member name="[CB - Account].[Account CB - Description].&amp;[0266400 - Liab Related to H-F-S Assets]"/>
        <member name="[CB - Account].[Account CB - Description].&amp;[0266897 - VIE - NR LT LIAB AHFS]"/>
        <member name="[CB - Account].[Account CB - Description].&amp;[0271000 - NARUC CIAC TN 2017]"/>
        <member name="[CB - Account].[Account CB - Description].&amp;[0281000 - ADIT: Accel Amort Property]"/>
        <member name="[CB - Account].[Account CB - Description].&amp;[0281100 - ADIT: Acct 28100FAS109]"/>
        <member name="[CB - Account].[Account CB - Description].&amp;[0281200 - Deferred   Federal  Income Tax]"/>
        <member name="[CB - Account].[Account CB - Description].&amp;[0281201 - Deferred State Income Tax]"/>
        <member name="[CB - Account].[Account CB - Description].&amp;[0281300 - Deferred FIT - Current]"/>
        <member name="[CB - Account].[Account CB - Description].&amp;[0281301 - Deferred SIT - Current]"/>
        <member name="[CB - Account].[Account CB - Description].&amp;[0282000 - Accum DFit-Other Property]"/>
        <member name="[CB - Account].[Account CB - Description].&amp;[0282001 - Accum Dfit Rate Change]"/>
        <member name="[CB - Account].[Account CB - Description].&amp;[0282002 - Accum Dfit-Gaap]"/>
        <member name="[CB - Account].[Account CB - Description].&amp;[0282003 - Accum Dsit Rate Change]"/>
        <member name="[CB - Account].[Account CB - Description].&amp;[0282004 - Accum Dsit-Oth Prop-Gaap]"/>
        <member name="[CB - Account].[Account CB - Description].&amp;[0282005 - LT FIN48 NONCUR PROP DTL-FED]"/>
        <member name="[CB - Account].[Account CB - Description].&amp;[0282006 - LT FIN48 NONCUR PROP DTL-FL]"/>
        <member name="[CB - Account].[Account CB - Description].&amp;[0282007 - LT FIN48 NONCUR PROP DTL-NC]"/>
        <member name="[CB - Account].[Account CB - Description].&amp;[0282008 - LT FIN48 NONCUR PROP DTL-SC]"/>
        <member name="[CB - Account].[Account CB - Description].&amp;[0282102 - LT Def Tax Liability: Fed-282]"/>
        <member name="[CB - Account].[Account CB - Description].&amp;[0282103 - LT Def Tax Liability:State-282]"/>
        <member name="[CB - Account].[Account CB - Description].&amp;[0282104 - LT Def Tax Liability: Fed]"/>
        <member name="[CB - Account].[Account CB - Description].&amp;[0282105 - LT Def Tax Liability: State]"/>
        <member name="[CB - Account].[Account CB - Description].&amp;[0282106 - LT Def Tax Liability: Fed]"/>
        <member name="[CB - Account].[Account CB - Description].&amp;[0282107 - LT Def Tax Liability: State]"/>
        <member name="[CB - Account].[Account CB - Description].&amp;[0282110 - ADIT: Reg Assets: Federal]"/>
        <member name="[CB - Account].[Account CB - Description].&amp;[0282111 - ADIT: Reg Assets: State]"/>
        <member name="[CB - Account].[Account CB - Description].&amp;[0282200 - ADIT: Other Capitalized Items]"/>
        <member name="[CB - Account].[Account CB - Description].&amp;[0282210 - ADIT: Acct28220FAS109]"/>
        <member name="[CB - Account].[Account CB - Description].&amp;[0283000 - Accum DSIT-Other]"/>
        <member name="[CB - Account].[Account CB - Description].&amp;[0283001 - Accum Def Fed Income Tax]"/>
        <member name="[CB - Account].[Account CB - Description].&amp;[0283002 - Accum Dfit - Gaap]"/>
        <member name="[CB - Account].[Account CB - Description].&amp;[0283003 - Accum DSIT-Unitary]"/>
        <member name="[CB - Account].[Account CB - Description].&amp;[0283004 - Accum Dsit-Oth-Gaap]"/>
        <member name="[CB - Account].[Account CB - Description].&amp;[0283005 - Accum Dfit Reserve-Gaap]"/>
        <member name="[CB - Account].[Account CB - Description].&amp;[0283006 - Accum Dsit Reserve-Gaap]"/>
        <member name="[CB - Account].[Account CB - Description].&amp;[0283007 - FAS 133 - OCI Deferred Tax]"/>
        <member name="[CB - Account].[Account CB - Description].&amp;[0283008 - Accum Dsit-Tetco]"/>
        <member name="[CB - Account].[Account CB - Description].&amp;[0283009 - Accum Dsit-Other]"/>
        <member name="[CB - Account].[Account CB - Description].&amp;[0283010 - Accrued State Income Taxes]"/>
        <member name="[CB - Account].[Account CB - Description].&amp;[0283011 - Current Portion-Dit]"/>
        <member name="[CB - Account].[Account CB - Description].&amp;[0283012 - Current Portion - DSIT]"/>
        <member name="[CB - Account].[Account CB - Description].&amp;[0283013 - CURRENT DTL - FED]"/>
        <member name="[CB - Account].[Account CB - Description].&amp;[0283014 - CURRENT DTL - FL]"/>
        <member name="[CB - Account].[Account CB - Description].&amp;[0283015 - CURRENT DTL - NC]"/>
        <member name="[CB - Account].[Account CB - Description].&amp;[0283016 - CURRENT DTL - SC]"/>
        <member name="[CB - Account].[Account CB - Description].&amp;[0283020 - VALUATION ALLOWANCE]"/>
        <member name="[CB - Account].[Account CB - Description].&amp;[0283102 - LT Def Tax Liability: Fed-283]"/>
        <member name="[CB - Account].[Account CB - Description].&amp;[0283103 - LT Def Tax Liability:State-283]"/>
        <member name="[CB - Account].[Account CB - Description].&amp;[0283104 - LT Def Tax Liability: Fed]"/>
        <member name="[CB - Account].[Account CB - Description].&amp;[0283105 - LT Def Liability: State]"/>
        <member name="[CB - Account].[Account CB - Description].&amp;[0283110 - ADIT: Acct28310FAS109]"/>
        <member name="[CB - Account].[Account CB - Description].&amp;[0283113 - Curr Def Credit for State Liab]"/>
        <member name="[CB - Account].[Account CB - Description].&amp;[0283114 - Curr Def Credit for State Liab]"/>
        <member name="[CB - Account].[Account CB - Description].&amp;[0283115 - Curr Def Credit for State Liab]"/>
        <member name="[CB - Account].[Account CB - Description].&amp;[0283116 - LT Def Tax Liability: Fed]"/>
        <member name="[CB - Account].[Account CB - Description].&amp;[0283117 - LT Def Tax Liability: state]"/>
        <member name="[CB - Account].[Account CB - Description].&amp;[0283120 - ADIT: Acct28310FAS109RR lev]"/>
        <member name="[CB - Account].[Account CB - Description].&amp;[0283130 - Deferred Liability - Tax]"/>
        <member name="[CB - Account].[Account CB - Description].&amp;[0283200 - Inactive]"/>
        <member name="[CB - Account].[Account CB - Description].&amp;[0283300 - Inactive]"/>
        <member name="[CB - Account].[Account CB - Description].&amp;[0283410 - ADIT: NCR Pur Cap Lev: Federal]"/>
        <member name="[CB - Account].[Account CB - Description].&amp;[0283411 - ADIT: NCR Pur Cap Lev: State]"/>
        <member name="[CB - Account].[Account CB - Description].&amp;[0283420 - ADIT: SCR Pur Cap Lev: Federal]"/>
        <member name="[CB - Account].[Account CB - Description].&amp;[0283421 - ADIT: SCR Pur Cap Lev: State]"/>
        <member name="[CB - Account].[Account CB - Description].&amp;[0283430 - ADIT: Ferc Pur Cap Lev: Fed]"/>
        <member name="[CB - Account].[Account CB - Description].&amp;[0283431 - ADIT: Ferc Pur Cap Lev: State]"/>
        <member name="[CB - Account].[Account CB - Description].&amp;[0283440 - Def Tax Purch Cap-Reg Assets]"/>
        <member name="[CB - Account].[Account CB - Description].&amp;[0283450 - Deferred Foreign Tax]"/>
        <member name="[CB - Account].[Account CB - Description].&amp;[0283460 - Deferred Foreign - Current]"/>
        <member name="[CB - Account].[Account CB - Description].&amp;[0283897 - VIE-NR Deferred Income Taxes]"/>
        <member name="[CB - Account].[Account CB - Description].&amp;[0300000 - Contra Fixed Assets]"/>
        <member name="[CB - Account].[Account CB - Description].&amp;[0302100 - FRANCHISES AND CONSENTS]"/>
        <member name="[CB - Account].[Account CB - Description].&amp;[0302200 - FEASIBILITY STUDIES]"/>
        <member name="[CB - Account].[Account CB - Description].&amp;[0303100 - Intangible Plant - Fossil]"/>
        <member name="[CB - Account].[Account CB - Description].&amp;[0303200 - Intangible Plant-Nuclear]"/>
        <member name="[CB - Account].[Account CB - Description].&amp;[0303300 - Intangible Plant - Hydro]"/>
        <member name="[CB - Account].[Account CB - Description].&amp;[0303330 - Tangible Drilling Cost]"/>
        <member name="[CB - Account].[Account CB - Description].&amp;[0303400 - Intangible Plant-Other Prod]"/>
        <member name="[CB - Account].[Account CB - Description].&amp;[0303500 - Intangible Plant - Transmiss]"/>
        <member name="[CB - Account].[Account CB - Description].&amp;[0303600 - Intangible Plt - Distribution]"/>
        <member name="[CB - Account].[Account CB - Description].&amp;[0303700 - Intangible Plant-General]"/>
        <member name="[CB - Account].[Account CB - Description].&amp;[0303800 - IDC Bond Interest]"/>
        <member name="[CB - Account].[Account CB - Description].&amp;[0310100 - Land &amp; Rights-Power Plant]"/>
        <member name="[CB - Account].[Account CB - Description].&amp;[0310400 - Land and Rights-Recreatn-Steam]"/>
        <member name="[CB - Account].[Account CB - Description].&amp;[0311100 - Str &amp; Imp-Power Plant]"/>
        <member name="[CB - Account].[Account CB - Description].&amp;[0311400 - Str and Imp-Recreation-Steam]"/>
        <member name="[CB - Account].[Account CB - Description].&amp;[0311500 - Str &amp; Imp-Landscaping]"/>
        <member name="[CB - Account].[Account CB - Description].&amp;[0311900 - BP - Structures]"/>
        <member name="[CB - Account].[Account CB - Description].&amp;[0312000 - Boiler Plant Equipment-Steam]"/>
        <member name="[CB - Account].[Account CB - Description].&amp;[0312100 - Natl Gas Fuel Connection-Steam]"/>
        <member name="[CB - Account].[Account CB - Description].&amp;[0312900 - BP- BOILER PLANT EQUIP]"/>
        <member name="[CB - Account].[Account CB - Description].&amp;[0314000 - Turbogenerator Units-Steam]"/>
        <member name="[CB - Account].[Account CB - Description].&amp;[0314900 - BP-TURBOGENERATOR UNITS]"/>
        <member name="[CB - Account].[Account CB - Description].&amp;[0315000 - Accessory Electric Eqpmt-Steam]"/>
        <member name="[CB - Account].[Account CB - Description].&amp;[0315900 - BP- ACCESSORY ELECTRIC EQUIP]"/>
        <member name="[CB - Account].[Account CB - Description].&amp;[0316100 - Misc Equipment-Power Plt Steam]"/>
        <member name="[CB - Account].[Account CB - Description].&amp;[0316400 - Misc Equipment-Recreation]"/>
        <member name="[CB - Account].[Account CB - Description].&amp;[0316900 - BP- MISC EQUIP]"/>
        <member name="[CB - Account].[Account CB - Description].&amp;[0317000 - Asset Retirement Cost Fossil]"/>
        <member name="[CB - Account].[Account CB - Description].&amp;[0317199 - ARO Fossil landfills]"/>
        <member name="[CB - Account].[Account CB - Description].&amp;[0320100 - Land and Rights-Power Plt Nuc]"/>
        <member name="[CB - Account].[Account CB - Description].&amp;[0320400 - Land in fee-Nuc]"/>
        <member name="[CB - Account].[Account CB - Description].&amp;[0321100 - Str and Imp-Power Plant Nuc]"/>
        <member name="[CB - Account].[Account CB - Description].&amp;[0321400 - Str and Imp-Recreation-Nuc]"/>
        <member name="[CB - Account].[Account CB - Description].&amp;[0321500 - Str and Imp-Landscaping-Nuc]"/>
        <member name="[CB - Account].[Account CB - Description].&amp;[0322000 - Reactor Plant Equipment-Nuc]"/>
        <member name="[CB - Account].[Account CB - Description].&amp;[0323000 - Turbogenerator Units-Nuc]"/>
        <member name="[CB - Account].[Account CB - Description].&amp;[0324000 - Accessory Electric Eq Nuc]"/>
        <member name="[CB - Account].[Account CB - Description].&amp;[0325100 - Misc Equipment-Power Plant]"/>
        <member name="[CB - Account].[Account CB - Description].&amp;[0325400 - Misc Equipment-Recreation-Nuc]"/>
        <member name="[CB - Account].[Account CB - Description].&amp;[0326000 - Asset Retirement Cost- Nuclear]"/>
        <member name="[CB - Account].[Account CB - Description].&amp;[0330100 - Land and Rights-Powr Plt Hydro]"/>
        <member name="[CB - Account].[Account CB - Description].&amp;[0330200 - Land &amp; Rights-Pond Sanitn]"/>
        <member name="[CB - Account].[Account CB - Description].&amp;[0330300 - Land &amp; Rights-Fish/Wildlife]"/>
        <member name="[CB - Account].[Account CB - Description].&amp;[0330400 - Land and Rights-Recreatn-Hydro]"/>
        <member name="[CB - Account].[Account CB - Description].&amp;[0331100 - Str and Imp-Power Plant Hydro]"/>
        <member name="[CB - Account].[Account CB - Description].&amp;[0331200 - Str and Imp-Pond Sanit Hydro]"/>
        <member name="[CB - Account].[Account CB - Description].&amp;[0331300 - Str &amp; Imp-Fish/Wildlife]"/>
        <member name="[CB - Account].[Account CB - Description].&amp;[0331400 - Str and Imp-Recreation-Hydro]"/>
        <member name="[CB - Account].[Account CB - Description].&amp;[0332100 - Res Dm and Wtr-Power Plt Hydro]"/>
        <member name="[CB - Account].[Account CB - Description].&amp;[0332150 - Non-Reg Res Dm &amp; Wtr-Hydro]"/>
        <member name="[CB - Account].[Account CB - Description].&amp;[0332200 - Res, Dm &amp; Wtr-Pond Sanitation]"/>
        <member name="[CB - Account].[Account CB - Description].&amp;[0332300 - Res, Dm &amp; Wtr-Fish/Wildlife]"/>
        <member name="[CB - Account].[Account CB - Description].&amp;[0332400 - Res Dm and Wtr-Recreat-Hydro]"/>
        <member name="[CB - Account].[Account CB - Description].&amp;[0333000 - Watr Wheels Turbns/Gen-Hydro]"/>
        <member name="[CB - Account].[Account CB - Description].&amp;[0334000 - Accessory Electric Eqpmt-Hydro]"/>
        <member name="[CB - Account].[Account CB - Description].&amp;[0335100 - Misc Equip-Pwr Plant Hydro]"/>
        <member name="[CB - Account].[Account CB - Description].&amp;[0335200 - Misc Eq-Pond Sanitation-Hydro]"/>
        <member name="[CB - Account].[Account CB - Description].&amp;[0335300 - Misc Eq-Fish  Wildlife-Hydro]"/>
        <member name="[CB - Account].[Account CB - Description].&amp;[0335400 - Misc Equip-Recreation-Hydro]"/>
        <member name="[CB - Account].[Account CB - Description].&amp;[0336000 - Roads-Railrds - Bridges-Hydro]"/>
        <member name="[CB - Account].[Account CB - Description].&amp;[0337000 - Asset Retirement Cost - Hydro]"/>
        <member name="[CB - Account].[Account CB - Description].&amp;[0340000 - Land &amp; Land Rights]"/>
        <member name="[CB - Account].[Account CB - Description].&amp;[0341000 - Structures &amp; Improvements]"/>
        <member name="[CB - Account].[Account CB - Description].&amp;[0341100 - Other Comprehensive Incom]"/>
        <member name="[CB - Account].[Account CB - Description].&amp;[0341600 - Inactive]"/>
        <member name="[CB - Account].[Account CB - Description].&amp;[0342000 - Fuel Holdr Prdcrs/Acces-CTOthr]"/>
        <member name="[CB - Account].[Account CB - Description].&amp;[0342600 - Inactive]"/>
        <member name="[CB - Account].[Account CB - Description].&amp;[0343000 - Prime Movers-CT/Other]"/>
        <member name="[CB - Account].[Account CB - Description].&amp;[0343600 - Inactive]"/>
        <member name="[CB - Account].[Account CB - Description].&amp;[0344000 - Generators-CT/Other]"/>
        <member name="[CB - Account].[Account CB - Description].&amp;[0344600 - Inactive]"/>
        <member name="[CB - Account].[Account CB - Description].&amp;[0345000 - Accessory Electric Eq-CT/Other]"/>
        <member name="[CB - Account].[Account CB - Description].&amp;[0345600 - Inactive]"/>
        <member name="[CB - Account].[Account CB - Description].&amp;[0346000 - Misc Pwr Plt Equipmnt-CT/Other]"/>
        <member name="[CB - Account].[Account CB - Description].&amp;[0346600 - Inactive]"/>
        <member name="[CB - Account].[Account CB - Description].&amp;[0347000 - Asset Retirement Cost - Other]"/>
        <member name="[CB - Account].[Account CB - Description].&amp;[0350100 - Land Purchased In Fee-Trans]"/>
        <member name="[CB - Account].[Account CB - Description].&amp;[0350200 - R/W  Like Int In Land-OthTrans]"/>
        <member name="[CB - Account].[Account CB - Description].&amp;[0352000 - Structures And Improvnts-Trans]"/>
        <member name="[CB - Account].[Account CB - Description].&amp;[0353000 - Station Equipment-Trans]"/>
        <member name="[CB - Account].[Account CB - Description].&amp;[0353500 - Substat Eq-Resrv Stock-Trans]"/>
        <member name="[CB - Account].[Account CB - Description].&amp;[0354000 - Towers And Fixtures-Trans]"/>
        <member name="[CB - Account].[Account CB - Description].&amp;[0355000 - Poles And Fixtures-Trans]"/>
        <member name="[CB - Account].[Account CB - Description].&amp;[0356000 - Overhd Condctrs/Devices-Trans]"/>
        <member name="[CB - Account].[Account CB - Description].&amp;[0357000 - Underground Conduit-Trans]"/>
        <member name="[CB - Account].[Account CB - Description].&amp;[0358000 - Undergr Condctrs/Devices-Trans]"/>
        <member name="[CB - Account].[Account CB - Description].&amp;[0359000 - Roads and Trails-Trans]"/>
        <member name="[CB - Account].[Account CB - Description].&amp;[0360100 - Land Purchased In Fee-Distr]"/>
        <member name="[CB - Account].[Account CB - Description].&amp;[0360200 - Rights Of Way-Dist]"/>
        <member name="[CB - Account].[Account CB - Description].&amp;[0361000 - Structures And Improvnts-Distr]"/>
        <member name="[CB - Account].[Account CB - Description].&amp;[0362000 - Substation Equipment-Distr]"/>
        <member name="[CB - Account].[Account CB - Description].&amp;[0362500 - Substn Equip-Resrv Stock-Distr]"/>
        <member name="[CB - Account].[Account CB - Description].&amp;[0362780 - Substat-Section Control Unit]"/>
        <member name="[CB - Account].[Account CB - Description].&amp;[0364000 - Poles Towers Fixtures-Distr]"/>
        <member name="[CB - Account].[Account CB - Description].&amp;[0364500 - Contributions - Joint Use]"/>
        <member name="[CB - Account].[Account CB - Description].&amp;[0365000 - Overhd Condctrs/Devices-Distr]"/>
        <member name="[CB - Account].[Account CB - Description].&amp;[0365780 - Section Control Unit-Line]"/>
        <member name="[CB - Account].[Account CB - Description].&amp;[0366000 - Underground Conduit-Distr]"/>
        <member name="[CB - Account].[Account CB - Description].&amp;[0366500 - Contribution In Aid-Ug]"/>
        <member name="[CB - Account].[Account CB - Description].&amp;[0367000 - Undergrd Condctrs/Device-Distr]"/>
        <member name="[CB - Account].[Account CB - Description].&amp;[0367500 - Contribution In Aid-Ug]"/>
        <member name="[CB - Account].[Account CB - Description].&amp;[0368100 - Line Trnsfrmrs-Devices-Distr]"/>
        <member name="[CB - Account].[Account CB - Description].&amp;[0368200 - Underground Line Transformers]"/>
        <member name="[CB - Account].[Account CB - Description].&amp;[0368300 - Ln Trnsfrmrs-Ind-ComCust-Distr]"/>
        <member name="[CB - Account].[Account CB - Description].&amp;[0368900 - Ln Trnsfrms and Devices-Distr]"/>
        <member name="[CB - Account].[Account CB - Description].&amp;[0369000 - Services-Distr]"/>
        <member name="[CB - Account].[Account CB - Description].&amp;[0369500 - Contribution In Aid-Ug]"/>
        <member name="[CB - Account].[Account CB - Description].&amp;[0370000 - Meters-Distr]"/>
        <member name="[CB - Account].[Account CB - Description].&amp;[0370700 - Time Of Day Meters-Distr]"/>
        <member name="[CB - Account].[Account CB - Description].&amp;[0371200 - Inst On Cust Premises-Distr]"/>
        <member name="[CB - Account].[Account CB - Description].&amp;[0371700 - Load Control Devices-Distr]"/>
        <member name="[CB - Account].[Account CB - Description].&amp;[0373000 - St Light/Signal Systems-Distr]"/>
        <member name="[CB - Account].[Account CB - Description].&amp;[0389000 - Office Land]"/>
        <member name="[CB - Account].[Account CB - Description].&amp;[0389200 - Cost Of Right Of Way]"/>
        <member name="[CB - Account].[Account CB - Description].&amp;[0389600 - Cap Leases-Land]"/>
        <member name="[CB - Account].[Account CB - Description].&amp;[0390000 - Office Struct &amp; Improvements]"/>
        <member name="[CB - Account].[Account CB - Description].&amp;[0390050 - Non-Reg Office Struct &amp; Improv]"/>
        <member name="[CB - Account].[Account CB - Description].&amp;[0390600 - Capital Leases-Buildings]"/>
        <member name="[CB - Account].[Account CB - Description].&amp;[0391000 - Office Furniture &amp; Equipment]"/>
        <member name="[CB - Account].[Account CB - Description].&amp;[0391001 - Comp Eq /Software]"/>
        <member name="[CB - Account].[Account CB - Description].&amp;[0391002 - Furniture/Fixtures]"/>
        <member name="[CB - Account].[Account CB - Description].&amp;[0391003 - Pricing Desk]"/>
        <member name="[CB - Account].[Account CB - Description].&amp;[0392000 - Transportation Equipment]"/>
        <member name="[CB - Account].[Account CB - Description].&amp;[0393000 - Stores Equipment]"/>
        <member name="[CB - Account].[Account CB - Description].&amp;[0394000 - Tools, Shop &amp; Garage Equipment]"/>
        <member name="[CB - Account].[Account CB - Description].&amp;[0395000 - Laboratory Equipment]"/>
        <member name="[CB - Account].[Account CB - Description].&amp;[0395240 - Magnetic Tape Recorders]"/>
        <member name="[CB - Account].[Account CB - Description].&amp;[0395250 - Power Line Carrier]"/>
        <member name="[CB - Account].[Account CB - Description].&amp;[0395260 - Telephone Carrier]"/>
        <member name="[CB - Account].[Account CB - Description].&amp;[0396000 - Power Operated Equipment]"/>
        <member name="[CB - Account].[Account CB - Description].&amp;[0397000 - Communication Equipment]"/>
        <member name="[CB - Account].[Account CB - Description].&amp;[0398000 - Miscellaneous Equipment]"/>
        <member name="[CB - Account].[Account CB - Description].&amp;[0398001 - Office/Field Eq]"/>
        <member name="[CB - Account].[Account CB - Description].&amp;[0398002 - Leasehold Improve]"/>
        <member name="[CB - Account].[Account CB - Description].&amp;[0398003 - Project Equipment]"/>
        <member name="[CB - Account].[Account CB - Description].&amp;[0399199 - Asset Retirement Cost Gen Plt]"/>
        <member name="[CB - Account].[Account CB - Description].&amp;[0400200 - Power Purchases w/ DENA T&amp;M]"/>
        <member name="[CB - Account].[Account CB - Description].&amp;[0400201 - Power Purchases w/ DENA T&amp;M]"/>
        <member name="[CB - Account].[Account CB - Description].&amp;[0400202 - Power Purchase w/ DENA-T&amp;M]"/>
        <member name="[CB - Account].[Account CB - Description].&amp;[0401100 - Non-reg Operation Expense]"/>
        <member name="[CB - Account].[Account CB - Description].&amp;[0401101 - Gas Trans O&amp;M Allocation]"/>
        <member name="[CB - Account].[Account CB - Description].&amp;[0401200 - Pcb - Deferral]"/>
        <member name="[CB - Account].[Account CB - Description].&amp;[0401201 - Pcb - It Credit]"/>
        <member name="[CB - Account].[Account CB - Description].&amp;[0401202 - Pcb - Capital]"/>
        <member name="[CB - Account].[Account CB - Description].&amp;[0401203 - Pcb - It Amort]"/>
        <member name="[CB - Account].[Account CB - Description].&amp;[0401204 - Pcb - Te Reserve]"/>
        <member name="[CB - Account].[Account CB - Description].&amp;[0401480 - Non-reg Cost of Sales - Other]"/>
        <member name="[CB - Account].[Account CB - Description].&amp;[0401483 - NR COGS Misc Exp Other Coal]"/>
        <member name="[CB - Account].[Account CB - Description].&amp;[0401484 - NR COGS Misc Exp Other Binder]"/>
        <member name="[CB - Account].[Account CB - Description].&amp;[0401485 - NR COGS Misc Ex Oth Cons Maint]"/>
        <member name="[CB - Account].[Account CB - Description].&amp;[0401488 - COGS Misc Exp Oth Site Costs]"/>
        <member name="[CB - Account].[Account CB - Description].&amp;[0401500 - Operating Exp - Transmission]"/>
        <member name="[CB - Account].[Account CB - Description].&amp;[0402000 - Maintenance Expense]"/>
        <member name="[CB - Account].[Account CB - Description].&amp;[0403000 - Depr-Gathering Plant]"/>
        <member name="[CB - Account].[Account CB - Description].&amp;[0403001 - Depr-Underground Storage]"/>
        <member name="[CB - Account].[Account CB - Description].&amp;[0403003 - Depr-Afudc-Gross Up-Gaap]"/>
        <member name="[CB - Account].[Account CB - Description].&amp;[0403004 - Depr-Other Storage Plant]"/>
        <member name="[CB - Account].[Account CB - Description].&amp;[0403005 - Pur Acctg - Depreciation]"/>
        <member name="[CB - Account].[Account CB - Description].&amp;[0403006 - Interco Depr Expense]"/>
        <member name="[CB - Account].[Account CB - Description].&amp;[0403007 - IGCC Depreciation Expense]"/>
        <member name="[CB - Account].[Account CB - Description].&amp;[0403008 - IGCC Depr Amortizaton Expense]"/>
        <member name="[CB - Account].[Account CB - Description].&amp;[0403009 - Clean Coal Depreciation Exp]"/>
        <member name="[CB - Account].[Account CB - Description].&amp;[0403010 - Depr - deferral offset]"/>
        <member name="[CB - Account].[Account CB - Description].&amp;[0403011 - Depr-Transmission Plant]"/>
        <member name="[CB - Account].[Account CB - Description].&amp;[0403012 - Depr-Prod Extract Plant]"/>
        <member name="[CB - Account].[Account CB - Description].&amp;[0403013 - TDSIC2 - Depreciation Exp]"/>
        <member name="[CB - Account].[Account CB - Description].&amp;[0403015 - Fed Mandate Depreciation Exp]"/>
        <member name="[CB - Account].[Account CB - Description].&amp;[0403016 - TDSIC Depreciation Exp]"/>
        <member name="[CB - Account].[Account CB - Description].&amp;[0403017 - CCR Depreciation Exp]"/>
        <member name="[CB - Account].[Account CB - Description].&amp;[0403018 - Crane Depreciation Exp]"/>
        <member name="[CB - Account].[Account CB - Description].&amp;[0403019 - Markland Depreciation Exp]"/>
        <member name="[CB - Account].[Account CB - Description].&amp;[0403020 - Land Rights]"/>
        <member name="[CB - Account].[Account CB - Description].&amp;[0403021 - M&amp;R Structures and Imp]"/>
        <member name="[CB - Account].[Account CB - Description].&amp;[0403022 - Transmission Mains]"/>
        <member name="[CB - Account].[Account CB - Description].&amp;[0403023 - M&amp;R Equipment]"/>
        <member name="[CB - Account].[Account CB - Description].&amp;[0403024 - Furniture &amp; Equipment]"/>
        <member name="[CB - Account].[Account CB - Description].&amp;[0403025 - Computer Equipment]"/>
        <member name="[CB - Account].[Account CB - Description].&amp;[0403026 - Vehicles]"/>
        <member name="[CB - Account].[Account CB - Description].&amp;[0403027 - Heavy Work Equipment]"/>
        <member name="[CB - Account].[Account CB - Description].&amp;[0403028 - Tools &amp; Equipment]"/>
        <member name="[CB - Account].[Account CB - Description].&amp;[0403029 - Compressor Station S&amp;I]"/>
        <member name="[CB - Account].[Account CB - Description].&amp;[0403030 - Compressor Station Equip]"/>
        <member name="[CB - Account].[Account CB - Description].&amp;[0403031 - Comm Structures &amp; Equip]"/>
        <member name="[CB - Account].[Account CB - Description].&amp;[0403032 - CHP Depreciation Expense]"/>
        <member name="[CB - Account].[Account CB - Description].&amp;[0403040 - HARRIS DSLW-SC IND]"/>
        <member name="[CB - Account].[Account CB - Description].&amp;[0403041 - HARRIS DSLW-WH IND]"/>
        <member name="[CB - Account].[Account CB - Description].&amp;[0403042 - DEPRECIA-CONTRA AFUDC SC PLANT]"/>
        <member name="[CB - Account].[Account CB - Description].&amp;[0403043 - DEPRECIATION-WHOLESALE PLANT]"/>
        <member name="[CB - Account].[Account CB - Description].&amp;[0403044 - DEPRECIA-CONTRA AFUDC NC PLANT]"/>
        <member name="[CB - Account].[Account CB - Description].&amp;[0403045 - DEPRECI-CONTRA AFUDC POLL CONT]"/>
        <member name="[CB - Account].[Account CB - Description].&amp;[0403046 - HARRIS DSLW-  NC DIR]"/>
        <member name="[CB - Account].[Account CB - Description].&amp;[0403047 - HARRIS DSLW-  PA DIR]"/>
        <member name="[CB - Account].[Account CB - Description].&amp;[0403048 - HARRIS DSLW-WH DIR]"/>
        <member name="[CB - Account].[Account CB - Description].&amp;[0403049 - HARRIS DSLW- NC IND]"/>
        <member name="[CB - Account].[Account CB - Description].&amp;[0403050 - CONTRA DEPR-OATT]"/>
        <member name="[CB - Account].[Account CB - Description].&amp;[0403100 - Depr Of Steam Prod Plant]"/>
        <member name="[CB - Account].[Account CB - Description].&amp;[0403101 - Depreciation -Mitigation Steam]"/>
        <member name="[CB - Account].[Account CB - Description].&amp;[0403102 - Depr Exp - Oper Lessor]"/>
        <member name="[CB - Account].[Account CB - Description].&amp;[0403103 - Lease-Depr In rate base Plant]"/>
        <member name="[CB - Account].[Account CB - Description].&amp;[0403105 - Amort of unrecovered plant]"/>
        <member name="[CB - Account].[Account CB - Description].&amp;[0403109 - Depr Exp - Disallowance - NC]"/>
        <member name="[CB - Account].[Account CB - Description].&amp;[0403110 - Depr Team Prdn Plt- NC]"/>
        <member name="[CB - Account].[Account CB - Description].&amp;[0403111 - Depr Steam Prdn Plt- SC]"/>
        <member name="[CB - Account].[Account CB - Description].&amp;[0403112 - Depr Team Prdn Plt- WH]"/>
        <member name="[CB - Account].[Account CB - Description].&amp;[0403152 - IC Lease-Depr Cap(Act as Op)]"/>
        <member name="[CB - Account].[Account CB - Description].&amp;[0403200 - Depr Of Hydro Prod Plant]"/>
        <member name="[CB - Account].[Account CB - Description].&amp;[0403201 - Depr Hydro Prod Plnt - Sec 124]"/>
        <member name="[CB - Account].[Account CB - Description].&amp;[0403202 - DEPRECIAT-WHLSALE RATE DIFF PA]"/>
        <member name="[CB - Account].[Account CB - Description].&amp;[0403203 - DEPRECIATION-WHLSALE RATE DIFF]"/>
        <member name="[CB - Account].[Account CB - Description].&amp;[0403210 - Depr of Hydro Prod. - NC]"/>
        <member name="[CB - Account].[Account CB - Description].&amp;[0403211 - Depr of Hydro Prod. - SC]"/>
        <member name="[CB - Account].[Account CB - Description].&amp;[0403212 - Depr of Hydro Prod. - WH]"/>
        <member name="[CB - Account].[Account CB - Description].&amp;[0403250 - Depr Non-Rad Decom Exp]"/>
        <member name="[CB - Account].[Account CB - Description].&amp;[0403300 - Depr Of Transm Plant]"/>
        <member name="[CB - Account].[Account CB - Description].&amp;[0403310 - Depr Transm Plt- NC]"/>
        <member name="[CB - Account].[Account CB - Description].&amp;[0403311 - Depr Transm Plt- SC]"/>
        <member name="[CB - Account].[Account CB - Description].&amp;[0403312 - Depr Transm Plt- WH]"/>
        <member name="[CB - Account].[Account CB - Description].&amp;[0403350 - IC Lease-Depr of CT Plant]"/>
        <member name="[CB - Account].[Account CB - Description].&amp;[0403360 - Lease-Depr In rate base Plt IC]"/>
        <member name="[CB - Account].[Account CB - Description].&amp;[0403400 - Depr Of Distribution Plant]"/>
        <member name="[CB - Account].[Account CB - Description].&amp;[0403401 - DEPRECIATION-SC RATE DIFF]"/>
        <member name="[CB - Account].[Account CB - Description].&amp;[0403408 - DEP COR Settlement- NCUC]"/>
        <member name="[CB - Account].[Account CB - Description].&amp;[0403410 - Depr Distribn Plt - NC]"/>
        <member name="[CB - Account].[Account CB - Description].&amp;[0403411 - Depr Distribn Plt - SC]"/>
        <member name="[CB - Account].[Account CB - Description].&amp;[0403412 - Depr Distribn Plt - WH]"/>
        <member name="[CB - Account].[Account CB - Description].&amp;[0403500 - Depr Of General Plant]"/>
        <member name="[CB - Account].[Account CB - Description].&amp;[0403501 - SC EDP Depreciation Expense]"/>
        <member name="[CB - Account].[Account CB - Description].&amp;[0403600 - Depr Of Comb Turb Plant]"/>
        <member name="[CB - Account].[Account CB - Description].&amp;[0403601 - CT Plant Deprec. - Mitigation]"/>
        <member name="[CB - Account].[Account CB - Description].&amp;[0403602 - Rotable Fleet Spare Amort]"/>
        <member name="[CB - Account].[Account CB - Description].&amp;[0403610 - Depr Cmb Turbine- NC]"/>
        <member name="[CB - Account].[Account CB - Description].&amp;[0403611 - Depr Cmb Turbine- SC]"/>
        <member name="[CB - Account].[Account CB - Description].&amp;[0403612 - Depr Cmb Turbine- WH]"/>
        <member name="[CB - Account].[Account CB - Description].&amp;[0403613 - SC Grid Amort - Deferred Depr]"/>
        <member name="[CB - Account].[Account CB - Description].&amp;[0403700 - Depr Of Nuc Prod Plant]"/>
        <member name="[CB - Account].[Account CB - Description].&amp;[0403710 - Depr Nuc Product- NC]"/>
        <member name="[CB - Account].[Account CB - Description].&amp;[0403711 - Depr Nuc Product- SC]"/>
        <member name="[CB - Account].[Account CB - Description].&amp;[0403712 - Depr Nuc Product- WH]"/>
        <member name="[CB - Account].[Account CB - Description].&amp;[0403800 - Decommissioning Exp]"/>
        <member name="[CB - Account].[Account CB - Description].&amp;[0403805 - DEPREC ON  INV IN REAL ESTATE]"/>
        <member name="[CB - Account].[Account CB - Description].&amp;[0403850 - Deferral of Depr. Exp.-Solar]"/>
        <member name="[CB - Account].[Account CB - Description].&amp;[0403900 - DEPR_EXPENSE_PUR_ACCTG_ADJ]"/>
        <member name="[CB - Account].[Account CB - Description].&amp;[0403950 - BudAdj-Depreciation]"/>
        <member name="[CB - Account].[Account CB - Description].&amp;[0404000 - Amortization Expense]"/>
        <member name="[CB - Account].[Account CB - Description].&amp;[0404001 - Customer Connect Amortization]"/>
        <member name="[CB - Account].[Account CB - Description].&amp;[0404100 - Amor Of Limited Term Elec Plt]"/>
        <member name="[CB - Account].[Account CB - Description].&amp;[0404101 - AMORT OF  LTD TERM PLT- EQUITY]"/>
        <member name="[CB - Account].[Account CB - Description].&amp;[0404102 - Lease Amort]"/>
        <member name="[CB - Account].[Account CB - Description].&amp;[0404150 - Amort of LTD Term Plt]"/>
        <member name="[CB - Account].[Account CB - Description].&amp;[0404201 - Amort-Capital Leases]"/>
        <member name="[CB - Account].[Account CB - Description].&amp;[0404202 - Lease Amort]"/>
        <member name="[CB - Account].[Account CB - Description].&amp;[0404300 - Amort-Trans Agmt w/TETCO]"/>
        <member name="[CB - Account].[Account CB - Description].&amp;[0404301 - Amort-Leaseholds]"/>
        <member name="[CB - Account].[Account CB - Description].&amp;[0404302 - Amort-Intangibles]"/>
        <member name="[CB - Account].[Account CB - Description].&amp;[0404303 - AMORT OF  LTD TERM PLT- MAT/AP]"/>
        <member name="[CB - Account].[Account CB - Description].&amp;[0404400 - FRANCHISE AMORTIZATION]"/>
        <member name="[CB - Account].[Account CB - Description].&amp;[0404401 - AMORT OF LTD PLANT-FL]"/>
        <member name="[CB - Account].[Account CB - Description].&amp;[0404402 - AMORT OF ECCR PLANT]"/>
        <member name="[CB - Account].[Account CB - Description].&amp;[0404500 - FEASIBILITY STUDIES AMORT]"/>
        <member name="[CB - Account].[Account CB - Description].&amp;[0404505 - Amortization Expense Purch Adj]"/>
        <member name="[CB - Account].[Account CB - Description].&amp;[0405000 - Depr-Other Gas Plant]"/>
        <member name="[CB - Account].[Account CB - Description].&amp;[0405010 - Inactive]"/>
        <member name="[CB - Account].[Account CB - Description].&amp;[0405011 - Amort of Other Pur Acctg]"/>
        <member name="[CB - Account].[Account CB - Description].&amp;[0405100 - Inactive]"/>
        <member name="[CB - Account].[Account CB - Description].&amp;[0405200 - Inactive]"/>
        <member name="[CB - Account].[Account CB - Description].&amp;[0405220 - Inactive]"/>
        <member name="[CB - Account].[Account CB - Description].&amp;[0405310 - Amort Of Def Catwba Pur Cap-Nc]"/>
        <member name="[CB - Account].[Account CB - Description].&amp;[0405320 - Amort Of Def Catwba Pur Cap-Sc]"/>
        <member name="[CB - Account].[Account CB - Description].&amp;[0405330 - Amort Of Def Cat Pur Cap-Wlsle]"/>
        <member name="[CB - Account].[Account CB - Description].&amp;[0406000 - Amor/Elec Plt Acquisition Adj]"/>
        <member name="[CB - Account].[Account CB - Description].&amp;[0406001 - Amort Exp - Elec Plant Acq]"/>
        <member name="[CB - Account].[Account CB - Description].&amp;[0406150 - Amort of Acq Adj]"/>
        <member name="[CB - Account].[Account CB - Description].&amp;[0406505 - Amort Exp - Acq Purch Adj]"/>
        <member name="[CB - Account].[Account CB - Description].&amp;[0407000 - Amortization of Property Loss]"/>
        <member name="[CB - Account].[Account CB - Description].&amp;[0407001 - Amort of Gridsouth Cost (NC)]"/>
        <member name="[CB - Account].[Account CB - Description].&amp;[0407002 - BRUNSWICK DESIGN BASIS]"/>
        <member name="[CB - Account].[Account CB - Description].&amp;[0407003 - ROBINSON DESIGN BASIS]"/>
        <member name="[CB - Account].[Account CB - Description].&amp;[0407004 - MAYO2 ABAN LOSS &amp; AFC DBT WHLE]"/>
        <member name="[CB - Account].[Account CB - Description].&amp;[0407005 - NC Storm Amortization]"/>
        <member name="[CB - Account].[Account CB - Description].&amp;[0407100 - AMORT_REG_ASSETS]"/>
        <member name="[CB - Account].[Account CB - Description].&amp;[0407101 - Harris COLA Amort - Wholesale]"/>
        <member name="[CB - Account].[Account CB - Description].&amp;[0407102 - Harris COLA Amort - Retail]"/>
        <member name="[CB - Account].[Account CB - Description].&amp;[0407110 - Amort ExpPost In Svc Carry Chg]"/>
        <member name="[CB - Account].[Account CB - Description].&amp;[0407120 - Amort of Unrecovered Plant]"/>
        <member name="[CB - Account].[Account CB - Description].&amp;[0407150 - NCEMPA NC Debt Return]"/>
        <member name="[CB - Account].[Account CB - Description].&amp;[0407160 - NCEMPA SC Debt &amp; Equity Return]"/>
        <member name="[CB - Account].[Account CB - Description].&amp;[0407200 - AMORT_PROP_LOSS_PUR_ACCT_ADJ]"/>
        <member name="[CB - Account].[Account CB - Description].&amp;[0407214 - Amor Exp04 RSP Retrn on Debt]"/>
        <member name="[CB - Account].[Account CB - Description].&amp;[0407260 - Deferred Depreciation Expense]"/>
        <member name="[CB - Account].[Account CB - Description].&amp;[0407300 - COR Settlements Amort-SC]"/>
        <member name="[CB - Account].[Account CB - Description].&amp;[0407301 - Amort of Gridsouth Cost (NC(I)]"/>
        <member name="[CB - Account].[Account CB - Description].&amp;[0407302 - ABSAT Return Amort]"/>
        <member name="[CB - Account].[Account CB - Description].&amp;[0407303 - Hurricane Ike Amortization]"/>
        <member name="[CB - Account].[Account CB - Description].&amp;[0407304 - Amort of Gridsouth-Wholesale]"/>
        <member name="[CB - Account].[Account CB - Description].&amp;[0407306 - NC Cliffside Amortization]"/>
        <member name="[CB - Account].[Account CB - Description].&amp;[0407307 - SC Cliffside Amortization]"/>
        <member name="[CB - Account].[Account CB - Description].&amp;[0407308 - Wholesale Cliff Amortization]"/>
        <member name="[CB - Account].[Account CB - Description].&amp;[0407309 - Pension Amortization]"/>
        <member name="[CB - Account].[Account CB - Description].&amp;[0407310 - Annual Provision Environ Cost]"/>
        <member name="[CB - Account].[Account CB - Description].&amp;[0407311 - Regulatory Debits]"/>
        <member name="[CB - Account].[Account CB - Description].&amp;[0407312 - Smart Grid Amortization Expens]"/>
        <member name="[CB - Account].[Account CB - Description].&amp;[0407313 - Amortization of CWDCC]"/>
        <member name="[CB - Account].[Account CB - Description].&amp;[0407314 - OH  Dist Decoupling Deferral]"/>
        <member name="[CB - Account].[Account CB - Description].&amp;[0407315 - Amortization - EV Rebate - C&amp;I]"/>
        <member name="[CB - Account].[Account CB - Description].&amp;[0407316 - IGCC Rate Refund]"/>
        <member name="[CB - Account].[Account CB - Description].&amp;[0407317 - Amort of GridSouth (SC)]"/>
        <member name="[CB - Account].[Account CB - Description].&amp;[0407318 - Reg Debit - SPP DEF]"/>
        <member name="[CB - Account].[Account CB - Description].&amp;[0407319 - EVCS deferral amortization]"/>
        <member name="[CB - Account].[Account CB - Description].&amp;[0407320 - Depreciation Deferral Amort]"/>
        <member name="[CB - Account].[Account CB - Description].&amp;[0407321 - Dynegy Reg Debits-FERC 407.3]"/>
        <member name="[CB - Account].[Account CB - Description].&amp;[0407322 - Storm Cost Reg Asset Amort]"/>
        <member name="[CB - Account].[Account CB - Description].&amp;[0407323 - SFAS 143 - REG. DEBIT]"/>
        <member name="[CB - Account].[Account CB - Description].&amp;[0407325 - SC &amp; FL Coal Ash Amortization]"/>
        <member name="[CB - Account].[Account CB - Description].&amp;[0407326 - Wholesale Coal Ash Amort Exp]"/>
        <member name="[CB - Account].[Account CB - Description].&amp;[0407327 - Unbillable Coal Ash Expense]"/>
        <member name="[CB - Account].[Account CB - Description].&amp;[0407328 - Nuclear Levelization NC]"/>
        <member name="[CB - Account].[Account CB - Description].&amp;[0407329 - Wayne NC Regulatory Debit]"/>
        <member name="[CB - Account].[Account CB - Description].&amp;[0407330 - NC Saluda/Allen Amortization]"/>
        <member name="[CB - Account].[Account CB - Description].&amp;[0407331 - SC Saluda/Allen Amortization]"/>
        <member name="[CB - Account].[Account CB - Description].&amp;[0407332 - Wholesale Saluda/Allen Amortiz]"/>
        <member name="[CB - Account].[Account CB - Description].&amp;[0407333 - SC EDP Depreciation]"/>
        <member name="[CB - Account].[Account CB - Description].&amp;[0407334 - Reg Debit - DSM/EE NC O&amp;M]"/>
        <member name="[CB - Account].[Account CB - Description].&amp;[0407335 - Reg Debit - DSM/EE SC O&amp;M]"/>
        <member name="[CB - Account].[Account CB - Description].&amp;[0407336 - Reg Debit - REPS]"/>
        <member name="[CB - Account].[Account CB - Description].&amp;[0407337 - REG DEBIT- DSM/EE SC O&amp;M]"/>
        <member name="[CB - Account].[Account CB - Description].&amp;[0407338 - CR3 Amortization]"/>
        <member name="[CB - Account].[Account CB - Description].&amp;[0407339 - Sutton SC Regulatory Debit]"/>
        <member name="[CB - Account].[Account CB - Description].&amp;[0407340 - SC Grid Amort]"/>
        <member name="[CB - Account].[Account CB - Description].&amp;[0407341 - DE IN Phase 2 Env Plan Amort]"/>
        <member name="[CB - Account].[Account CB - Description].&amp;[0407342 - Nuclear Fuel-Last Core Amort]"/>
        <member name="[CB - Account].[Account CB - Description].&amp;[0407343 - Buck/Bridgewater amort-NC]"/>
        <member name="[CB - Account].[Account CB - Description].&amp;[0407344 - Buck/Bridgewater Amort-SC]"/>
        <member name="[CB - Account].[Account CB - Description].&amp;[0407345 - Buck/Bridgewater amort-WS]"/>
        <member name="[CB - Account].[Account CB - Description].&amp;[0407346 - Cliffside 6 Amort-NC]"/>
        <member name="[CB - Account].[Account CB - Description].&amp;[0407347 - Cliffside 6 amort-SC]"/>
        <member name="[CB - Account].[Account CB - Description].&amp;[0407348 - Cliffside 6 Amort-WS]"/>
        <member name="[CB - Account].[Account CB - Description].&amp;[0407349 - Dan River amort-NC]"/>
        <member name="[CB - Account].[Account CB - Description].&amp;[0407350 - REPS Rider NC Retail]"/>
        <member name="[CB - Account].[Account CB - Description].&amp;[0407351 - REPS Rider NC Whse]"/>
        <member name="[CB - Account].[Account CB - Description].&amp;[0407352 - REPS Rider NC Retail-Cert]"/>
        <member name="[CB - Account].[Account CB - Description].&amp;[0407353 - REPS Rider NC Whse-Cert]"/>
        <member name="[CB - Account].[Account CB - Description].&amp;[0407354 - DSM Deferral - Electric]"/>
        <member name="[CB - Account].[Account CB - Description].&amp;[0407355 - DSM Deferral - Gas]"/>
        <member name="[CB - Account].[Account CB - Description].&amp;[0407356 - Deferred VOP Amortization]"/>
        <member name="[CB - Account].[Account CB - Description].&amp;[0407357 - REG DEBIT-NUCL COST RECOVERY]"/>
        <member name="[CB - Account].[Account CB - Description].&amp;[0407358 - Reg Debit - DSM/EE NC]"/>
        <member name="[CB - Account].[Account CB - Description].&amp;[0407359 - Reg Debit - DSM/EE SC]"/>
        <member name="[CB - Account].[Account CB - Description].&amp;[0407360 - CPRE REPS Rider NC Retail]"/>
        <member name="[CB - Account].[Account CB - Description].&amp;[0407361 - REG DEBIT-ECRC O&amp;M DEF]"/>
        <member name="[CB - Account].[Account CB - Description].&amp;[0407362 - Dan River amort-SC]"/>
        <member name="[CB - Account].[Account CB - Description].&amp;[0407363 - Dan River amort-WS]"/>
        <member name="[CB - Account].[Account CB - Description].&amp;[0407364 - Oconee HELB amort-SC]"/>
        <member name="[CB - Account].[Account CB - Description].&amp;[0407365 - McGuire Uprate Amort - NC]"/>
        <member name="[CB - Account].[Account CB - Description].&amp;[0407366 - McGuire Uprate Amort - SC]"/>
        <member name="[CB - Account].[Account CB - Description].&amp;[0407367 - McGuire Uprate amort - WS]"/>
        <member name="[CB - Account].[Account CB - Description].&amp;[0407368 - Fukushima CyberSecurity Amo-SC]"/>
        <member name="[CB - Account].[Account CB - Description].&amp;[0407369 - Buck Retired Plant Amort-NC]"/>
        <member name="[CB - Account].[Account CB - Description].&amp;[0407370 - SO2 EA Amortization]"/>
        <member name="[CB - Account].[Account CB - Description].&amp;[0407371 - AMORTIZATION-STORM EXP-WHSLE]"/>
        <member name="[CB - Account].[Account CB - Description].&amp;[0407372 - AMORTIZATION RATE CASE EXP]"/>
        <member name="[CB - Account].[Account CB - Description].&amp;[0407373 - Buck Retired Plant amort-SC]"/>
        <member name="[CB - Account].[Account CB - Description].&amp;[0407374 - Buck Retired Plant amort-WS]"/>
        <member name="[CB - Account].[Account CB - Description].&amp;[0407375 - M&amp;S Inv EOL Reserve Amort]"/>
        <member name="[CB - Account].[Account CB - Description].&amp;[0407376 - Clemson Univ Grant Amort]"/>
        <member name="[CB - Account].[Account CB - Description].&amp;[0407377 - Deferred NCDT Fund]"/>
        <member name="[CB - Account].[Account CB - Description].&amp;[0407378 - Ohio MGP amortization]"/>
        <member name="[CB - Account].[Account CB - Description].&amp;[0407379 - Amort - East Bend Def Depr]"/>
        <member name="[CB - Account].[Account CB - Description].&amp;[0407380 - Reg Debit-Retired Plant NC]"/>
        <member name="[CB - Account].[Account CB - Description].&amp;[0407381 - Retired Plant Amort - Retail]"/>
        <member name="[CB - Account].[Account CB - Description].&amp;[0407382 - Retired Plant Amort - Whlsle]"/>
        <member name="[CB - Account].[Account CB - Description].&amp;[0407383 - Amort Coal Ash Spend- Whlsale]"/>
        <member name="[CB - Account].[Account CB - Description].&amp;[0407384 - IGCC Reg Asset Amort]"/>
        <member name="[CB - Account].[Account CB - Description].&amp;[0407385 - Deferred NDTF Overfund]"/>
        <member name="[CB - Account].[Account CB - Description].&amp;[0407386 - Wabash 6 WS Plant Amortiz]"/>
        <member name="[CB - Account].[Account CB - Description].&amp;[0407387 - DEF CR4&amp;5 Accelerated Deprecia]"/>
        <member name="[CB - Account].[Account CB - Description].&amp;[0407388 - COR Settlement Amortz - NC]"/>
        <member name="[CB - Account].[Account CB - Description].&amp;[0407389 - CR South Reg Asset Amrtz]"/>
        <member name="[CB - Account].[Account CB - Description].&amp;[0407390 - NCEMPA Adjustment]"/>
        <member name="[CB - Account].[Account CB - Description].&amp;[0407391 - SC Storm Reserve Accrual]"/>
        <member name="[CB - Account].[Account CB - Description].&amp;[0407392 - Amort Debt Ret-NC]"/>
        <member name="[CB - Account].[Account CB - Description].&amp;[0407393 - Amort Debt Ret SC]"/>
        <member name="[CB - Account].[Account CB - Description].&amp;[0407394 - Amortization Customer Connect]"/>
        <member name="[CB - Account].[Account CB - Description].&amp;[0407395 - Amortization Job Retention]"/>
        <member name="[CB - Account].[Account CB - Description].&amp;[0407396 - Amortization Storm NC]"/>
        <member name="[CB - Account].[Account CB - Description].&amp;[0407397 - Amortization Storm SC]"/>
        <member name="[CB - Account].[Account CB - Description].&amp;[0407398 - EDIT Rider Amortization]"/>
        <member name="[CB - Account].[Account CB - Description].&amp;[0407399 - Amortization - Misc]"/>
        <member name="[CB - Account].[Account CB - Description].&amp;[0407400 - Inactive]"/>
        <member name="[CB - Account].[Account CB - Description].&amp;[0407401 - Regulatory Credits]"/>
        <member name="[CB - Account].[Account CB - Description].&amp;[0407402 - Regulatory Cr-Onshore]"/>
        <member name="[CB - Account].[Account CB - Description].&amp;[0407403 - Regulatory Cr- Storage]"/>
        <member name="[CB - Account].[Account CB - Description].&amp;[0407404 - Amort Exp - RSP Prop Tax]"/>
        <member name="[CB - Account].[Account CB - Description].&amp;[0407405 - AmortExp-Def Dep Nblsvl Repwr]"/>
        <member name="[CB - Account].[Account CB - Description].&amp;[0407406 - Amort Exp-RSP Depreciation]"/>
        <member name="[CB - Account].[Account CB - Description].&amp;[0407408 - Smart Grid deferral Electric]"/>
        <member name="[CB - Account].[Account CB - Description].&amp;[0407409 - Smart Grid deferral Gas]"/>
        <member name="[CB - Account].[Account CB - Description].&amp;[0407410 - Misc Capacity Amortization]"/>
        <member name="[CB - Account].[Account CB - Description].&amp;[0407411 - SFAS 143 - REG. CREDIT]"/>
        <member name="[CB - Account].[Account CB - Description].&amp;[0407412 - REG CREDIT-CR3 DEPRECIATION]"/>
        <member name="[CB - Account].[Account CB - Description].&amp;[0407413 - DSM/EE O&amp;M DEFERRAL]"/>
        <member name="[CB - Account].[Account CB - Description].&amp;[0407414 - DSM/EE CAPITAL DEFERRAL]"/>
        <member name="[CB - Account].[Account CB - Description].&amp;[0407415 - REPS DEFERRAL]"/>
        <member name="[CB - Account].[Account CB - Description].&amp;[0407416 - REG CREDIT DSM/EE OTHER]"/>
        <member name="[CB - Account].[Account CB - Description].&amp;[0407417 - POLLUTION CONTROL SC O&amp;M DEFER]"/>
        <member name="[CB - Account].[Account CB - Description].&amp;[0407418 - POLLUTION CRTL SC DEPREC DEFER]"/>
        <member name="[CB - Account].[Account CB - Description].&amp;[0407419 - DSM/EE O&amp;M DEFERRAL]"/>
        <member name="[CB - Account].[Account CB - Description].&amp;[0407420 - NC Rate Remand Amortization]"/>
        <member name="[CB - Account].[Account CB - Description].&amp;[0407421 - BTR Deferral]"/>
        <member name="[CB - Account].[Account CB - Description].&amp;[0407422 - FL Deferred Capacity Exp-Credi]"/>
        <member name="[CB - Account].[Account CB - Description].&amp;[0407423 - FL Deferred Fuel Exp - Credits]"/>
        <member name="[CB - Account].[Account CB - Description].&amp;[0407424 - Amortization]"/>
        <member name="[CB - Account].[Account CB - Description].&amp;[0407425 - Amort of NC UNBLFL Giveback]"/>
        <member name="[CB - Account].[Account CB - Description].&amp;[0407426 - FL EMISS AUC PROC AMORT]"/>
        <member name="[CB - Account].[Account CB - Description].&amp;[0407427 - REG CREDIT-NUCL COST RECO]"/>
        <member name="[CB - Account].[Account CB - Description].&amp;[0407428 - REG CREDIT- ECRC O&amp;M DEF]"/>
        <member name="[CB - Account].[Account CB - Description].&amp;[0407429 - REGULATORY CREDIT-COR]"/>
        <member name="[CB - Account].[Account CB - Description].&amp;[0407430 - NC Nuc Ins Reserve Amort]"/>
        <member name="[CB - Account].[Account CB - Description].&amp;[0407431 - Pollution Control SC O&amp;M Defer]"/>
        <member name="[CB - Account].[Account CB - Description].&amp;[0407432 - Reg Credit - DSM/EE NC O&amp;M Def]"/>
        <member name="[CB - Account].[Account CB - Description].&amp;[0407433 - Reg Credit - DSM/EE SC O&amp;M Def]"/>
        <member name="[CB - Account].[Account CB - Description].&amp;[0407434 - Reg Credit - Reps Deferral]"/>
        <member name="[CB - Account].[Account CB - Description].&amp;[0407435 - NC Nuclear Levelization Reg Cr]"/>
        <member name="[CB - Account].[Account CB - Description].&amp;[0407436 - NC Wayne Regulatory Credit]"/>
        <member name="[CB - Account].[Account CB - Description].&amp;[0407437 - Harris Gains NC]"/>
        <member name="[CB - Account].[Account CB - Description].&amp;[0407438 - DEO Gas CEP revenue deferral]"/>
        <member name="[CB - Account].[Account CB - Description].&amp;[0407439 - Def Depr East Bend]"/>
        <member name="[CB - Account].[Account CB - Description].&amp;[0407440 - SC Nuc Ins Reserve Amort]"/>
        <member name="[CB - Account].[Account CB - Description].&amp;[0407441 - NITS O&amp;M Deferral]"/>
        <member name="[CB - Account].[Account CB - Description].&amp;[0407442 - NITS Depreciation Deferral]"/>
        <member name="[CB - Account].[Account CB - Description].&amp;[0407443 - NITS Other Taxes Deferral]"/>
        <member name="[CB - Account].[Account CB - Description].&amp;[0407444 - DOE Settlement Reg Liab Amort]"/>
        <member name="[CB - Account].[Account CB - Description].&amp;[0407445 - SC Storm Reserve]"/>
        <member name="[CB - Account].[Account CB - Description].&amp;[0407446 - Reactive Power Expense]"/>
        <member name="[CB - Account].[Account CB - Description].&amp;[0407447 - Lee CC Amort-NC Equity]"/>
        <member name="[CB - Account].[Account CB - Description].&amp;[0407448 - Lee CC Amort-NC Debt Ret]"/>
        <member name="[CB - Account].[Account CB - Description].&amp;[0407449 - Amort Levelized Ret LeeCC]"/>
        <member name="[CB - Account].[Account CB - Description].&amp;[0407450 - NC Amort of Retail REC Exp]"/>
        <member name="[CB - Account].[Account CB - Description].&amp;[0407451 - NC Amort of Whse REC Exp]"/>
        <member name="[CB - Account].[Account CB - Description].&amp;[0407452 - NCEMPA NC Deferral &amp; Amortiz]"/>
        <member name="[CB - Account].[Account CB - Description].&amp;[0407453 - NCEMPA SC Deferral &amp; Amortiz]"/>
        <member name="[CB - Account].[Account CB - Description].&amp;[0407454 - NCEMPA NC deferrals/recovery]"/>
        <member name="[CB - Account].[Account CB - Description].&amp;[0407455 - Lee CC Amort SC]"/>
        <member name="[CB - Account].[Account CB - Description].&amp;[0407457 - CertainTeed-Liquidated Defer]"/>
        <member name="[CB - Account].[Account CB - Description].&amp;[0407458 - NC NBV Retired Plant Def Depr]"/>
        <member name="[CB - Account].[Account CB - Description].&amp;[0407459 - TDSIC2 - Carrying Charges]"/>
        <member name="[CB - Account].[Account CB - Description].&amp;[0407460 - IGCC Defer Tax Incentive Exp]"/>
        <member name="[CB - Account].[Account CB - Description].&amp;[0407461 - IGCC Reg Liability Amort]"/>
        <member name="[CB - Account].[Account CB - Description].&amp;[0407462 - Continued Amortization]"/>
        <member name="[CB - Account].[Account CB - Description].&amp;[0407463 - Defer DEF Final Dismantlement]"/>
        <member name="[CB - Account].[Account CB - Description].&amp;[0407466 - Reactive Power Expense]"/>
        <member name="[CB - Account].[Account CB - Description].&amp;[0407500 - Amortization Of Deferrals]"/>
        <member name="[CB - Account].[Account CB - Description].&amp;[0407501 - EDIT Rider Amort - NC Retail]"/>
        <member name="[CB - Account].[Account CB - Description].&amp;[0407600 - Amortization - Gallagher 1 &amp; 3]"/>
        <member name="[CB - Account].[Account CB - Description].&amp;[0407601 - Continued Amortization]"/>
        <member name="[CB - Account].[Account CB - Description].&amp;[0407700 - SC DERP Amortization]"/>
        <member name="[CB - Account].[Account CB - Description].&amp;[0407904 - RTC Elec Retail Amort Exp]"/>
        <member name="[CB - Account].[Account CB - Description].&amp;[0407906 - RegAsset OH&amp;Muni Tax Amort Exp]"/>
        <member name="[CB - Account].[Account CB - Description].&amp;[0407907 - Regulatory Asset-Deferral Acct]"/>
        <member name="[CB - Account].[Account CB - Description].&amp;[0408000 - Nc Property Tax-Electric]"/>
        <member name="[CB - Account].[Account CB - Description].&amp;[0408010 - Nc Property Tax-Water]"/>
        <member name="[CB - Account].[Account CB - Description].&amp;[0408020 - Inactive]"/>
        <member name="[CB - Account].[Account CB - Description].&amp;[0408030 - Nc Property Tax-Merchandising]"/>
        <member name="[CB - Account].[Account CB - Description].&amp;[0408050 - Municipal License-Electric]"/>
        <member name="[CB - Account].[Account CB - Description].&amp;[0408055 - FL Property Tax-Electric]"/>
        <member name="[CB - Account].[Account CB - Description].&amp;[0408060 - Inactive]"/>
        <member name="[CB - Account].[Account CB - Description].&amp;[0408070 - Inactive]"/>
        <member name="[CB - Account].[Account CB - Description].&amp;[0408080 - Nc Municipal License-Merch]"/>
        <member name="[CB - Account].[Account CB - Description].&amp;[0408090 - Inactive]"/>
        <member name="[CB - Account].[Account CB - Description].&amp;[0408100 - Franchise Tax - Electric]"/>
        <member name="[CB - Account].[Account CB - Description].&amp;[0408101 - Ohio Kilowatt Tax]"/>
        <member name="[CB - Account].[Account CB - Description].&amp;[0408102 - Ohio MCF Tax]"/>
        <member name="[CB - Account].[Account CB - Description].&amp;[0408103 - PAYROLL TAX - PROJECT SUPT NCR]"/>
        <member name="[CB - Account].[Account CB - Description].&amp;[0408110 - Nc Franchise Tax-Water]"/>
        <member name="[CB - Account].[Account CB - Description].&amp;[0408113 - Fl Reg Assessment Fee-Elec Tax]"/>
        <member name="[CB - Account].[Account CB - Description].&amp;[0408114 - Municipal License-Electric]"/>
        <member name="[CB - Account].[Account CB - Description].&amp;[0408120 - Franchise Tax - Non Electric]"/>
        <member name="[CB - Account].[Account CB - Description].&amp;[0408122 - General Taxes - Mitigation]"/>
        <member name="[CB - Account].[Account CB - Description].&amp;[0408123 - Deferred Property Tax - NC]"/>
        <member name="[CB - Account].[Account CB - Description].&amp;[0408124 - Deferred Property Tax - SC]"/>
        <member name="[CB - Account].[Account CB - Description].&amp;[0408125 - Deferred Property Taxes-WH]"/>
        <member name="[CB - Account].[Account CB - Description].&amp;[0408130 - Inactive]"/>
        <member name="[CB - Account].[Account CB - Description].&amp;[0408140 - Inactive]"/>
        <member name="[CB - Account].[Account CB - Description].&amp;[0408145 - MA Excise Tax]"/>
        <member name="[CB - Account].[Account CB - Description].&amp;[0408153 - Employer Local Tax]"/>
        <member name="[CB - Account].[Account CB - Description].&amp;[0408160 - Nc Unemployment Tax-Water]"/>
        <member name="[CB - Account].[Account CB - Description].&amp;[0408170 - Inactive]"/>
        <member name="[CB - Account].[Account CB - Description].&amp;[0408180 - Nc Unemployment Tax-Merch]"/>
        <member name="[CB - Account].[Account CB - Description].&amp;[0408190 - Inactive]"/>
        <member name="[CB - Account].[Account CB - Description].&amp;[0408191 - Commercial Activity Tax]"/>
        <member name="[CB - Account].[Account CB - Description].&amp;[0408192 - CY PROP TAX DEFERRALS]"/>
        <member name="[CB - Account].[Account CB - Description].&amp;[0408193 - PY PROPTAX DEFERRALS AMORT]"/>
        <member name="[CB - Account].[Account CB - Description].&amp;[0408200 - Nc Industrial Comm-Electric]"/>
        <member name="[CB - Account].[Account CB - Description].&amp;[0408201 - Taxes-Oth Income &amp; Deductions]"/>
        <member name="[CB - Account].[Account CB - Description].&amp;[0408210 - Nc Industrial Comm-Water]"/>
        <member name="[CB - Account].[Account CB - Description].&amp;[0408220 - Inactive]"/>
        <member name="[CB - Account].[Account CB - Description].&amp;[0408223 - FL Property Tx-Mis Non-Op]"/>
        <member name="[CB - Account].[Account CB - Description].&amp;[0408230 - Inactive]"/>
        <member name="[CB - Account].[Account CB - Description].&amp;[0408231 - CA Franchise Tax]"/>
        <member name="[CB - Account].[Account CB - Description].&amp;[0408240 - Inactive]"/>
        <member name="[CB - Account].[Account CB - Description].&amp;[0408250 - Nc Intangibles Tax-Electric]"/>
        <member name="[CB - Account].[Account CB - Description].&amp;[0408260 - Nc Intangibles Tax-Water]"/>
        <member name="[CB - Account].[Account CB - Description].&amp;[0408270 - Inactive]"/>
        <member name="[CB - Account].[Account CB - Description].&amp;[0408280 - Nc Intangibles Tax-Merch]"/>
        <member name="[CB - Account].[Account CB - Description].&amp;[0408290 - Inactive]"/>
        <member name="[CB - Account].[Account CB - Description].&amp;[0408300 - Nc Chain Store Tax-Merch]"/>
        <member name="[CB - Account].[Account CB - Description].&amp;[0408310 - Inactive]"/>
        <member name="[CB - Account].[Account CB - Description].&amp;[0408320 - Inactive]"/>
        <member name="[CB - Account].[Account CB - Description].&amp;[0408330 - Inactive]"/>
        <member name="[CB - Account].[Account CB - Description].&amp;[0408340 - Inactive]"/>
        <member name="[CB - Account].[Account CB - Description].&amp;[0408360 - Sc Property Tax-Electric]"/>
        <member name="[CB - Account].[Account CB - Description].&amp;[0408370 - Sc Property Tax-Water]"/>
        <member name="[CB - Account].[Account CB - Description].&amp;[0408380 - Inactive]"/>
        <member name="[CB - Account].[Account CB - Description].&amp;[0408390 - Sc Property Tax-Merch]"/>
        <member name="[CB - Account].[Account CB - Description].&amp;[0408400 - Sc Property Tx-Misc Nonutility]"/>
        <member name="[CB - Account].[Account CB - Description].&amp;[0408410 - Sc Municipal License-Wholesale]"/>
        <member name="[CB - Account].[Account CB - Description].&amp;[0408420 - Inactive]"/>
        <member name="[CB - Account].[Account CB - Description].&amp;[0408430 - Inactive]"/>
        <member name="[CB - Account].[Account CB - Description].&amp;[0408440 - Sc Muni License-Merchandising]"/>
        <member name="[CB - Account].[Account CB - Description].&amp;[0408450 - Inactive]"/>
        <member name="[CB - Account].[Account CB - Description].&amp;[0408460 - Sc Kwh Power Gen Tax-Electric]"/>
        <member name="[CB - Account].[Account CB - Description].&amp;[0408465 - FL Kwh Power Gen Tax-Electric]"/>
        <member name="[CB - Account].[Account CB - Description].&amp;[0408480 - SC Gross Receipts Tax - Wtr]"/>
        <member name="[CB - Account].[Account CB - Description].&amp;[0408490 - Inactive]"/>
        <member name="[CB - Account].[Account CB - Description].&amp;[0408500 - Sc Franchise Tax-Merchandising]"/>
        <member name="[CB - Account].[Account CB - Description].&amp;[0408510 - Sc Frnchs Tax-Misc Nonutility]"/>
        <member name="[CB - Account].[Account CB - Description].&amp;[0408520 - SC Public Service Com-Elec Tax]"/>
        <member name="[CB - Account].[Account CB - Description].&amp;[0408530 - Sc Public Service Comm-Water]"/>
        <member name="[CB - Account].[Account CB - Description].&amp;[0408540 - Inactive]"/>
        <member name="[CB - Account].[Account CB - Description].&amp;[0408550 - Sc Public Serv Comm-Merch]"/>
        <member name="[CB - Account].[Account CB - Description].&amp;[0408560 - Inactive]"/>
        <member name="[CB - Account].[Account CB - Description].&amp;[0408570 - Sc Unemployment Tax-Electric]"/>
        <member name="[CB - Account].[Account CB - Description].&amp;[0408580 - Sc Unemployment Tax-Water]"/>
        <member name="[CB - Account].[Account CB - Description].&amp;[0408590 - Inactive]"/>
        <member name="[CB - Account].[Account CB - Description].&amp;[0408600 - Sc Unemploy Tax-Merchandising]"/>
        <member name="[CB - Account].[Account CB - Description].&amp;[0408610 - Inactive]"/>
        <member name="[CB - Account].[Account CB - Description].&amp;[0408620 - Sc Greenwood Tax-Electric]"/>
        <member name="[CB - Account].[Account CB - Description].&amp;[0408630 - SC Industrial Comm-Elec Tax]"/>
        <member name="[CB - Account].[Account CB - Description].&amp;[0408640 - Sc Chain Store Tax-Merch]"/>
        <member name="[CB - Account].[Account CB - Description].&amp;[0408650 - Inactive]"/>
        <member name="[CB - Account].[Account CB - Description].&amp;[0408660 - Inactive]"/>
        <member name="[CB - Account].[Account CB - Description].&amp;[0408670 - Inactive]"/>
        <member name="[CB - Account].[Account CB - Description].&amp;[0408690 - Inactive]"/>
        <member name="[CB - Account].[Account CB - Description].&amp;[0408710 - Fed Social Security Tax-Water]"/>
        <member name="[CB - Account].[Account CB - Description].&amp;[0408720 - Inactive]"/>
        <member name="[CB - Account].[Account CB - Description].&amp;[0408730 - Fed Soc Sec Tax-Merchandising]"/>
        <member name="[CB - Account].[Account CB - Description].&amp;[0408740 - Inactive]"/>
        <member name="[CB - Account].[Account CB - Description].&amp;[0408750 - Federal Unemployment Tax-Elec]"/>
        <member name="[CB - Account].[Account CB - Description].&amp;[0408760 - Federal Unemployment Tax-Water]"/>
        <member name="[CB - Account].[Account CB - Description].&amp;[0408770 - Inactive]"/>
        <member name="[CB - Account].[Account CB - Description].&amp;[0408780 - Fed Unemployment Tax-Merch]"/>
        <member name="[CB - Account].[Account CB - Description].&amp;[0408790 - Inactive]"/>
        <member name="[CB - Account].[Account CB - Description].&amp;[0408810 - Inactive]"/>
        <member name="[CB - Account].[Account CB - Description].&amp;[0408830 - Misc Georgia-Electric Tax]"/>
        <member name="[CB - Account].[Account CB - Description].&amp;[0408840 - Miscellaneous Taxes]"/>
        <member name="[CB - Account].[Account CB - Description].&amp;[0408850 - Fed Mfg Vehicle Excise Tax]"/>
        <member name="[CB - Account].[Account CB - Description].&amp;[0408860 - BudAdj-General Tax]"/>
        <member name="[CB - Account].[Account CB - Description].&amp;[0408870 - Inactive]"/>
        <member name="[CB - Account].[Account CB - Description].&amp;[0408880 - Inactive]"/>
        <member name="[CB - Account].[Account CB - Description].&amp;[0408890 - Inactive]"/>
        <member name="[CB - Account].[Account CB - Description].&amp;[0408940 - Payroll Taxes]"/>
        <member name="[CB - Account].[Account CB - Description].&amp;[0408950 - Payroll Taxes]"/>
        <member name="[CB - Account].[Account CB - Description].&amp;[0408961 - Payroll Tax Trans-Oper]"/>
        <member name="[CB - Account].[Account CB - Description].&amp;[0408962 - Payroll Tax Trans-Maint]"/>
        <member name="[CB - Account].[Account CB - Description].&amp;[0408963 - NC Alloc Payroll Tax]"/>
        <member name="[CB - Account].[Account CB - Description].&amp;[0408964 - SC Alloc Payroll Tax]"/>
        <member name="[CB - Account].[Account CB - Description].&amp;[0408970 - PAYROLL TAX RECLASS]"/>
        <member name="[CB - Account].[Account CB - Description].&amp;[0408980 - Allocated Payroll Taxes]"/>
        <member name="[CB - Account].[Account CB - Description].&amp;[0408990 - Allocated Payroll Taxes -]"/>
        <member name="[CB - Account].[Account CB - Description].&amp;[0409000 - Franchise Tax Expense]"/>
        <member name="[CB - Account].[Account CB - Description].&amp;[0409100 - GA Income Tax - Electric-CY]"/>
        <member name="[CB - Account].[Account CB - Description].&amp;[0409101 - GA Income Tax-Electric-PY]"/>
        <member name="[CB - Account].[Account CB - Description].&amp;[0409103 - Current Federal Income Tax-P]"/>
        <member name="[CB - Account].[Account CB - Description].&amp;[0409105 - GA Inc Tax-Electric-PY-Refund]"/>
        <member name="[CB - Account].[Account CB - Description].&amp;[0409107 - Fit Exp-Utility]"/>
        <member name="[CB - Account].[Account CB - Description].&amp;[0409110 - NC Income Tax-Electric-CY]"/>
        <member name="[CB - Account].[Account CB - Description].&amp;[0409111 - NC Income Tax-Electric-PY]"/>
        <member name="[CB - Account].[Account CB - Description].&amp;[0409112 - UTP Tax Expense: State Utility]"/>
        <member name="[CB - Account].[Account CB - Description].&amp;[0409113 - UTP Tax Exp: State Util-PY]"/>
        <member name="[CB - Account].[Account CB - Description].&amp;[0409115 - NC Inc Tax-Elec-PY-Audit]"/>
        <member name="[CB - Account].[Account CB - Description].&amp;[0409120 - NC Income Tax-Water-CY]"/>
        <member name="[CB - Account].[Account CB - Description].&amp;[0409121 - NC Income Tax-Water-PY]"/>
        <member name="[CB - Account].[Account CB - Description].&amp;[0409130 - Inactive]"/>
        <member name="[CB - Account].[Account CB - Description].&amp;[0409140 - NC Income Tax-Nonutility-CY]"/>
        <member name="[CB - Account].[Account CB - Description].&amp;[0409141 - NC Income Tax-Nonutility-PY]"/>
        <member name="[CB - Account].[Account CB - Description].&amp;[0409150 - SC Income Tax-Electric-CY]"/>
        <member name="[CB - Account].[Account CB - Description].&amp;[0409151 - SC Income Taax-Electric-PY]"/>
        <member name="[CB - Account].[Account CB - Description].&amp;[0409155 - SC Inc Tax-Elec-PY-Audit]"/>
        <member name="[CB - Account].[Account CB - Description].&amp;[0409156 - SC Inc Tax-Electric-PY-Refunds]"/>
        <member name="[CB - Account].[Account CB - Description].&amp;[0409160 - SC Income Tax-Water-CY]"/>
        <member name="[CB - Account].[Account CB - Description].&amp;[0409161 - SC Income Tax-Water-PY]"/>
        <member name="[CB - Account].[Account CB - Description].&amp;[0409170 - GA Income Tax-Nonutility-CY]"/>
        <member name="[CB - Account].[Account CB - Description].&amp;[0409171 - GA Income Tax-Nonutility-PY]"/>
        <member name="[CB - Account].[Account CB - Description].&amp;[0409180 - SC Income Tax-Nonutility-CY]"/>
        <member name="[CB - Account].[Account CB - Description].&amp;[0409181 - SC Income Tax-Nonutility-PY]"/>
        <member name="[CB - Account].[Account CB - Description].&amp;[0409192 - UTP Tax Expense: Fed Utility]"/>
        <member name="[CB - Account].[Account CB - Description].&amp;[0409193 - Tax Expense: Fed Utility-PY]"/>
        <member name="[CB - Account].[Account CB - Description].&amp;[0409194 - Current FIT Elec - PY Audit]"/>
        <member name="[CB - Account].[Account CB - Description].&amp;[0409196 - Curr FIT-Elec-PY Refunds]"/>
        <member name="[CB - Account].[Account CB - Description].&amp;[0409197 - Current State Inc Tax-Util]"/>
        <member name="[CB - Account].[Account CB - Description].&amp;[0409198 - BudAdj-Income Tax]"/>
        <member name="[CB - Account].[Account CB - Description].&amp;[0409200 - Federal Income Tax-Water-CY]"/>
        <member name="[CB - Account].[Account CB - Description].&amp;[0409201 - Fed Income Tax-Water-PY]"/>
        <member name="[CB - Account].[Account CB - Description].&amp;[0409203 - Foreign Income Tax]"/>
        <member name="[CB - Account].[Account CB - Description].&amp;[0409204 - Fees for Tax Projects]"/>
        <member name="[CB - Account].[Account CB - Description].&amp;[0409205 - Current Foreign Income Tax-PY]"/>
        <member name="[CB - Account].[Account CB - Description].&amp;[0409206 - Foreign Income Tax]"/>
        <member name="[CB - Account].[Account CB - Description].&amp;[0409207 - FIT Exp - Non Utility]"/>
        <member name="[CB - Account].[Account CB - Description].&amp;[0409208 - UTP Tax Expense: Intl]"/>
        <member name="[CB - Account].[Account CB - Description].&amp;[0409209 - UTP Tax Expense: Intl-PY]"/>
        <member name="[CB - Account].[Account CB - Description].&amp;[0409210 - Inactive]"/>
        <member name="[CB - Account].[Account CB - Description].&amp;[0409211 - Fit EXP-MGMT/INTEL PROP CHRG G]"/>
        <member name="[CB - Account].[Account CB - Description].&amp;[0409222 - UTP Tax Expense: Fed Non-Util]"/>
        <member name="[CB - Account].[Account CB - Description].&amp;[0409223 - UTP Tax Exp:Fed Non-Util-PY]"/>
        <member name="[CB - Account].[Account CB - Description].&amp;[0409225 - Curr FIT-Nonutility-PY-Audit]"/>
        <member name="[CB - Account].[Account CB - Description].&amp;[0409226 - Curr FIT-Nonutility-PY-Refunds]"/>
        <member name="[CB - Account].[Account CB - Description].&amp;[0409230 - NC Income Tax- Nonutility CY]"/>
        <member name="[CB - Account].[Account CB - Description].&amp;[0409231 - NC Income Tax- Nonutility PY]"/>
        <member name="[CB - Account].[Account CB - Description].&amp;[0409232 - UTP Tax Expense:State Non-Util]"/>
        <member name="[CB - Account].[Account CB - Description].&amp;[0409234 - UTP Tax Exp: State Non-Util-PY]"/>
        <member name="[CB - Account].[Account CB - Description].&amp;[0409235 - NC Inc Tax-Nonutility PY-Audit]"/>
        <member name="[CB - Account].[Account CB - Description].&amp;[0409236 - NC Inc Tax-Nonutil-PY-Refurnds]"/>
        <member name="[CB - Account].[Account CB - Description].&amp;[0409240 - GA Income Tax- Nonutility CY]"/>
        <member name="[CB - Account].[Account CB - Description].&amp;[0409241 - GA Income Tax- Nonutility PY]"/>
        <member name="[CB - Account].[Account CB - Description].&amp;[0409245 - GA Inc Tax-Nonutil PY-Refunds]"/>
        <member name="[CB - Account].[Account CB - Description].&amp;[0409246 - GA Inc Tax-Nonutil-PY-Refund]"/>
        <member name="[CB - Account].[Account CB - Description].&amp;[0409250 - Tax Consulting Fees]"/>
        <member name="[CB - Account].[Account CB - Description].&amp;[0409260 - SC Income Tax- Nonutility CY]"/>
        <member name="[CB - Account].[Account CB - Description].&amp;[0409261 - SC Income Tax- Nonutility PY]"/>
        <member name="[CB - Account].[Account CB - Description].&amp;[0409265 - SC Inc Tax-Nonutility PY-Audit]"/>
        <member name="[CB - Account].[Account CB - Description].&amp;[0409266 - SC Inc Tax-Nonutil-PY-Refunds]"/>
        <member name="[CB - Account].[Account CB - Description].&amp;[0409297 - Current State Inc Tax-Non Util]"/>
        <member name="[CB - Account].[Account CB - Description].&amp;[0409310 - State Income Taxes]"/>
        <member name="[CB - Account].[Account CB - Description].&amp;[0409311 - Current State Income Tax - PY]"/>
        <member name="[CB - Account].[Account CB - Description].&amp;[0409313 - CSIT - PY Audit]"/>
        <member name="[CB - Account].[Account CB - Description].&amp;[0409314 - Cur State Inc Tax - PY - Refun]"/>
        <member name="[CB - Account].[Account CB - Description].&amp;[0409320 - Federal Income Taxes]"/>
        <member name="[CB - Account].[Account CB - Description].&amp;[0409321 - Current Federal Income Tax-PY]"/>
        <member name="[CB - Account].[Account CB - Description].&amp;[0409322 - CFIT - PY Audit]"/>
        <member name="[CB - Account].[Account CB - Description].&amp;[0409323 - CFIT - PY Refund]"/>
        <member name="[CB - Account].[Account CB - Description].&amp;[0409340 - Foreign Income Tax Expense]"/>
        <member name="[CB - Account].[Account CB - Description].&amp;[0409350 - Current Foreign Income Tax-PY]"/>
        <member name="[CB - Account].[Account CB - Description].&amp;[0409351 - Deferred Foreign Inc Tax - PY]"/>
        <member name="[CB - Account].[Account CB - Description].&amp;[0409380 - Federal Income Tax - Ext Item]"/>
        <member name="[CB - Account].[Account CB - Description].&amp;[0409390 - State Income Tax  - Ext Item]"/>
        <member name="[CB - Account].[Account CB - Description].&amp;[0409400 - Tax on Discops-Fed Current]"/>
        <member name="[CB - Account].[Account CB - Description].&amp;[0409401 - Tax on Loss Dsp of DOP-Fed Cur]"/>
        <member name="[CB - Account].[Account CB - Description].&amp;[0409410 - Deferred FIT on Disc Op]"/>
        <member name="[CB - Account].[Account CB - Description].&amp;[0409411 - Deferred FIT on Disp Disc Ops]"/>
        <member name="[CB - Account].[Account CB - Description].&amp;[0409420 - Current SIT on Disc Op]"/>
        <member name="[CB - Account].[Account CB - Description].&amp;[0409421 - Cur SIT on Disp of Disc Op]"/>
        <member name="[CB - Account].[Account CB - Description].&amp;[0409430 - Deferred SIT on Disc Op]"/>
        <member name="[CB - Account].[Account CB - Description].&amp;[0409431 - DSIT on Loss from Dsp of DOP]"/>
        <member name="[CB - Account].[Account CB - Description].&amp;[0409440 - Current For Taxes on Disc Op]"/>
        <member name="[CB - Account].[Account CB - Description].&amp;[0409441 - Current Foreign Tax on Disc Op]"/>
        <member name="[CB - Account].[Account CB - Description].&amp;[0409450 - Deferred For Taxes on Disc OP]"/>
        <member name="[CB - Account].[Account CB - Description].&amp;[0409451 - Deferred For Taxes on Disc Op]"/>
        <member name="[CB - Account].[Account CB - Description].&amp;[0409980 - Taxes Alloc fr SC-Gas Federal]"/>
        <member name="[CB - Account].[Account CB - Description].&amp;[0409985 - Taxes Alloc fr SC - Gas State]"/>
        <member name="[CB - Account].[Account CB - Description].&amp;[0409990 - Taxes Alloc fr SC-Elec Federal]"/>
        <member name="[CB - Account].[Account CB - Description].&amp;[0409995 - Taxes Alloc fr SC-Elec State]"/>
        <member name="[CB - Account].[Account CB - Description].&amp;[0410000 - Missing]"/>
        <member name="[CB - Account].[Account CB - Description].&amp;[0410101 - Dfit Exp-Gaap]"/>
        <member name="[CB - Account].[Account CB - Description].&amp;[0410103 - Dsit Exp-Gaap]"/>
        <member name="[CB - Account].[Account CB - Description].&amp;[0410104 - Dfit Exp-Afudc Gross Up-Gaap]"/>
        <member name="[CB - Account].[Account CB - Description].&amp;[0410107 - UTP DFIT:Utility:CY]"/>
        <member name="[CB - Account].[Account CB - Description].&amp;[0410108 - UTP DSIT:Utility:CY]"/>
        <member name="[CB - Account].[Account CB - Description].&amp;[0410109 - DFIT:Utility:Prior Year]"/>
        <member name="[CB - Account].[Account CB - Description].&amp;[0410110 - DSIT:Utility:Prior Year]"/>
        <member name="[CB - Account].[Account CB - Description].&amp;[0410111 - Prov/Defd Inc Tax-Electric-PY]"/>
        <member name="[CB - Account].[Account CB - Description].&amp;[0410130 - UTP DFIT:Utility:PY]"/>
        <member name="[CB - Account].[Account CB - Description].&amp;[0410131 - UTP DSIT:Utility:PY]"/>
        <member name="[CB - Account].[Account CB - Description].&amp;[0410200 - Deferred Foreign Taxes Expense]"/>
        <member name="[CB - Account].[Account CB - Description].&amp;[0410201 - Deferred Foreign Inc Tax-PY]"/>
        <member name="[CB - Account].[Account CB - Description].&amp;[0410202 - PY INCOME TAX AMORT]"/>
        <member name="[CB - Account].[Account CB - Description].&amp;[0410203 - UTP Def Tax Expense: Intl]"/>
        <member name="[CB - Account].[Account CB - Description].&amp;[0410204 - UTP Def Tax Expense: Intl PY]"/>
        <member name="[CB - Account].[Account CB - Description].&amp;[0410210 - Catawba-Prov For Def Inc Taxes]"/>
        <member name="[CB - Account].[Account CB - Description].&amp;[0410220 - Deferred Tax Ncemc]"/>
        <member name="[CB - Account].[Account CB - Description].&amp;[0410230 - UTP DFIT:Non-Utility:PY]"/>
        <member name="[CB - Account].[Account CB - Description].&amp;[0410231 - UTP DSIT:Non-Utility:PY]"/>
        <member name="[CB - Account].[Account CB - Description].&amp;[0410244 - UTP DFIT:Non-Utility:CY]"/>
        <member name="[CB - Account].[Account CB - Description].&amp;[0410245 - UTP DSIT:Non-Utility:CY]"/>
        <member name="[CB - Account].[Account CB - Description].&amp;[0410246 - DFIT:Non-Utility:Prior year]"/>
        <member name="[CB - Account].[Account CB - Description].&amp;[0410247 - DSIT:Non-Utility:Prior year]"/>
        <member name="[CB - Account].[Account CB - Description].&amp;[0410300 - Tax Alloc from Svc Co NonUtil]"/>
        <member name="[CB - Account].[Account CB - Description].&amp;[0410380 - DFIT: Extraordinary Items]"/>
        <member name="[CB - Account].[Account CB - Description].&amp;[0410390 - DSIT: Extraordinary Items]"/>
        <member name="[CB - Account].[Account CB - Description].&amp;[0410400 - Missing]"/>
        <member name="[CB - Account].[Account CB - Description].&amp;[0410980 - Taxes Alloc From Svc Co - Gas]"/>
        <member name="[CB - Account].[Account CB - Description].&amp;[0410990 - Taxes Alloc From Svc Co - Elec]"/>
        <member name="[CB - Account].[Account CB - Description].&amp;[0411055 - Def FIT Cr Other Inc &amp;Ded TI 0]"/>
        <member name="[CB - Account].[Account CB - Description].&amp;[0411104 - UTP DFIT:Utility:CY]"/>
        <member name="[CB - Account].[Account CB - Description].&amp;[0411105 - UTP DSIT:Utility:CY]"/>
        <member name="[CB - Account].[Account CB - Description].&amp;[0411106 - DFIT:Utility:Prior year]"/>
        <member name="[CB - Account].[Account CB - Description].&amp;[0411107 - DSIT:Utility:Prior year]"/>
        <member name="[CB - Account].[Account CB - Description].&amp;[0411108 - FAS 143 - ACCRETION EXPENSE]"/>
        <member name="[CB - Account].[Account CB - Description].&amp;[0411110 - Def Inc Tax Credits-Electrc-CY]"/>
        <member name="[CB - Account].[Account CB - Description].&amp;[0411111 - Def Inc Tax Credits-Electc-PY]"/>
        <member name="[CB - Account].[Account CB - Description].&amp;[0411112 - AccretionExpense]"/>
        <member name="[CB - Account].[Account CB - Description].&amp;[0411130 - UTP DFIT:Utility:PY]"/>
        <member name="[CB - Account].[Account CB - Description].&amp;[0411131 - UTP DSIT:Utility:PY]"/>
        <member name="[CB - Account].[Account CB - Description].&amp;[0411210 - Catawba-Prov For Def Inc Taxes]"/>
        <member name="[CB - Account].[Account CB - Description].&amp;[0411220 - Inactive]"/>
        <member name="[CB - Account].[Account CB - Description].&amp;[0411230 - UTP DFIT:Non-Utility:PY]"/>
        <member name="[CB - Account].[Account CB - Description].&amp;[0411231 - UTP DSIT:Non-Utility:PY]"/>
        <member name="[CB - Account].[Account CB - Description].&amp;[0411244 - UTP DFIT:Non-Utility:CY]"/>
        <member name="[CB - Account].[Account CB - Description].&amp;[0411245 - UTP DSIT:Non-Utility:CY]"/>
        <member name="[CB - Account].[Account CB - Description].&amp;[0411246 - DFIT:Non-Utility:Prior year]"/>
        <member name="[CB - Account].[Account CB - Description].&amp;[0411247 - DSIT:Non-Utility:Prior year]"/>
        <member name="[CB - Account].[Account CB - Description].&amp;[0411420 - Invest Tax Credit Adj-Water]"/>
        <member name="[CB - Account].[Account CB - Description].&amp;[0411430 - Inactive]"/>
        <member name="[CB - Account].[Account CB - Description].&amp;[0411440 - Deferred  Federal  Income Tax]"/>
        <member name="[CB - Account].[Account CB - Description].&amp;[0411441 - Deferred State Income Tax]"/>
        <member name="[CB - Account].[Account CB - Description].&amp;[0411442 - Deferred Foreign Tax Exp]"/>
        <member name="[CB - Account].[Account CB - Description].&amp;[0411443 - UTP Def Tax Expense: Intl]"/>
        <member name="[CB - Account].[Account CB - Description].&amp;[0411444 - UTP Def Tax Expense: Intl PY]"/>
        <member name="[CB - Account].[Account CB - Description].&amp;[0411450 - Deferred Federal Inc Tax - PY]"/>
        <member name="[CB - Account].[Account CB - Description].&amp;[0411451 - Deferred State Income Tax - PY]"/>
        <member name="[CB - Account].[Account CB - Description].&amp;[0411452 - DSIT - PY ATA]"/>
        <member name="[CB - Account].[Account CB - Description].&amp;[0411453 - Fed Eff Dfd State - Audit]"/>
        <member name="[CB - Account].[Account CB - Description].&amp;[0411454 - Fed Eff Dfd State - Pymt/refun]"/>
        <member name="[CB - Account].[Account CB - Description].&amp;[0411455 - DFIT - PY-Refund]"/>
        <member name="[CB - Account].[Account CB - Description].&amp;[0411456 - Fed Eff Dfd State - True-up]"/>
        <member name="[CB - Account].[Account CB - Description].&amp;[0411457 - Fed Eff Dfd State - Other]"/>
        <member name="[CB - Account].[Account CB - Description].&amp;[0411458 - Fed Eff Dfd State - Unitary]"/>
        <member name="[CB - Account].[Account CB - Description].&amp;[0411500 - Invest Tax Cr Adj-Nonutility]"/>
        <member name="[CB - Account].[Account CB - Description].&amp;[0411600 - Gains/Disposition-Utility Plt]"/>
        <member name="[CB - Account].[Account CB - Description].&amp;[0411700 - Losses-Disposition Utility Plt]"/>
        <member name="[CB - Account].[Account CB - Description].&amp;[0411703 - Loss on Asset Ret Obligation]"/>
        <member name="[CB - Account].[Account CB - Description].&amp;[0411800 - GAINS-DISPOSITION ALLOWANCES]"/>
        <member name="[CB - Account].[Account CB - Description].&amp;[0411801 - Gains Disposition Allowances]"/>
        <member name="[CB - Account].[Account CB - Description].&amp;[0411802 - S02 GAIN ON DISP OF ALLOWANCES]"/>
        <member name="[CB - Account].[Account CB - Description].&amp;[0411805 - GAINS DISPOSITION_PURCH_ACCT]"/>
        <member name="[CB - Account].[Account CB - Description].&amp;[0411810 - Emmission Allowance]"/>
        <member name="[CB - Account].[Account CB - Description].&amp;[0411822 - SO2 Sales Proceeds]"/>
        <member name="[CB - Account].[Account CB - Description].&amp;[0411823 - SO2 Sales COGS]"/>
        <member name="[CB - Account].[Account CB - Description].&amp;[0411824 - SO2 Sales Proceeds-Native]"/>
        <member name="[CB - Account].[Account CB - Description].&amp;[0411825 - SO2 Sales COGS-Native]"/>
        <member name="[CB - Account].[Account CB - Description].&amp;[0411832 - NOx Sales Proceeds]"/>
        <member name="[CB - Account].[Account CB - Description].&amp;[0411833 - NOx Sales COGS]"/>
        <member name="[CB - Account].[Account CB - Description].&amp;[0411834 - NOx Sales Proceeds Native]"/>
        <member name="[CB - Account].[Account CB - Description].&amp;[0411835 - NOx Sales COGS -Native]"/>
        <member name="[CB - Account].[Account CB - Description].&amp;[0411843 - SO2 Proceeds - Native]"/>
        <member name="[CB - Account].[Account CB - Description].&amp;[0411844 - SO2 COS - Native]"/>
        <member name="[CB - Account].[Account CB - Description].&amp;[0411845 - Seasonal NOx Proceeds]"/>
        <member name="[CB - Account].[Account CB - Description].&amp;[0411846 - Seasonal NOx COS]"/>
        <member name="[CB - Account].[Account CB - Description].&amp;[0411847 - SO2 Proceeds]"/>
        <member name="[CB - Account].[Account CB - Description].&amp;[0411848 - SO2 COS]"/>
        <member name="[CB - Account].[Account CB - Description].&amp;[0411849 - SO2 COS - Purch Acctg]"/>
        <member name="[CB - Account].[Account CB - Description].&amp;[0411850 - Seasonal NOx COS - Purch Acctg]"/>
        <member name="[CB - Account].[Account CB - Description].&amp;[0411853 - Annual NOx Interco Proceeds]"/>
        <member name="[CB - Account].[Account CB - Description].&amp;[0411854 - Annual NOx Interco COGS]"/>
        <member name="[CB - Account].[Account CB - Description].&amp;[0411855 - Seasonal NOx Interco Proceeds]"/>
        <member name="[CB - Account].[Account CB - Description].&amp;[0411856 - Seasonal NOx Intercompany COGS]"/>
        <member name="[CB - Account].[Account CB - Description].&amp;[0411857 - SO2 Interco Proceeds]"/>
        <member name="[CB - Account].[Account CB - Description].&amp;[0411858 - SO2 Interco COGS]"/>
        <member name="[CB - Account].[Account CB - Description].&amp;[0411860 - RECS Proceeds]"/>
        <member name="[CB - Account].[Account CB - Description].&amp;[0411865 - REC's - Interco Gain/(Loss)]"/>
        <member name="[CB - Account].[Account CB - Description].&amp;[0411875 - Annual NOx Proceeds]"/>
        <member name="[CB - Account].[Account CB - Description].&amp;[0411876 - Annual NOx COS]"/>
        <member name="[CB - Account].[Account CB - Description].&amp;[0411980 - Taxes Alloc From Serv Co - Gas]"/>
        <member name="[CB - Account].[Account CB - Description].&amp;[0411990 - Taxes Alloc From Serv Co-Elec]"/>
        <member name="[CB - Account].[Account CB - Description].&amp;[0412000 - REV-ELEC PLT LEASE TO OTHERS]"/>
        <member name="[CB - Account].[Account CB - Description].&amp;[0414100 - Other Operating Income]"/>
        <member name="[CB - Account].[Account CB - Description].&amp;[0414230 - Water Depreciation Expenses]"/>
        <member name="[CB - Account].[Account CB - Description].&amp;[0415005 - Res Fixed Bill Rev Delta]"/>
        <member name="[CB - Account].[Account CB - Description].&amp;[0415010 - Merchandise Sales]"/>
        <member name="[CB - Account].[Account CB - Description].&amp;[0415013 - REALIZED TRADING MARGIN]"/>
        <member name="[CB - Account].[Account CB - Description].&amp;[0415020 - Mark to Market Gains &amp; Loss]"/>
        <member name="[CB - Account].[Account CB - Description].&amp;[0415023 - Contra Net Trading Margin]"/>
        <member name="[CB - Account].[Account CB - Description].&amp;[0415030 - MARGIN FAS 133 MTM INEFFECT]"/>
        <member name="[CB - Account].[Account CB - Description].&amp;[0415033 - Realized Financial Margin]"/>
        <member name="[CB - Account].[Account CB - Description].&amp;[0415043 - MTM Net Trading Reserve]"/>
        <member name="[CB - Account].[Account CB - Description].&amp;[0415100 - Other Misc Gas Rev]"/>
        <member name="[CB - Account].[Account CB - Description].&amp;[0415110 - 2/98]"/>
        <member name="[CB - Account].[Account CB - Description].&amp;[0415120 - 2/98]"/>
        <member name="[CB - Account].[Account CB - Description].&amp;[0415130 - 2/98]"/>
        <member name="[CB - Account].[Account CB - Description].&amp;[0415140 - 2/98]"/>
        <member name="[CB - Account].[Account CB - Description].&amp;[0415150 - 2/98]"/>
        <member name="[CB - Account].[Account CB - Description].&amp;[0415160 - 2/98]"/>
        <member name="[CB - Account].[Account CB - Description].&amp;[0415170 - 2/98]"/>
        <member name="[CB - Account].[Account CB - Description].&amp;[0415200 - 2/98]"/>
        <member name="[CB - Account].[Account CB - Description].&amp;[0415210 - 2/98]"/>
        <member name="[CB - Account].[Account CB - Description].&amp;[0415220 - 2/98]"/>
        <member name="[CB - Account].[Account CB - Description].&amp;[0415230 - 2/98]"/>
        <member name="[CB - Account].[Account CB - Description].&amp;[0415240 - 2/98]"/>
        <member name="[CB - Account].[Account CB - Description].&amp;[0415250 - Sales Discounts]"/>
        <member name="[CB - Account].[Account CB - Description].&amp;[0415260 - 2/98]"/>
        <member name="[CB - Account].[Account CB - Description].&amp;[0415270 - 2/98]"/>
        <member name="[CB - Account].[Account CB - Description].&amp;[0415280 - 2/98]"/>
        <member name="[CB - Account].[Account CB - Description].&amp;[0415290 - 2/98]"/>
        <member name="[CB - Account].[Account CB - Description].&amp;[0415300 - 2/98]"/>
        <member name="[CB - Account].[Account CB - Description].&amp;[0415310 - 2/98]"/>
        <member name="[CB - Account].[Account CB - Description].&amp;[0415400 - 2/98]"/>
        <member name="[CB - Account].[Account CB - Description].&amp;[0415410 - 2/98]"/>
        <member name="[CB - Account].[Account CB - Description].&amp;[0415430 - 2/98]"/>
        <member name="[CB - Account].[Account CB - Description].&amp;[0415500 - Miscellaneous Credits]"/>
        <member name="[CB - Account].[Account CB - Description].&amp;[0415510 - Capability Revenue]"/>
        <member name="[CB - Account].[Account CB - Description].&amp;[0415530 - Marketing Service Revenue]"/>
        <member name="[CB - Account].[Account CB - Description].&amp;[0416010 - Merch Cost Of Goods - Electric]"/>
        <member name="[CB - Account].[Account CB - Description].&amp;[0416011 - Merch Cost of Goods]"/>
        <member name="[CB - Account].[Account CB - Description].&amp;[0416020 - 2/98]"/>
        <member name="[CB - Account].[Account CB - Description].&amp;[0416030 - 2/98]"/>
        <member name="[CB - Account].[Account CB - Description].&amp;[0416040 - Duke Profs Charges]"/>
        <member name="[CB - Account].[Account CB - Description].&amp;[0416050 - Merch Sign Removal Costs]"/>
        <member name="[CB - Account].[Account CB - Description].&amp;[0416060 - Merch Prepaid Ins Writeoff]"/>
        <member name="[CB - Account].[Account CB - Description].&amp;[0416070 - Merch Non-CA Writeoff]"/>
        <member name="[CB - Account].[Account CB - Description].&amp;[0416080 - Merch Stores Exp Writeoff]"/>
        <member name="[CB - Account].[Account CB - Description].&amp;[0416090 - Merchandising Accts. Rec. Loss]"/>
        <member name="[CB - Account].[Account CB - Description].&amp;[0416100 - 2/98]"/>
        <member name="[CB - Account].[Account CB - Description].&amp;[0416110 - 2/98]"/>
        <member name="[CB - Account].[Account CB - Description].&amp;[0416120 - 2/98]"/>
        <member name="[CB - Account].[Account CB - Description].&amp;[0416130 - 2/98]"/>
        <member name="[CB - Account].[Account CB - Description].&amp;[0416140 - 2/98]"/>
        <member name="[CB - Account].[Account CB - Description].&amp;[0416150 - Merch Legal/Misc Costs]"/>
        <member name="[CB - Account].[Account CB - Description].&amp;[0416160 - Merch Severance Costs]"/>
        <member name="[CB - Account].[Account CB - Description].&amp;[0416170 - Merch Inv. Loss]"/>
        <member name="[CB - Account].[Account CB - Description].&amp;[0416180 - Merchandising A/R Collect Cost]"/>
        <member name="[CB - Account].[Account CB - Description].&amp;[0416190 - 2/98]"/>
        <member name="[CB - Account].[Account CB - Description].&amp;[0416210 - 2/98]"/>
        <member name="[CB - Account].[Account CB - Description].&amp;[0416220 - 2/98]"/>
        <member name="[CB - Account].[Account CB - Description].&amp;[0416230 - 2/98]"/>
        <member name="[CB - Account].[Account CB - Description].&amp;[0416240 - 2/98]"/>
        <member name="[CB - Account].[Account CB - Description].&amp;[0416250 - 2/98]"/>
        <member name="[CB - Account].[Account CB - Description].&amp;[0416260 - 2/98]"/>
        <member name="[CB - Account].[Account CB - Description].&amp;[0416270 - 2/98]"/>
        <member name="[CB - Account].[Account CB - Description].&amp;[0416280 - Credit &amp; Collections Expense]"/>
        <member name="[CB - Account].[Account CB - Description].&amp;[0416290 - 2/98]"/>
        <member name="[CB - Account].[Account CB - Description].&amp;[0416300 - 2/98]"/>
        <member name="[CB - Account].[Account CB - Description].&amp;[0416310 - 2/98]"/>
        <member name="[CB - Account].[Account CB - Description].&amp;[0416320 - Uncollectible Accounts]"/>
        <member name="[CB - Account].[Account CB - Description].&amp;[0416340 - 2/98]"/>
        <member name="[CB - Account].[Account CB - Description].&amp;[0416350 - 2/98]"/>
        <member name="[CB - Account].[Account CB - Description].&amp;[0416360 - 2/98]"/>
        <member name="[CB - Account].[Account CB - Description].&amp;[0416370 - 2/98]"/>
        <member name="[CB - Account].[Account CB - Description].&amp;[0416380 - 2/98]"/>
        <member name="[CB - Account].[Account CB - Description].&amp;[0416390 - 2/98]"/>
        <member name="[CB - Account].[Account CB - Description].&amp;[0416400 - Inactive]"/>
        <member name="[CB - Account].[Account CB - Description].&amp;[0416410 - 2/98]"/>
        <member name="[CB - Account].[Account CB - Description].&amp;[0416420 - 2/98]"/>
        <member name="[CB - Account].[Account CB - Description].&amp;[0416430 - 2/98]"/>
        <member name="[CB - Account].[Account CB - Description].&amp;[0416440 - 2/98]"/>
        <member name="[CB - Account].[Account CB - Description].&amp;[0416450 - 2/98]"/>
        <member name="[CB - Account].[Account CB - Description].&amp;[0416460 - 01-91]"/>
        <member name="[CB - Account].[Account CB - Description].&amp;[0416470 - 01-91]"/>
        <member name="[CB - Account].[Account CB - Description].&amp;[0416480 - 01-91]"/>
        <member name="[CB - Account].[Account CB - Description].&amp;[0416490 - 01-91]"/>
        <member name="[CB - Account].[Account CB - Description].&amp;[0416500 - 2/98]"/>
        <member name="[CB - Account].[Account CB - Description].&amp;[0416510 - 2/98]"/>
        <member name="[CB - Account].[Account CB - Description].&amp;[0416511 - Derivative Purchase]"/>
        <member name="[CB - Account].[Account CB - Description].&amp;[0416520 - Realized Risk Alloc]"/>
        <member name="[CB - Account].[Account CB - Description].&amp;[0416530 - FAS 133 MTM Ineffectiveness]"/>
        <member name="[CB - Account].[Account CB - Description].&amp;[0416540 - 2/98]"/>
        <member name="[CB - Account].[Account CB - Description].&amp;[0416550 - 2/98]"/>
        <member name="[CB - Account].[Account CB - Description].&amp;[0416560 - 2/98]"/>
        <member name="[CB - Account].[Account CB - Description].&amp;[0416570 - 2/98]"/>
        <member name="[CB - Account].[Account CB - Description].&amp;[0416580 - 2/98]"/>
        <member name="[CB - Account].[Account CB - Description].&amp;[0416590 - 2/98]"/>
        <member name="[CB - Account].[Account CB - Description].&amp;[0416600 - 2/98]"/>
        <member name="[CB - Account].[Account CB - Description].&amp;[0416610 - 2/98]"/>
        <member name="[CB - Account].[Account CB - Description].&amp;[0416620 - 2/98]"/>
        <member name="[CB - Account].[Account CB - Description].&amp;[0416630 - 2/98]"/>
        <member name="[CB - Account].[Account CB - Description].&amp;[0416640 - 2/98]"/>
        <member name="[CB - Account].[Account CB - Description].&amp;[0416650 - 2/98]"/>
        <member name="[CB - Account].[Account CB - Description].&amp;[0416660 - 2/98]"/>
        <member name="[CB - Account].[Account CB - Description].&amp;[0416670 - 2/98]"/>
        <member name="[CB - Account].[Account CB - Description].&amp;[0416680 - 2/98]"/>
        <member name="[CB - Account].[Account CB - Description].&amp;[0416690 - 2/98]"/>
        <member name="[CB - Account].[Account CB - Description].&amp;[0416700 - Dpco Maj Appl Warranty Exp]"/>
        <member name="[CB - Account].[Account CB - Description].&amp;[0416710 - 2/98]"/>
        <member name="[CB - Account].[Account CB - Description].&amp;[0416720 - 2/98]"/>
        <member name="[CB - Account].[Account CB - Description].&amp;[0416740 - 2/98]"/>
        <member name="[CB - Account].[Account CB - Description].&amp;[0416750 - 2/98]"/>
        <member name="[CB - Account].[Account CB - Description].&amp;[0416800 - 2/98]"/>
        <member name="[CB - Account].[Account CB - Description].&amp;[0416900 - 2/98]"/>
        <member name="[CB - Account].[Account CB - Description].&amp;[0416910 - 2/98]"/>
        <member name="[CB - Account].[Account CB - Description].&amp;[0416920 - 01-91]"/>
        <member name="[CB - Account].[Account CB - Description].&amp;[0416930 - 01-91]"/>
        <member name="[CB - Account].[Account CB - Description].&amp;[0416940 - 01-91]"/>
        <member name="[CB - Account].[Account CB - Description].&amp;[0416950 - 01-91]"/>
        <member name="[CB - Account].[Account CB - Description].&amp;[0416960 - 01-91]"/>
        <member name="[CB - Account].[Account CB - Description].&amp;[0416970 - 01-91]"/>
        <member name="[CB - Account].[Account CB - Description].&amp;[0416980 - INACTIVE]"/>
        <member name="[CB - Account].[Account CB - Description].&amp;[0416990 - 2/98]"/>
        <member name="[CB - Account].[Account CB - Description].&amp;[0417000 - Misc Revenue]"/>
        <member name="[CB - Account].[Account CB - Description].&amp;[0417001 - O&amp;M]"/>
        <member name="[CB - Account].[Account CB - Description].&amp;[0417002 - Premiums earned - Affiliate]"/>
        <member name="[CB - Account].[Account CB - Description].&amp;[0417003 - Secondary Market Revenue]"/>
        <member name="[CB - Account].[Account CB - Description].&amp;[0417004 - Secondary Market Cost of Gas]"/>
        <member name="[CB - Account].[Account CB - Description].&amp;[0417005 - Non-Utility Revenue]"/>
        <member name="[CB - Account].[Account CB - Description].&amp;[0417006 - IC Non-Util Misc Rev]"/>
        <member name="[CB - Account].[Account CB - Description].&amp;[0417007 - Misc Revenue-Reg]"/>
        <member name="[CB - Account].[Account CB - Description].&amp;[0417008 - Solar Revenue]"/>
        <member name="[CB - Account].[Account CB - Description].&amp;[0417009 - Joint Owner Fees]"/>
        <member name="[CB - Account].[Account CB - Description].&amp;[0417010 - Dukenet Communications]"/>
        <member name="[CB - Account].[Account CB - Description].&amp;[0417011 - INTERCO UNREALIZED TRADNG MARG]"/>
        <member name="[CB - Account].[Account CB - Description].&amp;[0417020 - Duke Merchandising]"/>
        <member name="[CB - Account].[Account CB - Description].&amp;[0417021 - Interco Rlzed Physical Margin]"/>
        <member name="[CB - Account].[Account CB - Description].&amp;[0417022 - Trading Margin - IC Reg Elect]"/>
        <member name="[CB - Account].[Account CB - Description].&amp;[0417023 - Non-Util Rev and Exp IC]"/>
        <member name="[CB - Account].[Account CB - Description].&amp;[0417024 - Non-Util Exp]"/>
        <member name="[CB - Account].[Account CB - Description].&amp;[0417025 - Coal Trading Exp-net]"/>
        <member name="[CB - Account].[Account CB - Description].&amp;[0417030 - Duke Water]"/>
        <member name="[CB - Account].[Account CB - Description].&amp;[0417031 - Interco Rlzed Financial Margin]"/>
        <member name="[CB - Account].[Account CB - Description].&amp;[0417040 - Intera]"/>
        <member name="[CB - Account].[Account CB - Description].&amp;[0417050 - Duke Coal]"/>
        <member name="[CB - Account].[Account CB - Description].&amp;[0417060 - Duke Esco]"/>
        <member name="[CB - Account].[Account CB - Description].&amp;[0417070 - De&amp;S Resources Inc]"/>
        <member name="[CB - Account].[Account CB - Description].&amp;[0417080 - Eastover Mining]"/>
        <member name="[CB - Account].[Account CB - Description].&amp;[0417090 - Eastover Land]"/>
        <member name="[CB - Account].[Account CB - Description].&amp;[0417100 - Mill Power Supply]"/>
        <member name="[CB - Account].[Account CB - Description].&amp;[0417101 - Losses-Prop&amp;Bus Interruption]"/>
        <member name="[CB - Account].[Account CB - Description].&amp;[0417102 - Dd&amp;A Expense-Nonutility]"/>
        <member name="[CB - Account].[Account CB - Description].&amp;[0417103 - Losses - all other]"/>
        <member name="[CB - Account].[Account CB - Description].&amp;[0417104 - Avoided Premium Surcharge]"/>
        <member name="[CB - Account].[Account CB - Description].&amp;[0417105 - Underwriting Expense]"/>
        <member name="[CB - Account].[Account CB - Description].&amp;[0417106 - Underwriting Expense-affiliate]"/>
        <member name="[CB - Account].[Account CB - Description].&amp;[0417108 - Administrative Expenses-Affil]"/>
        <member name="[CB - Account].[Account CB - Description].&amp;[0417109 - Reinsurance Expense]"/>
        <member name="[CB - Account].[Account CB - Description].&amp;[0417110 - DUKE ENERGY PANENERGY SERVICES]"/>
        <member name="[CB - Account].[Account CB - Description].&amp;[0417111 - Coal Orig Cost of Goods Sold]"/>
        <member name="[CB - Account].[Account CB - Description].&amp;[0417112 - Coal Orig COGS FPP]"/>
        <member name="[CB - Account].[Account CB - Description].&amp;[0417113 - Coal Orig COGS FPP P Acctg Adj]"/>
        <member name="[CB - Account].[Account CB - Description].&amp;[0417114 - Coal Origination COS FPP]"/>
        <member name="[CB - Account].[Account CB - Description].&amp;[0417115 - Coal Origination Rev FPP]"/>
        <member name="[CB - Account].[Account CB - Description].&amp;[0417116 - Coal Origination Intercompany]"/>
        <member name="[CB - Account].[Account CB - Description].&amp;[0417117 - EXPENSES OF NONUTILITY OPER]"/>
        <member name="[CB - Account].[Account CB - Description].&amp;[0417118 - EXP ENER PUR BUY FOR RESALE]"/>
        <member name="[CB - Account].[Account CB - Description].&amp;[0417119 - Exp Ener Pur Buy for Resale]"/>
        <member name="[CB - Account].[Account CB - Description].&amp;[0417120 - Duke Energy Marketing Corp]"/>
        <member name="[CB - Account].[Account CB - Description].&amp;[0417121 - EXP ENER PUR BLK PWR NONREG]"/>
        <member name="[CB - Account].[Account CB - Description].&amp;[0417122 - Non-Reg CNG - Sales Labor]"/>
        <member name="[CB - Account].[Account CB - Description].&amp;[0417123 - CNG Cost of Gas - TN Cust]"/>
        <member name="[CB - Account].[Account CB - Description].&amp;[0417124 - Non-Reg CNG Exp-Sales Activity]"/>
        <member name="[CB - Account].[Account CB - Description].&amp;[0417130 - De&amp;S Northwest, Inc.]"/>
        <member name="[CB - Account].[Account CB - Description].&amp;[0417140 - De&amp;S Duke Solutions]"/>
        <member name="[CB - Account].[Account CB - Description].&amp;[0417150 - Pan Energy]"/>
        <member name="[CB - Account].[Account CB - Description].&amp;[0417158 - Othr Non Util Oper-Affil Co]"/>
        <member name="[CB - Account].[Account CB - Description].&amp;[0417160 - DUKE COMMUNICATION SERVICES]"/>
        <member name="[CB - Account].[Account CB - Description].&amp;[0417165 - Depr Exp -NU Other Purch Acctg]"/>
        <member name="[CB - Account].[Account CB - Description].&amp;[0417166 - Depr Exp - NU Other Inc Exp]"/>
        <member name="[CB - Account].[Account CB - Description].&amp;[0417170 - PANENERGY RESOURCE MANAGEMENT]"/>
        <member name="[CB - Account].[Account CB - Description].&amp;[0417180 - CALIFORNIA COMPANIES]"/>
        <member name="[CB - Account].[Account CB - Description].&amp;[0417190 - DUKE ENERGY INDUSTRIAL ASSET]"/>
        <member name="[CB - Account].[Account CB - Description].&amp;[0417200 - DUKE ENERGY TRANSPORT &amp; TRADE]"/>
        <member name="[CB - Account].[Account CB - Description].&amp;[0417210 - Rev/Outside Ser-Design Eng]"/>
        <member name="[CB - Account].[Account CB - Description].&amp;[0417220 - De&amp;S]"/>
        <member name="[CB - Account].[Account CB - Description].&amp;[0417228 - Coal Orig COGS for Affil]"/>
        <member name="[CB - Account].[Account CB - Description].&amp;[0417230 - Crescent Resources]"/>
        <member name="[CB - Account].[Account CB - Description].&amp;[0417240 - Duke Energy Group]"/>
        <member name="[CB - Account].[Account CB - Description].&amp;[0417250 - D/Fd]"/>
        <member name="[CB - Account].[Account CB - Description].&amp;[0417260 - Nantahala]"/>
        <member name="[CB - Account].[Account CB - Description].&amp;[0417270 - Church Street Capital]"/>
        <member name="[CB - Account].[Account CB - Description].&amp;[0417280 - Other Subs]"/>
        <member name="[CB - Account].[Account CB - Description].&amp;[0417290 - Subsidiary Diversification Exp]"/>
        <member name="[CB - Account].[Account CB - Description].&amp;[0417295 - Interco Op Exp w/DETM-US]"/>
        <member name="[CB - Account].[Account CB - Description].&amp;[0417296 - Interco Op Exp w/DukeCapital]"/>
        <member name="[CB - Account].[Account CB - Description].&amp;[0417300 - MISC_REVENUE_PURCH ACCTG ADJ]"/>
        <member name="[CB - Account].[Account CB - Description].&amp;[0417310 - Products and Svcs - NonReg]"/>
        <member name="[CB - Account].[Account CB - Description].&amp;[0417311 - Products and Svces-NR]"/>
        <member name="[CB - Account].[Account CB - Description].&amp;[0417330 - Rev-Trans Work For Others]"/>
        <member name="[CB - Account].[Account CB - Description].&amp;[0417340 - Exp-Trans Work For Others]"/>
        <member name="[CB - Account].[Account CB - Description].&amp;[0417350 - Provision for Army Dispute]"/>
        <member name="[CB - Account].[Account CB - Description].&amp;[0417360 - Provision for Black River LLP]"/>
        <member name="[CB - Account].[Account CB - Description].&amp;[0417410 - REVENUE - HUB POWER TRANSACTIO]"/>
        <member name="[CB - Account].[Account CB - Description].&amp;[0417420 - EXP - HUB POWER TRANSACTIONS]"/>
        <member name="[CB - Account].[Account CB - Description].&amp;[0417510 - Revenue - ESS Transactions]"/>
        <member name="[CB - Account].[Account CB - Description].&amp;[0417520 - Expense - ESS Transactions]"/>
        <member name="[CB - Account].[Account CB - Description].&amp;[0417526 - Coal Origination Revenues]"/>
        <member name="[CB - Account].[Account CB - Description].&amp;[0417528 - Coal Orig Rev from Affiliate]"/>
        <member name="[CB - Account].[Account CB - Description].&amp;[0417529 - Coal Orig Rev FPP]"/>
        <member name="[CB - Account].[Account CB - Description].&amp;[0417530 - Synfuel Sales]"/>
        <member name="[CB - Account].[Account CB - Description].&amp;[0417540 - Coal Sales]"/>
        <member name="[CB - Account].[Account CB - Description].&amp;[0417550 - Misc Operating Fee]"/>
        <member name="[CB - Account].[Account CB - Description].&amp;[0417610 - Revenues - MOX Fuel]"/>
        <member name="[CB - Account].[Account CB - Description].&amp;[0417620 - Expense - MOX Fuel]"/>
        <member name="[CB - Account].[Account CB - Description].&amp;[0417891 - IC Misc Nonreg Rev VIE]"/>
        <member name="[CB - Account].[Account CB - Description].&amp;[0418000 - Inactive]"/>
        <member name="[CB - Account].[Account CB - Description].&amp;[0418001 - Misc Oth Inc-Rental]"/>
        <member name="[CB - Account].[Account CB - Description].&amp;[0418002 - Nonop Rental Inc - Florence]"/>
        <member name="[CB - Account].[Account CB - Description].&amp;[0418010 - Eq In EarnUnconsol subsid TI1]"/>
        <member name="[CB - Account].[Account CB - Description].&amp;[0418011 - Non Oper Depr - Lease Other]"/>
        <member name="[CB - Account].[Account CB - Description].&amp;[0418012 - Non Oper Depr - Florence Fac]"/>
        <member name="[CB - Account].[Account CB - Description].&amp;[0418015 - NonUtil Depr Exp Pur Acct Adj]"/>
        <member name="[CB - Account].[Account CB - Description].&amp;[0418020 - Nonoperating Rental Income]"/>
        <member name="[CB - Account].[Account CB - Description].&amp;[0418100 - Equity In Earnings Of Subs]"/>
        <member name="[CB - Account].[Account CB - Description].&amp;[0418101 - Equity Earnings-M&amp;N Lp]"/>
        <member name="[CB - Account].[Account CB - Description].&amp;[0418102 - Equity Earnings-Alliance P/L]"/>
        <member name="[CB - Account].[Account CB - Description].&amp;[0418103 - Equity Earnings-Alliance Ltd]"/>
        <member name="[CB - Account].[Account CB - Description].&amp;[0418104 - Equity Earnings-PAN BORD PAR]"/>
        <member name="[CB - Account].[Account CB - Description].&amp;[0418105 - Equity of JV Partner - UAE]"/>
        <member name="[CB - Account].[Account CB - Description].&amp;[0418106 - Equity Earnings M&amp;B Pipellc]"/>
        <member name="[CB - Account].[Account CB - Description].&amp;[0418107 - Equity Inc-Aux Sable Liquid]"/>
        <member name="[CB - Account].[Account CB - Description].&amp;[0418108 - Equityinc-Aux Sable Liquid Inc]"/>
        <member name="[CB - Account].[Account CB - Description].&amp;[0418109 - EBITGross Up-Minority Interest]"/>
        <member name="[CB - Account].[Account CB - Description].&amp;[0418110 - Equity of JV Prtnr-Duke/UAE Co]"/>
        <member name="[CB - Account].[Account CB - Description].&amp;[0418111 - EBIT-Gross Up-Reversal]"/>
        <member name="[CB - Account].[Account CB - Description].&amp;[0418112 - Equity Earnings-Gulfstream Nat]"/>
        <member name="[CB - Account].[Account CB - Description].&amp;[0418113 - Equity Earnings-Gulfstream Mgt]"/>
        <member name="[CB - Account].[Account CB - Description].&amp;[0418114 - Equity Earnings-Islander East]"/>
        <member name="[CB - Account].[Account CB - Description].&amp;[0418115 - Eq of JV Prtnr Black River LP]"/>
        <member name="[CB - Account].[Account CB - Description].&amp;[0418116 - Equity Earnings-Saltville Llc]"/>
        <member name="[CB - Account].[Account CB - Description].&amp;[0418117 - Equity earnings - Vector (US)]"/>
        <member name="[CB - Account].[Account CB - Description].&amp;[0418118 - Equity earnings - Vector (CAN)]"/>
        <member name="[CB - Account].[Account CB - Description].&amp;[0418119 - Equity earnings - Foothills]"/>
        <member name="[CB - Account].[Account CB - Description].&amp;[0418120 - Eq JV Prtnr-Moss Lnd Mut WtrCo]"/>
        <member name="[CB - Account].[Account CB - Description].&amp;[0418121 - Equity earnings - Sulpher]"/>
        <member name="[CB - Account].[Account CB - Description].&amp;[0418122 - EQUITY EARNINGS-SESH,LLC]"/>
        <member name="[CB - Account].[Account CB - Description].&amp;[0418123 - MNI-REVENUE]"/>
        <member name="[CB - Account].[Account CB - Description].&amp;[0418125 - Eq JV Prtnr-Morro Bay Mut.Wtr]"/>
        <member name="[CB - Account].[Account CB - Description].&amp;[0418150 - Quips Trust - Equity]"/>
        <member name="[CB - Account].[Account CB - Description].&amp;[0418151 - Quips Trust Equity]"/>
        <member name="[CB - Account].[Account CB - Description].&amp;[0418160 - Preferred Trust Equity]"/>
        <member name="[CB - Account].[Account CB - Description].&amp;[0418161 - Preferred Trust Equity]"/>
        <member name="[CB - Account].[Account CB - Description].&amp;[0418162 - Quips Equity Due 6/2038]"/>
        <member name="[CB - Account].[Account CB - Description].&amp;[0418163 - TrustIII Equity Due 8/2009]"/>
        <member name="[CB - Account].[Account CB - Description].&amp;[0418170 - Equity in JV-SW Pwr Partners]"/>
        <member name="[CB - Account].[Account CB - Description].&amp;[0418171 - EquityEarningsfromPartnership]"/>
        <member name="[CB - Account].[Account CB - Description].&amp;[0418172 - Amort of Basis Differential-PS]"/>
        <member name="[CB - Account].[Account CB - Description].&amp;[0418173 - EquityEarningsfromPartDep]"/>
        <member name="[CB - Account].[Account CB - Description].&amp;[0418200 - Non-Util-Depreciation Expense]"/>
        <member name="[CB - Account].[Account CB - Description].&amp;[0418210 - Nonutility Rental Income]"/>
        <member name="[CB - Account].[Account CB - Description].&amp;[0418220 - Nonutility Property Expenses]"/>
        <member name="[CB - Account].[Account CB - Description].&amp;[0418230 - Non-Util-Depreciation Expense]"/>
        <member name="[CB - Account].[Account CB - Description].&amp;[0418300 - Misc Oth Inc Rent Pur Acctg Ad]"/>
        <member name="[CB - Account].[Account CB - Description].&amp;[0418301 - Sales of Gas-CNG -TN Cust]"/>
        <member name="[CB - Account].[Account CB - Description].&amp;[0418500 - Eq in Earn Unconsl Sub Pur Acc]"/>
        <member name="[CB - Account].[Account CB - Description].&amp;[0418505 - Non-Utility Deprec Exp Pur Adj]"/>
        <member name="[CB - Account].[Account CB - Description].&amp;[0419000 - Borrowed AFUDC Account]"/>
        <member name="[CB - Account].[Account CB - Description].&amp;[0419001 - Interest Income - DEGT only]"/>
        <member name="[CB - Account].[Account CB - Description].&amp;[0419002 - Interest Income I/C Contra]"/>
        <member name="[CB - Account].[Account CB - Description].&amp;[0419003 - Int Income-Tax Exempt]"/>
        <member name="[CB - Account].[Account CB - Description].&amp;[0419004 - Int Inc/Exp Dei Bu Only]"/>
        <member name="[CB - Account].[Account CB - Description].&amp;[0419020 - Interest on Temp Invest]"/>
        <member name="[CB - Account].[Account CB - Description].&amp;[0419040 - Interest Inc (sch M)]"/>
        <member name="[CB - Account].[Account CB - Description].&amp;[0419100 - Afudc Gross Up-Gaap]"/>
        <member name="[CB - Account].[Account CB - Description].&amp;[0419110 - Afudc Equity Component]"/>
        <member name="[CB - Account].[Account CB - Description].&amp;[0419120 - ALLOW FUNDS USED DUR CONS-CWIP]"/>
        <member name="[CB - Account].[Account CB - Description].&amp;[0419130 - ALLOW FUNDS USED DUR CONST-NF]"/>
        <member name="[CB - Account].[Account CB - Description].&amp;[0419140 - CONTRA AFUDC EQUITY - OATT]"/>
        <member name="[CB - Account].[Account CB - Description].&amp;[0419150 - Amor Post In Ser Equ Nbl Repwr]"/>
        <member name="[CB - Account].[Account CB - Description].&amp;[0419160 - Amort Post In Ser Equ MAD/CAD]"/>
        <member name="[CB - Account].[Account CB - Description].&amp;[0419170 - AFUDC Equity]"/>
        <member name="[CB - Account].[Account CB - Description].&amp;[0419180 - Post In Service Equity AFUDC]"/>
        <member name="[CB - Account].[Account CB - Description].&amp;[0419190 - BudAdj-Equity AFUDC &amp; Def Ret]"/>
        <member name="[CB - Account].[Account CB - Description].&amp;[0419210 - Int-Bonds &amp; Special Deposits]"/>
        <member name="[CB - Account].[Account CB - Description].&amp;[0419220 - Int-Notes &amp; Accounts Rec]"/>
        <member name="[CB - Account].[Account CB - Description].&amp;[0419230 - Int - Advances To Subsidiaries]"/>
        <member name="[CB - Account].[Account CB - Description].&amp;[0419235 - Int Income Related Pty]"/>
        <member name="[CB - Account].[Account CB - Description].&amp;[0419241 - Interest - Sales Type Lease]"/>
        <member name="[CB - Account].[Account CB - Description].&amp;[0419250 - Int - Catawba Buyers Advances]"/>
        <member name="[CB - Account].[Account CB - Description].&amp;[0419260 - Interest On Energy Bank]"/>
        <member name="[CB - Account].[Account CB - Description].&amp;[0419270 - Inactive]"/>
        <member name="[CB - Account].[Account CB - Description].&amp;[0419280 - Steam Generator Interest]"/>
        <member name="[CB - Account].[Account CB - Description].&amp;[0419290 - Inactive]"/>
        <member name="[CB - Account].[Account CB - Description].&amp;[0419291 - Interest Income from D/FD]"/>
        <member name="[CB - Account].[Account CB - Description].&amp;[0419295 - Interco Interest Income w/DCC]"/>
        <member name="[CB - Account].[Account CB - Description].&amp;[0419320 - Dividends-Other Stock Owned]"/>
        <member name="[CB - Account].[Account CB - Description].&amp;[0419400 - Interco Int Inc - NP&amp;L]"/>
        <member name="[CB - Account].[Account CB - Description].&amp;[0419410 - Interco Int Inc - DCI]"/>
        <member name="[CB - Account].[Account CB - Description].&amp;[0419420 - Interco Int Inc - DE&amp;S]"/>
        <member name="[CB - Account].[Account CB - Description].&amp;[0419421 - Interco Int Income w/DEC]"/>
        <member name="[CB - Account].[Account CB - Description].&amp;[0419422 - Interco Int Income w/DCC]"/>
        <member name="[CB - Account].[Account CB - Description].&amp;[0419423 - Interco Int Income w/DukeNet]"/>
        <member name="[CB - Account].[Account CB - Description].&amp;[0419424 - Interco Int Income w/DukeSol]"/>
        <member name="[CB - Account].[Account CB - Description].&amp;[0419425 - Interco Int Income w/DENA]"/>
        <member name="[CB - Account].[Account CB - Description].&amp;[0419426 - Interco Int Income w/Crescent]"/>
        <member name="[CB - Account].[Account CB - Description].&amp;[0419427 - Interco Int Income w/DEI]"/>
        <member name="[CB - Account].[Account CB - Description].&amp;[0419428 - Interest Income]"/>
        <member name="[CB - Account].[Account CB - Description].&amp;[0419429 - IC Moneypool - Interest Inc]"/>
        <member name="[CB - Account].[Account CB - Description].&amp;[0419430 - Interco Int Inc - DNGC]"/>
        <member name="[CB - Account].[Account CB - Description].&amp;[0419431 - Int Inc on Temporary Inves]"/>
        <member name="[CB - Account].[Account CB - Description].&amp;[0419500 - I/C Interest Income]"/>
        <member name="[CB - Account].[Account CB - Description].&amp;[0419890 - Int Inc-Cin Rec Co LLC]"/>
        <member name="[CB - Account].[Account CB - Description].&amp;[0420000 - Gas Sales Actuals]"/>
        <member name="[CB - Account].[Account CB - Description].&amp;[0420001 - Gas Sales Estimates]"/>
        <member name="[CB - Account].[Account CB - Description].&amp;[0420002 - Amort Def Tax Itc]"/>
        <member name="[CB - Account].[Account CB - Description].&amp;[0421000 - INTERCO DERIVATIVE GAS SALES]"/>
        <member name="[CB - Account].[Account CB - Description].&amp;[0421001 - 3RD PARTY DERIVATIVE GAS SALES]"/>
        <member name="[CB - Account].[Account CB - Description].&amp;[0421002 - INTERCO DERIV TM GAS SALES]"/>
        <member name="[CB - Account].[Account CB - Description].&amp;[0421003 - 3RD PARTY DERIV TM GAS SALES]"/>
        <member name="[CB - Account].[Account CB - Description].&amp;[0421004 - INTERCO DERIV LIQUID SALES]"/>
        <member name="[CB - Account].[Account CB - Description].&amp;[0421005 - 3RD PARTY DERIV LIQUID SALES]"/>
        <member name="[CB - Account].[Account CB - Description].&amp;[0421006 - INTERCO DERIV TRANSPORT REVS]"/>
        <member name="[CB - Account].[Account CB - Description].&amp;[0421007 - 3RD PARTY DERIV TRANSPORT REVS]"/>
        <member name="[CB - Account].[Account CB - Description].&amp;[0421008 - INTERCO DERIV STORAGE REVS]"/>
        <member name="[CB - Account].[Account CB - Description].&amp;[0421009 - 3RD PARTY DERIV STORAGE REVS]"/>
        <member name="[CB - Account].[Account CB - Description].&amp;[0421010 - INTERCO DERIV ELECTRIC REVS]"/>
        <member name="[CB - Account].[Account CB - Description].&amp;[0421011 - 3RD PARTY DERIV ELECTRIC REVS]"/>
        <member name="[CB - Account].[Account CB - Description].&amp;[0421012 - INTERCO DERIV ELECTRIC SALES]"/>
        <member name="[CB - Account].[Account CB - Description].&amp;[0421013 - 3RD PARTY DERIV ELECTRIC SALES]"/>
        <member name="[CB - Account].[Account CB - Description].&amp;[0421014 - INTERCO DERIV GAS PURCHASES]"/>
        <member name="[CB - Account].[Account CB - Description].&amp;[0421015 - 3RD PARTY DERIV GAS PURCHASES]"/>
        <member name="[CB - Account].[Account CB - Description].&amp;[0421016 - INTERCO DERIV TM GAS PURCHASES]"/>
        <member name="[CB - Account].[Account CB - Description].&amp;[0421017 - 3RD PARTY DERIV TM GAS PURCHAS]"/>
        <member name="[CB - Account].[Account CB - Description].&amp;[0421018 - INTCO DERIV FUELS COST OF SALE]"/>
        <member name="[CB - Account].[Account CB - Description].&amp;[0421019 - 3RD PARTY DERIV FUELS COST OF]"/>
        <member name="[CB - Account].[Account CB - Description].&amp;[0421020 - INTERCO DERIV POWER PURCH]"/>
        <member name="[CB - Account].[Account CB - Description].&amp;[0421021 - 3RD PARTY DERIV POWER PURCH]"/>
        <member name="[CB - Account].[Account CB - Description].&amp;[0421022 - INTERCO DERIV GEN ADMIN]"/>
        <member name="[CB - Account].[Account CB - Description].&amp;[0421023 - 3RD PARTY DERIV GEN ADMIN]"/>
        <member name="[CB - Account].[Account CB - Description].&amp;[0421024 - INTERCO DERIV OTHER INCOME]"/>
        <member name="[CB - Account].[Account CB - Description].&amp;[0421025 - 3RD PARTY DERIV OTHER INCOME]"/>
        <member name="[CB - Account].[Account CB - Description].&amp;[0421026 - INTERCO DERIV INT LT DEBT]"/>
        <member name="[CB - Account].[Account CB - Description].&amp;[0421027 - 3RD PARTY DERIV INT LT DEBT]"/>
        <member name="[CB - Account].[Account CB - Description].&amp;[0421028 - INTERCO DERIV INT OTHER DEBT]"/>
        <member name="[CB - Account].[Account CB - Description].&amp;[0421029 - 3RD PARTY DERIV INT OTHER DEBT]"/>
        <member name="[CB - Account].[Account CB - Description].&amp;[0421030 - Nonoper Income-Mgt Fees]"/>
        <member name="[CB - Account].[Account CB - Description].&amp;[0421031 - Management Fee Income]"/>
        <member name="[CB - Account].[Account CB - Description].&amp;[0421032 - Equity Return-Deferred Project]"/>
        <member name="[CB - Account].[Account CB - Description].&amp;[0421033 - 3rd Party Deriv Sales-NonReg]"/>
        <member name="[CB - Account].[Account CB - Description].&amp;[0421034 - MTM Gain on Merger Mitigation]"/>
        <member name="[CB - Account].[Account CB - Description].&amp;[0421035 - REALIZED DERIVATIVE GAINS]"/>
        <member name="[CB - Account].[Account CB - Description].&amp;[0421036 - Trading Margin Related Pty]"/>
        <member name="[CB - Account].[Account CB - Description].&amp;[0421037 - Equity Return - Mitigation]"/>
        <member name="[CB - Account].[Account CB - Description].&amp;[0421038 - GAIN/LOSS UNCONSOL EQTY INV]"/>
        <member name="[CB - Account].[Account CB - Description].&amp;[0421039 - INTEREST INC RECOVERY CLAUSES]"/>
        <member name="[CB - Account].[Account CB - Description].&amp;[0421040 - Captive IC Rev - Bus Intrup]"/>
        <member name="[CB - Account].[Account CB - Description].&amp;[0421041 - DERIVATIVE GAS SALES]"/>
        <member name="[CB - Account].[Account CB - Description].&amp;[0421042 - MNI-REVENUE CAR]"/>
        <member name="[CB - Account].[Account CB - Description].&amp;[0421043 - MNI-REVENUE-FLA]"/>
        <member name="[CB - Account].[Account CB - Description].&amp;[0421044 - Sutton Return]"/>
        <member name="[CB - Account].[Account CB - Description].&amp;[0421045 - IC Deriv Elect Rev - Reg Elect]"/>
        <member name="[CB - Account].[Account CB - Description].&amp;[0421046 - Return - Customer Connect]"/>
        <member name="[CB - Account].[Account CB - Description].&amp;[0421047 - Equity Return - Riders]"/>
        <member name="[CB - Account].[Account CB - Description].&amp;[0421048 - SH Coal Ash Insurance Proceeds]"/>
        <member name="[CB - Account].[Account CB - Description].&amp;[0421050 - REVENUE DISC OPS]"/>
        <member name="[CB - Account].[Account CB - Description].&amp;[0421051 - DEPR EXPENSE DISC OPS]"/>
        <member name="[CB - Account].[Account CB - Description].&amp;[0421052 - INTEREST EXPENSE DISC OPS]"/>
        <member name="[CB - Account].[Account CB - Description].&amp;[0421053 - MINORITY INTEREST DISC OPS]"/>
        <member name="[CB - Account].[Account CB - Description].&amp;[0421054 - FUEL EXPENSE  DISC OPS]"/>
        <member name="[CB - Account].[Account CB - Description].&amp;[0421055 - OPERATING EXP DISCOPS]"/>
        <member name="[CB - Account].[Account CB - Description].&amp;[0421056 - A&amp;G Expense - Discops]"/>
        <member name="[CB - Account].[Account CB - Description].&amp;[0421057 - Property &amp; Other Tax - Discops]"/>
        <member name="[CB - Account].[Account CB - Description].&amp;[0421058 - Other Operating Gain Loss Disc]"/>
        <member name="[CB - Account].[Account CB - Description].&amp;[0421060 - MNI-TIMBER SALES-NC]"/>
        <member name="[CB - Account].[Account CB - Description].&amp;[0421073 - Interconnection Interest]"/>
        <member name="[CB - Account].[Account CB - Description].&amp;[0421090 - Intercompany Nonoper Income]"/>
        <member name="[CB - Account].[Account CB - Description].&amp;[0421100 - Gain On Disposal Of Property]"/>
        <member name="[CB - Account].[Account CB - Description].&amp;[0421101 - CURRENT GAINS ASSETS HFS]"/>
        <member name="[CB - Account].[Account CB - Description].&amp;[0421102 - NONCURR GAINS ASSET HFS]"/>
        <member name="[CB - Account].[Account CB - Description].&amp;[0421103 - CURRENT GAINS LIAB HFS]"/>
        <member name="[CB - Account].[Account CB - Description].&amp;[0421104 - NONCURR GAINS LIAB HFS]"/>
        <member name="[CB - Account].[Account CB - Description].&amp;[0421105 - BUSINESS DISPOSITION GAINS]"/>
        <member name="[CB - Account].[Account CB - Description].&amp;[0421106 - OTHER NONCURR ASSETS GAINS]"/>
        <member name="[CB - Account].[Account CB - Description].&amp;[0421107 - GAIN SALE OF MISC OTHER ASSET]"/>
        <member name="[CB - Account].[Account CB - Description].&amp;[0421108 - AHFSC - GL (Crescent)]"/>
        <member name="[CB - Account].[Account CB - Description].&amp;[0421109 - AHFSNC - GL (Crescent)]"/>
        <member name="[CB - Account].[Account CB - Description].&amp;[0421110 - Gain on Sale of Equity Invest]"/>
        <member name="[CB - Account].[Account CB - Description].&amp;[0421111 - AHFSCL - GL (Crescent)]"/>
        <member name="[CB - Account].[Account CB - Description].&amp;[0421112 - AHFSNCL - GL (Crescent)]"/>
        <member name="[CB - Account].[Account CB - Description].&amp;[0421113 - Gain on ARO Asset Retirement]"/>
        <member name="[CB - Account].[Account CB - Description].&amp;[0421114 - Gain/Loss on Leases]"/>
        <member name="[CB - Account].[Account CB - Description].&amp;[0421120 - Captiv Invol'tary Cnvsn Clm]"/>
        <member name="[CB - Account].[Account CB - Description].&amp;[0421126 - Impairment on Equity Inv]"/>
        <member name="[CB - Account].[Account CB - Description].&amp;[0421150 - DISCOPS  GAIN SALE MISC]"/>
        <member name="[CB - Account].[Account CB - Description].&amp;[0421155 - DISCOPS GAIN SALE CAHFS]"/>
        <member name="[CB - Account].[Account CB - Description].&amp;[0421160 - DISCOPS GAIN SALE NCAHFS]"/>
        <member name="[CB - Account].[Account CB - Description].&amp;[0421165 - DISCOPS GAIN SALE CAHFS]"/>
        <member name="[CB - Account].[Account CB - Description].&amp;[0421170 - DISCOPS GAIN SALE NCLHFS]"/>
        <member name="[CB - Account].[Account CB - Description].&amp;[0421201 - CURRENT LOSS ASSETS HFS]"/>
        <member name="[CB - Account].[Account CB - Description].&amp;[0421202 - NONCURR LOSS ASSETS HFS]"/>
        <member name="[CB - Account].[Account CB - Description].&amp;[0421203 - CURRENT LOSS LIAB HFS]"/>
        <member name="[CB - Account].[Account CB - Description].&amp;[0421204 - NONCURR LOSS LIAB HFS]"/>
        <member name="[CB - Account].[Account CB - Description].&amp;[0421205 - BUSINESS DISPOSITION LOSS]"/>
        <member name="[CB - Account].[Account CB - Description].&amp;[0421206 - OTHER NONCURR ASSETS LOSS]"/>
        <member name="[CB - Account].[Account CB - Description].&amp;[0421207 - LOSS SALE OF MISC OTHER ASSETS]"/>
        <member name="[CB - Account].[Account CB - Description].&amp;[0421210 - Loss on Sale of Equity Invest]"/>
        <member name="[CB - Account].[Account CB - Description].&amp;[0421213 - Loss on ARO Asset Retirement]"/>
        <member name="[CB - Account].[Account CB - Description].&amp;[0421220 - LOSS SALE OF INV IN REAL EST]"/>
        <member name="[CB - Account].[Account CB - Description].&amp;[0421250 - DISCOPS LOSS SALE MISC]"/>
        <member name="[CB - Account].[Account CB - Description].&amp;[0421255 - DISCOPS LOSS SALE CAHFS]"/>
        <member name="[CB - Account].[Account CB - Description].&amp;[0421260 - DISCOPS  LOSS SALE NCAHFS]"/>
        <member name="[CB - Account].[Account CB - Description].&amp;[0421265 - DISCOPS LOSS SALE CLHFS]"/>
        <member name="[CB - Account].[Account CB - Description].&amp;[0421270 - DISCOPS LOSS SALE NCLHFS]"/>
        <member name="[CB - Account].[Account CB - Description].&amp;[0421300 - Gain Extinguishment Enron Liab]"/>
        <member name="[CB - Account].[Account CB - Description].&amp;[0421301 - Loss Settlement of Calif Liab]"/>
        <member name="[CB - Account].[Account CB - Description].&amp;[0421310 - Sundry Revenues]"/>
        <member name="[CB - Account].[Account CB - Description].&amp;[0421320 - Gain On Disposal Of Investment]"/>
        <member name="[CB - Account].[Account CB - Description].&amp;[0421330 - Inactive]"/>
        <member name="[CB - Account].[Account CB - Description].&amp;[0421340 - Gain On Life Insurance Policy]"/>
        <member name="[CB - Account].[Account CB - Description].&amp;[0421350 - INACTIVE]"/>
        <member name="[CB - Account].[Account CB - Description].&amp;[0421360 - OTHER MISC DEDUCT]"/>
        <member name="[CB - Account].[Account CB - Description].&amp;[0421361 - INACTIVE]"/>
        <member name="[CB - Account].[Account CB - Description].&amp;[0421370 - Gain on PE Comp Own Life Ins]"/>
        <member name="[CB - Account].[Account CB - Description].&amp;[0421410 - Return - Def Emission Allow]"/>
        <member name="[CB - Account].[Account CB - Description].&amp;[0421500 - Discontinued Operations]"/>
        <member name="[CB - Account].[Account CB - Description].&amp;[0421530 - Power Trading MTM Gains]"/>
        <member name="[CB - Account].[Account CB - Description].&amp;[0421531 - MTM Unrealized Gain - Reserve]"/>
        <member name="[CB - Account].[Account CB - Description].&amp;[0421532 - Power Trading MTM Gains-Reg]"/>
        <member name="[CB - Account].[Account CB - Description].&amp;[0421534 - MTM Unrealized Gain Rsrv Reg]"/>
        <member name="[CB - Account].[Account CB - Description].&amp;[0421540 - Elect - Realiz Deriv Gain I/C]"/>
        <member name="[CB - Account].[Account CB - Description].&amp;[0421541 - Gas MTM Gains]"/>
        <member name="[CB - Account].[Account CB - Description].&amp;[0421542 - Electricity - MTM Gain I/C]"/>
        <member name="[CB - Account].[Account CB - Description].&amp;[0421543 - Non Reg IC MTM Gas Gain]"/>
        <member name="[CB - Account].[Account CB - Description].&amp;[0421548 - Reg IC MTM Power Gain]"/>
        <member name="[CB - Account].[Account CB - Description].&amp;[0421550 - Intercompany Dis Ops]"/>
        <member name="[CB - Account].[Account CB - Description].&amp;[0421551 - Disc Ops - Interco Revenues]"/>
        <member name="[CB - Account].[Account CB - Description].&amp;[0421552 - Disc  Ops - Interco Int Exp]"/>
        <member name="[CB - Account].[Account CB - Description].&amp;[0421553 - IC A&amp;G Expense - Discops]"/>
        <member name="[CB - Account].[Account CB - Description].&amp;[0421554 - IC Operating Expense - Discops]"/>
        <member name="[CB - Account].[Account CB - Description].&amp;[0421600 - Loss on Disposal of Discon Ops]"/>
        <member name="[CB - Account].[Account CB - Description].&amp;[0421630 - Fuel Risk Mgmt - Gain]"/>
        <member name="[CB - Account].[Account CB - Description].&amp;[0421631 - MTM Unreal Gains - EA]"/>
        <member name="[CB - Account].[Account CB - Description].&amp;[0421640 - Return On Deferred Dsm - Nc]"/>
        <member name="[CB - Account].[Account CB - Description].&amp;[0421650 - Return On Deferred Dsm - Sc]"/>
        <member name="[CB - Account].[Account CB - Description].&amp;[0421660 - Return on Deferred Solar]"/>
        <member name="[CB - Account].[Account CB - Description].&amp;[0421700 - Gain on Invest Real Estate]"/>
        <member name="[CB - Account].[Account CB - Description].&amp;[0421710 - Inactive]"/>
        <member name="[CB - Account].[Account CB - Description].&amp;[0421720 - Inactive]"/>
        <member name="[CB - Account].[Account CB - Description].&amp;[0421730 - Inactive]"/>
        <member name="[CB - Account].[Account CB - Description].&amp;[0421740 - Inactive]"/>
        <member name="[CB - Account].[Account CB - Description].&amp;[0421750 - Inactive]"/>
        <member name="[CB - Account].[Account CB - Description].&amp;[0421760 - Inactive]"/>
        <member name="[CB - Account].[Account CB - Description].&amp;[0421770 - Inactive]"/>
        <member name="[CB - Account].[Account CB - Description].&amp;[0421780 - Inactive]"/>
        <member name="[CB - Account].[Account CB - Description].&amp;[0421800 - NC Equity Return on Retired Pl]"/>
        <member name="[CB - Account].[Account CB - Description].&amp;[0421801 - Wayne Return]"/>
        <member name="[CB - Account].[Account CB - Description].&amp;[0421810 - INACTIVE]"/>
        <member name="[CB - Account].[Account CB - Description].&amp;[0421820 - Inactive]"/>
        <member name="[CB - Account].[Account CB - Description].&amp;[0421900 - SAB 51 GAIN]"/>
        <member name="[CB - Account].[Account CB - Description].&amp;[0421910 - NC Ret on BPM Sharing]"/>
        <member name="[CB - Account].[Account CB - Description].&amp;[0421911 - NCEMPA NC Equity Reserve]"/>
        <member name="[CB - Account].[Account CB - Description].&amp;[0421912 - NCEMPA SC Equity Reserve]"/>
        <member name="[CB - Account].[Account CB - Description].&amp;[0421913 - NDTF Shareholder  Earning/Loss]"/>
        <member name="[CB - Account].[Account CB - Description].&amp;[0421920 - Sc Ret On Catawba Def Pur Cap-]"/>
        <member name="[CB - Account].[Account CB - Description].&amp;[0421930 - Whsl Ret On Catawba Def Pur]"/>
        <member name="[CB - Account].[Account CB - Description].&amp;[0421945 - Miscellaneous Revenue Refund]"/>
        <member name="[CB - Account].[Account CB - Description].&amp;[0421950 - Gain on Sale of Assets]"/>
        <member name="[CB - Account].[Account CB - Description].&amp;[0421951 - Gain on Sales of Assets-Affil]"/>
        <member name="[CB - Account].[Account CB - Description].&amp;[0421952 - Loss on Sale of  Assets]"/>
        <member name="[CB - Account].[Account CB - Description].&amp;[0421953 - Gain on Sale of Asset]"/>
        <member name="[CB - Account].[Account CB - Description].&amp;[0421960 - NC Return on Coal Rider]"/>
        <member name="[CB - Account].[Account CB - Description].&amp;[0421970 - BudAdj-Int/Div &amp; Other Income]"/>
        <member name="[CB - Account].[Account CB - Description].&amp;[0422000 - Foreign Currency Gain/Loss]"/>
        <member name="[CB - Account].[Account CB - Description].&amp;[0425000 - Miscellaneous Amortization]"/>
        <member name="[CB - Account].[Account CB - Description].&amp;[0425001 - Goodwill - DD&amp;A]"/>
        <member name="[CB - Account].[Account CB - Description].&amp;[0425002 - Goodwill-Amortization]"/>
        <member name="[CB - Account].[Account CB - Description].&amp;[0425003 - Fit-Amortization]"/>
        <member name="[CB - Account].[Account CB - Description].&amp;[0425004 - Sit-Amortization]"/>
        <member name="[CB - Account].[Account CB - Description].&amp;[0425005 - DFIT Exp - Purchase Acctg]"/>
        <member name="[CB - Account].[Account CB - Description].&amp;[0425006 - DSIT Exp - Purchase Acctg]"/>
        <member name="[CB - Account].[Account CB - Description].&amp;[0425007 - Extraordinary Gain (Loss)]"/>
        <member name="[CB - Account].[Account CB - Description].&amp;[0425008 - Misc Amort- Bond &amp; Deb]"/>
        <member name="[CB - Account].[Account CB - Description].&amp;[0425009 - Goodwill Amoritization]"/>
        <member name="[CB - Account].[Account CB - Description].&amp;[0425010 - Gaap Depr Exp Adj]"/>
        <member name="[CB - Account].[Account CB - Description].&amp;[0425011 - MISC AMORTIZAT-ACQUIS - NC]"/>
        <member name="[CB - Account].[Account CB - Description].&amp;[0425012 - MISC AMORTIZAT-ACQUIS - POWERH]"/>
        <member name="[CB - Account].[Account CB - Description].&amp;[0425013 - MISC AMORTIZAT-ACQUIS]"/>
        <member name="[CB - Account].[Account CB - Description].&amp;[0425014 - MISC AMORTIZAT-ACQUIS]"/>
        <member name="[CB - Account].[Account CB - Description].&amp;[0425100 - Amortization Unrecovered Plant]"/>
        <member name="[CB - Account].[Account CB - Description].&amp;[0425200 - MISC_AMORT_PUR_ACCTG_ADJ]"/>
        <member name="[CB - Account].[Account CB - Description].&amp;[0426000 - Other Op Rev Related Pty]"/>
        <member name="[CB - Account].[Account CB - Description].&amp;[0426101 - BPM Donations]"/>
        <member name="[CB - Account].[Account CB - Description].&amp;[0426102 - SC Sharing Expense - Rates]"/>
        <member name="[CB - Account].[Account CB - Description].&amp;[0426110 - Inactive]"/>
        <member name="[CB - Account].[Account CB - Description].&amp;[0426120 - Inactive]"/>
        <member name="[CB - Account].[Account CB - Description].&amp;[0426130 - Donations]"/>
        <member name="[CB - Account].[Account CB - Description].&amp;[0426201 - COLI LOAN INTEREST]"/>
        <member name="[CB - Account].[Account CB - Description].&amp;[0426202 - COLI Premiums]"/>
        <member name="[CB - Account].[Account CB - Description].&amp;[0426203 - Life Ins Exec Emp]"/>
        <member name="[CB - Account].[Account CB - Description].&amp;[0426210 - Split Dollar Life Insurance Ex]"/>
        <member name="[CB - Account].[Account CB - Description].&amp;[0426220 - Toli Life Insurance Expense]"/>
        <member name="[CB - Account].[Account CB - Description].&amp;[0426230 - Interest Inc PE COLI]"/>
        <member name="[CB - Account].[Account CB - Description].&amp;[0426257 - Realzd For Exch Loss 3rd Party]"/>
        <member name="[CB - Account].[Account CB - Description].&amp;[0426301 - Penalties]"/>
        <member name="[CB - Account].[Account CB - Description].&amp;[0426415 - Misc Inc Deduct-Civis/Poli]"/>
        <member name="[CB - Account].[Account CB - Description].&amp;[0426500 - EARN_OF_EQUIRY_INV_PUR_ACC_ADJ]"/>
        <member name="[CB - Account].[Account CB - Description].&amp;[0426501 - Minority Interest Exp - Consol]"/>
        <member name="[CB - Account].[Account CB - Description].&amp;[0426502 - Preferred Stk Div - Min Int]"/>
        <member name="[CB - Account].[Account CB - Description].&amp;[0426503 - MTM Losses on Mitigation]"/>
        <member name="[CB - Account].[Account CB - Description].&amp;[0426504 - MERGER RELATED COSTS]"/>
        <member name="[CB - Account].[Account CB - Description].&amp;[0426505 - NOx Trd Sale Proceeds - Loss]"/>
        <member name="[CB - Account].[Account CB - Description].&amp;[0426506 - NOx Trd Sale Cost - Loss]"/>
        <member name="[CB - Account].[Account CB - Description].&amp;[0426507 - FUEL SETTLEMENT]"/>
        <member name="[CB - Account].[Account CB - Description].&amp;[0426508 - Inc Deduction-Other Inc &amp; Exp]"/>
        <member name="[CB - Account].[Account CB - Description].&amp;[0426511 - UNBILLED FUEL REV NC-EMSSN ALW]"/>
        <member name="[CB - Account].[Account CB - Description].&amp;[0426513 - Other Deductions - Impairments]"/>
        <member name="[CB - Account].[Account CB - Description].&amp;[0426514 - Earnings of Equity Investments]"/>
        <member name="[CB - Account].[Account CB - Description].&amp;[0426515 - Utilities]"/>
        <member name="[CB - Account].[Account CB - Description].&amp;[0426516 - Freight/Commercial Carriers]"/>
        <member name="[CB - Account].[Account CB - Description].&amp;[0426517 - Other Professional Services]"/>
        <member name="[CB - Account].[Account CB - Description].&amp;[0426518 - AMORT-CAPACITY RIDER]"/>
        <member name="[CB - Account].[Account CB - Description].&amp;[0426520 - Administrative Expenses - Toli]"/>
        <member name="[CB - Account].[Account CB - Description].&amp;[0426521 - Sale Of A/R Fees]"/>
        <member name="[CB - Account].[Account CB - Description].&amp;[0426525 - Interest - Sub]"/>
        <member name="[CB - Account].[Account CB - Description].&amp;[0426526 - Impairment of Investment]"/>
        <member name="[CB - Account].[Account CB - Description].&amp;[0426530 - Affiliate Support]"/>
        <member name="[CB - Account].[Account CB - Description].&amp;[0426531 - MTM Unreal Loss-Reserve]"/>
        <member name="[CB - Account].[Account CB - Description].&amp;[0426532 - Power Trading MTM Loss]"/>
        <member name="[CB - Account].[Account CB - Description].&amp;[0426533 - Power Trading MTM Loss-NonReg]"/>
        <member name="[CB - Account].[Account CB - Description].&amp;[0426534 - MTM Unreal Loss Rsrv Reg]"/>
        <member name="[CB - Account].[Account CB - Description].&amp;[0426535 - Tax:  Losses on AFS]"/>
        <member name="[CB - Account].[Account CB - Description].&amp;[0426541 - Gas MTM Loss]"/>
        <member name="[CB - Account].[Account CB - Description].&amp;[0426542 - Electricity - MTM Loss I/C]"/>
        <member name="[CB - Account].[Account CB - Description].&amp;[0426543 - Non Reg IC MTM Gas Loss]"/>
        <member name="[CB - Account].[Account CB - Description].&amp;[0426545 - Elect - Realiz Deriv Loss I/C]"/>
        <member name="[CB - Account].[Account CB - Description].&amp;[0426548 - IC MTM Loss for Power]"/>
        <member name="[CB - Account].[Account CB - Description].&amp;[0426550 - DEFERRED DEBT- IMPARIMENT CHGS]"/>
        <member name="[CB - Account].[Account CB - Description].&amp;[0426551 - IMPAIRMENT AND OTHER REL CHGS]"/>
        <member name="[CB - Account].[Account CB - Description].&amp;[0426552 - Notes Receivable Impairment]"/>
        <member name="[CB - Account].[Account CB - Description].&amp;[0426553 - PP&amp;E IMPAIRMENT]"/>
        <member name="[CB - Account].[Account CB - Description].&amp;[0426554 - Impairment of Goodwill]"/>
        <member name="[CB - Account].[Account CB - Description].&amp;[0426555 - Grantor Trust - Expenses]"/>
        <member name="[CB - Account].[Account CB - Description].&amp;[0426560 - ADDL Misc Deductions]"/>
        <member name="[CB - Account].[Account CB - Description].&amp;[0426565 - Transition Plan Expenses - EC]"/>
        <member name="[CB - Account].[Account CB - Description].&amp;[0426570 - Mgmt &amp; Royalty Fee]"/>
        <member name="[CB - Account].[Account CB - Description].&amp;[0426571 - Service Company Mgmt Fee]"/>
        <member name="[CB - Account].[Account CB - Description].&amp;[0426580 - NonCshFlow Hedge Exp]"/>
        <member name="[CB - Account].[Account CB - Description].&amp;[0426585 - REALIZED DERIVATIVE LOSSES]"/>
        <member name="[CB - Account].[Account CB - Description].&amp;[0426600 - Bill Inserts]"/>
        <member name="[CB - Account].[Account CB - Description].&amp;[0426631 - MTM Unreal Losses - EA's]"/>
        <member name="[CB - Account].[Account CB - Description].&amp;[0426710 - Deferred Compensation Expense]"/>
        <member name="[CB - Account].[Account CB - Description].&amp;[0426720 - Sdcp Expense]"/>
        <member name="[CB - Account].[Account CB - Description].&amp;[0426730 - Supplemental Security Plan Exp]"/>
        <member name="[CB - Account].[Account CB - Description].&amp;[0426740 - Supplemental Retirement Exp]"/>
        <member name="[CB - Account].[Account CB - Description].&amp;[0426810 - Financial System Replacement]"/>
        <member name="[CB - Account].[Account CB - Description].&amp;[0427000 - Int Ltd-Deb- 8.5% 1993]"/>
        <member name="[CB - Account].[Account CB - Description].&amp;[0427001 - Int Ltd-Deb-8% 2002]"/>
        <member name="[CB - Account].[Account CB - Description].&amp;[0427002 - Int Ltd-100Mm Med Term]"/>
        <member name="[CB - Account].[Account CB - Description].&amp;[0427003 - Int Ltd-Deb-8.25% 2004]"/>
        <member name="[CB - Account].[Account CB - Description].&amp;[0427004 - Int Ltd-Deb-9.13% 2003]"/>
        <member name="[CB - Account].[Account CB - Description].&amp;[0427005 - Int Ltd-Deb- Lch 7 3/4%]"/>
        <member name="[CB - Account].[Account CB - Description].&amp;[0427006 - Int Ltd-Deb- 8.625%]"/>
        <member name="[CB - Account].[Account CB - Description].&amp;[0427007 - Int Ltd-Note-7.25%]"/>
        <member name="[CB - Account].[Account CB - Description].&amp;[0427008 - Int Ltd-Note-7%]"/>
        <member name="[CB - Account].[Account CB - Description].&amp;[0427009 - Int. Expense Senior Note A]"/>
        <member name="[CB - Account].[Account CB - Description].&amp;[0427010 - Int. Expense Senior Note B]"/>
        <member name="[CB - Account].[Account CB - Description].&amp;[0427011 - Int Ltd-Bond Indenture]"/>
        <member name="[CB - Account].[Account CB - Description].&amp;[0427012 - Int Exp - 7.25% due 2004]"/>
        <member name="[CB - Account].[Account CB - Description].&amp;[0427013 - Int Exp - 7.50% due 2009]"/>
        <member name="[CB - Account].[Account CB - Description].&amp;[0427014 - Int Exp - 8.00% due 2019]"/>
        <member name="[CB - Account].[Account CB - Description].&amp;[0427015 - Int LTD-DEB-7.30% 2010]"/>
        <member name="[CB - Account].[Account CB - Description].&amp;[0427016 - Int Exp-Sr Bond-2032]"/>
        <member name="[CB - Account].[Account CB - Description].&amp;[0427017 - Int Exp-Sr Bond-2013]"/>
        <member name="[CB - Account].[Account CB - Description].&amp;[0427018 - Int Exp - 1 Year Bond - 2003]"/>
        <member name="[CB - Account].[Account CB - Description].&amp;[0427019 - Amort Discount - Senior A]"/>
        <member name="[CB - Account].[Account CB - Description].&amp;[0427020 - Int Ltd-Deb- 5.69% 2012]"/>
        <member name="[CB - Account].[Account CB - Description].&amp;[0427021 - Int Ltd-Deb- 5.71% 2012]"/>
        <member name="[CB - Account].[Account CB - Description].&amp;[0427022 - Int ltd-debt-5.25% 2007]"/>
        <member name="[CB - Account].[Account CB - Description].&amp;[0427023 - Int Ltd-Note-8.25% due 2005]"/>
        <member name="[CB - Account].[Account CB - Description].&amp;[0427100 - Interest On Bonds]"/>
        <member name="[CB - Account].[Account CB - Description].&amp;[0427210 - Int Expense Related Pty]"/>
        <member name="[CB - Account].[Account CB - Description].&amp;[0427219 - PY INTEREST AMORT]"/>
        <member name="[CB - Account].[Account CB - Description].&amp;[0427221 - Int Quips Due 6/2038]"/>
        <member name="[CB - Account].[Account CB - Description].&amp;[0427222 - Int Trust III Due 8/2029]"/>
        <member name="[CB - Account].[Account CB - Description].&amp;[0427230 - Interest Exp- PE COLI]"/>
        <member name="[CB - Account].[Account CB - Description].&amp;[0427231 - Int Exp 5.56% due 2015]"/>
        <member name="[CB - Account].[Account CB - Description].&amp;[0427232 - Int Exp 6.19% due 2025]"/>
        <member name="[CB - Account].[Account CB - Description].&amp;[0427260 - Gen Office Building Financing]"/>
        <member name="[CB - Account].[Account CB - Description].&amp;[0427270 - Toddville  Warehouse Financing]"/>
        <member name="[CB - Account].[Account CB - Description].&amp;[0427280 - Int of Note Payable- QUIPS]"/>
        <member name="[CB - Account].[Account CB - Description].&amp;[0427290 - Int on Note Payable- TruPS]"/>
        <member name="[CB - Account].[Account CB - Description].&amp;[0427300 - Interest-Parking Deck Lease]"/>
        <member name="[CB - Account].[Account CB - Description].&amp;[0427310 - Int/Electric Center Mortgage]"/>
        <member name="[CB - Account].[Account CB - Description].&amp;[0427320 - Interest On Comb Turbine Lease]"/>
        <member name="[CB - Account].[Account CB - Description].&amp;[0427410 - Int On L-T Commercial Paper]"/>
        <member name="[CB - Account].[Account CB - Description].&amp;[0427420 - Interest On Pollution Control]"/>
        <member name="[CB - Account].[Account CB - Description].&amp;[0427430 - Int-Oconee Co Pollution Contrl]"/>
        <member name="[CB - Account].[Account CB - Description].&amp;[0427440 - Int-Gaston Co Pollution Contrl]"/>
        <member name="[CB - Account].[Account CB - Description].&amp;[0427460 - PNG Interest Exp on LT Debt]"/>
        <member name="[CB - Account].[Account CB - Description].&amp;[0427500 - Interest on Quips]"/>
        <member name="[CB - Account].[Account CB - Description].&amp;[0427510 - Interest Expense on TruPS]"/>
        <member name="[CB - Account].[Account CB - Description].&amp;[0427520 - Ineffective-Fxd Rate FV Hedge]"/>
        <member name="[CB - Account].[Account CB - Description].&amp;[0427521 - Ineffective-Flting Rate Hedge]"/>
        <member name="[CB - Account].[Account CB - Description].&amp;[0427522 - Int LTD-Credit Agreement]"/>
        <member name="[CB - Account].[Account CB - Description].&amp;[0427523 - Interest Expense]"/>
        <member name="[CB - Account].[Account CB - Description].&amp;[0427550 - Interest On Bonds]"/>
        <member name="[CB - Account].[Account CB - Description].&amp;[0427600 - Monetary_Variation_Brazil]"/>
        <member name="[CB - Account].[Account CB - Description].&amp;[0428000 - Amor-Disc-Deb-8.25% 2004]"/>
        <member name="[CB - Account].[Account CB - Description].&amp;[0428001 - Amor-Dde-Deb-8% 2002]"/>
        <member name="[CB - Account].[Account CB - Description].&amp;[0428002 - Amor-Dde-Deb-100Mm Med]"/>
        <member name="[CB - Account].[Account CB - Description].&amp;[0428003 - Amor-Dde-Deb-8.25% 2004]"/>
        <member name="[CB - Account].[Account CB - Description].&amp;[0428004 - Amor-Dde-Deb-9.13% 2003]"/>
        <member name="[CB - Account].[Account CB - Description].&amp;[0428005 - Amor-Dde-Note--7%]"/>
        <member name="[CB - Account].[Account CB - Description].&amp;[0428006 - Amortization - Toprs]"/>
        <member name="[CB - Account].[Account CB - Description].&amp;[0428007 - Amort Discount - Senior B]"/>
        <member name="[CB - Account].[Account CB - Description].&amp;[0428008 - Amort Exp-99 Global 2004]"/>
        <member name="[CB - Account].[Account CB - Description].&amp;[0428009 - Amort Exp-99 Global 2009]"/>
        <member name="[CB - Account].[Account CB - Description].&amp;[0428010 - Amort Exp-99 Global 2019]"/>
        <member name="[CB - Account].[Account CB - Description].&amp;[0428011 - Amor-Disc-Bond-Indenture]"/>
        <member name="[CB - Account].[Account CB - Description].&amp;[0428012 - Amor-Dde_Deb-7.30%2010]"/>
        <member name="[CB - Account].[Account CB - Description].&amp;[0428013 - Amort Disc-Sr Bond-2032]"/>
        <member name="[CB - Account].[Account CB - Description].&amp;[0428014 - Amort Disc-Sr Bond-2013]"/>
        <member name="[CB - Account].[Account CB - Description].&amp;[0428015 - Amort Discount-Senior A]"/>
        <member name="[CB - Account].[Account CB - Description].&amp;[0428016 - Unamrt Dde-Deb 5.25% 2007]"/>
        <member name="[CB - Account].[Account CB - Description].&amp;[0428017 - Amor-Dde-Deb -8.25% 2005]"/>
        <member name="[CB - Account].[Account CB - Description].&amp;[0428018 - Amor-Dde-Deb-Credit Agreemt]"/>
        <member name="[CB - Account].[Account CB - Description].&amp;[0428019 - Amor-Dde-Deb-5.69% 2012]"/>
        <member name="[CB - Account].[Account CB - Description].&amp;[0428020 - Amor-Dde-Deb-5.71% 2012]"/>
        <member name="[CB - Account].[Account CB - Description].&amp;[0428101 - Amort-Dbt-Loss-12.75% Deb]"/>
        <member name="[CB - Account].[Account CB - Description].&amp;[0428102 - Amort-Dbt-Loss-13% Deb]"/>
        <member name="[CB - Account].[Account CB - Description].&amp;[0428103 - Amort-Dbt-Loss-13.25% Deb]"/>
        <member name="[CB - Account].[Account CB - Description].&amp;[0428104 - Amort-Dbt-Loss-12% Deb]"/>
        <member name="[CB - Account].[Account CB - Description].&amp;[0428105 - Amort-Dbt-Loss-10 1/8%]"/>
        <member name="[CB - Account].[Account CB - Description].&amp;[0428106 - Amort-Dbt-Loss-10%-TETCO]"/>
        <member name="[CB - Account].[Account CB - Description].&amp;[0428107 - Amor Dde Deb 5.56% due 2015]"/>
        <member name="[CB - Account].[Account CB - Description].&amp;[0428108 - Amor Dde Deb 6.19% due 2025]"/>
        <member name="[CB - Account].[Account CB - Description].&amp;[0428113 - Amor-Dde-Deb-5.69% 2012]"/>
        <member name="[CB - Account].[Account CB - Description].&amp;[0428114 - Amor-Dde-Deb-5.71% 2012]"/>
        <member name="[CB - Account].[Account CB - Description].&amp;[0428200 - AMORT_DEBT_DISC_PUR_ACCTG_ADJ]"/>
        <member name="[CB - Account].[Account CB - Description].&amp;[0429000 - Amort of Premium on Debt-CR]"/>
        <member name="[CB - Account].[Account CB - Description].&amp;[0429010 - Debt Premium/Gain]"/>
        <member name="[CB - Account].[Account CB - Description].&amp;[0429200 - Amort Debt_Prem_Pur_Acctg_Adj]"/>
        <member name="[CB - Account].[Account CB - Description].&amp;[0429250 - Missing]"/>
        <member name="[CB - Account].[Account CB - Description].&amp;[0430000 - Int On Debt/Assoc Companies]"/>
        <member name="[CB - Account].[Account CB - Description].&amp;[0430001 - Interest Exp I/C Contra]"/>
        <member name="[CB - Account].[Account CB - Description].&amp;[0430002 - Intercompany Interest Exp ST]"/>
        <member name="[CB - Account].[Account CB - Description].&amp;[0430100 - Interest On Energy Bank]"/>
        <member name="[CB - Account].[Account CB - Description].&amp;[043012 - Depr-Prod Extract Plant]"/>
        <member name="[CB - Account].[Account CB - Description].&amp;[0430200 - Interco Int Exp - DEC]"/>
        <member name="[CB - Account].[Account CB - Description].&amp;[0430210 - Interco Int Exp - MPS]"/>
        <member name="[CB - Account].[Account CB - Description].&amp;[0430211 - Interest on Debt w/Duk Capital]"/>
        <member name="[CB - Account].[Account CB - Description].&amp;[0430212 - Interco Int. Expense w/ DE&amp;S]"/>
        <member name="[CB - Account].[Account CB - Description].&amp;[0430215 - Intco Int Exp w/DE ServicesInc]"/>
        <member name="[CB - Account].[Account CB - Description].&amp;[0430217 - Interco Interest w/ 30072]"/>
        <member name="[CB - Account].[Account CB - Description].&amp;[0430218 - Interco Interest w/ 30077]"/>
        <member name="[CB - Account].[Account CB - Description].&amp;[0430219 - Interco Interest w/ 30076]"/>
        <member name="[CB - Account].[Account CB - Description].&amp;[0430220 - INTCO INT EXP-DCC LUX]"/>
        <member name="[CB - Account].[Account CB - Description].&amp;[0430891 - IC Int Expense VIE]"/>
        <member name="[CB - Account].[Account CB - Description].&amp;[0431000 - Int Exp-Taxes]"/>
        <member name="[CB - Account].[Account CB - Description].&amp;[0431001 - Int Exp-Pcb Deferral]"/>
        <member name="[CB - Account].[Account CB - Description].&amp;[0431002 - Int Exp-Other]"/>
        <member name="[CB - Account].[Account CB - Description].&amp;[0431004 - Amort Debt Discount Exp]"/>
        <member name="[CB - Account].[Account CB - Description].&amp;[0431005 - FX Gain/Loss on debt]"/>
        <member name="[CB - Account].[Account CB - Description].&amp;[0431006 - FX-Mark to Market]"/>
        <member name="[CB - Account].[Account CB - Description].&amp;[0431007 - Fx Gains Losses On Intco Debt]"/>
        <member name="[CB - Account].[Account CB - Description].&amp;[0431008 - Int Exp - Convert Debt]"/>
        <member name="[CB - Account].[Account CB - Description].&amp;[0431009 - IntExp-CashSweepsDukeCogema]"/>
        <member name="[CB - Account].[Account CB - Description].&amp;[0431010 - FX Gain/Loss in Bank Accts]"/>
        <member name="[CB - Account].[Account CB - Description].&amp;[0431011 - Debt Return-Deferred Projects]"/>
        <member name="[CB - Account].[Account CB - Description].&amp;[0431012 - Debt Return - Mitigation Sales]"/>
        <member name="[CB - Account].[Account CB - Description].&amp;[0431013 - Int Exp - 2013 Rate Case Light]"/>
        <member name="[CB - Account].[Account CB - Description].&amp;[0431014 - Debt Return - EDIT]"/>
        <member name="[CB - Account].[Account CB - Description].&amp;[0431021 - IC Moneypool - Interest Exp]"/>
        <member name="[CB - Account].[Account CB - Description].&amp;[0431100 - Int Accrued/Cust Deposits-Nc]"/>
        <member name="[CB - Account].[Account CB - Description].&amp;[0431130 - Interest Exp - Capital Lease]"/>
        <member name="[CB - Account].[Account CB - Description].&amp;[0431150 - Regulatory Interest Expense]"/>
        <member name="[CB - Account].[Account CB - Description].&amp;[0431152 - IC Lease-Int Cap Lease(Act Op)]"/>
        <member name="[CB - Account].[Account CB - Description].&amp;[0431200 - Int Accrued/Cust Deposits-Sc]"/>
        <member name="[CB - Account].[Account CB - Description].&amp;[0431300 - Int/Notes &amp; Acct Pay-Short Trm]"/>
        <member name="[CB - Account].[Account CB - Description].&amp;[0431350 - IC Lease-Int Exp Cap Lease]"/>
        <member name="[CB - Account].[Account CB - Description].&amp;[0431360 - Interest Exp - Cap Lease (IC)]"/>
        <member name="[CB - Account].[Account CB - Description].&amp;[0431500 - NC Debt Return on Retired Plan]"/>
        <member name="[CB - Account].[Account CB - Description].&amp;[0431510 - Int/Cat Working Capital Fund]"/>
        <member name="[CB - Account].[Account CB - Description].&amp;[0431520 - Int/Cat Buyer Advances]"/>
        <member name="[CB - Account].[Account CB - Description].&amp;[0431525 - Int/Lee Buyer Advances]"/>
        <member name="[CB - Account].[Account CB - Description].&amp;[0431530 - Interest Expense-Contract Adj]"/>
        <member name="[CB - Account].[Account CB - Description].&amp;[0431700 - Inactive]"/>
        <member name="[CB - Account].[Account CB - Description].&amp;[0431710 - Int Exp On Revenue Refunds]"/>
        <member name="[CB - Account].[Account CB - Description].&amp;[0431800 - Int On Late Payment Charges]"/>
        <member name="[CB - Account].[Account CB - Description].&amp;[0431901 - Interest Expense Comm Paper]"/>
        <member name="[CB - Account].[Account CB - Description].&amp;[0431902 - Interest Expense Other]"/>
        <member name="[CB - Account].[Account CB - Description].&amp;[0431903 - Intercompany Interest Expense]"/>
        <member name="[CB - Account].[Account CB - Description].&amp;[0431904 - Int Exp-Contr Adj-EU-Series C]"/>
        <member name="[CB - Account].[Account CB - Description].&amp;[0431905 - Int Exp-Contr Adj-EU-Series B]"/>
        <member name="[CB - Account].[Account CB - Description].&amp;[0431906 - Int Exp-Contr Adj-EU-Series A]"/>
        <member name="[CB - Account].[Account CB - Description].&amp;[0431908 - INT EXP - OTHER]"/>
        <member name="[CB - Account].[Account CB - Description].&amp;[0431910 - BudAdj-Interest Exp]"/>
        <member name="[CB - Account].[Account CB - Description].&amp;[0431920 - Other Interest - CR3 Interest]"/>
        <member name="[CB - Account].[Account CB - Description].&amp;[0431921 - Other Interest - Customer Depo]"/>
        <member name="[CB - Account].[Account CB - Description].&amp;[0431922 - Other Interest - Tax Deficienc]"/>
        <member name="[CB - Account].[Account CB - Description].&amp;[0431999 - FX_MTM_INTERCOMPANY]"/>
        <member name="[CB - Account].[Account CB - Description].&amp;[0432001 - Carrying Costs Amort - 100%]"/>
        <member name="[CB - Account].[Account CB - Description].&amp;[0432005 - Capitalized Interest]"/>
        <member name="[CB - Account].[Account CB - Description].&amp;[0432021 - Post In Svc Carrying Charges]"/>
        <member name="[CB - Account].[Account CB - Description].&amp;[0432100 - CAPITALIZED INTEREST]"/>
        <member name="[CB - Account].[Account CB - Description].&amp;[0432120 - AFUDC Debt]"/>
        <member name="[CB - Account].[Account CB - Description].&amp;[0432300 - Cap Interest Elec]"/>
        <member name="[CB - Account].[Account CB - Description].&amp;[0432500 - NU Capitalized Interest]"/>
        <member name="[CB - Account].[Account CB - Description].&amp;[0432600 - BudAdj-Debt AFUDC]"/>
        <member name="[CB - Account].[Account CB - Description].&amp;[0433000 - Balance Transferred From Inc]"/>
        <member name="[CB - Account].[Account CB - Description].&amp;[0433001 - Bal Transer From Income]"/>
        <member name="[CB - Account].[Account CB - Description].&amp;[0433002 - Interest Expense - DEGT only]"/>
        <member name="[CB - Account].[Account CB - Description].&amp;[0433003 - Balance Transfer From Income]"/>
        <member name="[CB - Account].[Account CB - Description].&amp;[0434100 - Gain On Recapitalization]"/>
        <member name="[CB - Account].[Account CB - Description].&amp;[0435000 - Extraordinary Deductions]"/>
        <member name="[CB - Account].[Account CB - Description].&amp;[0436000 - Appropriations Of Ret Earnings]"/>
        <member name="[CB - Account].[Account CB - Description].&amp;[0436001 - CUMULATIVE CHANGE IN ACCTG]"/>
        <member name="[CB - Account].[Account CB - Description].&amp;[0436100 - Approp Retained Earnings-Mklnd]"/>
        <member name="[CB - Account].[Account CB - Description].&amp;[0437000 - Dividend Declared Preferred]"/>
        <member name="[CB - Account].[Account CB - Description].&amp;[0437100 - Preferred Stock Dividends]"/>
        <member name="[CB - Account].[Account CB - Description].&amp;[0437101 - Dividends on Pref Stk Series A]"/>
        <member name="[CB - Account].[Account CB - Description].&amp;[0437102 - Dividends on Pref Stk Series B]"/>
        <member name="[CB - Account].[Account CB - Description].&amp;[0437150 - Int Exp Pref Stk Series X]"/>
        <member name="[CB - Account].[Account CB - Description].&amp;[0437200 - Preference Stock Dividends]"/>
        <member name="[CB - Account].[Account CB - Description].&amp;[0437201 - Contra-Pref stk Div Series A]"/>
        <member name="[CB - Account].[Account CB - Description].&amp;[0437202 - Contra - Pref stk Div Series B]"/>
        <member name="[CB - Account].[Account CB - Description].&amp;[0438000 - Dividend Declared Common]"/>
        <member name="[CB - Account].[Account CB - Description].&amp;[0438001 - Dummy Acct for Y/E]"/>
        <member name="[CB - Account].[Account CB - Description].&amp;[0438100 - Common Stock - Cash]"/>
        <member name="[CB - Account].[Account CB - Description].&amp;[0438101 - Contract Adjust - Eq Units]"/>
        <member name="[CB - Account].[Account CB - Description].&amp;[0438102 - Contract Adjust-EU-Series C]"/>
        <member name="[CB - Account].[Account CB - Description].&amp;[0438103 - Contract Adjust-EU-Series B]"/>
        <member name="[CB - Account].[Account CB - Description].&amp;[0438104 - Contract Adjust-EU-Series A]"/>
        <member name="[CB - Account].[Account CB - Description].&amp;[0438110 - Sub Dividends Declared]"/>
        <member name="[CB - Account].[Account CB - Description].&amp;[0439000 - Adj To Retained Earnings]"/>
        <member name="[CB - Account].[Account CB - Description].&amp;[0439001 - Other Comprehensiv Inc-DukePwr]"/>
        <member name="[CB - Account].[Account CB - Description].&amp;[0439002 - Other Comprehensive Inc-Subs]"/>
        <member name="[CB - Account].[Account CB - Description].&amp;[0439003 - CEA: UTP Other]"/>
        <member name="[CB - Account].[Account CB - Description].&amp;[0439004 - Cum Effect Acct Change Tax]"/>
        <member name="[CB - Account].[Account CB - Description].&amp;[0439005 - Cum Effect Acct Change Pre-Tax]"/>
        <member name="[CB - Account].[Account CB - Description].&amp;[0439300 - ADJUST TO R/E]"/>
        <member name="[CB - Account].[Account CB - Description].&amp;[0439410 - Oth Com Inc-Tax Expense]"/>
        <member name="[CB - Account].[Account CB - Description].&amp;[0440000 - Residential]"/>
        <member name="[CB - Account].[Account CB - Description].&amp;[0440001 - Residential Svc - NonReg]"/>
        <member name="[CB - Account].[Account CB - Description].&amp;[0440005 - Residential-Transp Only]"/>
        <member name="[CB - Account].[Account CB - Description].&amp;[0440010 - Catawba Pur Cap Lev-EBIT Only]"/>
        <member name="[CB - Account].[Account CB - Description].&amp;[0440020 - Fuel Revenues-EBIT]"/>
        <member name="[CB - Account].[Account CB - Description].&amp;[0440030 - Purchase Power Fuel Revenues]"/>
        <member name="[CB - Account].[Account CB - Description].&amp;[0440990 - Residential Unbilled Rev]"/>
        <member name="[CB - Account].[Account CB - Description].&amp;[0440995 - Residential-Transp Unbilled]"/>
        <member name="[CB - Account].[Account CB - Description].&amp;[0442100 - General Service]"/>
        <member name="[CB - Account].[Account CB - Description].&amp;[0442101 - General Service - Non-Reg]"/>
        <member name="[CB - Account].[Account CB - Description].&amp;[0442102 - General Service Rev-NonReg]"/>
        <member name="[CB - Account].[Account CB - Description].&amp;[0442105 - General Svc Transp Only]"/>
        <member name="[CB - Account].[Account CB - Description].&amp;[0442190 - General Service Unbilled Rev]"/>
        <member name="[CB - Account].[Account CB - Description].&amp;[0442195 - General Svc Transp Unbilled]"/>
        <member name="[CB - Account].[Account CB - Description].&amp;[0442200 - Industrial Service]"/>
        <member name="[CB - Account].[Account CB - Description].&amp;[0442201 - Industrial Service - NonReg]"/>
        <member name="[CB - Account].[Account CB - Description].&amp;[0442205 - Industrial Svc Transp Only]"/>
        <member name="[CB - Account].[Account CB - Description].&amp;[0442290 - Industrial Svc Unbilled Rev]"/>
        <member name="[CB - Account].[Account CB - Description].&amp;[0442295 - Industrial Svc Transp Unbilled]"/>
        <member name="[CB - Account].[Account CB - Description].&amp;[0444000 - Public St &amp; Highway Lighting]"/>
        <member name="[CB - Account].[Account CB - Description].&amp;[0444001 - Public St/Hwy Service - NonReg]"/>
        <member name="[CB - Account].[Account CB - Description].&amp;[0444005 - Pblc St &amp; Hghwy Lghtng Transp]"/>
        <member name="[CB - Account].[Account CB - Description].&amp;[0444990 - Public Street/Highway Unbilled]"/>
        <member name="[CB - Account].[Account CB - Description].&amp;[0445000 - Other Sales to Public Auth]"/>
        <member name="[CB - Account].[Account CB - Description].&amp;[0445001 - Public Authority Svc - NonReg]"/>
        <member name="[CB - Account].[Account CB - Description].&amp;[0445005 - OPA Transp Only]"/>
        <member name="[CB - Account].[Account CB - Description].&amp;[0445090 - OPA Unbilled]"/>
        <member name="[CB - Account].[Account CB - Description].&amp;[0445095 - OPA Transp Unbilled]"/>
        <member name="[CB - Account].[Account CB - Description].&amp;[0447000 - Sales For Resale]"/>
        <member name="[CB - Account].[Account CB - Description].&amp;[0447001 - Power Sales]"/>
        <member name="[CB - Account].[Account CB - Description].&amp;[0447010 - Elec Rev - I/C sales]"/>
        <member name="[CB - Account].[Account CB - Description].&amp;[0447016 - I/C Joint Disp - Revenue]"/>
        <member name="[CB - Account].[Account CB - Description].&amp;[0447040 - I/C Power Sales]"/>
        <member name="[CB - Account].[Account CB - Description].&amp;[0447100 - Sales For Resale-Catawba]"/>
        <member name="[CB - Account].[Account CB - Description].&amp;[0447101 - Special Contract Revenue]"/>
        <member name="[CB - Account].[Account CB - Description].&amp;[0447110 - Cp&amp;L Schedule J Agreement]"/>
        <member name="[CB - Account].[Account CB - Description].&amp;[0447130 - Power Sales Estimate]"/>
        <member name="[CB - Account].[Account CB - Description].&amp;[0447140 - FUEL IN SALES FOR RESALE]"/>
        <member name="[CB - Account].[Account CB - Description].&amp;[0447141 - CONTRA]"/>
        <member name="[CB - Account].[Account CB - Description].&amp;[0447150 - Sales For Resale - Outside]"/>
        <member name="[CB - Account].[Account CB - Description].&amp;[0447151 - BPM Fuel Revenues]"/>
        <member name="[CB - Account].[Account CB - Description].&amp;[0447152 - Sales for Resale-Outsid-NonReg]"/>
        <member name="[CB - Account].[Account CB - Description].&amp;[0447153 - Mitigation Revenue]"/>
        <member name="[CB - Account].[Account CB - Description].&amp;[0447155 - I/C Sales for Resale]"/>
        <member name="[CB - Account].[Account CB - Description].&amp;[0447159 - Resale Sales-Outside(Contra)]"/>
        <member name="[CB - Account].[Account CB - Description].&amp;[0447160 - BPM Capacity Revenues]"/>
        <member name="[CB - Account].[Account CB - Description].&amp;[0447161 - BudAdj-Wholesale Margin]"/>
        <member name="[CB - Account].[Account CB - Description].&amp;[0447162 - BudAdj-BPM Margin]"/>
        <member name="[CB - Account].[Account CB - Description].&amp;[0447170 - Spot Capacity Revenue]"/>
        <member name="[CB - Account].[Account CB - Description].&amp;[0447175 - Spot Energy Revenue]"/>
        <member name="[CB - Account].[Account CB - Description].&amp;[0447185 - PPA Energy Revenue]"/>
        <member name="[CB - Account].[Account CB - Description].&amp;[0447190 - PPA Capacity Revenue]"/>
        <member name="[CB - Account].[Account CB - Description].&amp;[0447200 - Sales For Resale-Npl]"/>
        <member name="[CB - Account].[Account CB - Description].&amp;[0447208 - Amort Pwr Trdg Intang or Liab]"/>
        <member name="[CB - Account].[Account CB - Description].&amp;[0447300 - Transmission Charge - Ptpnf]"/>
        <member name="[CB - Account].[Account CB - Description].&amp;[0447301 - Utility Revenues - Hoosier]"/>
        <member name="[CB - Account].[Account CB - Description].&amp;[0447302 - Unrealized Gain - 3rd Party]"/>
        <member name="[CB - Account].[Account CB - Description].&amp;[0447310 - Loss Compensation - Ptpnf]"/>
        <member name="[CB - Account].[Account CB - Description].&amp;[0447319 - Loss Comp-PTPNF(Contra)]"/>
        <member name="[CB - Account].[Account CB - Description].&amp;[0447320 - Sched, Sys Cntl, Disp - Ptpnf]"/>
        <member name="[CB - Account].[Account CB - Description].&amp;[0447330 - Reactive Pwr/Voltage Cntl Svc]"/>
        <member name="[CB - Account].[Account CB - Description].&amp;[0447339 - React Pwr/Vltg Ctl Svc(Contra)]"/>
        <member name="[CB - Account].[Account CB - Description].&amp;[0447340 - Regulation/Frequency Response]"/>
        <member name="[CB - Account].[Account CB - Description].&amp;[0447350 - Energy Imbalance Svc - Ptpnf]"/>
        <member name="[CB - Account].[Account CB - Description].&amp;[0447360 - Power Sales Bookouts]"/>
        <member name="[CB - Account].[Account CB - Description].&amp;[0447370 - Power Sales Bookouts Estimate]"/>
        <member name="[CB - Account].[Account CB - Description].&amp;[0447400 - Transmission Charge - Ptpf]"/>
        <member name="[CB - Account].[Account CB - Description].&amp;[0447401 - Unrealized Gain - Intercompany]"/>
        <member name="[CB - Account].[Account CB - Description].&amp;[0447402 - Utility Revenues - Logansport]"/>
        <member name="[CB - Account].[Account CB - Description].&amp;[0447410 - Loss Compensation - Ptpf]"/>
        <member name="[CB - Account].[Account CB - Description].&amp;[0447419 - Loss Compensation-PTPF(Contra)]"/>
        <member name="[CB - Account].[Account CB - Description].&amp;[0447420 - Sched, Sys Cntl, Disp - Ptpf]"/>
        <member name="[CB - Account].[Account CB - Description].&amp;[0447430 - Reactive Pwr/Volt Cntl Svc]"/>
        <member name="[CB - Account].[Account CB - Description].&amp;[0447439 - React Pwr/Volt Ctl Svc(Contra)]"/>
        <member name="[CB - Account].[Account CB - Description].&amp;[0447440 - Power Transmission Sales]"/>
        <member name="[CB - Account].[Account CB - Description].&amp;[0447450 - Power IB]"/>
        <member name="[CB - Account].[Account CB - Description].&amp;[0447460 - Power IB Estimate]"/>
        <member name="[CB - Account].[Account CB - Description].&amp;[0447470 - Power Transmission Sales Est]"/>
        <member name="[CB - Account].[Account CB - Description].&amp;[0447500 - Transmission Charge - Network]"/>
        <member name="[CB - Account].[Account CB - Description].&amp;[0447501 - Sales Other Elec Util - State]"/>
        <member name="[CB - Account].[Account CB - Description].&amp;[0447510 - Loss Compensation - Network]"/>
        <member name="[CB - Account].[Account CB - Description].&amp;[0447520 - Sched, Sys Cntl, Disp - Netwrk]"/>
        <member name="[CB - Account].[Account CB - Description].&amp;[0447530 - Reactive Pwr/Volt Cntl Svc]"/>
        <member name="[CB - Account].[Account CB - Description].&amp;[0447540 - Regulation/Frequency Response]"/>
        <member name="[CB - Account].[Account CB - Description].&amp;[0447550 - Energy Imbalance Svc - Network]"/>
        <member name="[CB - Account].[Account CB - Description].&amp;[0447560 - Op Res - Spinning Reserve]"/>
        <member name="[CB - Account].[Account CB - Description].&amp;[0447570 - Op Res - Supplemental Reserve]"/>
        <member name="[CB - Account].[Account CB - Description].&amp;[0447580 - Transmission Direct Assgn Chg]"/>
        <member name="[CB - Account].[Account CB - Description].&amp;[0447600 - Tariff System Impact Studies]"/>
        <member name="[CB - Account].[Account CB - Description].&amp;[0447601 - WVPA Scheduled Interim Pwr]"/>
        <member name="[CB - Account].[Account CB - Description].&amp;[0447610 - ELECTRIC SALES TRADE]"/>
        <member name="[CB - Account].[Account CB - Description].&amp;[0447611 - WVPA Revenues - 150MW]"/>
        <member name="[CB - Account].[Account CB - Description].&amp;[0447625 - Power Tolling Sales]"/>
        <member name="[CB - Account].[Account CB - Description].&amp;[0447700 - ELECTRIC SALES TRADE MARKET]"/>
        <member name="[CB - Account].[Account CB - Description].&amp;[0447701 - Power Sales - East]"/>
        <member name="[CB - Account].[Account CB - Description].&amp;[0447702 - Power Sales - West]"/>
        <member name="[CB - Account].[Account CB - Description].&amp;[0447710 - Variable RMR Revenue]"/>
        <member name="[CB - Account].[Account CB - Description].&amp;[0447720 - Electricity Marketing Sales]"/>
        <member name="[CB - Account].[Account CB - Description].&amp;[0447750 - LOAD FOLLOWING]"/>
        <member name="[CB - Account].[Account CB - Description].&amp;[0447800 - Electric Sales to 3rd Parties]"/>
        <member name="[CB - Account].[Account CB - Description].&amp;[0447810 - Elec Revenue Cash Flow Hedge]"/>
        <member name="[CB - Account].[Account CB - Description].&amp;[0447815 - REALIZED CSH FLW HEDGE REV]"/>
        <member name="[CB - Account].[Account CB - Description].&amp;[0447820 - Sales for Resale - Internal]"/>
        <member name="[CB - Account].[Account CB - Description].&amp;[0447821 - Sales for Rsale-Internl-NonReg]"/>
        <member name="[CB - Account].[Account CB - Description].&amp;[0447831 - I/C NR Sales for Resale - Inte]"/>
        <member name="[CB - Account].[Account CB - Description].&amp;[0447900 - ELEC_SALES_TRADE_PUR_ACCTG_ADJ]"/>
        <member name="[CB - Account].[Account CB - Description].&amp;[0447921 - Sales for Resale - Deriv]"/>
        <member name="[CB - Account].[Account CB - Description].&amp;[0447931 - I/C NR Sales for Resale - Deri]"/>
        <member name="[CB - Account].[Account CB - Description].&amp;[0447990 - Sales For Resale Unbilled Rev]"/>
        <member name="[CB - Account].[Account CB - Description].&amp;[0448000 - Interdepartmental Sales-Elec]"/>
        <member name="[CB - Account].[Account CB - Description].&amp;[0448099 - Power Rev Contra EITF 02-03]"/>
        <member name="[CB - Account].[Account CB - Description].&amp;[0449035 - Franchise Allocation/Holding]"/>
        <member name="[CB - Account].[Account CB - Description].&amp;[0449100 - Provisions For Rate Refunds]"/>
        <member name="[CB - Account].[Account CB - Description].&amp;[0449105 - Other Revenue]"/>
        <member name="[CB - Account].[Account CB - Description].&amp;[0449106 - Demand Revenue]"/>
        <member name="[CB - Account].[Account CB - Description].&amp;[0449107 - Supply Revenue]"/>
        <member name="[CB - Account].[Account CB - Description].&amp;[0449108 - Other Revenue - Reg gas]"/>
        <member name="[CB - Account].[Account CB - Description].&amp;[0449110 - Prov for Rate Refunds-Whsl]"/>
        <member name="[CB - Account].[Account CB - Description].&amp;[0449111 - Tax reform - Retail]"/>
        <member name="[CB - Account].[Account CB - Description].&amp;[0449112 - EDIT Amortization]"/>
        <member name="[CB - Account].[Account CB - Description].&amp;[0449113 - Tax Reform - Industrial]"/>
        <member name="[CB - Account].[Account CB - Description].&amp;[0449114 - Tax Reform Account - Other]"/>
        <member name="[CB - Account].[Account CB - Description].&amp;[0449115 - Tax Reform - Riders]"/>
        <member name="[CB - Account].[Account CB - Description].&amp;[0449116 - Tax reform - Wholesale/BPM]"/>
        <member name="[CB - Account].[Account CB - Description].&amp;[0449200 - Prov for Rate Refunds - IGCC]"/>
        <member name="[CB - Account].[Account CB - Description].&amp;[0449300 - BudAdj-Volumes Rev]"/>
        <member name="[CB - Account].[Account CB - Description].&amp;[0449301 - BudAdj-Price Rev]"/>
        <member name="[CB - Account].[Account CB - Description].&amp;[0449302 - BudAdj-EE Rider]"/>
        <member name="[CB - Account].[Account CB - Description].&amp;[0449303 - BudAdj-OH SG Rider]"/>
        <member name="[CB - Account].[Account CB - Description].&amp;[0449304 - BudAdj-IGCC Rider]"/>
        <member name="[CB - Account].[Account CB - Description].&amp;[0449305 - BudAdj-Other Riders]"/>
        <member name="[CB - Account].[Account CB - Description].&amp;[0449306 - BudAdj-Other Rev Margin]"/>
        <member name="[CB - Account].[Account CB - Description].&amp;[0450000 - Energy Sales Actuals - IC]"/>
        <member name="[CB - Account].[Account CB - Description].&amp;[0450001 - Energy Sales Estimate - IC]"/>
        <member name="[CB - Account].[Account CB - Description].&amp;[0450100 - Late Pmt and Forf Disc]"/>
        <member name="[CB - Account].[Account CB - Description].&amp;[0450200 - Charge On Returned Checks]"/>
        <member name="[CB - Account].[Account CB - Description].&amp;[0450300 - Inactive]"/>
        <member name="[CB - Account].[Account CB - Description].&amp;[0451001 - Power Revenue]"/>
        <member name="[CB - Account].[Account CB - Description].&amp;[0451100 - Misc Service Revenue]"/>
        <member name="[CB - Account].[Account CB - Description].&amp;[0451101 - Fixed Payment Termination Fee]"/>
        <member name="[CB - Account].[Account CB - Description].&amp;[0451102 - Fixed Pmt Term Fee-NonReg]"/>
        <member name="[CB - Account].[Account CB - Description].&amp;[0451105 - Miscellaneous Items - NonREg]"/>
        <member name="[CB - Account].[Account CB - Description].&amp;[0451200 - Generation Application Fee]"/>
        <member name="[CB - Account].[Account CB - Description].&amp;[0451400 - DETM-DENA Management Fees]"/>
        <member name="[CB - Account].[Account CB - Description].&amp;[0453625 - Intercompany Sales of Water]"/>
        <member name="[CB - Account].[Account CB - Description].&amp;[0454001 - Rent from Electric Prop - Nucl]"/>
        <member name="[CB - Account].[Account CB - Description].&amp;[0454002 - Rent - Lighting equipment]"/>
        <member name="[CB - Account].[Account CB - Description].&amp;[0454003 - Rent - Non-Lighting equipment]"/>
        <member name="[CB - Account].[Account CB - Description].&amp;[0454004 - Rent - Joint Use]"/>
        <member name="[CB - Account].[Account CB - Description].&amp;[0454005 - Rent - Transmission]"/>
        <member name="[CB - Account].[Account CB - Description].&amp;[0454100 - Extra-Facilities]"/>
        <member name="[CB - Account].[Account CB - Description].&amp;[0454105 - IC Other Elec Rents]"/>
        <member name="[CB - Account].[Account CB - Description].&amp;[0454110 - Inter-Connection-Cogeneration]"/>
        <member name="[CB - Account].[Account CB - Description].&amp;[0454175 - Other Lease Revenues]"/>
        <member name="[CB - Account].[Account CB - Description].&amp;[0454200 - Pole &amp; Line Attachments]"/>
        <member name="[CB - Account].[Account CB - Description].&amp;[0454300 - Tower Lease Revenues]"/>
        <member name="[CB - Account].[Account CB - Description].&amp;[0454400 - Other Electric Rents]"/>
        <member name="[CB - Account].[Account CB - Description].&amp;[0454401 - Other Electic Rents - Non-Reg]"/>
        <member name="[CB - Account].[Account CB - Description].&amp;[0454402 - Other Electric Rents-NonReg]"/>
        <member name="[CB - Account].[Account CB - Description].&amp;[0454404 - Oth. Elec Rent - Wholesale/JO]"/>
        <member name="[CB - Account].[Account CB - Description].&amp;[0454500 - Leased Facilities Fee-Catawba]"/>
        <member name="[CB - Account].[Account CB - Description].&amp;[0454510 - Rtn &amp; Dep-Joint-Owner Gen Plt]"/>
        <member name="[CB - Account].[Account CB - Description].&amp;[0454600 - Lease Revenue - CERT]"/>
        <member name="[CB - Account].[Account CB - Description].&amp;[0454601 - Other Miscellaneous Revenue]"/>
        <member name="[CB - Account].[Account CB - Description].&amp;[0454700 - Distribution Charge - Network]"/>
        <member name="[CB - Account].[Account CB - Description].&amp;[0454710 - Power Factor Penalty - Network]"/>
        <member name="[CB - Account].[Account CB - Description].&amp;[0454720 - Metering - Network]"/>
        <member name="[CB - Account].[Account CB - Description].&amp;[0455000 - Subsidiary Cost Of Capital]"/>
        <member name="[CB - Account].[Account CB - Description].&amp;[0456000 - Other Variable Revenues]"/>
        <member name="[CB - Account].[Account CB - Description].&amp;[0456001 - Other Variable Revenues-Reg]"/>
        <member name="[CB - Account].[Account CB - Description].&amp;[0456002 - DEMAND PROFILE PLOT CHARGE]"/>
        <member name="[CB - Account].[Account CB - Description].&amp;[0456003 - Retail Unbilled Revenue]"/>
        <member name="[CB - Account].[Account CB - Description].&amp;[0456004 - MAGNETIC TAPE PULSE DATA]"/>
        <member name="[CB - Account].[Account CB - Description].&amp;[0456005 - ELEC REV-COGEN/SMALL PWR PRO]"/>
        <member name="[CB - Account].[Account CB - Description].&amp;[0456006 - Muni Coty Tax Coll/Comm]"/>
        <member name="[CB - Account].[Account CB - Description].&amp;[0456007 - NITS ARP]"/>
        <member name="[CB - Account].[Account CB - Description].&amp;[0456008 - Jobs Retention Rider O/U]"/>
        <member name="[CB - Account].[Account CB - Description].&amp;[0456009 - EV Charging Revenues]"/>
        <member name="[CB - Account].[Account CB - Description].&amp;[0456016 - I/C Joint Disp - Trans NW Rev]"/>
        <member name="[CB - Account].[Account CB - Description].&amp;[0456025 - RSG Rev - MISO Make Whole]"/>
        <member name="[CB - Account].[Account CB - Description].&amp;[0456034 - IC Other Elect Revenue]"/>
        <member name="[CB - Account].[Account CB - Description].&amp;[0456035 - I/C Rev - RSG Makewhole]"/>
        <member name="[CB - Account].[Account CB - Description].&amp;[0456040 - Sales Use Tax Coll Fee]"/>
        <member name="[CB - Account].[Account CB - Description].&amp;[0456041 - Sales Use Tax Coll Fee-NonReg]"/>
        <member name="[CB - Account].[Account CB - Description].&amp;[0456050 - Transmission Study Revenue]"/>
        <member name="[CB - Account].[Account CB - Description].&amp;[0456055 - I/C NR Rev - RSG Makewhole]"/>
        <member name="[CB - Account].[Account CB - Description].&amp;[0456075 - Data Processing Service]"/>
        <member name="[CB - Account].[Account CB - Description].&amp;[0456100 - Profit Or Loss On Sale Of M&amp;S]"/>
        <member name="[CB - Account].[Account CB - Description].&amp;[0456101 - Other - Non Reg]"/>
        <member name="[CB - Account].[Account CB - Description].&amp;[0456102 - Distribution Charge - Network]"/>
        <member name="[CB - Account].[Account CB - Description].&amp;[0456103 - Metering  - Network]"/>
        <member name="[CB - Account].[Account CB - Description].&amp;[0456104 - Transmission Charge Network]"/>
        <member name="[CB - Account].[Account CB - Description].&amp;[0456105 - Sched, Sys Cntl, disp-network]"/>
        <member name="[CB - Account].[Account CB - Description].&amp;[0456106 - Reactive Pur/Volt Cntl Svc]"/>
        <member name="[CB - Account].[Account CB - Description].&amp;[0456107 - Regulation/Frequency response]"/>
        <member name="[CB - Account].[Account CB - Description].&amp;[0456108 - Op Res - Spinning Reserve]"/>
        <member name="[CB - Account].[Account CB - Description].&amp;[0456109 - Op Res - Supplimental Reserve]"/>
        <member name="[CB - Account].[Account CB - Description].&amp;[0456110 - Transmission Charge PTP]"/>
        <member name="[CB - Account].[Account CB - Description].&amp;[0456111 - Other Transmission Revenues]"/>
        <member name="[CB - Account].[Account CB - Description].&amp;[0456112 - G/L on Sale of Mands-NonReg]"/>
        <member name="[CB - Account].[Account CB - Description].&amp;[0456113 - Other Transmission Rev-NonReg]"/>
        <member name="[CB - Account].[Account CB - Description].&amp;[0456114 - PROD ANCILLARY SERV REV]"/>
        <member name="[CB - Account].[Account CB - Description].&amp;[0456115 - TRANSMISSION TARIFF REV]"/>
        <member name="[CB - Account].[Account CB - Description].&amp;[0456116 - PROD ANCILLARY SERV REV]"/>
        <member name="[CB - Account].[Account CB - Description].&amp;[0456117 - I/C WHEELING-TRANSMISSION-DUKE]"/>
        <member name="[CB - Account].[Account CB - Description].&amp;[0456118 - I/C REVENUE SHARING-DUKE]"/>
        <member name="[CB - Account].[Account CB - Description].&amp;[0456119 - I/C WHEELING-PROD ANC SER-DUKE]"/>
        <member name="[CB - Account].[Account CB - Description].&amp;[0456150 - Interest On Customer Loans-Nc]"/>
        <member name="[CB - Account].[Account CB - Description].&amp;[0456151 - Management Fees - Non- Reg]"/>
        <member name="[CB - Account].[Account CB - Description].&amp;[0456152 - Processing Fees - Non-Reg]"/>
        <member name="[CB - Account].[Account CB - Description].&amp;[0456153 - Other fee Income - Non Reg]"/>
        <member name="[CB - Account].[Account CB - Description].&amp;[0456160 - Interest On Customer Loans-Sc]"/>
        <member name="[CB - Account].[Account CB - Description].&amp;[0456191 - NC Unbilled Coal Inv Rev]"/>
        <member name="[CB - Account].[Account CB - Description].&amp;[0456192 - SC Unbilled Coal Inv Rev]"/>
        <member name="[CB - Account].[Account CB - Description].&amp;[0456200 - Wheeling Fee - Sepa]"/>
        <member name="[CB - Account].[Account CB - Description].&amp;[0456207 - Amortiz of Intag Ast-Rate Stab]"/>
        <member name="[CB - Account].[Account CB - Description].&amp;[0456210 - Wheeling Fee - Catawba]"/>
        <member name="[CB - Account].[Account CB - Description].&amp;[0456214 - Contra Rev-Convention Cntr]"/>
        <member name="[CB - Account].[Account CB - Description].&amp;[0456220 - Wheeling Fee - Cp&amp;L]"/>
        <member name="[CB - Account].[Account CB - Description].&amp;[0456300 - Comp For Serv Oth JointOwner]"/>
        <member name="[CB - Account].[Account CB - Description].&amp;[0456301 - Transmission Charge PTP]"/>
        <member name="[CB - Account].[Account CB - Description].&amp;[0456302 - RENEWABLES REC SALE REVENUE]"/>
        <member name="[CB - Account].[Account CB - Description].&amp;[0456310 - Rev-Reg Products &amp; Svcs]"/>
        <member name="[CB - Account].[Account CB - Description].&amp;[0456311 - Loss Compensation PTPNF]"/>
        <member name="[CB - Account].[Account CB - Description].&amp;[0456312 - Ash Revenue]"/>
        <member name="[CB - Account].[Account CB - Description].&amp;[0456319 - Loss Comp Contra PTPNF]"/>
        <member name="[CB - Account].[Account CB - Description].&amp;[0456321 - Sched Sys Cntl Disp PTPNF]"/>
        <member name="[CB - Account].[Account CB - Description].&amp;[0456330 - Reactpwr/Voltage Cntlsvcptpnf]"/>
        <member name="[CB - Account].[Account CB - Description].&amp;[0456339 - REACTPWR/VTGCTLSVCCONTRAPTPNF]"/>
        <member name="[CB - Account].[Account CB - Description].&amp;[0456340 - REGULATION&amp;FREQUESNCYRESPPTPNF]"/>
        <member name="[CB - Account].[Account CB - Description].&amp;[0456350 - ENERGYIMBALANCESVCEPTPNF]"/>
        <member name="[CB - Account].[Account CB - Description].&amp;[0456351 - Fuel Management Revenues]"/>
        <member name="[CB - Account].[Account CB - Description].&amp;[0456360 - OPERRESERVE-SPINNINGRESVPTPNF]"/>
        <member name="[CB - Account].[Account CB - Description].&amp;[0456370 - OPERRESERVE-SUPPLRESV-PTPNF]"/>
        <member name="[CB - Account].[Account CB - Description].&amp;[0456380 - OTHERS]"/>
        <member name="[CB - Account].[Account CB - Description].&amp;[0456381 - OTHERS CONTRA]"/>
        <member name="[CB - Account].[Account CB - Description].&amp;[0456390 - T&amp;LF Est Rev Cr-Other-WVPA]"/>
        <member name="[CB - Account].[Account CB - Description].&amp;[0456391 - T&amp;LF Est Rev Cr-Other-IMPA]"/>
        <member name="[CB - Account].[Account CB - Description].&amp;[0456392 - Jobs Retention Rider]"/>
        <member name="[CB - Account].[Account CB - Description].&amp;[0456400 - TRANSM_CHG_NET_PUR_ACCTG_ADJ]"/>
        <member name="[CB - Account].[Account CB - Description].&amp;[0456401 - TRANSMISSION CHARGE - PTPF]"/>
        <member name="[CB - Account].[Account CB - Description].&amp;[0456402 - Amortization of SC DSM]"/>
        <member name="[CB - Account].[Account CB - Description].&amp;[0456410 - Fish &amp; Wildlife Revenues]"/>
        <member name="[CB - Account].[Account CB - Description].&amp;[0456411 - LOSS COMPENSATION - PTPF]"/>
        <member name="[CB - Account].[Account CB - Description].&amp;[0456419 - LOSS COMP CONTRA PTPF]"/>
        <member name="[CB - Account].[Account CB - Description].&amp;[0456420 - Recreation Site Revenues]"/>
        <member name="[CB - Account].[Account CB - Description].&amp;[0456421 - SCHED, SYS CNTL, DISP - PTPF]"/>
        <member name="[CB - Account].[Account CB - Description].&amp;[0456430 - REACTIVEPWR/VOLTCNTLSVC PTPF]"/>
        <member name="[CB - Account].[Account CB - Description].&amp;[0456439 - REACTPWRT/VOLTCTLSVCCONTRA PTP]"/>
        <member name="[CB - Account].[Account CB - Description].&amp;[0456440 - REGULATION&amp;FREQUESNCYRESPPT]"/>
        <member name="[CB - Account].[Account CB - Description].&amp;[0456450 - ENERGYIMBALANCESVCEPTPF]"/>
        <member name="[CB - Account].[Account CB - Description].&amp;[0456460 - OPERRESERVE-SPINNINGRESV-PTPF]"/>
        <member name="[CB - Account].[Account CB - Description].&amp;[0456470 - OPERRESERVE-SUPPLRESV-PTPF]"/>
        <member name="[CB - Account].[Account CB - Description].&amp;[0456500 - Nc Unbilled Fuel Clause Rev]"/>
        <member name="[CB - Account].[Account CB - Description].&amp;[0456510 - Nc Unbilled Fuel Emf]"/>
        <member name="[CB - Account].[Account CB - Description].&amp;[0456520 - Nc Unbilled Fuel Emf Interest]"/>
        <member name="[CB - Account].[Account CB - Description].&amp;[0456528 - Lincoln CT Siemens Billing]"/>
        <member name="[CB - Account].[Account CB - Description].&amp;[0456530 - Sc Unbilled Fuel Clause Rev]"/>
        <member name="[CB - Account].[Account CB - Description].&amp;[0456540 - Wholesale Unbilled Fuel Clause]"/>
        <member name="[CB - Account].[Account CB - Description].&amp;[0456550 - Nantahala Unbilled Fuel Clause]"/>
        <member name="[CB - Account].[Account CB - Description].&amp;[0456560 - NC EE Deferred Revenue]"/>
        <member name="[CB - Account].[Account CB - Description].&amp;[0456570 - SC EE Deferred Revenue]"/>
        <member name="[CB - Account].[Account CB - Description].&amp;[0456580 - SC Pension Rider Rev]"/>
        <member name="[CB - Account].[Account CB - Description].&amp;[0456590 - BudAdj-Fuel]"/>
        <member name="[CB - Account].[Account CB - Description].&amp;[0456610 - Other Electric Revenues]"/>
        <member name="[CB - Account].[Account CB - Description].&amp;[0456611 - Other-NonReg]"/>
        <member name="[CB - Account].[Account CB - Description].&amp;[0456612 - EV Charging Station Rev]"/>
        <member name="[CB - Account].[Account CB - Description].&amp;[0456615 - Shared Solar - NC]"/>
        <member name="[CB - Account].[Account CB - Description].&amp;[0456616 - Shared Solar - SC]"/>
        <member name="[CB - Account].[Account CB - Description].&amp;[0456620 - Cp&amp;L Schedule J Agreement]"/>
        <member name="[CB - Account].[Account CB - Description].&amp;[0456630 - Gross Up-Contr In Aid Of Const]"/>
        <member name="[CB - Account].[Account CB - Description].&amp;[0456640 - Deferred Dsm Costs - Nc]"/>
        <member name="[CB - Account].[Account CB - Description].&amp;[0456650 - Deferred Dsm Costs - Sc]"/>
        <member name="[CB - Account].[Account CB - Description].&amp;[0456660 - Misc Nonjurisdictional Revenue]"/>
        <member name="[CB - Account].[Account CB - Description].&amp;[0456700 - Steam Sales Revenue]"/>
        <member name="[CB - Account].[Account CB - Description].&amp;[0456710 - LOSS COMPENSATION - NETWORK]"/>
        <member name="[CB - Account].[Account CB - Description].&amp;[0456720 - SCHED, SYS CNTL, DISP-NETWORK]"/>
        <member name="[CB - Account].[Account CB - Description].&amp;[0456730 - REACTIVE PUR/VOLT CNTL SVC]"/>
        <member name="[CB - Account].[Account CB - Description].&amp;[0456740 - REGULATION/FREQUENCY RESPONSE]"/>
        <member name="[CB - Account].[Account CB - Description].&amp;[0456750 - ENERGY IMBALANCE PLACE HOLDER]"/>
        <member name="[CB - Account].[Account CB - Description].&amp;[0456760 - OP RES - SPINNING RESERVE]"/>
        <member name="[CB - Account].[Account CB - Description].&amp;[0456770 - OP RES - SUPPLEMENTAL RESERVE]"/>
        <member name="[CB - Account].[Account CB - Description].&amp;[0456780 - TRANSMISSION DIRECT ASSGN CHG]"/>
        <member name="[CB - Account].[Account CB - Description].&amp;[0456800 - Other Elect Rev-R&amp;D Reimbursem]"/>
        <member name="[CB - Account].[Account CB - Description].&amp;[0456850 - Interco Svc Revenue w/10004]"/>
        <member name="[CB - Account].[Account CB - Description].&amp;[0456851 - Interco Svc Revenue w/10076]"/>
        <member name="[CB - Account].[Account CB - Description].&amp;[0456900 - Transmission Open Access-Firm]"/>
        <member name="[CB - Account].[Account CB - Description].&amp;[0456910 - Transmission Open Acc-Nonfirm]"/>
        <member name="[CB - Account].[Account CB - Description].&amp;[0456920 - Trans Open Acc-Short Term Firm]"/>
        <member name="[CB - Account].[Account CB - Description].&amp;[0456930 - Tariff Sys Impact - Revenue]"/>
        <member name="[CB - Account].[Account CB - Description].&amp;[0456940 - Interco Svc Rev - Elect Trans]"/>
        <member name="[CB - Account].[Account CB - Description].&amp;[0456941 - Interco Rev w/Elect Trans]"/>
        <member name="[CB - Account].[Account CB - Description].&amp;[0456942 - Disposal of Investment]"/>
        <member name="[CB - Account].[Account CB - Description].&amp;[0456943 - Royalty Revenue]"/>
        <member name="[CB - Account].[Account CB - Description].&amp;[0456944 - Management Fees]"/>
        <member name="[CB - Account].[Account CB - Description].&amp;[0456945 - Processing Fees]"/>
        <member name="[CB - Account].[Account CB - Description].&amp;[0456946 - Int Income Financial Services]"/>
        <member name="[CB - Account].[Account CB - Description].&amp;[0456947 - Other Fee Income]"/>
        <member name="[CB - Account].[Account CB - Description].&amp;[0456948 - Lease Income]"/>
        <member name="[CB - Account].[Account CB - Description].&amp;[0456949 - Other Revenue Affiliate]"/>
        <member name="[CB - Account].[Account CB - Description].&amp;[0456950 - PROCESSING FEES AFFILIATE]"/>
        <member name="[CB - Account].[Account CB - Description].&amp;[0456951 - MGMT Fee G&amp;A INC (Tax only)]"/>
        <member name="[CB - Account].[Account CB - Description].&amp;[0456952 - Realized Gain on Eq. Trades]"/>
        <member name="[CB - Account].[Account CB - Description].&amp;[0456953 - Unrealized Gain on Eq Trades]"/>
        <member name="[CB - Account].[Account CB - Description].&amp;[0456954 - Realized Gain on Fin Trades]"/>
        <member name="[CB - Account].[Account CB - Description].&amp;[0456955 - Unrealized Gain on Fin Trades]"/>
        <member name="[CB - Account].[Account CB - Description].&amp;[0456956 - MGMT FEE OPEX INC (Tax only)]"/>
        <member name="[CB - Account].[Account CB - Description].&amp;[0456957 - IC Insurance Revenue]"/>
        <member name="[CB - Account].[Account CB - Description].&amp;[0456958 - Interco Lease Revenue]"/>
        <member name="[CB - Account].[Account CB - Description].&amp;[0456960 - Trans Rev Rtl Switcher - EC]"/>
        <member name="[CB - Account].[Account CB - Description].&amp;[0456970 - Wheel Transmission Rev - ED]"/>
        <member name="[CB - Account].[Account CB - Description].&amp;[0456975 - I/C Transmission Revenue]"/>
        <member name="[CB - Account].[Account CB - Description].&amp;[0456976 - IC Wheel-Transmission-Duke]"/>
        <member name="[CB - Account].[Account CB - Description].&amp;[0456977 - IC Wheel Prod Ancil Serv-Duke]"/>
        <member name="[CB - Account].[Account CB - Description].&amp;[0456978 - IC Revenue Sharing-Duke]"/>
        <member name="[CB - Account].[Account CB - Description].&amp;[0456980 - Wheel Transmission Rev - EC]"/>
        <member name="[CB - Account].[Account CB - Description].&amp;[0456981 - Wheel Transmission EC-NonReg]"/>
        <member name="[CB - Account].[Account CB - Description].&amp;[0457010 - Rev-Svc Co-Direct to Affil]"/>
        <member name="[CB - Account].[Account CB - Description].&amp;[0457020 - Rev-Svc Co-Indirect Costs]"/>
        <member name="[CB - Account].[Account CB - Description].&amp;[0457100 - SC Direct PT Offset]"/>
        <member name="[CB - Account].[Account CB - Description].&amp;[0457101 - SC Direct A&amp;G Offst]"/>
        <member name="[CB - Account].[Account CB - Description].&amp;[0457102 - SC Direct O&amp;M Offst]"/>
        <member name="[CB - Account].[Account CB - Description].&amp;[0457103 - SC Dir Op Rev Ofst]"/>
        <member name="[CB - Account].[Account CB - Description].&amp;[0457104 - SC Direct PT Offst]"/>
        <member name="[CB - Account].[Account CB - Description].&amp;[0457105 - Scheduling &amp; Dispatch Revenues]"/>
        <member name="[CB - Account].[Account CB - Description].&amp;[0457106 - PPE Impair Offset]"/>
        <member name="[CB - Account].[Account CB - Description].&amp;[0457200 - SC Indirect PT Offst]"/>
        <member name="[CB - Account].[Account CB - Description].&amp;[0457201 - SC Indirect A&amp;G Ofst]"/>
        <member name="[CB - Account].[Account CB - Description].&amp;[0457202 - SC Indirect O&amp;M Ofst]"/>
        <member name="[CB - Account].[Account CB - Description].&amp;[0457203 - SC Indr Op Rev Offst]"/>
        <member name="[CB - Account].[Account CB - Description].&amp;[0457204 - PJM Reactive Rev]"/>
        <member name="[CB - Account].[Account CB - Description].&amp;[0457300 - Alloc Employee Bnfts Offst]"/>
        <member name="[CB - Account].[Account CB - Description].&amp;[0457301 - SC Ind Intrst Offset]"/>
        <member name="[CB - Account].[Account CB - Description].&amp;[0457801 - SC Indr G/L Offset]"/>
        <member name="[CB - Account].[Account CB - Description].&amp;[0457900 - Allocated Depred Exp Offset]"/>
        <member name="[CB - Account].[Account CB - Description].&amp;[0457981 - Rev-Reclass to Funct Exp Accts]"/>
        <member name="[CB - Account].[Account CB - Description].&amp;[0457982 - Rev-Reclass O&amp;M Labor &amp;Non Lbr]"/>
        <member name="[CB - Account].[Account CB - Description].&amp;[0457983 - Rev-Reclass A&amp;G]"/>
        <member name="[CB - Account].[Account CB - Description].&amp;[0457984 - Rev-Reclass Benefits]"/>
        <member name="[CB - Account].[Account CB - Description].&amp;[0457985 - Rev-Reclass Prop Oth Taxes]"/>
        <member name="[CB - Account].[Account CB - Description].&amp;[0457986 - ALLOCATED FUEL REVENUE OFFSET]"/>
        <member name="[CB - Account].[Account CB - Description].&amp;[0457987 - ALLOC DEPREC/AMORT REV OFFSET]"/>
        <member name="[CB - Account].[Account CB - Description].&amp;[0457988 - ALLOCATED OTHER INC/EXP OFFSET]"/>
        <member name="[CB - Account].[Account CB - Description].&amp;[0457989 - Svc Co Rev Elim]"/>
        <member name="[CB - Account].[Account CB - Description].&amp;[0457991 - ALLOC 3RD PARTY INT INC OFFSET]"/>
        <member name="[CB - Account].[Account CB - Description].&amp;[0457992 - ALLOC INTERCO INT INC OFFSET]"/>
        <member name="[CB - Account].[Account CB - Description].&amp;[0457993 - ALLOC INT EXP OFFSET]"/>
        <member name="[CB - Account].[Account CB - Description].&amp;[0457994 - ALLOC INC TAXES OFFSET]"/>
        <member name="[CB - Account].[Account CB - Description].&amp;[0461000 - Commodity Revenue]"/>
        <member name="[CB - Account].[Account CB - Description].&amp;[0466000 - Commodity Purchase]"/>
        <member name="[CB - Account].[Account CB - Description].&amp;[0466100 - Commodity Secondary Costs]"/>
        <member name="[CB - Account].[Account CB - Description].&amp;[0466105 - Comm Realized Reserves]"/>
        <member name="[CB - Account].[Account CB - Description].&amp;[0466500 - Derivative Purchase]"/>
        <member name="[CB - Account].[Account CB - Description].&amp;[0466505 - Derivative Realized Reserves]"/>
        <member name="[CB - Account].[Account CB - Description].&amp;[0466510 - DERIVATIVE REALIZED RISK ALLOC]"/>
        <member name="[CB - Account].[Account CB - Description].&amp;[0470000 - Gas Transport Rev Actuals]"/>
        <member name="[CB - Account].[Account CB - Description].&amp;[0470001 - IUB Gas Transport Rev Est]"/>
        <member name="[CB - Account].[Account CB - Description].&amp;[0470002 - IUB Mkt Schldg Coordinate Rev]"/>
        <member name="[CB - Account].[Account CB - Description].&amp;[0470010 - IUB Gas Sales Tax Rev Actual]"/>
        <member name="[CB - Account].[Account CB - Description].&amp;[0471000 - Interco Derivative Liquid Sale]"/>
        <member name="[CB - Account].[Account CB - Description].&amp;[0471001 - 3rd Party Deriv Liquid Sales]"/>
        <member name="[CB - Account].[Account CB - Description].&amp;[0475000 - LPG Sales]"/>
        <member name="[CB - Account].[Account CB - Description].&amp;[0480000 - Residential Sales-Gas]"/>
        <member name="[CB - Account].[Account CB - Description].&amp;[0480001 - Sales of Gas-Res CNG Cust Comp]"/>
        <member name="[CB - Account].[Account CB - Description].&amp;[0480990 - Gas Residential Sales-Unbilled]"/>
        <member name="[CB - Account].[Account CB - Description].&amp;[0481000 - Industrial Sales-Gas]"/>
        <member name="[CB - Account].[Account CB - Description].&amp;[0481001 - Sales of Gas-Ind CNG Cust Comp]"/>
        <member name="[CB - Account].[Account CB - Description].&amp;[0481002 - Power Generation Rev - Sales]"/>
        <member name="[CB - Account].[Account CB - Description].&amp;[0481090 - Gas Industrial Sales Unbilled]"/>
        <member name="[CB - Account].[Account CB - Description].&amp;[0481200 - Gas Commercial Sales]"/>
        <member name="[CB - Account].[Account CB - Description].&amp;[0481201 - Sales of Gas-Commercial Value]"/>
        <member name="[CB - Account].[Account CB - Description].&amp;[0481202 - Sales of Gas - CNG]"/>
        <member name="[CB - Account].[Account CB - Description].&amp;[0481203 - CNG Volume Rebate]"/>
        <member name="[CB - Account].[Account CB - Description].&amp;[0481204 - Sales Of Gas-Commercial Stand]"/>
        <member name="[CB - Account].[Account CB - Description].&amp;[0481205 - Sales of Gas-NGV billed-S2K]"/>
        <member name="[CB - Account].[Account CB - Description].&amp;[0481206 - Sales of Gas-Comm CNG PNG Comp]"/>
        <member name="[CB - Account].[Account CB - Description].&amp;[0481207 - Sales of Gas-Comm CNG CustComp]"/>
        <member name="[CB - Account].[Account CB - Description].&amp;[0481290 - Gas Commercial Sales Unbilled]"/>
        <member name="[CB - Account].[Account CB - Description].&amp;[0482000 - Other Sales to Public Auth-Gas]"/>
        <member name="[CB - Account].[Account CB - Description].&amp;[0482090 - Gas OPA Unbilled]"/>
        <member name="[CB - Account].[Account CB - Description].&amp;[0482200 - Gas Public St Hwy Ltng]"/>
        <member name="[CB - Account].[Account CB - Description].&amp;[0483000 - Gas Sales]"/>
        <member name="[CB - Account].[Account CB - Description].&amp;[0483001 - Contra Gas Sale Intra BU]"/>
        <member name="[CB - Account].[Account CB - Description].&amp;[0483002 - Natural Gas Sales]"/>
        <member name="[CB - Account].[Account CB - Description].&amp;[0483003 - Natural Gas Sales-Affiliates]"/>
        <member name="[CB - Account].[Account CB - Description].&amp;[0483004 - Gas Sales Duke Soln]"/>
        <member name="[CB - Account].[Account CB - Description].&amp;[0483005 - Gas Sales for Resale - DETM]"/>
        <member name="[CB - Account].[Account CB - Description].&amp;[0483006 - Refined Products Sales]"/>
        <member name="[CB - Account].[Account CB - Description].&amp;[0483007 - HEDGING (GAIN) LOSS-GAS SALES]"/>
        <member name="[CB - Account].[Account CB - Description].&amp;[0483008 - NG Sales - DEGT only]"/>
        <member name="[CB - Account].[Account CB - Description].&amp;[0483010 - Natural Gas Marketing Sales]"/>
        <member name="[CB - Account].[Account CB - Description].&amp;[0483011 - Sales Of Gas-For Resale]"/>
        <member name="[CB - Account].[Account CB - Description].&amp;[0483015 - Sale Gas Related Pty]"/>
        <member name="[CB - Account].[Account CB - Description].&amp;[0483016 - RPT Sales Gas &amp; NGL - COP]"/>
        <member name="[CB - Account].[Account CB - Description].&amp;[0483017 - RPT Sales Gas &amp; NGL other]"/>
        <member name="[CB - Account].[Account CB - Description].&amp;[0483099 - Gas Rev Contra EITF 02-03]"/>
        <member name="[CB - Account].[Account CB - Description].&amp;[0483101 - GAS SALES ESTIMATE]"/>
        <member name="[CB - Account].[Account CB - Description].&amp;[0483111 - Sale Gas TM Related Pty]"/>
        <member name="[CB - Account].[Account CB - Description].&amp;[0483200 - Transport. of Gas - For Resale]"/>
        <member name="[CB - Account].[Account CB - Description].&amp;[0484000 - Interdepartmental Sales]"/>
        <member name="[CB - Account].[Account CB - Description].&amp;[0485000 - Crude Oil Sales]"/>
        <member name="[CB - Account].[Account CB - Description].&amp;[0487001 - Discounts Earn/Lost-Gas]"/>
        <member name="[CB - Account].[Account CB - Description].&amp;[0487002 - Discounts Earn/Loss - Reg Gas]"/>
        <member name="[CB - Account].[Account CB - Description].&amp;[0487003 - Discounts Earn/Lost-NonReg]"/>
        <member name="[CB - Account].[Account CB - Description].&amp;[0488000 - Misc Service Revenue-Gas]"/>
        <member name="[CB - Account].[Account CB - Description].&amp;[0488001 - Miscellaneous Svc Rev-Reg Gas]"/>
        <member name="[CB - Account].[Account CB - Description].&amp;[0488100 - IC Misc Svc Reg Gas Reg]"/>
        <member name="[CB - Account].[Account CB - Description].&amp;[0488101 - I/C Gas Revenue]"/>
        <member name="[CB - Account].[Account CB - Description].&amp;[0488501 - Ft Bragg Utility Svc  Charge]"/>
        <member name="[CB - Account].[Account CB - Description].&amp;[0489000 - Transp Gas of Others]"/>
        <member name="[CB - Account].[Account CB - Description].&amp;[0489001 - Indus Transp CNG Cust Comp]"/>
        <member name="[CB - Account].[Account CB - Description].&amp;[0489002 - Power Gen Rev - Transportation]"/>
        <member name="[CB - Account].[Account CB - Description].&amp;[0489010 - IC Gas Transp Rev Reg]"/>
        <member name="[CB - Account].[Account CB - Description].&amp;[0489012 - Residential Gas Transp]"/>
        <member name="[CB - Account].[Account CB - Description].&amp;[0489015 - Res Gas Transp Unbilled]"/>
        <member name="[CB - Account].[Account CB - Description].&amp;[0489020 - Comm Gas Transp Only]"/>
        <member name="[CB - Account].[Account CB - Description].&amp;[0489025 - Comm Gas Transp Unbilled]"/>
        <member name="[CB - Account].[Account CB - Description].&amp;[0489030 - Indust Gas Transp Only]"/>
        <member name="[CB - Account].[Account CB - Description].&amp;[0489035 - Indust Gas Transp Unbilled]"/>
        <member name="[CB - Account].[Account CB - Description].&amp;[0489040 - OPA Gas Transp Only]"/>
        <member name="[CB - Account].[Account CB - Description].&amp;[0489045 - OPA Gas Transp Unbilled]"/>
        <member name="[CB - Account].[Account CB - Description].&amp;[0489100 - Rev Transport-Gathering]"/>
        <member name="[CB - Account].[Account CB - Description].&amp;[0489105 - Transportaion  Fees- Non-Reg]"/>
        <member name="[CB - Account].[Account CB - Description].&amp;[0489200 - Transportation Fees]"/>
        <member name="[CB - Account].[Account CB - Description].&amp;[0489201 - Transportation Fees-Affiliates]"/>
        <member name="[CB - Account].[Account CB - Description].&amp;[0489202 - S Georgia Amort]"/>
        <member name="[CB - Account].[Account CB - Description].&amp;[0489203 - Revenue-Tran sm-Neg Rates]"/>
        <member name="[CB - Account].[Account CB - Description].&amp;[0489204 - Transportation Revenue I/C Con]"/>
        <member name="[CB - Account].[Account CB - Description].&amp;[0489205 - Interco Transportation Revenue]"/>
        <member name="[CB - Account].[Account CB - Description].&amp;[0489206 - Revenue-Tran_neg Rates-I/C]"/>
        <member name="[CB - Account].[Account CB - Description].&amp;[0489207 - Transport Related Pty]"/>
        <member name="[CB - Account].[Account CB - Description].&amp;[0489208 - RPT Transportation - COP]"/>
        <member name="[CB - Account].[Account CB - Description].&amp;[0489209 - RPT Transportation - Other]"/>
        <member name="[CB - Account].[Account CB - Description].&amp;[0489215 - Storage Fees - Affiliates -Non]"/>
        <member name="[CB - Account].[Account CB - Description].&amp;[0489300 - Distribution Rev - 3rd Party]"/>
        <member name="[CB - Account].[Account CB - Description].&amp;[0489301 - Distribution Rev - DEGT only]"/>
        <member name="[CB - Account].[Account CB - Description].&amp;[0489350 - Public St Hwy Ltng Transp Gas]"/>
        <member name="[CB - Account].[Account CB - Description].&amp;[0489400 - Storage Fees]"/>
        <member name="[CB - Account].[Account CB - Description].&amp;[0489401 - Intercompany Storage Revenues]"/>
        <member name="[CB - Account].[Account CB - Description].&amp;[0489402 - Storage Revenue I/C Contra]"/>
        <member name="[CB - Account].[Account CB - Description].&amp;[0489403 - Storage Fees - Non Reg gas]"/>
        <member name="[CB - Account].[Account CB - Description].&amp;[0490000 - NGL Sales]"/>
        <member name="[CB - Account].[Account CB - Description].&amp;[0490001 - NGL Sales-Affiliates]"/>
        <member name="[CB - Account].[Account CB - Description].&amp;[0490002 - Coal Sales]"/>
        <member name="[CB - Account].[Account CB - Description].&amp;[0490003 - LIQUID REVENUE  - IOWA]"/>
        <member name="[CB - Account].[Account CB - Description].&amp;[0490005 - NGL Sales -Affiliates_Reg Gas]"/>
        <member name="[CB - Account].[Account CB - Description].&amp;[0490010 - Sale Liquid Related Pty]"/>
        <member name="[CB - Account].[Account CB - Description].&amp;[0490011 - Hedging Gain(Loss) - NGL Sales]"/>
        <member name="[CB - Account].[Account CB - Description].&amp;[0491000 - Liquid Revenue - Venice]"/>
        <member name="[CB - Account].[Account CB - Description].&amp;[0491001 - Rev Gas Proc By Oth-Royal]"/>
        <member name="[CB - Account].[Account CB - Description].&amp;[0491002 - Liquids Sales I/C Contra]"/>
        <member name="[CB - Account].[Account CB - Description].&amp;[0491003 - Gas Processing Hedge]"/>
        <member name="[CB - Account].[Account CB - Description].&amp;[0491004 - LIQUID REVENUE  - VENICE PLT]"/>
        <member name="[CB - Account].[Account CB - Description].&amp;[0491005 - GAS PROC BY OTHER - ROYAL]"/>
        <member name="[CB - Account].[Account CB - Description].&amp;[0491006 - LIQUID REVENUE - WILCOX]"/>
        <member name="[CB - Account].[Account CB - Description].&amp;[0491007 - GAS PROCESS HEDGE]"/>
        <member name="[CB - Account].[Account CB - Description].&amp;[0491008 - FAS 133 - INEFFECTINESS]"/>
        <member name="[CB - Account].[Account CB - Description].&amp;[0492001 - Oakford/Leidy Incidental Gasol]"/>
        <member name="[CB - Account].[Account CB - Description].&amp;[0492002 - Other Operating Rev -DEGT only]"/>
        <member name="[CB - Account].[Account CB - Description].&amp;[0492003 - PIPELINE DRIP SALES]"/>
        <member name="[CB - Account].[Account CB - Description].&amp;[0492004 - Venice- Condensate Revenue]"/>
        <member name="[CB - Account].[Account CB - Description].&amp;[0492005 - Other Interco Revenue-Nonreg]"/>
        <member name="[CB - Account].[Account CB - Description].&amp;[0493000 - Rent From Gas Properties]"/>
        <member name="[CB - Account].[Account CB - Description].&amp;[0493001 - Rent from Gas Props Non-Reg]"/>
        <member name="[CB - Account].[Account CB - Description].&amp;[0493010 - Rent from Gas Properties-IC]"/>
        <member name="[CB - Account].[Account CB - Description].&amp;[0494000 - Rents/Capsoft-Amt]"/>
        <member name="[CB - Account].[Account CB - Description].&amp;[0494001 - Other Oper Rev Rents I/C Contr]"/>
        <member name="[CB - Account].[Account CB - Description].&amp;[0494100 - I/C OPER. RENT REVENUE]"/>
        <member name="[CB - Account].[Account CB - Description].&amp;[0495000 - Fertilizer Sales]"/>
        <member name="[CB - Account].[Account CB - Description].&amp;[0495001 - Interco Rev/Exp - DEI BU Only]"/>
        <member name="[CB - Account].[Account CB - Description].&amp;[0495002 - Oth Gas Rev-Liquifi-Louis]"/>
        <member name="[CB - Account].[Account CB - Description].&amp;[0495003 - Flw Thr Adj-Cash Out Exp-Dips]"/>
        <member name="[CB - Account].[Account CB - Description].&amp;[0495004 - Cashout Revenue]"/>
        <member name="[CB - Account].[Account CB - Description].&amp;[0495005 - Imbalance Penalties]"/>
        <member name="[CB - Account].[Account CB - Description].&amp;[0495006 - Scheduling Penalties]"/>
        <member name="[CB - Account].[Account CB - Description].&amp;[0495007 - Revenue-Gas Sales-Ptms]"/>
        <member name="[CB - Account].[Account CB - Description].&amp;[0495008 - Misc Revenue-Mgt Fee]"/>
        <member name="[CB - Account].[Account CB - Description].&amp;[0495009 - Oth Gas Revenue-Misc]"/>
        <member name="[CB - Account].[Account CB - Description].&amp;[0495010 - Other Gas Rev-Stg Serv]"/>
        <member name="[CB - Account].[Account CB - Description].&amp;[0495011 - Other Revenue - Cashout Rev]"/>
        <member name="[CB - Account].[Account CB - Description].&amp;[0495012 - Other Operating Rev I/C Contra]"/>
        <member name="[CB - Account].[Account CB - Description].&amp;[0495013 - Cashout Revenue-I/C]"/>
        <member name="[CB - Account].[Account CB - Description].&amp;[0495014 - Other Rev-Liquids]"/>
        <member name="[CB - Account].[Account CB - Description].&amp;[0495015 - LNG STORAGE REVENUE]"/>
        <member name="[CB - Account].[Account CB - Description].&amp;[0495016 - OTHER REV-BILLED TO OTHERS]"/>
        <member name="[CB - Account].[Account CB - Description].&amp;[0495017 - Other Revenue - Related Party]"/>
        <member name="[CB - Account].[Account CB - Description].&amp;[0495018 - Other Revenue Billed to Others]"/>
        <member name="[CB - Account].[Account CB - Description].&amp;[0495020 - Captive Revenue BL Interco-Non]"/>
        <member name="[CB - Account].[Account CB - Description].&amp;[0495021 - Sales Use Tax Collect Fee]"/>
        <member name="[CB - Account].[Account CB - Description].&amp;[0495022 - Com Sales to Transport Cust]"/>
        <member name="[CB - Account].[Account CB - Description].&amp;[0495023 - Ind Sales to Transport Cust]"/>
        <member name="[CB - Account].[Account CB - Description].&amp;[0495024 - Secondary Market Sales]"/>
        <member name="[CB - Account].[Account CB - Description].&amp;[0495030 - Captive Revenue BI Interco]"/>
        <member name="[CB - Account].[Account CB - Description].&amp;[0495031 - Gas Losses Damaged Lines]"/>
        <member name="[CB - Account].[Account CB - Description].&amp;[0495100 - I/C INS. PREMIUMS EARNED]"/>
        <member name="[CB - Account].[Account CB - Description].&amp;[0496017 - Provision for Rate Refunds]"/>
        <member name="[CB - Account].[Account CB - Description].&amp;[0496020 - Provision for rate refund - Ta]"/>
        <member name="[CB - Account].[Account CB - Description].&amp;[0496021 - Provision for rate refund - Ta]"/>
        <member name="[CB - Account].[Account CB - Description].&amp;[0496022 - Provision for rate refund - Ta]"/>
        <member name="[CB - Account].[Account CB - Description].&amp;[0496023 - Provision for rate refund - Ta]"/>
        <member name="[CB - Account].[Account CB - Description].&amp;[0496024 - Provision for rate refund - Ta]"/>
        <member name="[CB - Account].[Account CB - Description].&amp;[0496025 - Provision for rate refund - Ta]"/>
        <member name="[CB - Account].[Account CB - Description].&amp;[0496026 - Provision for rate refund - Ta]"/>
        <member name="[CB - Account].[Account CB - Description].&amp;[0500001 - TEST]"/>
        <member name="[CB - Account].[Account CB - Description].&amp;[0500005 - Suprv&amp;Engrg-Steam Oper I/C]"/>
        <member name="[CB - Account].[Account CB - Description].&amp;[0501000 - Operating Expenses]"/>
        <member name="[CB - Account].[Account CB - Description].&amp;[0501001 - Repairs and Maintenance Expens]"/>
        <member name="[CB - Account].[Account CB - Description].&amp;[0501002 - Operating Expense Affiliate]"/>
        <member name="[CB - Account].[Account CB - Description].&amp;[0501003 - Gas Transport Exp Actuals]"/>
        <member name="[CB - Account].[Account CB - Description].&amp;[0501004 - Gas Transport Exp Est]"/>
        <member name="[CB - Account].[Account CB - Description].&amp;[0501005 - IUB Mkt Schldg Coordinate Exp]"/>
        <member name="[CB - Account].[Account CB - Description].&amp;[0501006 - Reins_Prem_Exp_Affiliate]"/>
        <member name="[CB - Account].[Account CB - Description].&amp;[0501007 - Beneficial Reuse - Coal Ash]"/>
        <member name="[CB - Account].[Account CB - Description].&amp;[0501008 - Contra Fuel Exp BR Ash - SC]"/>
        <member name="[CB - Account].[Account CB - Description].&amp;[0501009 - Contra Fuel Exp BR Ash - W/S]"/>
        <member name="[CB - Account].[Account CB - Description].&amp;[0501010 - Fuel Expense-CT]"/>
        <member name="[CB - Account].[Account CB - Description].&amp;[0501011 - Fuels Realized Deriv]"/>
        <member name="[CB - Account].[Account CB - Description].&amp;[0501012 - Fuel Synergies]"/>
        <member name="[CB - Account].[Account CB - Description].&amp;[0501013 - Natural Gas Purchases]"/>
        <member name="[CB - Account].[Account CB - Description].&amp;[0501014 - I/C Natural Gas Purchases]"/>
        <member name="[CB - Account].[Account CB - Description].&amp;[0501015 - Contra Fuel Exp BR Ash - NCR]"/>
        <member name="[CB - Account].[Account CB - Description].&amp;[0501016 - I/C Joint Dsp - Fuel Synergies]"/>
        <member name="[CB - Account].[Account CB - Description].&amp;[0501021 - IC Fuels Realized Deriv]"/>
        <member name="[CB - Account].[Account CB - Description].&amp;[0501110 - Coal Consumed-Fossil Steam]"/>
        <member name="[CB - Account].[Account CB - Description].&amp;[0501111 - Merger Mitigation Fuel - Coal]"/>
        <member name="[CB - Account].[Account CB - Description].&amp;[0501120 - Coal Consumed-Combined Cycle]"/>
        <member name="[CB - Account].[Account CB - Description].&amp;[0501121 - Fuels Unrealized MTM Gain]"/>
        <member name="[CB - Account].[Account CB - Description].&amp;[0501122 - Fuels Unrealized MTM Loss]"/>
        <member name="[CB - Account].[Account CB - Description].&amp;[0501128 - Fuels Unrealized MTM IC Gain]"/>
        <member name="[CB - Account].[Account CB - Description].&amp;[0501129 - Fuels Unrealized IC MTM Loss]"/>
        <member name="[CB - Account].[Account CB - Description].&amp;[0501130 - Coal Inventory Adjustment]"/>
        <member name="[CB - Account].[Account CB - Description].&amp;[0501140 - Coal Light-Off]"/>
        <member name="[CB - Account].[Account CB - Description].&amp;[0501160 - Coal Sampling &amp; Testing]"/>
        <member name="[CB - Account].[Account CB - Description].&amp;[0501170 - Coal Consumed - Reimbursement]"/>
        <member name="[CB - Account].[Account CB - Description].&amp;[0501181 - Contra Fuel Exp Pond Ash - SC]"/>
        <member name="[CB - Account].[Account CB - Description].&amp;[0501182 - Contra Fuel Exp Pond Ash - W/S]"/>
        <member name="[CB - Account].[Account CB - Description].&amp;[0501200 - Coal Consumed Purch Acctg Adj]"/>
        <member name="[CB - Account].[Account CB - Description].&amp;[0501210 - Biomass Consumption Expense]"/>
        <member name="[CB - Account].[Account CB - Description].&amp;[0501222 - Test Fuel Consumed]"/>
        <member name="[CB - Account].[Account CB - Description].&amp;[0501223 - Test Wood Consumed]"/>
        <member name="[CB - Account].[Account CB - Description].&amp;[0501224 - NC Incremental Renwable Fuel]"/>
        <member name="[CB - Account].[Account CB - Description].&amp;[0501230 - Natural Gas Handling]"/>
        <member name="[CB - Account].[Account CB - Description].&amp;[0501260 - Natural Gas Light-Off - Fossil]"/>
        <member name="[CB - Account].[Account CB - Description].&amp;[0501310 - Oil Consumed-Fossil Steam]"/>
        <member name="[CB - Account].[Account CB - Description].&amp;[0501330 - Oil Light-Off - Fossil Steam]"/>
        <member name="[CB - Account].[Account CB - Description].&amp;[0501350 - Oil Handling Expense]"/>
        <member name="[CB - Account].[Account CB - Description].&amp;[0501360 - Management Fee Exp (Tax only)]"/>
        <member name="[CB - Account].[Account CB - Description].&amp;[0501361 - Management Fee Exp (Tax only)]"/>
        <member name="[CB - Account].[Account CB - Description].&amp;[0501400 - Fossil Steam Fuel - Ash Sales]"/>
        <member name="[CB - Account].[Account CB - Description].&amp;[0501501 - Fuel Procurement and Handling]"/>
        <member name="[CB - Account].[Account CB - Description].&amp;[0501503 - Ash Revenue - exp offset]"/>
        <member name="[CB - Account].[Account CB - Description].&amp;[0501506 - Residual Disposal Costs I/C]"/>
        <member name="[CB - Account].[Account CB - Description].&amp;[0501996 - Fuel Expense]"/>
        <member name="[CB - Account].[Account CB - Description].&amp;[0501998 - Fuel Expense-Purch Acctg]"/>
        <member name="[CB - Account].[Account CB - Description].&amp;[0502010 - Ammonia Expense]"/>
        <member name="[CB - Account].[Account CB - Description].&amp;[0502021 - Steam Exp-Transp/Handl Exp]"/>
        <member name="[CB - Account].[Account CB - Description].&amp;[0502030 - Urea - Qualifying]"/>
        <member name="[CB - Account].[Account CB - Description].&amp;[0502041 - Gypsum Rev - exp offset]"/>
        <member name="[CB - Account].[Account CB - Description].&amp;[0502042 - Reagents &amp; ByProducts -Mitigat]"/>
        <member name="[CB - Account].[Account CB - Description].&amp;[0502050 - Diabasic Acid - Qualifying]"/>
        <member name="[CB - Account].[Account CB - Description].&amp;[0502051 - Limestone Handling]"/>
        <member name="[CB - Account].[Account CB - Description].&amp;[0502060 - Soda Ash - Qualifying]"/>
        <member name="[CB - Account].[Account CB - Description].&amp;[0502070 - Gypsum - Qualifying]"/>
        <member name="[CB - Account].[Account CB - Description].&amp;[0502080 - Mag Hydroxide Qualifying Reag]"/>
        <member name="[CB - Account].[Account CB - Description].&amp;[0502081 - Trona Expense - Reagent]"/>
        <member name="[CB - Account].[Account CB - Description].&amp;[0502082 - Re-emission Chem Exp - Reagent]"/>
        <member name="[CB - Account].[Account CB - Description].&amp;[0502083 - Activated Carbon Exp - Reagent]"/>
        <member name="[CB - Account].[Account CB - Description].&amp;[0502084 - Calcium Bromide Exp - Reagent]"/>
        <member name="[CB - Account].[Account CB - Description].&amp;[0502090 - Calcium Carbonate]"/>
        <member name="[CB - Account].[Account CB - Description].&amp;[0502102 - BTL Mitigation Sharing]"/>
        <member name="[CB - Account].[Account CB - Description].&amp;[0502150 - Reagents - Refined Coal]"/>
        <member name="[CB - Account].[Account CB - Description].&amp;[0502160 - Reagent Synergy Savings]"/>
        <member name="[CB - Account].[Account CB - Description].&amp;[0502161 - By-Product Synergy Savings]"/>
        <member name="[CB - Account].[Account CB - Description].&amp;[0502170 - I/C Joint Disp - Gas Desk Svgs]"/>
        <member name="[CB - Account].[Account CB - Description].&amp;[0502200 - Laboratory Operations]"/>
        <member name="[CB - Account].[Account CB - Description].&amp;[0502300 - STEAM OPER-CAUSTIC-FL]"/>
        <member name="[CB - Account].[Account CB - Description].&amp;[0502400 - Fossil Steam Exp - Recoverable]"/>
        <member name="[CB - Account].[Account CB - Description].&amp;[0504000 - Steam Transferred-Credit]"/>
        <member name="[CB - Account].[Account CB - Description].&amp;[0506100 - Operating Expenses - Dover]"/>
        <member name="[CB - Account].[Account CB - Description].&amp;[0506200 - Operating Expense]"/>
        <member name="[CB - Account].[Account CB - Description].&amp;[0506208 - ASSET IMPAIRMENT - OPERATING]"/>
        <member name="[CB - Account].[Account CB - Description].&amp;[0506300 - Misc Fossil Power Expenses - R]"/>
        <member name="[CB - Account].[Account CB - Description].&amp;[0507010 - I/C Steam Pwr Gen Op Rents]"/>
        <member name="[CB - Account].[Account CB - Description].&amp;[0507997 - Missing]"/>
        <member name="[CB - Account].[Account CB - Description].&amp;[0509000 - Emission Allowances]"/>
        <member name="[CB - Account].[Account CB - Description].&amp;[0509001 - EA-MTM Net Trading Reserve]"/>
        <member name="[CB - Account].[Account CB - Description].&amp;[0509002 - EA-Realized Derivative Loss]"/>
        <member name="[CB - Account].[Account CB - Description].&amp;[0509003 - Emission Allowances Mitigation]"/>
        <member name="[CB - Account].[Account CB - Description].&amp;[0509005 - Emission Allowances-IC]"/>
        <member name="[CB - Account].[Account CB - Description].&amp;[0509011 - SO2 Emission Exp-Purch Acctg]"/>
        <member name="[CB - Account].[Account CB - Description].&amp;[0509030 - SO2 Emission Expense]"/>
        <member name="[CB - Account].[Account CB - Description].&amp;[0509200 - emission allow purch acctg adj]"/>
        <member name="[CB - Account].[Account CB - Description].&amp;[0509210 - Seasonal NOx Emission Expense]"/>
        <member name="[CB - Account].[Account CB - Description].&amp;[0509211 - Seas NOx Emiss Exp-Purch Acctg]"/>
        <member name="[CB - Account].[Account CB - Description].&amp;[0509212 - Annual NOx Emission Expense]"/>
        <member name="[CB - Account].[Account CB - Description].&amp;[0509213 - RECS Consumption Expense]"/>
        <member name="[CB - Account].[Account CB - Description].&amp;[0509215 - REC's CONS - Intercompany]"/>
        <member name="[CB - Account].[Account CB - Description].&amp;[0510001 - Deferred O&amp;M-NC]"/>
        <member name="[CB - Account].[Account CB - Description].&amp;[0510002 - Deferred O&amp;M-SC]"/>
        <member name="[CB - Account].[Account CB - Description].&amp;[0510003 - Deferred O&amp;M-WH]"/>
        <member name="[CB - Account].[Account CB - Description].&amp;[0511100 - Gas Purchase Actuals]"/>
        <member name="[CB - Account].[Account CB - Description].&amp;[0511101 - Gas Purchase Estimates]"/>
        <member name="[CB - Account].[Account CB - Description].&amp;[0511200 - Maint Of Structures-Steam - Re]"/>
        <member name="[CB - Account].[Account CB - Description].&amp;[0512000 - Missing]"/>
        <member name="[CB - Account].[Account CB - Description].&amp;[0512101 - Maint BP Mitigation]"/>
        <member name="[CB - Account].[Account CB - Description].&amp;[0512200 - Coal Strg,Furnaces,Boilers,Ash]"/>
        <member name="[CB - Account].[Account CB - Description].&amp;[0512300 - Maint Of Boiler Plant Oth-Rec]"/>
        <member name="[CB - Account].[Account CB - Description].&amp;[0513101 - Maint Elec Plant - Mitigation]"/>
        <member name="[CB - Account].[Account CB - Description].&amp;[0513102 - Main. Electric Plt- NC]"/>
        <member name="[CB - Account].[Account CB - Description].&amp;[0513103 - Main. Electric Plt- SC]"/>
        <member name="[CB - Account].[Account CB - Description].&amp;[0513200 - Power Systems Recorder Maint]"/>
        <member name="[CB - Account].[Account CB - Description].&amp;[0513300 - Maint Of Electric Plant-Other]"/>
        <member name="[CB - Account].[Account CB - Description].&amp;[0514100 - Inactive]"/>
        <member name="[CB - Account].[Account CB - Description].&amp;[0514200 - Maint-Major Outage Expense]"/>
        <member name="[CB - Account].[Account CB - Description].&amp;[0514210 - Maintenance Reserve Expense]"/>
        <member name="[CB - Account].[Account CB - Description].&amp;[0514900 - Ess Mbca Fossil Service Funct]"/>
        <member name="[CB - Account].[Account CB - Description].&amp;[0515100 - IUB Gas Sales Tax Exp Actual]"/>
        <member name="[CB - Account].[Account CB - Description].&amp;[0516000 - Power Purchase Actuals]"/>
        <member name="[CB - Account].[Account CB - Description].&amp;[0516001 - Power Purchase Estimates]"/>
        <member name="[CB - Account].[Account CB - Description].&amp;[0517000 - Supervsn and Engnring-Nuc Oper]"/>
        <member name="[CB - Account].[Account CB - Description].&amp;[0517001 - Sup &amp; Engineer- NC]"/>
        <member name="[CB - Account].[Account CB - Description].&amp;[0517002 - Sup &amp; Engineer- SC]"/>
        <member name="[CB - Account].[Account CB - Description].&amp;[0517200 - Nuclear Op Super &amp; Eng - NCRC]"/>
        <member name="[CB - Account].[Account CB - Description].&amp;[0518100 - Burnup Of Owned Fuel]"/>
        <member name="[CB - Account].[Account CB - Description].&amp;[0518105 - Cos_Fuel_Elec.Gen-Actual]"/>
        <member name="[CB - Account].[Account CB - Description].&amp;[0518110 - Cos_Fuel_Elec.Gen-Estimate]"/>
        <member name="[CB - Account].[Account CB - Description].&amp;[0518200 - Burnup Of Leased Fuel]"/>
        <member name="[CB - Account].[Account CB - Description].&amp;[0518300 - Lease Use Charges]"/>
        <member name="[CB - Account].[Account CB - Description].&amp;[0518400 - Nuclear By-Products-Credit]"/>
        <member name="[CB - Account].[Account CB - Description].&amp;[0518500 - Nuclear Fuel Synergy Savings]"/>
        <member name="[CB - Account].[Account CB - Description].&amp;[0518510 - Oil In Aux Stm Gen Fac-Nuc Opr]"/>
        <member name="[CB - Account].[Account CB - Description].&amp;[0518520 - Gas Used In Aux Steam Gen Fac]"/>
        <member name="[CB - Account].[Account CB - Description].&amp;[0518530 - Diesel Unit Oil Cons-Nuc Oper]"/>
        <member name="[CB - Account].[Account CB - Description].&amp;[0518600 - Nuclear Fuel Disposal Cost]"/>
        <member name="[CB - Account].[Account CB - Description].&amp;[0518601 - Nuclear Fuel-Last Core Amort]"/>
        <member name="[CB - Account].[Account CB - Description].&amp;[0518610 - Canister Expense-Oconee Robins]"/>
        <member name="[CB - Account].[Account CB - Description].&amp;[0518611 - Canister Expense-Mcguire Bruns]"/>
        <member name="[CB - Account].[Account CB - Description].&amp;[0518612 - Canister Expense-Catawba]"/>
        <member name="[CB - Account].[Account CB - Description].&amp;[0518620 - Canister Design Expense]"/>
        <member name="[CB - Account].[Account CB - Description].&amp;[0518700 - 24 Month Fuel Cycle]"/>
        <member name="[CB - Account].[Account CB - Description].&amp;[0519000 - Coolants And Water-Nuc Oper]"/>
        <member name="[CB - Account].[Account CB - Description].&amp;[0519001 - Coolants &amp; Water Nuc Op- NC]"/>
        <member name="[CB - Account].[Account CB - Description].&amp;[0519002 - Coolants &amp; Water Nuc Op- SC]"/>
        <member name="[CB - Account].[Account CB - Description].&amp;[0520000 - Steam Expenses-Nuc Oper]"/>
        <member name="[CB - Account].[Account CB - Description].&amp;[0520001 - Steam Exp Nuc Op- NC]"/>
        <member name="[CB - Account].[Account CB - Description].&amp;[0520002 - Steam Exp Nuc Op- SC]"/>
        <member name="[CB - Account].[Account CB - Description].&amp;[0523000 - Electric Expenses]"/>
        <member name="[CB - Account].[Account CB - Description].&amp;[0523001 - Electric Exp - NC]"/>
        <member name="[CB - Account].[Account CB - Description].&amp;[0523002 - Electric Exp - SC]"/>
        <member name="[CB - Account].[Account CB - Description].&amp;[0524001 - Misc Exp Nuc - NC]"/>
        <member name="[CB - Account].[Account CB - Description].&amp;[0524002 - Misc Exp Nuc - SC]"/>
        <member name="[CB - Account].[Account CB - Description].&amp;[0524010 - Inactive]"/>
        <member name="[CB - Account].[Account CB - Description].&amp;[0524100 - Inactive]"/>
        <member name="[CB - Account].[Account CB - Description].&amp;[0524330 - Inactive]"/>
        <member name="[CB - Account].[Account CB - Description].&amp;[0524340 - Western Fuel Work Order Chrges]"/>
        <member name="[CB - Account].[Account CB - Description].&amp;[0524350 - Inactive]"/>
        <member name="[CB - Account].[Account CB - Description].&amp;[0524360 - Inactive]"/>
        <member name="[CB - Account].[Account CB - Description].&amp;[0524400 - Misc Expenses-Nuc Oper - Recov]"/>
        <member name="[CB - Account].[Account CB - Description].&amp;[0524410 - Nuclear Misc Expense - NCRC Re]"/>
        <member name="[CB - Account].[Account CB - Description].&amp;[0524800 - License Fees-Nuclear]"/>
        <member name="[CB - Account].[Account CB - Description].&amp;[0525000 - Rents]"/>
        <member name="[CB - Account].[Account CB - Description].&amp;[0525001 - Nuc Power Gen-Op Rents]"/>
        <member name="[CB - Account].[Account CB - Description].&amp;[0525010 - I/C Nuc Pwr Gen Op Rents]"/>
        <member name="[CB - Account].[Account CB - Description].&amp;[0528001 - Main Sup &amp; Eng Nuc - NC]"/>
        <member name="[CB - Account].[Account CB - Description].&amp;[0528002 - Main Sup &amp; Eng Nuc - SC]"/>
        <member name="[CB - Account].[Account CB - Description].&amp;[0528010 - M&amp;S Inventory accrual_PEC RC]"/>
        <member name="[CB - Account].[Account CB - Description].&amp;[0529000 - Maintenance Of Structures-Nuc]"/>
        <member name="[CB - Account].[Account CB - Description].&amp;[0529001 - Main of Structure Nuc - NC]"/>
        <member name="[CB - Account].[Account CB - Description].&amp;[0529002 - Main of Structure Nuc - SC]"/>
        <member name="[CB - Account].[Account CB - Description].&amp;[0530001 - Main Reactor Pit Eq Nuc - NC]"/>
        <member name="[CB - Account].[Account CB - Description].&amp;[0530002 - Main Reactor Pit Eq Nuc - SC]"/>
        <member name="[CB - Account].[Account CB - Description].&amp;[0531101 - Main Elect Plt Other Nuc - NC]"/>
        <member name="[CB - Account].[Account CB - Description].&amp;[0531102 - Main Elect Plt Other Nuc - SC]"/>
        <member name="[CB - Account].[Account CB - Description].&amp;[0531200 - Monitor Ventiltn Gas-Nuc Maint]"/>
        <member name="[CB - Account].[Account CB - Description].&amp;[0532101 - Main Misc Nuc Plt - NC]"/>
        <member name="[CB - Account].[Account CB - Description].&amp;[0532102 - Main Misc Nuc Plt - SC]"/>
        <member name="[CB - Account].[Account CB - Description].&amp;[0532110 - Inactive]"/>
        <member name="[CB - Account].[Account CB - Description].&amp;[0532200 - Inactive]"/>
        <member name="[CB - Account].[Account CB - Description].&amp;[0532300 - Inactive]"/>
        <member name="[CB - Account].[Account CB - Description].&amp;[0532900 - Ess Mbca Nuclear Service Funct]"/>
        <member name="[CB - Account].[Account CB - Description].&amp;[0536000 - Water for power]"/>
        <member name="[CB - Account].[Account CB - Description].&amp;[0537100 - Hydraulic Expenses]"/>
        <member name="[CB - Account].[Account CB - Description].&amp;[0537300 - Fish &amp; Wildlife Expenses]"/>
        <member name="[CB - Account].[Account CB - Description].&amp;[0537400 - Recreation Expenses-Hydro]"/>
        <member name="[CB - Account].[Account CB - Description].&amp;[0538100 - Electric Expenses-Other-Hydro]"/>
        <member name="[CB - Account].[Account CB - Description].&amp;[0538200 - Prime Movers And Generators]"/>
        <member name="[CB - Account].[Account CB - Description].&amp;[0539000 - Misc Hydraulic Expenses]"/>
        <member name="[CB - Account].[Account CB - Description].&amp;[0539100 - Inactive]"/>
        <member name="[CB - Account].[Account CB - Description].&amp;[0540000 - Rents-Hydro Oper]"/>
        <member name="[CB - Account].[Account CB - Description].&amp;[0540010 - I/C Hydro Op Rent]"/>
        <member name="[CB - Account].[Account CB - Description].&amp;[0541000 - Suprvsn and Engrng-Hydro Maint]"/>
        <member name="[CB - Account].[Account CB - Description].&amp;[0542000 - Maint Of Structures-Hydro]"/>
        <member name="[CB - Account].[Account CB - Description].&amp;[0543000 - Maint-Reservoir,Dam &amp; Waterway]"/>
        <member name="[CB - Account].[Account CB - Description].&amp;[0544000 - Maint Of Electric Plant-Hydro]"/>
        <member name="[CB - Account].[Account CB - Description].&amp;[0545100 - Maint-Misc Hydraulic Plant]"/>
        <member name="[CB - Account].[Account CB - Description].&amp;[0545110 - Inactive]"/>
        <member name="[CB - Account].[Account CB - Description].&amp;[0545300 - Fish &amp; Wildlife]"/>
        <member name="[CB - Account].[Account CB - Description].&amp;[0545400 - Recreation Facilities-Hydro]"/>
        <member name="[CB - Account].[Account CB - Description].&amp;[0545900 - Ess Mbca Hydro Service Funct]"/>
        <member name="[CB - Account].[Account CB - Description].&amp;[0546001 - Supvs &amp; Engineer CT Opt- NC]"/>
        <member name="[CB - Account].[Account CB - Description].&amp;[0546002 - Supvs &amp; Engineer CT Opt- SC]"/>
        <member name="[CB - Account].[Account CB - Description].&amp;[0546003 - Supvs &amp; Engineer CT Opt- WH]"/>
        <member name="[CB - Account].[Account CB - Description].&amp;[0547000 - Fuel Expense-CT]"/>
        <member name="[CB - Account].[Account CB - Description].&amp;[0547100 - Natural Gas]"/>
        <member name="[CB - Account].[Account CB - Description].&amp;[0547101 - Natural Gas - CC]"/>
        <member name="[CB - Account].[Account CB - Description].&amp;[0547102 - Merger Mitigation Fuel - CT]"/>
        <member name="[CB - Account].[Account CB - Description].&amp;[0547103 - CT Fuel CT Mitigation]"/>
        <member name="[CB - Account].[Account CB - Description].&amp;[0547104 - Gas Trading Desk Savings]"/>
        <member name="[CB - Account].[Account CB - Description].&amp;[0547105 - Burnup owned Fuel-Oremulsion]"/>
        <member name="[CB - Account].[Account CB - Description].&amp;[0547106 - Biogas Expense]"/>
        <member name="[CB - Account].[Account CB - Description].&amp;[0547107 - REC Biogas Contra Expense]"/>
        <member name="[CB - Account].[Account CB - Description].&amp;[0547108 - REC Biogas Contra Expense - SC]"/>
        <member name="[CB - Account].[Account CB - Description].&amp;[0547110 - Burnup owned Fuel-Hvy Fuel Oil]"/>
        <member name="[CB - Account].[Account CB - Description].&amp;[0547115 - Burnup owned Fuel-Diesel Fuel]"/>
        <member name="[CB - Account].[Account CB - Description].&amp;[0547120 - Burnup owned Fuel-Other Fuel]"/>
        <member name="[CB - Account].[Account CB - Description].&amp;[0547122 - I/C Gas Savings]"/>
        <member name="[CB - Account].[Account CB - Description].&amp;[0547123 - Gas Capacity - Intercompany]"/>
        <member name="[CB - Account].[Account CB - Description].&amp;[0547124 - I/C Gas Purchases]"/>
        <member name="[CB - Account].[Account CB - Description].&amp;[0547125 - Gas realized loss]"/>
        <member name="[CB - Account].[Account CB - Description].&amp;[0547126 - Gas realized gain]"/>
        <member name="[CB - Account].[Account CB - Description].&amp;[0547127 - Gas Desk Savings]"/>
        <member name="[CB - Account].[Account CB - Description].&amp;[0547170 - Coal Tolling]"/>
        <member name="[CB - Account].[Account CB - Description].&amp;[0547186 - Gas Unrealized MTM Gain]"/>
        <member name="[CB - Account].[Account CB - Description].&amp;[0547187 - Gas Unrealized MTM Loss]"/>
        <member name="[CB - Account].[Account CB - Description].&amp;[0547188 - Gas Unrealized IC MTM Gain]"/>
        <member name="[CB - Account].[Account CB - Description].&amp;[0547189 - Gas Unrealized IC MTM Loss]"/>
        <member name="[CB - Account].[Account CB - Description].&amp;[0547200 - Oil]"/>
        <member name="[CB - Account].[Account CB - Description].&amp;[0547300 - Fuel Handling and Testing-CT]"/>
        <member name="[CB - Account].[Account CB - Description].&amp;[0547310 - Gas Purchases I/C PGN]"/>
        <member name="[CB - Account].[Account CB - Description].&amp;[0547400 - Amort Of Natural Gas Fuel]"/>
        <member name="[CB - Account].[Account CB - Description].&amp;[0547500 - Light-Off Combustion Turbines]"/>
        <member name="[CB - Account].[Account CB - Description].&amp;[0547610 - COST OF SALE TRADE]"/>
        <member name="[CB - Account].[Account CB - Description].&amp;[0547701 - Propane Gas]"/>
        <member name="[CB - Account].[Account CB - Description].&amp;[0547710 - COST OF SALE TRADE MARKET]"/>
        <member name="[CB - Account].[Account CB - Description].&amp;[0547720 - Cst Sales fr 3rd Parties-CAISO]"/>
        <member name="[CB - Account].[Account CB - Description].&amp;[0547730 - COS from DENA T&amp;M]"/>
        <member name="[CB - Account].[Account CB - Description].&amp;[0548020 - Ammonia - Qualifying]"/>
        <member name="[CB - Account].[Account CB - Description].&amp;[0548110 - Operation of Energy Storage Eq]"/>
        <member name="[CB - Account].[Account CB - Description].&amp;[0548300 - GENERATION EXP OTHER I/C - CT]"/>
        <member name="[CB - Account].[Account CB - Description].&amp;[0549100 - Inactive]"/>
        <member name="[CB - Account].[Account CB - Description].&amp;[0549115 - Misc Other Power Gen Exp I/C]"/>
        <member name="[CB - Account].[Account CB - Description].&amp;[0549200 - CT Misc Power Exp-Recoverable]"/>
        <member name="[CB - Account].[Account CB - Description].&amp;[0550000 - Other Expense Related Pty]"/>
        <member name="[CB - Account].[Account CB - Description].&amp;[0550001 - Other Power Gen-Op Rents]"/>
        <member name="[CB - Account].[Account CB - Description].&amp;[0550002 - Other Op Rents (non-utility)]"/>
        <member name="[CB - Account].[Account CB - Description].&amp;[0550007 - Power Purch - I/C Gross]"/>
        <member name="[CB - Account].[Account CB - Description].&amp;[0550010 - I/C Other Pwr Gen Op Rents]"/>
        <member name="[CB - Account].[Account CB - Description].&amp;[0550220 - Solar: Rents]"/>
        <member name="[CB - Account].[Account CB - Description].&amp;[0550230 - Land and Operating Lease]"/>
        <member name="[CB - Account].[Account CB - Description].&amp;[0550235 - I/C Land and Operating Lease]"/>
        <member name="[CB - Account].[Account CB - Description].&amp;[0551220 - Solar: Maint Supv &amp; Eng]"/>
        <member name="[CB - Account].[Account CB - Description].&amp;[0553001 - Maint - CT Mitigation]"/>
        <member name="[CB - Account].[Account CB - Description].&amp;[0553100 - CT Maint of Gen and Plant-Reco]"/>
        <member name="[CB - Account].[Account CB - Description].&amp;[0553110 - Maintenance of Energy Storage]"/>
        <member name="[CB - Account].[Account CB - Description].&amp;[0553220 - Solar: Maint Gen &amp; Elect Plt]"/>
        <member name="[CB - Account].[Account CB - Description].&amp;[0554001 - Misc CT Maint - Mitigation]"/>
        <member name="[CB - Account].[Account CB - Description].&amp;[0554100 - Other Production Maintenance]"/>
        <member name="[CB - Account].[Account CB - Description].&amp;[0555002 - Power Purch - I/C CPRE]"/>
        <member name="[CB - Account].[Account CB - Description].&amp;[0555007 - Power Purch - I/C Gross]"/>
        <member name="[CB - Account].[Account CB - Description].&amp;[0555008 - Power Purchases]"/>
        <member name="[CB - Account].[Account CB - Description].&amp;[0555016 - I/C Joint Disp - Pur Pwr]"/>
        <member name="[CB - Account].[Account CB - Description].&amp;[0555019 - Purch Pwr - I/C - net]"/>
        <member name="[CB - Account].[Account CB - Description].&amp;[0555028 - Purch Pwr - Non-native - net]"/>
        <member name="[CB - Account].[Account CB - Description].&amp;[0555029 - Purch Pwr-NonNative Net-NonReg]"/>
        <member name="[CB - Account].[Account CB - Description].&amp;[0555110 - Power Purchased for Storage Op]"/>
        <member name="[CB - Account].[Account CB - Description].&amp;[0555120 - Purchased Power - Other]"/>
        <member name="[CB - Account].[Account CB - Description].&amp;[0555125 - Purchased  Power - Renewable]"/>
        <member name="[CB - Account].[Account CB - Description].&amp;[0555130 - Purchased Power-Co Generation]"/>
        <member name="[CB - Account].[Account CB - Description].&amp;[0555135 - SC Renewable Purchases]"/>
        <member name="[CB - Account].[Account CB - Description].&amp;[0555136 - SC Res Shared Solar Purchase]"/>
        <member name="[CB - Account].[Account CB - Description].&amp;[0555137 - SC NonREs Shared Solar Purch]"/>
        <member name="[CB - Account].[Account CB - Description].&amp;[0555140 - Catawba Purchased Capacity]"/>
        <member name="[CB - Account].[Account CB - Description].&amp;[0555145 - Purchased Power - CPRE]"/>
        <member name="[CB - Account].[Account CB - Description].&amp;[0555150 - Purchase Power - SEPA]"/>
        <member name="[CB - Account].[Account CB - Description].&amp;[0555151 - Purchase - Gas]"/>
        <member name="[CB - Account].[Account CB - Description].&amp;[0555170 - Coal Tolling]"/>
        <member name="[CB - Account].[Account CB - Description].&amp;[0555180 - INTERCHANGE]"/>
        <member name="[CB - Account].[Account CB - Description].&amp;[0555181 - INTERCHANGE CONTRA]"/>
        <member name="[CB - Account].[Account CB - Description].&amp;[0555185 - Energy Purchase Expense]"/>
        <member name="[CB - Account].[Account CB - Description].&amp;[0555190 - Capacity Purchase Expense]"/>
        <member name="[CB - Account].[Account CB - Description].&amp;[0555200 - Interchange Power]"/>
        <member name="[CB - Account].[Account CB - Description].&amp;[0555201 - Purch Power - Leased Capacity]"/>
        <member name="[CB - Account].[Account CB - Description].&amp;[0555202 - Purch Power-Fuel Clause]"/>
        <member name="[CB - Account].[Account CB - Description].&amp;[0555203 - BudAdj-Puch Power]"/>
        <member name="[CB - Account].[Account CB - Description].&amp;[0555204 - Purchased Power Merger Mitigat]"/>
        <member name="[CB - Account].[Account CB - Description].&amp;[0555210 - Power Purchase Estimate]"/>
        <member name="[CB - Account].[Account CB - Description].&amp;[0555211 - Purchase-Electricity]"/>
        <member name="[CB - Account].[Account CB - Description].&amp;[0555215 - Elec Purch Pwr Cash Flow Hedge]"/>
        <member name="[CB - Account].[Account CB - Description].&amp;[0555220 - Interchange Power - Joint Ownr]"/>
        <member name="[CB - Account].[Account CB - Description].&amp;[0555230 - JO Negative Generation]"/>
        <member name="[CB - Account].[Account CB - Description].&amp;[0555240 - Power Purchase Distilate]"/>
        <member name="[CB - Account].[Account CB - Description].&amp;[0555250 - PWR PURCH W/ DEM]"/>
        <member name="[CB - Account].[Account CB - Description].&amp;[0555255 - I/C Native Load Purch Pwr]"/>
        <member name="[CB - Account].[Account CB - Description].&amp;[0555260 - Power Purchase Bookouts]"/>
        <member name="[CB - Account].[Account CB - Description].&amp;[0555270 - Estimate Pwr Purch Bkouts]"/>
        <member name="[CB - Account].[Account CB - Description].&amp;[0555280 - Power IB Transfer Purchase]"/>
        <member name="[CB - Account].[Account CB - Description].&amp;[0555290 - Power IB Trfer Purch Estimate]"/>
        <member name="[CB - Account].[Account CB - Description].&amp;[0555300 - Power Purch &amp; Transportation]"/>
        <member name="[CB - Account].[Account CB - Description].&amp;[0555310 - Power Purch &amp; Tranp Estimate]"/>
        <member name="[CB - Account].[Account CB - Description].&amp;[0555320 - Margin Exp for Dover]"/>
        <member name="[CB - Account].[Account CB - Description].&amp;[0555330 - Margin Exp Profit Sharing]"/>
        <member name="[CB - Account].[Account CB - Description].&amp;[0555340 - Water Royalty Fee]"/>
        <member name="[CB - Account].[Account CB - Description].&amp;[0555350 - Other Variable Costs]"/>
        <member name="[CB - Account].[Account CB - Description].&amp;[0555550 - PURCHASES ENERGY IMBALANCE]"/>
        <member name="[CB - Account].[Account CB - Description].&amp;[0555720 - Electricity Marketing Purch]"/>
        <member name="[CB - Account].[Account CB - Description].&amp;[0555750 - Purchases-Generation Imbalance]"/>
        <member name="[CB - Account].[Account CB - Description].&amp;[0555918 - Purch Power-Brokering-Netting]"/>
        <member name="[CB - Account].[Account CB - Description].&amp;[0555998 - Deferral MISO Charges &amp;Credits]"/>
        <member name="[CB - Account].[Account CB - Description].&amp;[0555999 - Deferred Purchased Power]"/>
        <member name="[CB - Account].[Account CB - Description].&amp;[0556099 - Power Pur Contra EITF 02-03]"/>
        <member name="[CB - Account].[Account CB - Description].&amp;[0557001 - NC REPS - RECS RECOVERY]"/>
        <member name="[CB - Account].[Account CB - Description].&amp;[0557010 - Inactive]"/>
        <member name="[CB - Account].[Account CB - Description].&amp;[0557016 - I/C Joint Disp - PJM Charges]"/>
        <member name="[CB - Account].[Account CB - Description].&amp;[0557071 - CertainTeed deferral SC retail]"/>
        <member name="[CB - Account].[Account CB - Description].&amp;[0557072 - CertainTeed deferral wholesale]"/>
        <member name="[CB - Account].[Account CB - Description].&amp;[0557150 - Def Expense for RIDER 67]"/>
        <member name="[CB - Account].[Account CB - Description].&amp;[0557151 - Deferred Expense for Rr 73]"/>
        <member name="[CB - Account].[Account CB - Description].&amp;[0557201 - FL DEFERRED CAPACITY EXPENSE]"/>
        <member name="[CB - Account].[Account CB - Description].&amp;[0557202 - FL DEFERRED FUEL EXPENSES]"/>
        <member name="[CB - Account].[Account CB - Description].&amp;[0557455 - I/C Commissions/Brokerage Exp]"/>
        <member name="[CB - Account].[Account CB - Description].&amp;[0557503 - Fixed Gas O&amp;M Costs]"/>
        <member name="[CB - Account].[Account CB - Description].&amp;[0557555 - I/C Fixed Gas O&amp;M Costs]"/>
        <member name="[CB - Account].[Account CB - Description].&amp;[0557980 - Retail Deferred Fuel Expenses]"/>
        <member name="[CB - Account].[Account CB - Description].&amp;[0557988 - CHPO&amp;MEXP]"/>
        <member name="[CB - Account].[Account CB - Description].&amp;[0557990 - Wholesale Defer Fuel Exp]"/>
        <member name="[CB - Account].[Account CB - Description].&amp;[0557991 - Markland O&amp;M Expense]"/>
        <member name="[CB - Account].[Account CB - Description].&amp;[0557992 - CCR O&amp;M Expense]"/>
        <member name="[CB - Account].[Account CB - Description].&amp;[0557993 - Fed Mandate O&amp;M Expense]"/>
        <member name="[CB - Account].[Account CB - Description].&amp;[0557994 - TDSIC O&amp;M Expense]"/>
        <member name="[CB - Account].[Account CB - Description].&amp;[0557995 - ECRC O&amp;M Deferral - Qualifying]"/>
        <member name="[CB - Account].[Account CB - Description].&amp;[0557996 - Deferred ECR Rider 62]"/>
        <member name="[CB - Account].[Account CB - Description].&amp;[0557997 - IGCC O&amp;M Expense]"/>
        <member name="[CB - Account].[Account CB - Description].&amp;[0557998 - IGCC O&amp;M Amortization Expense]"/>
        <member name="[CB - Account].[Account CB - Description].&amp;[0560010 - Operating Exp - Unrlzd - MTM]"/>
        <member name="[CB - Account].[Account CB - Description].&amp;[0560011 - MTM Reserves]"/>
        <member name="[CB - Account].[Account CB - Description].&amp;[0561010 - Operating Exp - Rlzd - MTM]"/>
        <member name="[CB - Account].[Account CB - Description].&amp;[0561201 - MISO Cost Adder Amort Exp]"/>
        <member name="[CB - Account].[Account CB - Description].&amp;[0561455 - I/C TransSvc&amp;Sch ISO Fees]"/>
        <member name="[CB - Account].[Account CB - Description].&amp;[0561500 - ReliabilityPlanning&amp;StdsDev]"/>
        <member name="[CB - Account].[Account CB - Description].&amp;[0561600 - Trans Svc Studies]"/>
        <member name="[CB - Account].[Account CB - Description].&amp;[0561601 - Trans Study Reimbursement]"/>
        <member name="[CB - Account].[Account CB - Description].&amp;[0561700 - Intcon Study Costs (T)]"/>
        <member name="[CB - Account].[Account CB - Description].&amp;[0561701 - Intcon Study Costs Reimb (T)]"/>
        <member name="[CB - Account].[Account CB - Description].&amp;[056200 - Missing]"/>
        <member name="[CB - Account].[Account CB - Description].&amp;[0562110 - Operation of Energy Storage Eq]"/>
        <member name="[CB - Account].[Account CB - Description].&amp;[0564000 - Underground Line Expenses]"/>
        <member name="[CB - Account].[Account CB - Description].&amp;[0565010 - TRANS OF ELECT - PURCHASES]"/>
        <member name="[CB - Account].[Account CB - Description].&amp;[0565016 - I/C Joint Disp - Trans NW Exp]"/>
        <member name="[CB - Account].[Account CB - Description].&amp;[0565020 - Transof Elect-Mkt Sales-Native]"/>
        <member name="[CB - Account].[Account CB - Description].&amp;[0565100 - WHEELING CHARGES]"/>
        <member name="[CB - Account].[Account CB - Description].&amp;[0565855 - Tran Elec By Oth - ED- Interco]"/>
        <member name="[CB - Account].[Account CB - Description].&amp;[0566010 - ET Reactive Pwr Exp]"/>
        <member name="[CB - Account].[Account CB - Description].&amp;[0566020 - ET Loss Compensation Exp]"/>
        <member name="[CB - Account].[Account CB - Description].&amp;[0566200 - Tarif Sys Impact Fac Exp-Trans]"/>
        <member name="[CB - Account].[Account CB - Description].&amp;[0566300 - Trans Misc Exp - Proj Supt - N]"/>
        <member name="[CB - Account].[Account CB - Description].&amp;[0566301 - Miscellaneous Transmission Exp]"/>
        <member name="[CB - Account].[Account CB - Description].&amp;[0566302 - Misc Transmission Exp - TDSIC2]"/>
        <member name="[CB - Account].[Account CB - Description].&amp;[0566700 - JTA I/C O/M Exp Transfer]"/>
        <member name="[CB - Account].[Account CB - Description].&amp;[0566701 - Fixed O&amp;M - Mitigation Sales]"/>
        <member name="[CB - Account].[Account CB - Description].&amp;[0567000 - Rents-Trans Oper]"/>
        <member name="[CB - Account].[Account CB - Description].&amp;[0567010 - I/C Trans Op Rents]"/>
        <member name="[CB - Account].[Account CB - Description].&amp;[0567600 - JTA I/C Transfer Invest Pay]"/>
        <member name="[CB - Account].[Account CB - Description].&amp;[0568000 - Suprvsn and Engrng-Trans Maint]"/>
        <member name="[CB - Account].[Account CB - Description].&amp;[0569300 - Maint of Communication Equip]"/>
        <member name="[CB - Account].[Account CB - Description].&amp;[0570110 - Maintenance of Energy Storage]"/>
        <member name="[CB - Account].[Account CB - Description].&amp;[0571001 - Transmission O&amp;M Deferral SC]"/>
        <member name="[CB - Account].[Account CB - Description].&amp;[0572000 - Maintenance of Underground Lin]"/>
        <member name="[CB - Account].[Account CB - Description].&amp;[0573000 - Maint Of Misc Transm Plant]"/>
        <member name="[CB - Account].[Account CB - Description].&amp;[0573100 - Trans Maint-Misc Trans Plant -]"/>
        <member name="[CB - Account].[Account CB - Description].&amp;[0573900 - Ess Mbca Transm Service Funct]"/>
        <member name="[CB - Account].[Account CB - Description].&amp;[0575000 - LPG Purchase]"/>
        <member name="[CB - Account].[Account CB - Description].&amp;[0575001 - 3rd Party Deriv LPG Purchase]"/>
        <member name="[CB - Account].[Account CB - Description].&amp;[0575002 - Unrealized LPG]"/>
        <member name="[CB - Account].[Account CB - Description].&amp;[0575003 - Realized LPG]"/>
        <member name="[CB - Account].[Account CB - Description].&amp;[0575010 - ROYALTIES - LPG]"/>
        <member name="[CB - Account].[Account CB - Description].&amp;[0575020 - OTHER VARIABLE COSTS - LPG]"/>
        <member name="[CB - Account].[Account CB - Description].&amp;[0575400 - Capacity Market Admin]"/>
        <member name="[CB - Account].[Account CB - Description].&amp;[0575755 - I/C Market Facilitation]"/>
        <member name="[CB - Account].[Account CB - Description].&amp;[0581000 - Refined Products Purchase]"/>
        <member name="[CB - Account].[Account CB - Description].&amp;[0581001 - 3rd Prty Deriv Refn Prdt Purch]"/>
        <member name="[CB - Account].[Account CB - Description].&amp;[0581002 - Unrealized Refined Products]"/>
        <member name="[CB - Account].[Account CB - Description].&amp;[0581003 - Realized Refined Products]"/>
        <member name="[CB - Account].[Account CB - Description].&amp;[0582200 - Relays And Meters-Dist]"/>
        <member name="[CB - Account].[Account CB - Description].&amp;[0584110 - Operation of Energy Storage Eq]"/>
        <member name="[CB - Account].[Account CB - Description].&amp;[0585000 - St Lghtng and Sgnl Systm-Dist]"/>
        <member name="[CB - Account].[Account CB - Description].&amp;[0585001 - Crude Oil Purchase]"/>
        <member name="[CB - Account].[Account CB - Description].&amp;[0585002 - 3rd Prty Deriv Crude Oil Purch]"/>
        <member name="[CB - Account].[Account CB - Description].&amp;[0585003 - Unrealized Crude Oil]"/>
        <member name="[CB - Account].[Account CB - Description].&amp;[0585004 - Realized Crude Oil]"/>
        <member name="[CB - Account].[Account CB - Description].&amp;[0587100 - Lcd-Opting and Installing-Dist]"/>
        <member name="[CB - Account].[Account CB - Description].&amp;[0588101 - Grid Solutions O&amp;M Deferral]"/>
        <member name="[CB - Account].[Account CB - Description].&amp;[0588110 - Inactive]"/>
        <member name="[CB - Account].[Account CB - Description].&amp;[0588200 - Inactive]"/>
        <member name="[CB - Account].[Account CB - Description].&amp;[0588300 - Load Mang-Gen and Control-Dist]"/>
        <member name="[CB - Account].[Account CB - Description].&amp;[0588301 - Miscellaneous Distribution Exp]"/>
        <member name="[CB - Account].[Account CB - Description].&amp;[0588302 - Misc Distribution Exp - TDSIC2]"/>
        <member name="[CB - Account].[Account CB - Description].&amp;[0588400 - Interco Oper Exp - DE&amp;S]"/>
        <member name="[CB - Account].[Account CB - Description].&amp;[0588410 - Interco Oper Expense-Contra]"/>
        <member name="[CB - Account].[Account CB - Description].&amp;[0588420 - Purchasing Card Clearing]"/>
        <member name="[CB - Account].[Account CB - Description].&amp;[0588430 - Duke Labor to 500]"/>
        <member name="[CB - Account].[Account CB - Description].&amp;[0588440 - Duke Labor to 502]"/>
        <member name="[CB - Account].[Account CB - Description].&amp;[0588450 - Business Development Expense]"/>
        <member name="[CB - Account].[Account CB - Description].&amp;[0588460 - Asset Management Expense]"/>
        <member name="[CB - Account].[Account CB - Description].&amp;[0588470 - Amortization Engage]"/>
        <member name="[CB - Account].[Account CB - Description].&amp;[0588700 - Intcon Study Costs (D)]"/>
        <member name="[CB - Account].[Account CB - Description].&amp;[0588701 - Intcon Study Costs Reimb (D)]"/>
        <member name="[CB - Account].[Account CB - Description].&amp;[0589010 - I/C Dist Op Rents]"/>
        <member name="[CB - Account].[Account CB - Description].&amp;[0591000 - Maintenance Of Structures-Dist]"/>
        <member name="[CB - Account].[Account CB - Description].&amp;[0591100 - Coal Purchase]"/>
        <member name="[CB - Account].[Account CB - Description].&amp;[0591101 - 3rd Party Deriv Coal Purchase]"/>
        <member name="[CB - Account].[Account CB - Description].&amp;[0591102 - Unrealized Coal]"/>
        <member name="[CB - Account].[Account CB - Description].&amp;[0591103 - Realized Coal]"/>
        <member name="[CB - Account].[Account CB - Description].&amp;[0591200 - COAL_PURCHASE_PUR_ACCTG_ADJ]"/>
        <member name="[CB - Account].[Account CB - Description].&amp;[0592110 - Maintenance of Energy Storage]"/>
        <member name="[CB - Account].[Account CB - Description].&amp;[0595200 - Cir Brkrs Transf Capcitrs-Dist]"/>
        <member name="[CB - Account].[Account CB - Description].&amp;[0595400 - Fertilizer Purchase]"/>
        <member name="[CB - Account].[Account CB - Description].&amp;[0595401 - 3rd Prty Deriv Fertilizer Purc]"/>
        <member name="[CB - Account].[Account CB - Description].&amp;[0595402 - Unrealized Fertilizer]"/>
        <member name="[CB - Account].[Account CB - Description].&amp;[0595403 - Realized Fertilizer]"/>
        <member name="[CB - Account].[Account CB - Description].&amp;[0598200 - Lcd-Power Line Carrier]"/>
        <member name="[CB - Account].[Account CB - Description].&amp;[0598300 - Lcd-Radio,Telephone,Lcd Socket]"/>
        <member name="[CB - Account].[Account CB - Description].&amp;[0598400 - Distr Maint-Misc Distr Plant-R]"/>
        <member name="[CB - Account].[Account CB - Description].&amp;[0599001 - Construction]"/>
        <member name="[CB - Account].[Account CB - Description].&amp;[0599002 - Consultant Expense]"/>
        <member name="[CB - Account].[Account CB - Description].&amp;[0599003 - Copies and Reproduction-Direct]"/>
        <member name="[CB - Account].[Account CB - Description].&amp;[0599005 - Equipment Rental]"/>
        <member name="[CB - Account].[Account CB - Description].&amp;[0599006 - Meals-Direct]"/>
        <member name="[CB - Account].[Account CB - Description].&amp;[0599008 - Phone-Direct]"/>
        <member name="[CB - Account].[Account CB - Description].&amp;[0599009 - Postage-Direct]"/>
        <member name="[CB - Account].[Account CB - Description].&amp;[0599010 - Project Lease Payments]"/>
        <member name="[CB - Account].[Account CB - Description].&amp;[0599011 - Raw Material Purchases]"/>
        <member name="[CB - Account].[Account CB - Description].&amp;[0599013 - Payroll Variance-Direct]"/>
        <member name="[CB - Account].[Account CB - Description].&amp;[0599014 - Sales Tax]"/>
        <member name="[CB - Account].[Account CB - Description].&amp;[0599015 - Direct Travel]"/>
        <member name="[CB - Account].[Account CB - Description].&amp;[0599016 - Commodity Reserve Expense]"/>
        <member name="[CB - Account].[Account CB - Description].&amp;[0599017 - Salaries-Direct]"/>
        <member name="[CB - Account].[Account CB - Description].&amp;[0599018 - Depr Expense - Project Eq]"/>
        <member name="[CB - Account].[Account CB - Description].&amp;[0599020 - Direct Labor]"/>
        <member name="[CB - Account].[Account CB - Description].&amp;[0599021 - Misc Direct Costs]"/>
        <member name="[CB - Account].[Account CB - Description].&amp;[0599022 - Gas Purchases w/ DEFS]"/>
        <member name="[CB - Account].[Account CB - Description].&amp;[0599023 - Other Misc Expense]"/>
        <member name="[CB - Account].[Account CB - Description].&amp;[0599024 - Equipment Maintenance-Direct]"/>
        <member name="[CB - Account].[Account CB - Description].&amp;[0599990 - BPM Fuel Expense-EBIT Only]"/>
        <member name="[CB - Account].[Account CB - Description].&amp;[0601000 - Inactive]"/>
        <member name="[CB - Account].[Account CB - Description].&amp;[0602000 - Inactive]"/>
        <member name="[CB - Account].[Account CB - Description].&amp;[0603000 - Other Miscellaneous Income]"/>
        <member name="[CB - Account].[Account CB - Description].&amp;[0605000 - Inactive]"/>
        <member name="[CB - Account].[Account CB - Description].&amp;[0608100 - Inactive]"/>
        <member name="[CB - Account].[Account CB - Description].&amp;[0608200 - Inactive]"/>
        <member name="[CB - Account].[Account CB - Description].&amp;[0631100 - Inactive]"/>
        <member name="[CB - Account].[Account CB - Description].&amp;[0631600 - Inactive]"/>
        <member name="[CB - Account].[Account CB - Description].&amp;[0634100 - Inactive]"/>
        <member name="[CB - Account].[Account CB - Description].&amp;[0635000 - Inactive]"/>
        <member name="[CB - Account].[Account CB - Description].&amp;[0636500 - Inactive]"/>
        <member name="[CB - Account].[Account CB - Description].&amp;[0710002 - 3rd Party Deriv Other Income]"/>
        <member name="[CB - Account].[Account CB - Description].&amp;[0711000 - Gas Boiler Labor]"/>
        <member name="[CB - Account].[Account CB - Description].&amp;[0712000 - Gas Production-Other Power Ex]"/>
        <member name="[CB - Account].[Account CB - Description].&amp;[0717000 - Liq Petro Gas Exp-Vapor Proc]"/>
        <member name="[CB - Account].[Account CB - Description].&amp;[0728000 - Liquid Petroleum Gas]"/>
        <member name="[CB - Account].[Account CB - Description].&amp;[0735000 - Gas Misc Production Exp]"/>
        <member name="[CB - Account].[Account CB - Description].&amp;[0736000 - Gas Prod I/C Rent Exp - Erlan]"/>
        <member name="[CB - Account].[Account CB - Description].&amp;[0736020 - Gas Raw Material - Rents]"/>
        <member name="[CB - Account].[Account CB - Description].&amp;[0741000 - Intercompany Nonop Expense]"/>
        <member name="[CB - Account].[Account CB - Description].&amp;[0742000 - Maint Gas Production Equipmen]"/>
        <member name="[CB - Account].[Account CB - Description].&amp;[0750000 - Operation Supv &amp; Eng-Prod]"/>
        <member name="[CB - Account].[Account CB - Description].&amp;[0752000 - Gas Wells Expense]"/>
        <member name="[CB - Account].[Account CB - Description].&amp;[0753000 - Field Lines Expenses]"/>
        <member name="[CB - Account].[Account CB - Description].&amp;[0754000 - Field Compressor Station Exp]"/>
        <member name="[CB - Account].[Account CB - Description].&amp;[0755000 - Field Station Fuel &amp; Power]"/>
        <member name="[CB - Account].[Account CB - Description].&amp;[0756000 - Field M &amp; R Station Expenses]"/>
        <member name="[CB - Account].[Account CB - Description].&amp;[0757000 - Purification Expenses-Prod]"/>
        <member name="[CB - Account].[Account CB - Description].&amp;[0758000 - Gas Well Royalties]"/>
        <member name="[CB - Account].[Account CB - Description].&amp;[0759000 - Other Expenses-Prod]"/>
        <member name="[CB - Account].[Account CB - Description].&amp;[0764000 - Maintenance Of Field Lines]"/>
        <member name="[CB - Account].[Account CB - Description].&amp;[0771000 - Operation Labor]"/>
        <member name="[CB - Account].[Account CB - Description].&amp;[0772000 - Gas Shrinkage]"/>
        <member name="[CB - Account].[Account CB - Description].&amp;[0773000 - Fuel]"/>
        <member name="[CB - Account].[Account CB - Description].&amp;[0774000 - Power-Ext]"/>
        <member name="[CB - Account].[Account CB - Description].&amp;[0775000 - Materials]"/>
        <member name="[CB - Account].[Account CB - Description].&amp;[0776000 - Operation Supplies &amp; Expenses]"/>
        <member name="[CB - Account].[Account CB - Description].&amp;[0776001 - GAS PROCESS EXP RELD PTY]"/>
        <member name="[CB - Account].[Account CB - Description].&amp;[0777000 - GAS PROCESSED BY OTHERS]"/>
        <member name="[CB - Account].[Account CB - Description].&amp;[0786000 - Maint Extraction &amp; Refining Eq]"/>
        <member name="[CB - Account].[Account CB - Description].&amp;[0800000 - Purchase Gas - East]"/>
        <member name="[CB - Account].[Account CB - Description].&amp;[0800001 - Contra Gas Purchase Intra BU]"/>
        <member name="[CB - Account].[Account CB - Description].&amp;[0800002 - Gas Purchases DE Merchants]"/>
        <member name="[CB - Account].[Account CB - Description].&amp;[0800011 - Gas Purchases Field Lines]"/>
        <member name="[CB - Account].[Account CB - Description].&amp;[0800021 - Gas Purchases]"/>
        <member name="[CB - Account].[Account CB - Description].&amp;[0800031 - Wellhead Gas Purchaces]"/>
        <member name="[CB - Account].[Account CB - Description].&amp;[0800040 - Gas Purch Related Pty]"/>
        <member name="[CB - Account].[Account CB - Description].&amp;[0800041 - RPT Purchases - COP]"/>
        <member name="[CB - Account].[Account CB - Description].&amp;[0800042 - RPT Purchases - Other]"/>
        <member name="[CB - Account].[Account CB - Description].&amp;[0800099 - Gas Pur Contra EITF 02-03]"/>
        <member name="[CB - Account].[Account CB - Description].&amp;[0800101 - GAS PURCHASES ESTIMATE]"/>
        <member name="[CB - Account].[Account CB - Description].&amp;[0800102 - Purchase - Nat Gas Liquid]"/>
        <member name="[CB - Account].[Account CB - Description].&amp;[0801000 - Purchases Gas &amp; NGL]"/>
        <member name="[CB - Account].[Account CB - Description].&amp;[0801001 - Purchases Gas &amp; NGL-Aff]"/>
        <member name="[CB - Account].[Account CB - Description].&amp;[0801002 - COGS-Fee Expenses]"/>
        <member name="[CB - Account].[Account CB - Description].&amp;[0801003 - (Gain)Loss Shipper Imbalance]"/>
        <member name="[CB - Account].[Account CB - Description].&amp;[0801004 - COGS-Tax Expense]"/>
        <member name="[CB - Account].[Account CB - Description].&amp;[0801005 - OBO Operating Costs]"/>
        <member name="[CB - Account].[Account CB - Description].&amp;[0801006 - Hedging (Gain)Loss]"/>
        <member name="[CB - Account].[Account CB - Description].&amp;[0801007 - Trucking Lease Expense]"/>
        <member name="[CB - Account].[Account CB - Description].&amp;[0801008 - Gas Purchase - DETM-US]"/>
        <member name="[CB - Account].[Account CB - Description].&amp;[0801009 - Field Line Purchase TETCO]"/>
        <member name="[CB - Account].[Account CB - Description].&amp;[0801010 - Gas Purchase TETCO]"/>
        <member name="[CB - Account].[Account CB - Description].&amp;[0801011 - COGS-Fee Exp-Affiliate]"/>
        <member name="[CB - Account].[Account CB - Description].&amp;[0801012 - Purchase - Nat Gas Liquid -Aff]"/>
        <member name="[CB - Account].[Account CB - Description].&amp;[0801021 - Ng Field Line Prch-Asa-Pre 636]"/>
        <member name="[CB - Account].[Account CB - Description].&amp;[0802100 - GAS TRANSPORTATION]"/>
        <member name="[CB - Account].[Account CB - Description].&amp;[0802102 - GAS TRANSPORTATION ESTIMATE]"/>
        <member name="[CB - Account].[Account CB - Description].&amp;[0802103 - Gas Transportation Penalty]"/>
        <member name="[CB - Account].[Account CB - Description].&amp;[0803000 - Vehicle Expense - Budgets Only]"/>
        <member name="[CB - Account].[Account CB - Description].&amp;[0803001 - Ng Transmission Line Purchases]"/>
        <member name="[CB - Account].[Account CB - Description].&amp;[0803100 - Sedans And Station Wagons]"/>
        <member name="[CB - Account].[Account CB - Description].&amp;[0803110 - Light Trucks  Gvwr &lt; 10K]"/>
        <member name="[CB - Account].[Account CB - Description].&amp;[0803120 - Light/Med Trucks Gvwr 10K-26K]"/>
        <member name="[CB - Account].[Account CB - Description].&amp;[0803130 - Medium/Heavy Trucks Gvwr &gt; 26K]"/>
        <member name="[CB - Account].[Account CB - Description].&amp;[0803140 - Light/Med Trucks Gvwr 10K-26K]"/>
        <member name="[CB - Account].[Account CB - Description].&amp;[0803150 - Med/Heavy Trucks Gvwr &gt; 26K]"/>
        <member name="[CB - Account].[Account CB - Description].&amp;[0803160 - Special Heavy Hauling Equip]"/>
        <member name="[CB - Account].[Account CB - Description].&amp;[0803170 - Road Tractors]"/>
        <member name="[CB - Account].[Account CB - Description].&amp;[0803180 - Trailers All]"/>
        <member name="[CB - Account].[Account CB - Description].&amp;[0803190 - Inactive]"/>
        <member name="[CB - Account].[Account CB - Description].&amp;[0803270 - Insurance]"/>
        <member name="[CB - Account].[Account CB - Description].&amp;[0803280 - Motor Vehicle License]"/>
        <member name="[CB - Account].[Account CB - Description].&amp;[0803290 - Miscellaneous Expense]"/>
        <member name="[CB - Account].[Account CB - Description].&amp;[0803300 - Garage Training-Mechanics]"/>
        <member name="[CB - Account].[Account CB - Description].&amp;[0803400 - Auto &amp; Truck Exp Distributed]"/>
        <member name="[CB - Account].[Account CB - Description].&amp;[0803510 - Inactive]"/>
        <member name="[CB - Account].[Account CB - Description].&amp;[0803520 - Inactive]"/>
        <member name="[CB - Account].[Account CB - Description].&amp;[0803530 - Inactive]"/>
        <member name="[CB - Account].[Account CB - Description].&amp;[0803540 - Inactive]"/>
        <member name="[CB - Account].[Account CB - Description].&amp;[0803550 - Inactive]"/>
        <member name="[CB - Account].[Account CB - Description].&amp;[0803560 - Inactive]"/>
        <member name="[CB - Account].[Account CB - Description].&amp;[0803570 - Inactive]"/>
        <member name="[CB - Account].[Account CB - Description].&amp;[0803580 - Inactive]"/>
        <member name="[CB - Account].[Account CB - Description].&amp;[0803590 - Inactive]"/>
        <member name="[CB - Account].[Account CB - Description].&amp;[0803600 - Inactive]"/>
        <member name="[CB - Account].[Account CB - Description].&amp;[0803610 - Inactive]"/>
        <member name="[CB - Account].[Account CB - Description].&amp;[0803620 - Inactive]"/>
        <member name="[CB - Account].[Account CB - Description].&amp;[0803630 - Inactive]"/>
        <member name="[CB - Account].[Account CB - Description].&amp;[0803640 - Inactive]"/>
        <member name="[CB - Account].[Account CB - Description].&amp;[0803650 - Inactive]"/>
        <member name="[CB - Account].[Account CB - Description].&amp;[0803660 - Inactive]"/>
        <member name="[CB - Account].[Account CB - Description].&amp;[0803670 - Inactive]"/>
        <member name="[CB - Account].[Account CB - Description].&amp;[0803680 - Inactive]"/>
        <member name="[CB - Account].[Account CB - Description].&amp;[0803690 - Inactive]"/>
        <member name="[CB - Account].[Account CB - Description].&amp;[0803700 - Inactive]"/>
        <member name="[CB - Account].[Account CB - Description].&amp;[0803710 - Inactive]"/>
        <member name="[CB - Account].[Account CB - Description].&amp;[0803720 - Inactive]"/>
        <member name="[CB - Account].[Account CB - Description].&amp;[0803760 - Inactive]"/>
        <member name="[CB - Account].[Account CB - Description].&amp;[0803790 - Inactive]"/>
        <member name="[CB - Account].[Account CB - Description].&amp;[0803800 - Inactive]"/>
        <member name="[CB - Account].[Account CB - Description].&amp;[0804000 - Natural Gas City Gate Purchase]"/>
        <member name="[CB - Account].[Account CB - Description].&amp;[0804001 - Cost of Gas - Unbilled Revenue]"/>
        <member name="[CB - Account].[Account CB - Description].&amp;[0804101 - Lng Purchase]"/>
        <member name="[CB - Account].[Account CB - Description].&amp;[0804200 - Visits To Doctor]"/>
        <member name="[CB - Account].[Account CB - Description].&amp;[0804230 - Sick Allowance]"/>
        <member name="[CB - Account].[Account CB - Description].&amp;[0804240 - Inclement Weather]"/>
        <member name="[CB - Account].[Account CB - Description].&amp;[0804250 - Jury Duty]"/>
        <member name="[CB - Account].[Account CB - Description].&amp;[0804260 - Death In Family]"/>
        <member name="[CB - Account].[Account CB - Description].&amp;[0804270 - Call Outs (Unworked Portion)]"/>
        <member name="[CB - Account].[Account CB - Description].&amp;[0804280 - Scheduled Time Earned,Unworked]"/>
        <member name="[CB - Account].[Account CB - Description].&amp;[0804300 - Doctor/Dentist]"/>
        <member name="[CB - Account].[Account CB - Description].&amp;[0804500 - Premium O/T On Shift Employees]"/>
        <member name="[CB - Account].[Account CB - Description].&amp;[0805000 - Other Gas Purchases]"/>
        <member name="[CB - Account].[Account CB - Description].&amp;[0805001 - Other Natural Gas Purchases]"/>
        <member name="[CB - Account].[Account CB - Description].&amp;[0805002 - Unrecovered Purchase Gas Adj]"/>
        <member name="[CB - Account].[Account CB - Description].&amp;[0805003 - Purchase Gas Cost Unbilled Rev]"/>
        <member name="[CB - Account].[Account CB - Description].&amp;[0805010 - Inactive]"/>
        <member name="[CB - Account].[Account CB - Description].&amp;[0805015 - Gas Purchases -Netting]"/>
        <member name="[CB - Account].[Account CB - Description].&amp;[0805101 - Frq - Adjustment]"/>
        <member name="[CB - Account].[Account CB - Description].&amp;[0805110 - Natural Gas Marketing Purch]"/>
        <member name="[CB - Account].[Account CB - Description].&amp;[0805150 - Storage Fees]"/>
        <member name="[CB - Account].[Account CB - Description].&amp;[0805160 - Storage Fees - Demand]"/>
        <member name="[CB - Account].[Account CB - Description].&amp;[0805161 - Storage Fees - Demand - Est]"/>
        <member name="[CB - Account].[Account CB - Description].&amp;[0805170 - Storage Fees - Variable]"/>
        <member name="[CB - Account].[Account CB - Description].&amp;[0805171 - Storage Fees - Variable - Est]"/>
        <member name="[CB - Account].[Account CB - Description].&amp;[0805180 - Tport - Demand]"/>
        <member name="[CB - Account].[Account CB - Description].&amp;[0805181 - Tport - Demand - Estimate]"/>
        <member name="[CB - Account].[Account CB - Description].&amp;[0805190 - Tport - Variable]"/>
        <member name="[CB - Account].[Account CB - Description].&amp;[0805191 - Tport - Variable - Estimate]"/>
        <member name="[CB - Account].[Account CB - Description].&amp;[0805200 - OTH_GAS_PURCHASES_PUR_ACCT_ADJ]"/>
        <member name="[CB - Account].[Account CB - Description].&amp;[0806000 - Other Gas Supply-Exchange Gas]"/>
        <member name="[CB - Account].[Account CB - Description].&amp;[0806001 - OBA Imbalance]"/>
        <member name="[CB - Account].[Account CB - Description].&amp;[0806002 - Exchange Gas-Cashout]"/>
        <member name="[CB - Account].[Account CB - Description].&amp;[0806003 - TFO Imbalance-Delivery]"/>
        <member name="[CB - Account].[Account CB - Description].&amp;[0806004 - Park Imbalance]"/>
        <member name="[CB - Account].[Account CB - Description].&amp;[0806005 - Lend Imbalance]"/>
        <member name="[CB - Account].[Account CB - Description].&amp;[0806006 - System Gain/Loss]"/>
        <member name="[CB - Account].[Account CB - Description].&amp;[0806007 - Suspense Imbalance]"/>
        <member name="[CB - Account].[Account CB - Description].&amp;[0806008 - Intercompany Gas Purchases]"/>
        <member name="[CB - Account].[Account CB - Description].&amp;[0807000 - Gas Purchased Expenses]"/>
        <member name="[CB - Account].[Account CB - Description].&amp;[0807100 - I/C Gas Purchased Expenses]"/>
        <member name="[CB - Account].[Account CB - Description].&amp;[0808000 - Underground Storage-Dels/Wit]"/>
        <member name="[CB - Account].[Account CB - Description].&amp;[0808101 - Gas Withdrawn From Storage]"/>
        <member name="[CB - Account].[Account CB - Description].&amp;[0808201 - Gas To Storage]"/>
        <member name="[CB - Account].[Account CB - Description].&amp;[0809101 - Lng Withdrawal Fr Storage]"/>
        <member name="[CB - Account].[Account CB - Description].&amp;[0809201 - Operation Expense-Clearing]"/>
        <member name="[CB - Account].[Account CB - Description].&amp;[081000 - Missing]"/>
        <member name="[CB - Account].[Account CB - Description].&amp;[0810001 - Gas Used For Comp Station Fuel]"/>
        <member name="[CB - Account].[Account CB - Description].&amp;[0810002 - Gas Used For Comp Station Fuel]"/>
        <member name="[CB - Account].[Account CB - Description].&amp;[0811001 - Gas Used For Prod Extraction]"/>
        <member name="[CB - Account].[Account CB - Description].&amp;[0811002 - Gas Used for Prod Ext-Fuel]"/>
        <member name="[CB - Account].[Account CB - Description].&amp;[0812001 - Gas For Other Utility Oper]"/>
        <member name="[CB - Account].[Account CB - Description].&amp;[0812002 - Gas Used-Transport]"/>
        <member name="[CB - Account].[Account CB - Description].&amp;[0812003 - Gas Used-Lng Terminal]"/>
        <member name="[CB - Account].[Account CB - Description].&amp;[0812101 - Inventory Change]"/>
        <member name="[CB - Account].[Account CB - Description].&amp;[0813001 - Other Gas Supply Expenses]"/>
        <member name="[CB - Account].[Account CB - Description].&amp;[0813002 - Oth Op Costs-Oth Gas Exp]"/>
        <member name="[CB - Account].[Account CB - Description].&amp;[0813003 - Non Spot Recovery]"/>
        <member name="[CB - Account].[Account CB - Description].&amp;[0813004 - Fuel Reservation Chg Adj]"/>
        <member name="[CB - Account].[Account CB - Description].&amp;[0814000 - Operation Supv &amp; Eng-STG]"/>
        <member name="[CB - Account].[Account CB - Description].&amp;[0815000 - Maps &amp; Records]"/>
        <member name="[CB - Account].[Account CB - Description].&amp;[0816000 - Wells Expenses]"/>
        <member name="[CB - Account].[Account CB - Description].&amp;[0817000 - Lines Expenses]"/>
        <member name="[CB - Account].[Account CB - Description].&amp;[0818000 - Compressor Station Expenses]"/>
        <member name="[CB - Account].[Account CB - Description].&amp;[0819000 - Inactive]"/>
        <member name="[CB - Account].[Account CB - Description].&amp;[0819001 - Comp Station Fuel &amp; Power]"/>
        <member name="[CB - Account].[Account CB - Description].&amp;[0820000 - Fabricated Equipment]"/>
        <member name="[CB - Account].[Account CB - Description].&amp;[0820001 - M &amp; R Station Expenses-STG]"/>
        <member name="[CB - Account].[Account CB - Description].&amp;[0821000 - Inactive]"/>
        <member name="[CB - Account].[Account CB - Description].&amp;[0821001 - Purification Expenses-STG]"/>
        <member name="[CB - Account].[Account CB - Description].&amp;[0821102 - Interco Deriv Int LT Debt]"/>
        <member name="[CB - Account].[Account CB - Description].&amp;[0821103 - 3rd Party Deriv Int LT Debt]"/>
        <member name="[CB - Account].[Account CB - Description].&amp;[0822002 - 3rd Party Deriv Int Other Debt]"/>
        <member name="[CB - Account].[Account CB - Description].&amp;[0822100 - Inactive]"/>
        <member name="[CB - Account].[Account CB - Description].&amp;[0823000 - Storage-Gas Losses]"/>
        <member name="[CB - Account].[Account CB - Description].&amp;[0824000 - Other Expenses-STG]"/>
        <member name="[CB - Account].[Account CB - Description].&amp;[0824001 - Operating Exp Storage-Interco]"/>
        <member name="[CB - Account].[Account CB - Description].&amp;[0824002 - STORAGE FEE]"/>
        <member name="[CB - Account].[Account CB - Description].&amp;[0824100 - I/C STORAGE EXPENSE]"/>
        <member name="[CB - Account].[Account CB - Description].&amp;[0824110 - I/C OTH OPERATING EXP.]"/>
        <member name="[CB - Account].[Account CB - Description].&amp;[0825000 - Storage Well Royalties]"/>
        <member name="[CB - Account].[Account CB - Description].&amp;[0826000 - Rents-Underground Storage]"/>
        <member name="[CB - Account].[Account CB - Description].&amp;[0830000 - Equipment Expense-Budgets Only]"/>
        <member name="[CB - Account].[Account CB - Description].&amp;[0830200 - Trenchers &amp; Cable Plows]"/>
        <member name="[CB - Account].[Account CB - Description].&amp;[0830210 - Rubber Tired Tractors]"/>
        <member name="[CB - Account].[Account CB - Description].&amp;[0830220 - Inactive]"/>
        <member name="[CB - Account].[Account CB - Description].&amp;[0830230 - Inactive]"/>
        <member name="[CB - Account].[Account CB - Description].&amp;[0830290 - Missing]"/>
        <member name="[CB - Account].[Account CB - Description].&amp;[0830300 - Heavy Const. Equip]"/>
        <member name="[CB - Account].[Account CB - Description].&amp;[0830310 - Inactive]"/>
        <member name="[CB - Account].[Account CB - Description].&amp;[0830320 - Inactive]"/>
        <member name="[CB - Account].[Account CB - Description].&amp;[0830330 - Mobile Cranes]"/>
        <member name="[CB - Account].[Account CB - Description].&amp;[0830340 - Inactive]"/>
        <member name="[CB - Account].[Account CB - Description].&amp;[0830350 - Forklifts]"/>
        <member name="[CB - Account].[Account CB - Description].&amp;[0830360 - Mobile Equipment]"/>
        <member name="[CB - Account].[Account CB - Description].&amp;[0830370 - Misc Non-Hwy Equip]"/>
        <member name="[CB - Account].[Account CB - Description].&amp;[0831000 - Maint Struct &amp; Improve-Stg]"/>
        <member name="[CB - Account].[Account CB - Description].&amp;[0832000 - Maint Of Reservoirs &amp; Wells]"/>
        <member name="[CB - Account].[Account CB - Description].&amp;[0833000 - Maintenance Of Lines]"/>
        <member name="[CB - Account].[Account CB - Description].&amp;[0834000 - Maint Compressor Sta Eq-STG]"/>
        <member name="[CB - Account].[Account CB - Description].&amp;[0835000 - Maint Of M &amp; R Station Eq-STG]"/>
        <member name="[CB - Account].[Account CB - Description].&amp;[0836000 - Maint Of Purification Equip]"/>
        <member name="[CB - Account].[Account CB - Description].&amp;[0837000 - Maintenance Of Other Equip]"/>
        <member name="[CB - Account].[Account CB - Description].&amp;[0840000 - Operation Supv &amp; Eng-OSTG]"/>
        <member name="[CB - Account].[Account CB - Description].&amp;[0840200 - Undgrd Trenchers-All]"/>
        <member name="[CB - Account].[Account CB - Description].&amp;[0840210 - Inactive]"/>
        <member name="[CB - Account].[Account CB - Description].&amp;[0840220 - Inactive]"/>
        <member name="[CB - Account].[Account CB - Description].&amp;[0840230 - Inactive]"/>
        <member name="[CB - Account].[Account CB - Description].&amp;[0840300 - Trans Dept-Const Equip (All)]"/>
        <member name="[CB - Account].[Account CB - Description].&amp;[0841000 - Operation Labor &amp; Exp]"/>
        <member name="[CB - Account].[Account CB - Description].&amp;[0842000 - Rents-OSTG]"/>
        <member name="[CB - Account].[Account CB - Description].&amp;[0842200 - Power-Ostg]"/>
        <member name="[CB - Account].[Account CB - Description].&amp;[0843000 - LNG Maint of Gas Holders]"/>
        <member name="[CB - Account].[Account CB - Description].&amp;[0843200 - LNG Maint of Structures &amp; Impr]"/>
        <member name="[CB - Account].[Account CB - Description].&amp;[0843400 - LNG Maint Purification Equip]"/>
        <member name="[CB - Account].[Account CB - Description].&amp;[0843500 - LNG Maint Liquefaction Equip]"/>
        <member name="[CB - Account].[Account CB - Description].&amp;[0843600 - LNG Maint Vaporization Equip]"/>
        <member name="[CB - Account].[Account CB - Description].&amp;[0843700 - LNG Maint Compressor Equip]"/>
        <member name="[CB - Account].[Account CB - Description].&amp;[0843800 - LNG Maint Measure/Reg Equip]"/>
        <member name="[CB - Account].[Account CB - Description].&amp;[0843900 - LNG Maint Other Storage Equip]"/>
        <member name="[CB - Account].[Account CB - Description].&amp;[0844100 - LNG Ops Supv Eng Labor &amp; Exp]"/>
        <member name="[CB - Account].[Account CB - Description].&amp;[0844200 - Lng Terminal Labor &amp; Exp]"/>
        <member name="[CB - Account].[Account CB - Description].&amp;[0844400 - Lng Transp Labor &amp; Exp]"/>
        <member name="[CB - Account].[Account CB - Description].&amp;[0844600 - LNG Comp Station Labor &amp; Exp]"/>
        <member name="[CB - Account].[Account CB - Description].&amp;[0844701 - Communications Sys Exp]"/>
        <member name="[CB - Account].[Account CB - Description].&amp;[0845200 - LNG Power]"/>
        <member name="[CB - Account].[Account CB - Description].&amp;[0846200 - Other LNG Operating Expense]"/>
        <member name="[CB - Account].[Account CB - Description].&amp;[0846201 - LNG Operation Labor &amp; Exp]"/>
        <member name="[CB - Account].[Account CB - Description].&amp;[0847100 - Maintenance Supv &amp; Eng-PROC]"/>
        <member name="[CB - Account].[Account CB - Description].&amp;[0847200 - Maint Struct &amp; Imporve-Proc]"/>
        <member name="[CB - Account].[Account CB - Description].&amp;[0847300 - Maint Lng Process Terminal Eq]"/>
        <member name="[CB - Account].[Account CB - Description].&amp;[0847500 - Maint Lng Meas and Reg Eq]"/>
        <member name="[CB - Account].[Account CB - Description].&amp;[0847600 - Maint LNG Compress Station Eq]"/>
        <member name="[CB - Account].[Account CB - Description].&amp;[0847700 - Maint Of Communication Equip]"/>
        <member name="[CB - Account].[Account CB - Description].&amp;[0847800 - Maintenance Of Oth Equip-Proc]"/>
        <member name="[CB - Account].[Account CB - Description].&amp;[0850001 - Operation Supv &amp; Eng-Tran]"/>
        <member name="[CB - Account].[Account CB - Description].&amp;[0851000 - System Control &amp; Load Dispatch]"/>
        <member name="[CB - Account].[Account CB - Description].&amp;[0852000 - Communication System Expenses]"/>
        <member name="[CB - Account].[Account CB - Description].&amp;[0853000 - Compressor Station Labor &amp; Exp]"/>
        <member name="[CB - Account].[Account CB - Description].&amp;[0854000 - Gas Compressor Station Fuel]"/>
        <member name="[CB - Account].[Account CB - Description].&amp;[0855000 - Oth Fuel &amp; Power Comp Station]"/>
        <member name="[CB - Account].[Account CB - Description].&amp;[0856001 - Mains Expenses]"/>
        <member name="[CB - Account].[Account CB - Description].&amp;[0856002 - Mains Expense-Contra]"/>
        <member name="[CB - Account].[Account CB - Description].&amp;[0856003 - MAIN EXPENSE RELATED PARTY]"/>
        <member name="[CB - Account].[Account CB - Description].&amp;[0857000 - M &amp; R Station Expenses-Tran]"/>
        <member name="[CB - Account].[Account CB - Description].&amp;[0858000 - T&amp;C Of Gas By Others]"/>
        <member name="[CB - Account].[Account CB - Description].&amp;[0858001 - Operating Exp T&amp;C I/C Contra]"/>
        <member name="[CB - Account].[Account CB - Description].&amp;[0858002 - Oth Operation Exp - Rel Party]"/>
        <member name="[CB - Account].[Account CB - Description].&amp;[0858100 - I/C TRANSPORTATION EXP]"/>
        <member name="[CB - Account].[Account CB - Description].&amp;[0859000 - Other Expenses-Trans]"/>
        <member name="[CB - Account].[Account CB - Description].&amp;[0860000 - Rents-Tran]"/>
        <member name="[CB - Account].[Account CB - Description].&amp;[0861000 - Maintenance Supv &amp; Eng-Tran]"/>
        <member name="[CB - Account].[Account CB - Description].&amp;[0862000 - Maint Struct &amp; Improve-Tran]"/>
        <member name="[CB - Account].[Account CB - Description].&amp;[0863000 - Transm-Maint of Mains]"/>
        <member name="[CB - Account].[Account CB - Description].&amp;[0863001 - Maintenance Of Mains]"/>
        <member name="[CB - Account].[Account CB - Description].&amp;[0864000 - Maint Compressor Sta Eq-Tran]"/>
        <member name="[CB - Account].[Account CB - Description].&amp;[0865000 - Maint Of M &amp; R Station Eq-Tran]"/>
        <member name="[CB - Account].[Account CB - Description].&amp;[0866000 - Maint Of Communications Equip]"/>
        <member name="[CB - Account].[Account CB - Description].&amp;[0867000 - Maintenance Of Oth Equip-Tran]"/>
        <member name="[CB - Account].[Account CB - Description].&amp;[0870000 - Distribution Sys Ops-Supv/Eng]"/>
        <member name="[CB - Account].[Account CB - Description].&amp;[0871000 - Distribution Load Dispatching]"/>
        <member name="[CB - Account].[Account CB - Description].&amp;[0874000 - Mains And Services]"/>
        <member name="[CB - Account].[Account CB - Description].&amp;[0875000 - Measuring And Reg Stations-Ge]"/>
        <member name="[CB - Account].[Account CB - Description].&amp;[0876000 - Measuring &amp; Reg Station-Indus]"/>
        <member name="[CB - Account].[Account CB - Description].&amp;[0877000 - Meas Reg Sta-CityGate-Dist Ops]"/>
        <member name="[CB - Account].[Account CB - Description].&amp;[0878000 - Meter And House Regulator Exp]"/>
        <member name="[CB - Account].[Account CB - Description].&amp;[0879000 - Customer Installation Expense]"/>
        <member name="[CB - Account].[Account CB - Description].&amp;[0881000 - Intercompany Operating Rents]"/>
        <member name="[CB - Account].[Account CB - Description].&amp;[0885000 - Maint Dist Sys Fac- Supv/Engr]"/>
        <member name="[CB - Account].[Account CB - Description].&amp;[0886999 - Missing]"/>
        <member name="[CB - Account].[Account CB - Description].&amp;[0887000 - Maintenance of Mains]"/>
        <member name="[CB - Account].[Account CB - Description].&amp;[0889000 - Maint-Meas/Reg Stn Equip-Gas]"/>
        <member name="[CB - Account].[Account CB - Description].&amp;[0889001 - Maint CNG Fuel Stations-Dist]"/>
        <member name="[CB - Account].[Account CB - Description].&amp;[0890000 - Maint - Meas/Reg Stn Eq-Indus]"/>
        <member name="[CB - Account].[Account CB - Description].&amp;[0891000 - Maint M&amp;R equip City Gate]"/>
        <member name="[CB - Account].[Account CB - Description].&amp;[0892000 - Maintenance of Services]"/>
        <member name="[CB - Account].[Account CB - Description].&amp;[0893000 - Maint - Meters And House Reg]"/>
        <member name="[CB - Account].[Account CB - Description].&amp;[0894000 - Maint-Other Distribution Equip]"/>
        <member name="[CB - Account].[Account CB - Description].&amp;[0903001 - NC Cust Records &amp; Exp]"/>
        <member name="[CB - Account].[Account CB - Description].&amp;[0903002 - SC Cust Records &amp; Exp]"/>
        <member name="[CB - Account].[Account CB - Description].&amp;[0903210 - Customer Billing-Ncmpa]"/>
        <member name="[CB - Account].[Account CB - Description].&amp;[0903220 - Customer Billing-Ncemc]"/>
        <member name="[CB - Account].[Account CB - Description].&amp;[0903230 - Customer Billing-Saluda]"/>
        <member name="[CB - Account].[Account CB - Description].&amp;[0903240 - Customer Billing-Pmpa]"/>
        <member name="[CB - Account].[Account CB - Description].&amp;[0903250 - Customer Billing-Common]"/>
        <member name="[CB - Account].[Account CB - Description].&amp;[0903500 - Hand Delivery Of Bills]"/>
        <member name="[CB - Account].[Account CB - Description].&amp;[0903600 - Computer Serv Exps-Cust Accts]"/>
        <member name="[CB - Account].[Account CB - Description].&amp;[0903710 - Cust Billing Ncmpa-Operating]"/>
        <member name="[CB - Account].[Account CB - Description].&amp;[0903720 - Cust Billing Ncemc-Operating]"/>
        <member name="[CB - Account].[Account CB - Description].&amp;[0903730 - Cust Billing S.R.-Operating]"/>
        <member name="[CB - Account].[Account CB - Description].&amp;[0903740 - Cust Billing Pmpa-Operating]"/>
        <member name="[CB - Account].[Account CB - Description].&amp;[0903750 - Common - Operating-Cust Accts]"/>
        <member name="[CB - Account].[Account CB - Description].&amp;[0903800 - Missing]"/>
        <member name="[CB - Account].[Account CB - Description].&amp;[0903810 - Cust Billing Ncmpa-Spec'L Bill]"/>
        <member name="[CB - Account].[Account CB - Description].&amp;[0903820 - Cust Billing Ncemc-Spec'L Bill]"/>
        <member name="[CB - Account].[Account CB - Description].&amp;[0903830 - Cust Billing S.R.-Spec'L Bill]"/>
        <member name="[CB - Account].[Account CB - Description].&amp;[0903840 - Cust Billing Pmpa-Spec'L Bill]"/>
        <member name="[CB - Account].[Account CB - Description].&amp;[0903850 - Cust Billing Commn-Spec'L Bill]"/>
        <member name="[CB - Account].[Account CB - Description].&amp;[0903860 - Customer Billing - Npl]"/>
        <member name="[CB - Account].[Account CB - Description].&amp;[0904000 - Uncollectible Accounts]"/>
        <member name="[CB - Account].[Account CB - Description].&amp;[0904002 - Uncollectible Accounts]"/>
        <member name="[CB - Account].[Account CB - Description].&amp;[0904003 - Cust Acctg-Loss On Sale-A/R]"/>
        <member name="[CB - Account].[Account CB - Description].&amp;[0904004 - Credit Loss Expense]"/>
        <member name="[CB - Account].[Account CB - Description].&amp;[0904891 - IC Loss on Sale of AR VIE]"/>
        <member name="[CB - Account].[Account CB - Description].&amp;[0905100 - Inactive]"/>
        <member name="[CB - Account].[Account CB - Description].&amp;[0905200 - Inactive]"/>
        <member name="[CB - Account].[Account CB - Description].&amp;[0906060 - Cust Acct P/R Accr]"/>
        <member name="[CB - Account].[Account CB - Description].&amp;[0907000 - Supervision]"/>
        <member name="[CB - Account].[Account CB - Description].&amp;[0908001 - Conservation Deferral]"/>
        <member name="[CB - Account].[Account CB - Description].&amp;[0908002 - Amort of Load Mmgmt Switches]"/>
        <member name="[CB - Account].[Account CB - Description].&amp;[0908110 - Inactive]"/>
        <member name="[CB - Account].[Account CB - Description].&amp;[0908120 - Cust Assist Exp-Residential]"/>
        <member name="[CB - Account].[Account CB - Description].&amp;[0908130 - Cust Assist Exp-Agricultural]"/>
        <member name="[CB - Account].[Account CB - Description].&amp;[0908140 - Economic Development]"/>
        <member name="[CB - Account].[Account CB - Description].&amp;[0908150 - Commer/Indust Assistance Exp]"/>
        <member name="[CB - Account].[Account CB - Description].&amp;[0908160 - Cust Assist Exp-General]"/>
        <member name="[CB - Account].[Account CB - Description].&amp;[0908220 - Inactive]"/>
        <member name="[CB - Account].[Account CB - Description].&amp;[0908240 - Non-Resid Load Mgmt-Mo Tel Exp]"/>
        <member name="[CB - Account].[Account CB - Description].&amp;[0908250 - Non-Res Load Mgmt-Int Powserv]"/>
        <member name="[CB - Account].[Account CB - Description].&amp;[0908300 - Inactive]"/>
        <member name="[CB - Account].[Account CB - Description].&amp;[0908310 - Rcs Program-Public Relations]"/>
        <member name="[CB - Account].[Account CB - Description].&amp;[0908320 - Inactive]"/>
        <member name="[CB - Account].[Account CB - Description].&amp;[0908330 - Inactive]"/>
        <member name="[CB - Account].[Account CB - Description].&amp;[0908340 - Inactive]"/>
        <member name="[CB - Account].[Account CB - Description].&amp;[0908350 - Inactive]"/>
        <member name="[CB - Account].[Account CB - Description].&amp;[0908360 - Rcs Audit-Inspections]"/>
        <member name="[CB - Account].[Account CB - Description].&amp;[0908370 - Rcs Audit-Training Cost]"/>
        <member name="[CB - Account].[Account CB - Description].&amp;[0908380 - Inactive]"/>
        <member name="[CB - Account].[Account CB - Description].&amp;[0908400 - Inactive]"/>
        <member name="[CB - Account].[Account CB - Description].&amp;[0908430 - INACTIVE]"/>
        <member name="[CB - Account].[Account CB - Description].&amp;[0908440 - Loan Asst Materials/Supplies]"/>
        <member name="[CB - Account].[Account CB - Description].&amp;[0908500 - Inactive]"/>
        <member name="[CB - Account].[Account CB - Description].&amp;[0908510 - Inactive]"/>
        <member name="[CB - Account].[Account CB - Description].&amp;[0908520 - Inactive]"/>
        <member name="[CB - Account].[Account CB - Description].&amp;[0908540 - Cacs Audit-Supervision]"/>
        <member name="[CB - Account].[Account CB - Description].&amp;[0908550 - Inactive]"/>
        <member name="[CB - Account].[Account CB - Description].&amp;[0908560 - Cacs Audit-Training Cost]"/>
        <member name="[CB - Account].[Account CB - Description].&amp;[0908570 - Cacs Audit-Machine Lease/Rents]"/>
        <member name="[CB - Account].[Account CB - Description].&amp;[0909000 - Info &amp; Instruc Adv-Conservatio]"/>
        <member name="[CB - Account].[Account CB - Description].&amp;[0909110 - Bill Inserts]"/>
        <member name="[CB - Account].[Account CB - Description].&amp;[0909120 - Newspaper]"/>
        <member name="[CB - Account].[Account CB - Description].&amp;[0909130 - Television]"/>
        <member name="[CB - Account].[Account CB - Description].&amp;[0909140 - Radio]"/>
        <member name="[CB - Account].[Account CB - Description].&amp;[0909150 - Misc Advertising Expenses]"/>
        <member name="[CB - Account].[Account CB - Description].&amp;[0909160 - Direct Mail]"/>
        <member name="[CB - Account].[Account CB - Description].&amp;[0909180 - Movies,Displays,Brochures,Etc.]"/>
        <member name="[CB - Account].[Account CB - Description].&amp;[0909190 - Other Media]"/>
        <member name="[CB - Account].[Account CB - Description].&amp;[0909210 - Bill Inserts]"/>
        <member name="[CB - Account].[Account CB - Description].&amp;[0909220 - Newspaper]"/>
        <member name="[CB - Account].[Account CB - Description].&amp;[0909230 - Television]"/>
        <member name="[CB - Account].[Account CB - Description].&amp;[0909240 - Radio]"/>
        <member name="[CB - Account].[Account CB - Description].&amp;[0909250 - Misc Advertising Expenses]"/>
        <member name="[CB - Account].[Account CB - Description].&amp;[0909260 - Direct Mail]"/>
        <member name="[CB - Account].[Account CB - Description].&amp;[0909270 - Loan Assistance Adv Promotion]"/>
        <member name="[CB - Account].[Account CB - Description].&amp;[0909280 - Movies,Displays,Brochures,Etc.]"/>
        <member name="[CB - Account].[Account CB - Description].&amp;[0909290 - Other Media]"/>
        <member name="[CB - Account].[Account CB - Description].&amp;[0909310 - Bill Inserts]"/>
        <member name="[CB - Account].[Account CB - Description].&amp;[0909320 - Newspaper]"/>
        <member name="[CB - Account].[Account CB - Description].&amp;[0909330 - Television]"/>
        <member name="[CB - Account].[Account CB - Description].&amp;[0909340 - Radio]"/>
        <member name="[CB - Account].[Account CB - Description].&amp;[0909350 - Misc Advertising Expenses]"/>
        <member name="[CB - Account].[Account CB - Description].&amp;[0909360 - Direct Mail]"/>
        <member name="[CB - Account].[Account CB - Description].&amp;[0909380 - Movies,Displays,Brochures,Etc.]"/>
        <member name="[CB - Account].[Account CB - Description].&amp;[0909390 - Other Media]"/>
        <member name="[CB - Account].[Account CB - Description].&amp;[0909510 - Bill Inserts]"/>
        <member name="[CB - Account].[Account CB - Description].&amp;[0909520 - Newspaper]"/>
        <member name="[CB - Account].[Account CB - Description].&amp;[0909530 - Television]"/>
        <member name="[CB - Account].[Account CB - Description].&amp;[0909540 - Radio]"/>
        <member name="[CB - Account].[Account CB - Description].&amp;[0909550 - Misc Advertising Expenses]"/>
        <member name="[CB - Account].[Account CB - Description].&amp;[0909560 - Direct Mail]"/>
        <member name="[CB - Account].[Account CB - Description].&amp;[0909580 - Movies,Displays,Brochures,Etc.]"/>
        <member name="[CB - Account].[Account CB - Description].&amp;[0909590 - Other Media]"/>
        <member name="[CB - Account].[Account CB - Description].&amp;[0909610 - Bill Inserts]"/>
        <member name="[CB - Account].[Account CB - Description].&amp;[0909620 - Newspaper]"/>
        <member name="[CB - Account].[Account CB - Description].&amp;[0909630 - Television]"/>
        <member name="[CB - Account].[Account CB - Description].&amp;[0909640 - Radio]"/>
        <member name="[CB - Account].[Account CB - Description].&amp;[0909660 - Direct Mail]"/>
        <member name="[CB - Account].[Account CB - Description].&amp;[0909680 - Movies,Displays,Brochures,Etc.]"/>
        <member name="[CB - Account].[Account CB - Description].&amp;[0909690 - Other Media]"/>
        <member name="[CB - Account].[Account CB - Description].&amp;[0911000 - Supervision]"/>
        <member name="[CB - Account].[Account CB - Description].&amp;[0912300 - Economic Development Discount]"/>
        <member name="[CB - Account].[Account CB - Description].&amp;[0913000 - Advertising Expenses]"/>
        <member name="[CB - Account].[Account CB - Description].&amp;[0916000 - Misc Sales Expenses]"/>
        <member name="[CB - Account].[Account CB - Description].&amp;[0916001 - CNG Sales Labor &amp; Expenses]"/>
        <member name="[CB - Account].[Account CB - Description].&amp;[0920002 - NC O&amp;M Labor Deferral]"/>
        <member name="[CB - Account].[Account CB - Description].&amp;[09200AG - A&amp;G Statistical Account]"/>
        <member name="[CB - Account].[Account CB - Description].&amp;[09200CG - Corp Gov Statistical Account]"/>
        <member name="[CB - Account].[Account CB - Description].&amp;[0920300 - Project Development Labor]"/>
        <member name="[CB - Account].[Account CB - Description].&amp;[0920900 - Ess Mbca A&amp;G Service Function]"/>
        <member name="[CB - Account].[Account CB - Description].&amp;[0920902 - Allocated Labor - Offset]"/>
        <member name="[CB - Account].[Account CB - Description].&amp;[0920940 - A &amp; G Salaries]"/>
        <member name="[CB - Account].[Account CB - Description].&amp;[0920950 - A &amp; G Salaries]"/>
        <member name="[CB - Account].[Account CB - Description].&amp;[0920980 - A &amp; G Salaries For Corp.]"/>
        <member name="[CB - Account].[Account CB - Description].&amp;[0920990 - A &amp; G Salaries Corp.]"/>
        <member name="[CB - Account].[Account CB - Description].&amp;[0920991 - ADMIN &amp; GENERAL SALARIES]"/>
        <member name="[CB - Account].[Account CB - Description].&amp;[0921000 - I/C GENERAL ADMIN EXPENSE]"/>
        <member name="[CB - Account].[Account CB - Description].&amp;[0921102 - Employee Exp - SC]"/>
        <member name="[CB - Account].[Account CB - Description].&amp;[0921103 - Employee Exp - WH]"/>
        <member name="[CB - Account].[Account CB - Description].&amp;[0921150 - Gen Admin Related Pty]"/>
        <member name="[CB - Account].[Account CB - Description].&amp;[0921450 - A/G Mat/Exp-Elec -Billed DPL]"/>
        <member name="[CB - Account].[Account CB - Description].&amp;[0921580 - Allocated Computer Expenses]"/>
        <member name="[CB - Account].[Account CB - Description].&amp;[0921610 - Inventory Adjustments/Price Co]"/>
        <member name="[CB - Account].[Account CB - Description].&amp;[0921620 - Operating Expense w/10008]"/>
        <member name="[CB - Account].[Account CB - Description].&amp;[0921800 - Off Supplies &amp; Exp - Proj Supt]"/>
        <member name="[CB - Account].[Account CB - Description].&amp;[0921900 - Office Supply And Exp-Partner]"/>
        <member name="[CB - Account].[Account CB - Description].&amp;[0921901 - Alloc NonLabor Ofset]"/>
        <member name="[CB - Account].[Account CB - Description].&amp;[0921940 - Office Supplies &amp; Expenses]"/>
        <member name="[CB - Account].[Account CB - Description].&amp;[0921941 - OFFICE SUPPLIES &amp; EXPENSES]"/>
        <member name="[CB - Account].[Account CB - Description].&amp;[0921950 - Office Supplies &amp; Expenses]"/>
        <member name="[CB - Account].[Account CB - Description].&amp;[0921990 - Corp Governance Office]"/>
        <member name="[CB - Account].[Account CB - Description].&amp;[0922000 - Admin  Exp Transfer]"/>
        <member name="[CB - Account].[Account CB - Description].&amp;[0922100 - Admin Exp Transf-Construction]"/>
        <member name="[CB - Account].[Account CB - Description].&amp;[0922200 - Admin Exp Transf-Nonutility]"/>
        <member name="[CB - Account].[Account CB - Description].&amp;[0922300 - Admin Exp Transf-Water Dept]"/>
        <member name="[CB - Account].[Account CB - Description].&amp;[0922400 - Inactive]"/>
        <member name="[CB - Account].[Account CB - Description].&amp;[0922500 - Admin Exp Transf-Subsidiaries]"/>
        <member name="[CB - Account].[Account CB - Description].&amp;[0922501 - Fringe &amp; Tax Allocations]"/>
        <member name="[CB - Account].[Account CB - Description].&amp;[0922600 - Adm Exp Transf-Outside Service]"/>
        <member name="[CB - Account].[Account CB - Description].&amp;[0922700 - Admin Exp Transf-Catawba]"/>
        <member name="[CB - Account].[Account CB - Description].&amp;[0923001 - OUTSIDE SERVICES EMPLOYED]"/>
        <member name="[CB - Account].[Account CB - Description].&amp;[0923900 - Outside Svc Employed-Partner]"/>
        <member name="[CB - Account].[Account CB - Description].&amp;[0923940 - Outside Services]"/>
        <member name="[CB - Account].[Account CB - Description].&amp;[0923950 - Outside Services]"/>
        <member name="[CB - Account].[Account CB - Description].&amp;[0923960 - Income Tax Consulting Fees-Ele]"/>
        <member name="[CB - Account].[Account CB - Description].&amp;[0923990 - Outside Services Employee &amp;]"/>
        <member name="[CB - Account].[Account CB - Description].&amp;[0924001 - PROPERTY INSURANCE]"/>
        <member name="[CB - Account].[Account CB - Description].&amp;[0924100 - Admin-EH&amp;S Expense]"/>
        <member name="[CB - Account].[Account CB - Description].&amp;[0924110 - Admin-Insurance Expense]"/>
        <member name="[CB - Account].[Account CB - Description].&amp;[0924200 - Recoverable Storm Damage Exp]"/>
        <member name="[CB - Account].[Account CB - Description].&amp;[0924940 - Property Insurance]"/>
        <member name="[CB - Account].[Account CB - Description].&amp;[0924950 - Property Insurance]"/>
        <member name="[CB - Account].[Account CB - Description].&amp;[0924990 - Property Insurance For Corp.]"/>
        <member name="[CB - Account].[Account CB - Description].&amp;[0925050 - Inter-Co Non-Prop Ins Exp]"/>
        <member name="[CB - Account].[Account CB - Description].&amp;[0925052 - Inter-Co Worker Comp Insur Exp]"/>
        <member name="[CB - Account].[Account CB - Description].&amp;[0925100 - Accrued Inj And Damages]"/>
        <member name="[CB - Account].[Account CB - Description].&amp;[0925300 - Environmental Inj &amp; Damages]"/>
        <member name="[CB - Account].[Account CB - Description].&amp;[0925940 - Injuries &amp; Damages]"/>
        <member name="[CB - Account].[Account CB - Description].&amp;[0925950 - Injuries &amp; Damages]"/>
        <member name="[CB - Account].[Account CB - Description].&amp;[0925990 - Injuries &amp; Damages For Corp.]"/>
        <member name="[CB - Account].[Account CB - Description].&amp;[0925991 - Genl Frng Benfts Frm PSI-Joint]"/>
        <member name="[CB - Account].[Account CB - Description].&amp;[0926001 - PAYROLL BURDEN CONTRA]"/>
        <member name="[CB - Account].[Account CB - Description].&amp;[0926002 - Payroll Burden Offset]"/>
        <member name="[CB - Account].[Account CB - Description].&amp;[0926003 - NC Employee Benefits]"/>
        <member name="[CB - Account].[Account CB - Description].&amp;[0926004 - SC Employee Benefits]"/>
        <member name="[CB - Account].[Account CB - Description].&amp;[0926110 - Emp Retirement Plan Cost]"/>
        <member name="[CB - Account].[Account CB - Description].&amp;[0926120 - Supplemental Pensions]"/>
        <member name="[CB - Account].[Account CB - Description].&amp;[0926210 - Medical Insurance]"/>
        <member name="[CB - Account].[Account CB - Description].&amp;[0926220 - Life Insurance]"/>
        <member name="[CB - Account].[Account CB - Description].&amp;[0926230 - Dental Insurance]"/>
        <member name="[CB - Account].[Account CB - Description].&amp;[0926240 - Aetna-Disability]"/>
        <member name="[CB - Account].[Account CB - Description].&amp;[0926250 - Vision-Basic Coverage]"/>
        <member name="[CB - Account].[Account CB - Description].&amp;[0926260 - Commercial Life-Basic Ad&amp;D]"/>
        <member name="[CB - Account].[Account CB - Description].&amp;[0926270 - BENEFITS COST RECLASS]"/>
        <member name="[CB - Account].[Account CB - Description].&amp;[0926310 - Stock Purch/Savings Program]"/>
        <member name="[CB - Account].[Account CB - Description].&amp;[0926320 - Employees Stock Ownership Plan]"/>
        <member name="[CB - Account].[Account CB - Description].&amp;[0926330 - Employee Banked Vacation]"/>
        <member name="[CB - Account].[Account CB - Description].&amp;[0926340 - Inactive]"/>
        <member name="[CB - Account].[Account CB - Description].&amp;[0926410 - Company Magazine]"/>
        <member name="[CB - Account].[Account CB - Description].&amp;[0926490 - 0Ther Employee Benefits]"/>
        <member name="[CB - Account].[Account CB - Description].&amp;[0926500 - Postretirement Benefits Other]"/>
        <member name="[CB - Account].[Account CB - Description].&amp;[0926610 - Empl Ben Trans-Oper]"/>
        <member name="[CB - Account].[Account CB - Description].&amp;[0926620 - Empl Ben Trans-Maint]"/>
        <member name="[CB - Account].[Account CB - Description].&amp;[0926710 - Employee Matching Funds-]"/>
        <member name="[CB - Account].[Account CB - Description].&amp;[0926900 - A&amp;G Empl Pension &amp; Benefit-NCR]"/>
        <member name="[CB - Account].[Account CB - Description].&amp;[0926940 - Employee Benefits]"/>
        <member name="[CB - Account].[Account CB - Description].&amp;[0926950 - Employee Benefits]"/>
        <member name="[CB - Account].[Account CB - Description].&amp;[0926980 - Employee Benefits For Corp.]"/>
        <member name="[CB - Account].[Account CB - Description].&amp;[0926990 - Employee Benefits For Corp.]"/>
        <member name="[CB - Account].[Account CB - Description].&amp;[0927000 - Amortization-Goodwill]"/>
        <member name="[CB - Account].[Account CB - Description].&amp;[0927001 - General &amp; Administration]"/>
        <member name="[CB - Account].[Account CB - Description].&amp;[0927002 - Depreciation]"/>
        <member name="[CB - Account].[Account CB - Description].&amp;[0927003 - Amortization]"/>
        <member name="[CB - Account].[Account CB - Description].&amp;[0927004 - Royalty/Mgmt fee exp]"/>
        <member name="[CB - Account].[Account CB - Description].&amp;[0927005 - MANAGEMENT FEE EXP (TAX ONLY)]"/>
        <member name="[CB - Account].[Account CB - Description].&amp;[0927006 - Goodwill Impairment Loss]"/>
        <member name="[CB - Account].[Account CB - Description].&amp;[0927008 - ASSET IMPAIRMENT-G&amp;A]"/>
        <member name="[CB - Account].[Account CB - Description].&amp;[0927010 - Missing]"/>
        <member name="[CB - Account].[Account CB - Description].&amp;[0927100 - General &amp; Admin Affiliate]"/>
        <member name="[CB - Account].[Account CB - Description].&amp;[0928001 - 401(K) Matching]"/>
        <member name="[CB - Account].[Account CB - Description].&amp;[0928003 - Advertising - Sales]"/>
        <member name="[CB - Account].[Account CB - Description].&amp;[0928004 - Amortization-Acquisition]"/>
        <member name="[CB - Account].[Account CB - Description].&amp;[0928009 - Copies &amp; Reproduction-Indirect]"/>
        <member name="[CB - Account].[Account CB - Description].&amp;[0928010 - Education/Tuition]"/>
        <member name="[CB - Account].[Account CB - Description].&amp;[0928011 - Entertainment]"/>
        <member name="[CB - Account].[Account CB - Description].&amp;[0928012 - Equipment Maintenance]"/>
        <member name="[CB - Account].[Account CB - Description].&amp;[0928013 - Equipment Rental - Office]"/>
        <member name="[CB - Account].[Account CB - Description].&amp;[0928014 - Regulatory Commission Expenses]"/>
        <member name="[CB - Account].[Account CB - Description].&amp;[0928015 - Industry Association Dues]"/>
        <member name="[CB - Account].[Account CB - Description].&amp;[0928016 - Life Insurance]"/>
        <member name="[CB - Account].[Account CB - Description].&amp;[0928017 - Meals - Indirect]"/>
        <member name="[CB - Account].[Account CB - Description].&amp;[0928018 - Medical Insurance]"/>
        <member name="[CB - Account].[Account CB - Description].&amp;[0928019 - Meetings/Conferences/Seminars]"/>
        <member name="[CB - Account].[Account CB - Description].&amp;[0928020 - Miscellaneous General Expense]"/>
        <member name="[CB - Account].[Account CB - Description].&amp;[0928021 - Mobile Phone-Indirect]"/>
        <member name="[CB - Account].[Account CB - Description].&amp;[0928022 - Office Supplies]"/>
        <member name="[CB - Account].[Account CB - Description].&amp;[0928023 - Bank Charges]"/>
        <member name="[CB - Account].[Account CB - Description].&amp;[0928024 - Parking Supplement]"/>
        <member name="[CB - Account].[Account CB - Description].&amp;[0928025 - Pension/OPEB Expense]"/>
        <member name="[CB - Account].[Account CB - Description].&amp;[0928026 - Phone-Indirect]"/>
        <member name="[CB - Account].[Account CB - Description].&amp;[0928027 - Postage-Indirect]"/>
        <member name="[CB - Account].[Account CB - Description].&amp;[0928028 - Prof Fees Consultant]"/>
        <member name="[CB - Account].[Account CB - Description].&amp;[0928029 - Prof Fees Accounting]"/>
        <member name="[CB - Account].[Account CB - Description].&amp;[0928031 - Prof Fees Legal]"/>
        <member name="[CB - Account].[Account CB - Description].&amp;[0928032 - Prof Fees Outside Services]"/>
        <member name="[CB - Account].[Account CB - Description].&amp;[0928033 - PVH Salaries]"/>
        <member name="[CB - Account].[Account CB - Description].&amp;[0928034 - Recruiting E Other]"/>
        <member name="[CB - Account].[Account CB - Description].&amp;[0928035 - Relocation Expense]"/>
        <member name="[CB - Account].[Account CB - Description].&amp;[0928036 - Placement Fees]"/>
        <member name="[CB - Account].[Account CB - Description].&amp;[0928037 - Commissions Expense]"/>
        <member name="[CB - Account].[Account CB - Description].&amp;[0928038 - Incentive Expense]"/>
        <member name="[CB - Account].[Account CB - Description].&amp;[0928039 - Indirect Marketing Salaries]"/>
        <member name="[CB - Account].[Account CB - Description].&amp;[0928041 - Indirect Salaries]"/>
        <member name="[CB - Account].[Account CB - Description].&amp;[0928043 - Taxes Misc]"/>
        <member name="[CB - Account].[Account CB - Description].&amp;[0928044 - Taxes Property]"/>
        <member name="[CB - Account].[Account CB - Description].&amp;[0928045 - Temporary Services]"/>
        <member name="[CB - Account].[Account CB - Description].&amp;[0928046 - Indirect Travel]"/>
        <member name="[CB - Account].[Account CB - Description].&amp;[0928047 - Unemployment Ins. - Fe]"/>
        <member name="[CB - Account].[Account CB - Description].&amp;[0928048 - Unemployment Ins. - St]"/>
        <member name="[CB - Account].[Account CB - Description].&amp;[0928050 - Payroll Variance-Indirect]"/>
        <member name="[CB - Account].[Account CB - Description].&amp;[0928051 - DSI Transaction Costs]"/>
        <member name="[CB - Account].[Account CB - Description].&amp;[0928052 - Employee Benefits]"/>
        <member name="[CB - Account].[Account CB - Description].&amp;[0928053 - Travel Expenses]"/>
        <member name="[CB - Account].[Account CB - Description].&amp;[0928055 - Fed Energy Reg Com Proceed]"/>
        <member name="[CB - Account].[Account CB - Description].&amp;[0928058 - lt Incentive Exp]"/>
        <member name="[CB - Account].[Account CB - Description].&amp;[0928070 - PAYROLL BEN&amp;TAX G&amp;A RECLASS]"/>
        <member name="[CB - Account].[Account CB - Description].&amp;[0928930 - Amort Def Rate Case Exp]"/>
        <member name="[CB - Account].[Account CB - Description].&amp;[0928940 - Regulatory Expenses]"/>
        <member name="[CB - Account].[Account CB - Description].&amp;[0928950 - Regulatory Expenses]"/>
        <member name="[CB - Account].[Account CB - Description].&amp;[0928980 - Regulatory Expenses For Corp.]"/>
        <member name="[CB - Account].[Account CB - Description].&amp;[0928990 - Regulatory Expenses For Corp.]"/>
        <member name="[CB - Account].[Account CB - Description].&amp;[0928995 - Misc Employee Benefits]"/>
        <member name="[CB - Account].[Account CB - Description].&amp;[0929001 - Dental Insurance]"/>
        <member name="[CB - Account].[Account CB - Description].&amp;[0929002 - Depr - Computers/Software]"/>
        <member name="[CB - Account].[Account CB - Description].&amp;[0929003 - Depr - Furniture/Fixtures]"/>
        <member name="[CB - Account].[Account CB - Description].&amp;[0929004 - Depr - Leasehold Improvements]"/>
        <member name="[CB - Account].[Account CB - Description].&amp;[0929005 - Depr - Office/Field Equipment]"/>
        <member name="[CB - Account].[Account CB - Description].&amp;[0929006 - Facility Allocation]"/>
        <member name="[CB - Account].[Account CB - Description].&amp;[0929008 - Fica]"/>
        <member name="[CB - Account].[Account CB - Description].&amp;[0929009 - General Insurance]"/>
        <member name="[CB - Account].[Account CB - Description].&amp;[0929010 - Interest Expense]"/>
        <member name="[CB - Account].[Account CB - Description].&amp;[0929012 - Facility/Office Maintenance]"/>
        <member name="[CB - Account].[Account CB - Description].&amp;[0929013 - Rent - Facilities]"/>
        <member name="[CB - Account].[Account CB - Description].&amp;[0929014 - Utilities]"/>
        <member name="[CB - Account].[Account CB - Description].&amp;[0929015 - Payroll Taxes]"/>
        <member name="[CB - Account].[Account CB - Description].&amp;[0929940 - Duplicated Charges Energy]"/>
        <member name="[CB - Account].[Account CB - Description].&amp;[0929950 - Duplicated Charges Energy]"/>
        <member name="[CB - Account].[Account CB - Description].&amp;[0929980 - Duplicated Charges Energy For]"/>
        <member name="[CB - Account].[Account CB - Description].&amp;[0929990 - Duplicated Charges Energy For]"/>
        <member name="[CB - Account].[Account CB - Description].&amp;[0930050 - Intercompany A&amp;G]"/>
        <member name="[CB - Account].[Account CB - Description].&amp;[0930120 - Newspaper]"/>
        <member name="[CB - Account].[Account CB - Description].&amp;[0930130 - Television]"/>
        <member name="[CB - Account].[Account CB - Description].&amp;[0930140 - Radio]"/>
        <member name="[CB - Account].[Account CB - Description].&amp;[0930160 - Direct Mail]"/>
        <member name="[CB - Account].[Account CB - Description].&amp;[0930180 - Movies, Displays, Brochures,]"/>
        <member name="[CB - Account].[Account CB - Description].&amp;[0930190 - Other Media]"/>
        <member name="[CB - Account].[Account CB - Description].&amp;[0930201 - Misc General Expenses-Gri]"/>
        <member name="[CB - Account].[Account CB - Description].&amp;[0930202 - Operating Exp Misc I/C Contra]"/>
        <member name="[CB - Account].[Account CB - Description].&amp;[0930260 - Site Preparation]"/>
        <member name="[CB - Account].[Account CB - Description].&amp;[0930270 - Sds Billings]"/>
        <member name="[CB - Account].[Account CB - Description].&amp;[0930280 - Misc General Exp-Proj Supt - N]"/>
        <member name="[CB - Account].[Account CB - Description].&amp;[0930300 - Disp Of Hazardous Waste-Toddvi]"/>
        <member name="[CB - Account].[Account CB - Description].&amp;[0930400 - Misc Test Projects-Other]"/>
        <member name="[CB - Account].[Account CB - Description].&amp;[0930410 - Pwr Line Carrier Load Surv Dev]"/>
        <member name="[CB - Account].[Account CB - Description].&amp;[0930500 - Line Of Business A&amp;G]"/>
        <member name="[CB - Account].[Account CB - Description].&amp;[0930600 - Leased Circuit Charges-Other]"/>
        <member name="[CB - Account].[Account CB - Description].&amp;[0930610 - Leased Circuit Chgs-Load Mang]"/>
        <member name="[CB - Account].[Account CB - Description].&amp;[0930800 - R &amp; D-Alternative Energy]"/>
        <member name="[CB - Account].[Account CB - Description].&amp;[0930891 - IC Misc Gen Exp VIE]"/>
        <member name="[CB - Account].[Account CB - Description].&amp;[0930910 - Purchasing Dept Cst-To Be Dist]"/>
        <member name="[CB - Account].[Account CB - Description].&amp;[0930920 - Purchasing Dept Clearing Costs]"/>
        <member name="[CB - Account].[Account CB - Description].&amp;[0930930 - Inactive]"/>
        <member name="[CB - Account].[Account CB - Description].&amp;[0930941 - DENA AP Suspense]"/>
        <member name="[CB - Account].[Account CB - Description].&amp;[0930950 - General Expenses]"/>
        <member name="[CB - Account].[Account CB - Description].&amp;[0930980 - Misc. General Expenses For]"/>
        <member name="[CB - Account].[Account CB - Description].&amp;[0930985 - Misc. General Expenses]"/>
        <member name="[CB - Account].[Account CB - Description].&amp;[0930990 - Misc. General Expenses For]"/>
        <member name="[CB - Account].[Account CB - Description].&amp;[0931000 - Rents]"/>
        <member name="[CB - Account].[Account CB - Description].&amp;[0931002 - Operating Exp Rents I/C Contra]"/>
        <member name="[CB - Account].[Account CB - Description].&amp;[0931003 - Lease Amortization Expense]"/>
        <member name="[CB - Account].[Account CB - Description].&amp;[0931100 - I/C OPER. RENT EXP]"/>
        <member name="[CB - Account].[Account CB - Description].&amp;[0931200 - RENTS_PURCHASE_ACCTG_ADJ]"/>
        <member name="[CB - Account].[Account CB - Description].&amp;[0931940 - Rents]"/>
        <member name="[CB - Account].[Account CB - Description].&amp;[0931950 - Rents]"/>
        <member name="[CB - Account].[Account CB - Description].&amp;[0931970 - ROR/ADVAL-TETCO]"/>
        <member name="[CB - Account].[Account CB - Description].&amp;[0931980 - Rents For Corp. Governance]"/>
        <member name="[CB - Account].[Account CB - Description].&amp;[0931990 - Rents For Corp. Governance]"/>
        <member name="[CB - Account].[Account CB - Description].&amp;[0935001 - O&amp;M - A&amp;G]"/>
        <member name="[CB - Account].[Account CB - Description].&amp;[0935300 - Mnt Gnrl Plnt-Comm Eqmt-Load]"/>
        <member name="[CB - Account].[Account CB - Description].&amp;[0935400 - Maint of Gen Plant -Proj Supt]"/>
        <member name="[CB - Account].[Account CB - Description].&amp;[0935940 - Maintenance Of General Plant]"/>
        <member name="[CB - Account].[Account CB - Description].&amp;[0935950 - Maintenance Of General Plant]"/>
        <member name="[CB - Account].[Account CB - Description].&amp;[0935980 - Maintenance Of General Plant]"/>
        <member name="[CB - Account].[Account CB - Description].&amp;[0935990 - Maintenance Of General Plant]"/>
        <member name="[CB - Account].[Account CB - Description].&amp;[0988000 - Amortization Other Investment]"/>
        <member name="[CB - Account].[Account CB - Description].&amp;[0988001 - Dividends on Pref &amp; Cap Stk]"/>
        <member name="[CB - Account].[Account CB - Description].&amp;[0988002 - Interco Pref Stk Div DEGT Only]"/>
        <member name="[CB - Account].[Account CB - Description].&amp;[0999000 - Purch Allo Labor Stat Acct]"/>
        <member name="[CB - Account].[Account CB - Description].&amp;[0999002 - Budget Purch Alloc Stat Acct]"/>
        <member name="[CB - Account].[Account CB - Description].&amp;[0999003 - Westhimer Office SQFT]"/>
        <member name="[CB - Account].[Account CB - Description].&amp;[0999004 - McKinney Bldg SQFT]"/>
        <member name="[CB - Account].[Account CB - Description].&amp;[100001 - Missing]"/>
        <member name="[CB - Account].[Account CB - Description].&amp;[1010001 - Missing]"/>
        <member name="[CB - Account].[Account CB - Description].&amp;[1010002 - Missing]"/>
        <member name="[CB - Account].[Account CB - Description].&amp;[1010004 - Missing]"/>
        <member name="[CB - Account].[Account CB - Description].&amp;[1010005 - Missing]"/>
        <member name="[CB - Account].[Account CB - Description].&amp;[1010006 - Missing]"/>
        <member name="[CB - Account].[Account CB - Description].&amp;[1010007 - Missing]"/>
        <member name="[CB - Account].[Account CB - Description].&amp;[1010008 - Missing]"/>
        <member name="[CB - Account].[Account CB - Description].&amp;[1010009 - Missing]"/>
        <member name="[CB - Account].[Account CB - Description].&amp;[1010010 - Missing]"/>
        <member name="[CB - Account].[Account CB - Description].&amp;[1010011 - Missing]"/>
        <member name="[CB - Account].[Account CB - Description].&amp;[1010013 - Missing]"/>
        <member name="[CB - Account].[Account CB - Description].&amp;[1010015 - Missing]"/>
        <member name="[CB - Account].[Account CB - Description].&amp;[1010016 - Missing]"/>
        <member name="[CB - Account].[Account CB - Description].&amp;[1010021 - Missing]"/>
        <member name="[CB - Account].[Account CB - Description].&amp;[1020001 - Missing]"/>
        <member name="[CB - Account].[Account CB - Description].&amp;[1020002 - Missing]"/>
        <member name="[CB - Account].[Account CB - Description].&amp;[1023 - Missing]"/>
        <member name="[CB - Account].[Account CB - Description].&amp;[1036 - Missing]"/>
        <member name="[CB - Account].[Account CB - Description].&amp;[1050001 - Missing]"/>
        <member name="[CB - Account].[Account CB - Description].&amp;[1050002 - Missing]"/>
        <member name="[CB - Account].[Account CB - Description].&amp;[1050003 - Missing]"/>
        <member name="[CB - Account].[Account CB - Description].&amp;[1060001 - Missing]"/>
        <member name="[CB - Account].[Account CB - Description].&amp;[1060002 - Missing]"/>
        <member name="[CB - Account].[Account CB - Description].&amp;[1060003 - Missing]"/>
        <member name="[CB - Account].[Account CB - Description].&amp;[1060004 - Missing]"/>
        <member name="[CB - Account].[Account CB - Description].&amp;[1060005 - Missing]"/>
        <member name="[CB - Account].[Account CB - Description].&amp;[1060006 - Missing]"/>
        <member name="[CB - Account].[Account CB - Description].&amp;[1060007 - Missing]"/>
        <member name="[CB - Account].[Account CB - Description].&amp;[1060008 - Missing]"/>
        <member name="[CB - Account].[Account CB - Description].&amp;[1060009 - Missing]"/>
        <member name="[CB - Account].[Account CB - Description].&amp;[107000 - Missing]"/>
        <member name="[CB - Account].[Account CB - Description].&amp;[1070001 - Missing]"/>
        <member name="[CB - Account].[Account CB - Description].&amp;[1070003 - Missing]"/>
        <member name="[CB - Account].[Account CB - Description].&amp;[1080001 - Missing]"/>
        <member name="[CB - Account].[Account CB - Description].&amp;[1080002 - Missing]"/>
        <member name="[CB - Account].[Account CB - Description].&amp;[1080003 - Missing]"/>
        <member name="[CB - Account].[Account CB - Description].&amp;[1080004 - Missing]"/>
        <member name="[CB - Account].[Account CB - Description].&amp;[1080006 - Missing]"/>
        <member name="[CB - Account].[Account CB - Description].&amp;[1080007 - Missing]"/>
        <member name="[CB - Account].[Account CB - Description].&amp;[1080008 - Missing]"/>
        <member name="[CB - Account].[Account CB - Description].&amp;[1080009 - Missing]"/>
        <member name="[CB - Account].[Account CB - Description].&amp;[1080010 - Missing]"/>
        <member name="[CB - Account].[Account CB - Description].&amp;[1080011 - Missing]"/>
        <member name="[CB - Account].[Account CB - Description].&amp;[1080012 - Missing]"/>
        <member name="[CB - Account].[Account CB - Description].&amp;[1080013 - Missing]"/>
        <member name="[CB - Account].[Account CB - Description].&amp;[1080014 - Missing]"/>
        <member name="[CB - Account].[Account CB - Description].&amp;[1080015 - Missing]"/>
        <member name="[CB - Account].[Account CB - Description].&amp;[1080016 - Missing]"/>
        <member name="[CB - Account].[Account CB - Description].&amp;[1080017 - Missing]"/>
        <member name="[CB - Account].[Account CB - Description].&amp;[1080018 - Missing]"/>
        <member name="[CB - Account].[Account CB - Description].&amp;[1080019 - Missing]"/>
        <member name="[CB - Account].[Account CB - Description].&amp;[1080021 - Missing]"/>
        <member name="[CB - Account].[Account CB - Description].&amp;[1080022 - Missing]"/>
        <member name="[CB - Account].[Account CB - Description].&amp;[1080024 - Missing]"/>
        <member name="[CB - Account].[Account CB - Description].&amp;[1080025 - Missing]"/>
        <member name="[CB - Account].[Account CB - Description].&amp;[1080026 - Missing]"/>
        <member name="[CB - Account].[Account CB - Description].&amp;[1080027 - Missing]"/>
        <member name="[CB - Account].[Account CB - Description].&amp;[1080028 - Missing]"/>
        <member name="[CB - Account].[Account CB - Description].&amp;[1080029 - Missing]"/>
        <member name="[CB - Account].[Account CB - Description].&amp;[1080030 - Missing]"/>
        <member name="[CB - Account].[Account CB - Description].&amp;[1080031 - Missing]"/>
        <member name="[CB - Account].[Account CB - Description].&amp;[1080033 - Missing]"/>
        <member name="[CB - Account].[Account CB - Description].&amp;[1080034 - Missing]"/>
        <member name="[CB - Account].[Account CB - Description].&amp;[1081001 - Missing]"/>
        <member name="[CB - Account].[Account CB - Description].&amp;[108600 - Missing]"/>
        <member name="[CB - Account].[Account CB - Description].&amp;[108610 - RWIP-EBIT-ROCE]"/>
        <member name="[CB - Account].[Account CB - Description].&amp;[1088001 - Missing]"/>
        <member name="[CB - Account].[Account CB - Description].&amp;[1088002 - Missing]"/>
        <member name="[CB - Account].[Account CB - Description].&amp;[1089001 - Missing]"/>
        <member name="[CB - Account].[Account CB - Description].&amp;[1110001 - Missing]"/>
        <member name="[CB - Account].[Account CB - Description].&amp;[1110002 - Missing]"/>
        <member name="[CB - Account].[Account CB - Description].&amp;[1110003 - Missing]"/>
        <member name="[CB - Account].[Account CB - Description].&amp;[1110004 - Missing]"/>
        <member name="[CB - Account].[Account CB - Description].&amp;[1110005 - Missing]"/>
        <member name="[CB - Account].[Account CB - Description].&amp;[1110006 - Missing]"/>
        <member name="[CB - Account].[Account CB - Description].&amp;[1110007 - Missing]"/>
        <member name="[CB - Account].[Account CB - Description].&amp;[1110008 - Missing]"/>
        <member name="[CB - Account].[Account CB - Description].&amp;[1110009 - Missing]"/>
        <member name="[CB - Account].[Account CB - Description].&amp;[1140001 - Missing]"/>
        <member name="[CB - Account].[Account CB - Description].&amp;[1140002 - Missing]"/>
        <member name="[CB - Account].[Account CB - Description].&amp;[1140003 - Missing]"/>
        <member name="[CB - Account].[Account CB - Description].&amp;[1140004 - Missing]"/>
        <member name="[CB - Account].[Account CB - Description].&amp;[1140006 - Missing]"/>
        <member name="[CB - Account].[Account CB - Description].&amp;[1140007 - Missing]"/>
        <member name="[CB - Account].[Account CB - Description].&amp;[1140008 - Missing]"/>
        <member name="[CB - Account].[Account CB - Description].&amp;[1140009 - Missing]"/>
        <member name="[CB - Account].[Account CB - Description].&amp;[1140010 - Missing]"/>
        <member name="[CB - Account].[Account CB - Description].&amp;[1140011 - Missing]"/>
        <member name="[CB - Account].[Account CB - Description].&amp;[1140012 - Missing]"/>
        <member name="[CB - Account].[Account CB - Description].&amp;[1140019 - Missing]"/>
        <member name="[CB - Account].[Account CB - Description].&amp;[1140024 - Missing]"/>
        <member name="[CB - Account].[Account CB - Description].&amp;[1140025 - Missing]"/>
        <member name="[CB - Account].[Account CB - Description].&amp;[1140027 - Missing]"/>
        <member name="[CB - Account].[Account CB - Description].&amp;[1140028 - Missing]"/>
        <member name="[CB - Account].[Account CB - Description].&amp;[1140029 - Missing]"/>
        <member name="[CB - Account].[Account CB - Description].&amp;[1140030 - Missing]"/>
        <member name="[CB - Account].[Account CB - Description].&amp;[1140031 - Missing]"/>
        <member name="[CB - Account].[Account CB - Description].&amp;[1140032 - Missing]"/>
        <member name="[CB - Account].[Account CB - Description].&amp;[1140033 - Missing]"/>
        <member name="[CB - Account].[Account CB - Description].&amp;[1140034 - Missing]"/>
        <member name="[CB - Account].[Account CB - Description].&amp;[1140035 - Missing]"/>
        <member name="[CB - Account].[Account CB - Description].&amp;[1140036 - Missing]"/>
        <member name="[CB - Account].[Account CB - Description].&amp;[1140037 - Missing]"/>
        <member name="[CB - Account].[Account CB - Description].&amp;[1140038 - Missing]"/>
        <member name="[CB - Account].[Account CB - Description].&amp;[1140039 - Missing]"/>
        <member name="[CB - Account].[Account CB - Description].&amp;[1140040 - Missing]"/>
        <member name="[CB - Account].[Account CB - Description].&amp;[1140041 - Missing]"/>
        <member name="[CB - Account].[Account CB - Description].&amp;[1140042 - Missing]"/>
        <member name="[CB - Account].[Account CB - Description].&amp;[1140043 - Missing]"/>
        <member name="[CB - Account].[Account CB - Description].&amp;[1140045 - Missing]"/>
        <member name="[CB - Account].[Account CB - Description].&amp;[1140046 - Missing]"/>
        <member name="[CB - Account].[Account CB - Description].&amp;[1140047 - Missing]"/>
        <member name="[CB - Account].[Account CB - Description].&amp;[1140048 - Missing]"/>
        <member name="[CB - Account].[Account CB - Description].&amp;[1140049 - Missing]"/>
        <member name="[CB - Account].[Account CB - Description].&amp;[1140050 - Missing]"/>
        <member name="[CB - Account].[Account CB - Description].&amp;[1140051 - Missing]"/>
        <member name="[CB - Account].[Account CB - Description].&amp;[1140052 - Missing]"/>
        <member name="[CB - Account].[Account CB - Description].&amp;[1140053 - Missing]"/>
        <member name="[CB - Account].[Account CB - Description].&amp;[1140054 - Missing]"/>
        <member name="[CB - Account].[Account CB - Description].&amp;[1140055 - Missing]"/>
        <member name="[CB - Account].[Account CB - Description].&amp;[1140056 - Missing]"/>
        <member name="[CB - Account].[Account CB - Description].&amp;[1140057 - Missing]"/>
        <member name="[CB - Account].[Account CB - Description].&amp;[1140058 - Missing]"/>
        <member name="[CB - Account].[Account CB - Description].&amp;[1140059 - Missing]"/>
        <member name="[CB - Account].[Account CB - Description].&amp;[1140060 - Missing]"/>
        <member name="[CB - Account].[Account CB - Description].&amp;[1150001 - Missing]"/>
        <member name="[CB - Account].[Account CB - Description].&amp;[1150002 - Missing]"/>
        <member name="[CB - Account].[Account CB - Description].&amp;[1150003 - Missing]"/>
        <member name="[CB - Account].[Account CB - Description].&amp;[1150006 - Missing]"/>
        <member name="[CB - Account].[Account CB - Description].&amp;[1150007 - Missing]"/>
        <member name="[CB - Account].[Account CB - Description].&amp;[1150008 - Missing]"/>
        <member name="[CB - Account].[Account CB - Description].&amp;[1150009 - Missing]"/>
        <member name="[CB - Account].[Account CB - Description].&amp;[1150010 - Missing]"/>
        <member name="[CB - Account].[Account CB - Description].&amp;[1150011 - Missing]"/>
        <member name="[CB - Account].[Account CB - Description].&amp;[1150012 - Missing]"/>
        <member name="[CB - Account].[Account CB - Description].&amp;[1150013 - Missing]"/>
        <member name="[CB - Account].[Account CB - Description].&amp;[1150014 - Missing]"/>
        <member name="[CB - Account].[Account CB - Description].&amp;[1150015 - Missing]"/>
        <member name="[CB - Account].[Account CB - Description].&amp;[1150016 - Missing]"/>
        <member name="[CB - Account].[Account CB - Description].&amp;[1150017 - Missing]"/>
        <member name="[CB - Account].[Account CB - Description].&amp;[1150018 - Missing]"/>
        <member name="[CB - Account].[Account CB - Description].&amp;[1150019 - Missing]"/>
        <member name="[CB - Account].[Account CB - Description].&amp;[1150020 - Missing]"/>
        <member name="[CB - Account].[Account CB - Description].&amp;[1150021 - Missing]"/>
        <member name="[CB - Account].[Account CB - Description].&amp;[1150022 - Missing]"/>
        <member name="[CB - Account].[Account CB - Description].&amp;[1150024 - Missing]"/>
        <member name="[CB - Account].[Account CB - Description].&amp;[1150025 - Missing]"/>
        <member name="[CB - Account].[Account CB - Description].&amp;[1150026 - Missing]"/>
        <member name="[CB - Account].[Account CB - Description].&amp;[1150027 - Missing]"/>
        <member name="[CB - Account].[Account CB - Description].&amp;[1150028 - Missing]"/>
        <member name="[CB - Account].[Account CB - Description].&amp;[1150029 - Missing]"/>
        <member name="[CB - Account].[Account CB - Description].&amp;[1150030 - Missing]"/>
        <member name="[CB - Account].[Account CB - Description].&amp;[1154110 - Nuclear Inventory Purch/Transf]"/>
        <member name="[CB - Account].[Account CB - Description].&amp;[1154120 - Non-Nuclear Inventory Pur/Tran]"/>
        <member name="[CB - Account].[Account CB - Description].&amp;[1163010 - Stores Expense - Merchandising]"/>
        <member name="[CB - Account].[Account CB - Description].&amp;[1163110 - Stores Expense]"/>
        <member name="[CB - Account].[Account CB - Description].&amp;[1163120 - Purch Dept Oper Costs-Clearing]"/>
        <member name="[CB - Account].[Account CB - Description].&amp;[1170001 - Missing]"/>
        <member name="[CB - Account].[Account CB - Description].&amp;[1171001 - Missing]"/>
        <member name="[CB - Account].[Account CB - Description].&amp;[1172001 - Missing]"/>
        <member name="[CB - Account].[Account CB - Description].&amp;[1172002 - Missing]"/>
        <member name="[CB - Account].[Account CB - Description].&amp;[1172003 - Missing]"/>
        <member name="[CB - Account].[Account CB - Description].&amp;[1172004 - Missing]"/>
        <member name="[CB - Account].[Account CB - Description].&amp;[1172005 - Missing]"/>
        <member name="[CB - Account].[Account CB - Description].&amp;[1172006 - Missing]"/>
        <member name="[CB - Account].[Account CB - Description].&amp;[1172007 - Missing]"/>
        <member name="[CB - Account].[Account CB - Description].&amp;[1172008 - Missing]"/>
        <member name="[CB - Account].[Account CB - Description].&amp;[1172009 - Missing]"/>
        <member name="[CB - Account].[Account CB - Description].&amp;[1172010 - Missing]"/>
        <member name="[CB - Account].[Account CB - Description].&amp;[1172011 - Missing]"/>
        <member name="[CB - Account].[Account CB - Description].&amp;[1172012 - Missing]"/>
        <member name="[CB - Account].[Account CB - Description].&amp;[1172013 - Missing]"/>
        <member name="[CB - Account].[Account CB - Description].&amp;[1172014 - Missing]"/>
        <member name="[CB - Account].[Account CB - Description].&amp;[1172015 - Missing]"/>
        <member name="[CB - Account].[Account CB - Description].&amp;[1172018 - Missing]"/>
        <member name="[CB - Account].[Account CB - Description].&amp;[1172019 - Missing]"/>
        <member name="[CB - Account].[Account CB - Description].&amp;[1172020 - Missing]"/>
        <member name="[CB - Account].[Account CB - Description].&amp;[1186110 - Miscellaneous Work In Process]"/>
        <member name="[CB - Account].[Account CB - Description].&amp;[1186120 - Misc. Wip - Fp Dist. Wids]"/>
        <member name="[CB - Account].[Account CB - Description].&amp;[1186130 - System Impact/Facility Studies]"/>
        <member name="[CB - Account].[Account CB - Description].&amp;[1188200 - Inactive]"/>
        <member name="[CB - Account].[Account CB - Description].&amp;[1188300 - Les Clearing]"/>
        <member name="[CB - Account].[Account CB - Description].&amp;[1199980 - Im Corporate Governance]"/>
        <member name="[CB - Account].[Account CB - Description].&amp;[1199990 - Shared Services/Im Clearing]"/>
        <member name="[CB - Account].[Account CB - Description].&amp;[1210000 - AR CONTRA]"/>
        <member name="[CB - Account].[Account CB - Description].&amp;[1210001 - Missing]"/>
        <member name="[CB - Account].[Account CB - Description].&amp;[1210002 - Missing]"/>
        <member name="[CB - Account].[Account CB - Description].&amp;[1210003 - Missing]"/>
        <member name="[CB - Account].[Account CB - Description].&amp;[1210004 - Missing]"/>
        <member name="[CB - Account].[Account CB - Description].&amp;[1210005 - Missing]"/>
        <member name="[CB - Account].[Account CB - Description].&amp;[1210006 - Missing]"/>
        <member name="[CB - Account].[Account CB - Description].&amp;[1210007 - Missing]"/>
        <member name="[CB - Account].[Account CB - Description].&amp;[1210008 - Missing]"/>
        <member name="[CB - Account].[Account CB - Description].&amp;[1210011 - Missing]"/>
        <member name="[CB - Account].[Account CB - Description].&amp;[1210012 - Missing]"/>
        <member name="[CB - Account].[Account CB - Description].&amp;[1210013 - Missing]"/>
        <member name="[CB - Account].[Account CB - Description].&amp;[1210014 - Missing]"/>
        <member name="[CB - Account].[Account CB - Description].&amp;[1210015 - Missing]"/>
        <member name="[CB - Account].[Account CB - Description].&amp;[1211001 - Missing]"/>
        <member name="[CB - Account].[Account CB - Description].&amp;[1218001 - Missing]"/>
        <member name="[CB - Account].[Account CB - Description].&amp;[1220001 - Missing]"/>
        <member name="[CB - Account].[Account CB - Description].&amp;[1220002 - Missing]"/>
        <member name="[CB - Account].[Account CB - Description].&amp;[1220003 - Missing]"/>
        <member name="[CB - Account].[Account CB - Description].&amp;[1220004 - Missing]"/>
        <member name="[CB - Account].[Account CB - Description].&amp;[1220005 - Missing]"/>
        <member name="[CB - Account].[Account CB - Description].&amp;[1220006 - Missing]"/>
        <member name="[CB - Account].[Account CB - Description].&amp;[1220007 - Missing]"/>
        <member name="[CB - Account].[Account CB - Description].&amp;[1220011 - Missing]"/>
        <member name="[CB - Account].[Account CB - Description].&amp;[1220012 - Missing]"/>
        <member name="[CB - Account].[Account CB - Description].&amp;[1228001 - Missing]"/>
        <member name="[CB - Account].[Account CB - Description].&amp;[1230002 - Missing]"/>
        <member name="[CB - Account].[Account CB - Description].&amp;[1230004 - Missing]"/>
        <member name="[CB - Account].[Account CB - Description].&amp;[1230005 - Missing]"/>
        <member name="[CB - Account].[Account CB - Description].&amp;[1230006 - Missing]"/>
        <member name="[CB - Account].[Account CB - Description].&amp;[1230007 - Missing]"/>
        <member name="[CB - Account].[Account CB - Description].&amp;[1230008 - Missing]"/>
        <member name="[CB - Account].[Account CB - Description].&amp;[1230009 - Missing]"/>
        <member name="[CB - Account].[Account CB - Description].&amp;[1230011 - Missing]"/>
        <member name="[CB - Account].[Account CB - Description].&amp;[1230012 - Missing]"/>
        <member name="[CB - Account].[Account CB - Description].&amp;[1230013 - Missing]"/>
        <member name="[CB - Account].[Account CB - Description].&amp;[1230015 - Missing]"/>
        <member name="[CB - Account].[Account CB - Description].&amp;[1230016 - Missing]"/>
        <member name="[CB - Account].[Account CB - Description].&amp;[1230017 - Missing]"/>
        <member name="[CB - Account].[Account CB - Description].&amp;[1230019 - Missing]"/>
        <member name="[CB - Account].[Account CB - Description].&amp;[1230020 - Missing]"/>
        <member name="[CB - Account].[Account CB - Description].&amp;[1230021 - Missing]"/>
        <member name="[CB - Account].[Account CB - Description].&amp;[1230022 - Missing]"/>
        <member name="[CB - Account].[Account CB - Description].&amp;[1230023 - Missing]"/>
        <member name="[CB - Account].[Account CB - Description].&amp;[1230024 - Missing]"/>
        <member name="[CB - Account].[Account CB - Description].&amp;[1230025 - Missing]"/>
        <member name="[CB - Account].[Account CB - Description].&amp;[1230026 - Missing]"/>
        <member name="[CB - Account].[Account CB - Description].&amp;[1230028 - Missing]"/>
        <member name="[CB - Account].[Account CB - Description].&amp;[1230030 - Missing]"/>
        <member name="[CB - Account].[Account CB - Description].&amp;[1230031 - Missing]"/>
        <member name="[CB - Account].[Account CB - Description].&amp;[1230037 - Missing]"/>
        <member name="[CB - Account].[Account CB - Description].&amp;[1230040 - Missing]"/>
        <member name="[CB - Account].[Account CB - Description].&amp;[1230041 - Missing]"/>
        <member name="[CB - Account].[Account CB - Description].&amp;[1230045 - Missing]"/>
        <member name="[CB - Account].[Account CB - Description].&amp;[1230046 - Missing]"/>
        <member name="[CB - Account].[Account CB - Description].&amp;[1230047 - Missing]"/>
        <member name="[CB - Account].[Account CB - Description].&amp;[1230050 - Missing]"/>
        <member name="[CB - Account].[Account CB - Description].&amp;[1230055 - Missing]"/>
        <member name="[CB - Account].[Account CB - Description].&amp;[1230056 - Missing]"/>
        <member name="[CB - Account].[Account CB - Description].&amp;[1230057 - Missing]"/>
        <member name="[CB - Account].[Account CB - Description].&amp;[1230058 - Missing]"/>
        <member name="[CB - Account].[Account CB - Description].&amp;[1230059 - Missing]"/>
        <member name="[CB - Account].[Account CB - Description].&amp;[1230064 - Missing]"/>
        <member name="[CB - Account].[Account CB - Description].&amp;[1230065 - Missing]"/>
        <member name="[CB - Account].[Account CB - Description].&amp;[1230067 - Missing]"/>
        <member name="[CB - Account].[Account CB - Description].&amp;[1230069 - Missing]"/>
        <member name="[CB - Account].[Account CB - Description].&amp;[1230070 - Missing]"/>
        <member name="[CB - Account].[Account CB - Description].&amp;[1230073 - Missing]"/>
        <member name="[CB - Account].[Account CB - Description].&amp;[1230074 - Missing]"/>
        <member name="[CB - Account].[Account CB - Description].&amp;[1230075 - Missing]"/>
        <member name="[CB - Account].[Account CB - Description].&amp;[1230076 - Missing]"/>
        <member name="[CB - Account].[Account CB - Description].&amp;[1230091 - Missing]"/>
        <member name="[CB - Account].[Account CB - Description].&amp;[1230092 - Missing]"/>
        <member name="[CB - Account].[Account CB - Description].&amp;[1230093 - Missing]"/>
        <member name="[CB - Account].[Account CB - Description].&amp;[1230094 - Missing]"/>
        <member name="[CB - Account].[Account CB - Description].&amp;[1230095 - Missing]"/>
        <member name="[CB - Account].[Account CB - Description].&amp;[1230096 - Missing]"/>
        <member name="[CB - Account].[Account CB - Description].&amp;[1230097 - Missing]"/>
        <member name="[CB - Account].[Account CB - Description].&amp;[1230098 - Missing]"/>
        <member name="[CB - Account].[Account CB - Description].&amp;[1230099 - Missing]"/>
        <member name="[CB - Account].[Account CB - Description].&amp;[1230100 - Missing]"/>
        <member name="[CB - Account].[Account CB - Description].&amp;[1230101 - Missing]"/>
        <member name="[CB - Account].[Account CB - Description].&amp;[1230102 - Missing]"/>
        <member name="[CB - Account].[Account CB - Description].&amp;[1230103 - Missing]"/>
        <member name="[CB - Account].[Account CB - Description].&amp;[1230104 - Missing]"/>
        <member name="[CB - Account].[Account CB - Description].&amp;[1230105 - Missing]"/>
        <member name="[CB - Account].[Account CB - Description].&amp;[1230106 - Missing]"/>
        <member name="[CB - Account].[Account CB - Description].&amp;[1230107 - Missing]"/>
        <member name="[CB - Account].[Account CB - Description].&amp;[1230108 - Missing]"/>
        <member name="[CB - Account].[Account CB - Description].&amp;[1230109 - Missing]"/>
        <member name="[CB - Account].[Account CB - Description].&amp;[1230110 - Missing]"/>
        <member name="[CB - Account].[Account CB - Description].&amp;[1230111 - Missing]"/>
        <member name="[CB - Account].[Account CB - Description].&amp;[1230112 - Missing]"/>
        <member name="[CB - Account].[Account CB - Description].&amp;[1230113 - Missing]"/>
        <member name="[CB - Account].[Account CB - Description].&amp;[1230114 - Missing]"/>
        <member name="[CB - Account].[Account CB - Description].&amp;[1230115 - Missing]"/>
        <member name="[CB - Account].[Account CB - Description].&amp;[1230116 - Missing]"/>
        <member name="[CB - Account].[Account CB - Description].&amp;[1230118 - Missing]"/>
        <member name="[CB - Account].[Account CB - Description].&amp;[1230119 - Missing]"/>
        <member name="[CB - Account].[Account CB - Description].&amp;[1230120 - Missing]"/>
        <member name="[CB - Account].[Account CB - Description].&amp;[1230121 - Missing]"/>
        <member name="[CB - Account].[Account CB - Description].&amp;[1230122 - Missing]"/>
        <member name="[CB - Account].[Account CB - Description].&amp;[1230123 - Missing]"/>
        <member name="[CB - Account].[Account CB - Description].&amp;[1230125 - Missing]"/>
        <member name="[CB - Account].[Account CB - Description].&amp;[1230149 - Missing]"/>
        <member name="[CB - Account].[Account CB - Description].&amp;[1230150 - Missing]"/>
        <member name="[CB - Account].[Account CB - Description].&amp;[1230151 - Missing]"/>
        <member name="[CB - Account].[Account CB - Description].&amp;[1230152 - Missing]"/>
        <member name="[CB - Account].[Account CB - Description].&amp;[1230153 - Missing]"/>
        <member name="[CB - Account].[Account CB - Description].&amp;[1230155 - Missing]"/>
        <member name="[CB - Account].[Account CB - Description].&amp;[1230156 - Missing]"/>
        <member name="[CB - Account].[Account CB - Description].&amp;[1230157 - Missing]"/>
        <member name="[CB - Account].[Account CB - Description].&amp;[1230158 - Missing]"/>
        <member name="[CB - Account].[Account CB - Description].&amp;[1230159 - Missing]"/>
        <member name="[CB - Account].[Account CB - Description].&amp;[1230160 - Missing]"/>
        <member name="[CB - Account].[Account CB - Description].&amp;[1230162 - Missing]"/>
        <member name="[CB - Account].[Account CB - Description].&amp;[1230163 - Missing]"/>
        <member name="[CB - Account].[Account CB - Description].&amp;[1230164 - Missing]"/>
        <member name="[CB - Account].[Account CB - Description].&amp;[1230166 - Missing]"/>
        <member name="[CB - Account].[Account CB - Description].&amp;[1231001 - Missing]"/>
        <member name="[CB - Account].[Account CB - Description].&amp;[1231002 - Missing]"/>
        <member name="[CB - Account].[Account CB - Description].&amp;[1231004 - Missing]"/>
        <member name="[CB - Account].[Account CB - Description].&amp;[1231006 - Missing]"/>
        <member name="[CB - Account].[Account CB - Description].&amp;[1231007 - Missing]"/>
        <member name="[CB - Account].[Account CB - Description].&amp;[1231008 - Missing]"/>
        <member name="[CB - Account].[Account CB - Description].&amp;[1231012 - Missing]"/>
        <member name="[CB - Account].[Account CB - Description].&amp;[1231013 - Missing]"/>
        <member name="[CB - Account].[Account CB - Description].&amp;[1231017 - Missing]"/>
        <member name="[CB - Account].[Account CB - Description].&amp;[1231020 - Missing]"/>
        <member name="[CB - Account].[Account CB - Description].&amp;[1231024 - Missing]"/>
        <member name="[CB - Account].[Account CB - Description].&amp;[1231029 - Missing]"/>
        <member name="[CB - Account].[Account CB - Description].&amp;[1231040 - Missing]"/>
        <member name="[CB - Account].[Account CB - Description].&amp;[1231041 - Missing]"/>
        <member name="[CB - Account].[Account CB - Description].&amp;[1231050 - Investment in Foreign Currency]"/>
        <member name="[CB - Account].[Account CB - Description].&amp;[1231051 - Investment in OCI]"/>
        <member name="[CB - Account].[Account CB - Description].&amp;[1231052 - Missing]"/>
        <member name="[CB - Account].[Account CB - Description].&amp;[1231053 - Missing]"/>
        <member name="[CB - Account].[Account CB - Description].&amp;[1231060 - Missing]"/>
        <member name="[CB - Account].[Account CB - Description].&amp;[1231062 - Missing]"/>
        <member name="[CB - Account].[Account CB - Description].&amp;[1231063 - Missing]"/>
        <member name="[CB - Account].[Account CB - Description].&amp;[1231064 - Missing]"/>
        <member name="[CB - Account].[Account CB - Description].&amp;[1231090 - Missing]"/>
        <member name="[CB - Account].[Account CB - Description].&amp;[1231091 - Missing]"/>
        <member name="[CB - Account].[Account CB - Description].&amp;[1231092 - Missing]"/>
        <member name="[CB - Account].[Account CB - Description].&amp;[1231093 - Missing]"/>
        <member name="[CB - Account].[Account CB - Description].&amp;[1231094 - Missing]"/>
        <member name="[CB - Account].[Account CB - Description].&amp;[1231095 - Missing]"/>
        <member name="[CB - Account].[Account CB - Description].&amp;[1231097 - Missing]"/>
        <member name="[CB - Account].[Account CB - Description].&amp;[1231098 - Missing]"/>
        <member name="[CB - Account].[Account CB - Description].&amp;[1231099 - Missing]"/>
        <member name="[CB - Account].[Account CB - Description].&amp;[1231100 - Missing]"/>
        <member name="[CB - Account].[Account CB - Description].&amp;[1231101 - Missing]"/>
        <member name="[CB - Account].[Account CB - Description].&amp;[1231102 - Missing]"/>
        <member name="[CB - Account].[Account CB - Description].&amp;[1231103 - Missing]"/>
        <member name="[CB - Account].[Account CB - Description].&amp;[1231104 - Missing]"/>
        <member name="[CB - Account].[Account CB - Description].&amp;[1231105 - Missing]"/>
        <member name="[CB - Account].[Account CB - Description].&amp;[1231106 - Missing]"/>
        <member name="[CB - Account].[Account CB - Description].&amp;[1231107 - Missing]"/>
        <member name="[CB - Account].[Account CB - Description].&amp;[1231109 - Missing]"/>
        <member name="[CB - Account].[Account CB - Description].&amp;[1231110 - Missing]"/>
        <member name="[CB - Account].[Account CB - Description].&amp;[1231112 - Missing]"/>
        <member name="[CB - Account].[Account CB - Description].&amp;[1231113 - Missing]"/>
        <member name="[CB - Account].[Account CB - Description].&amp;[1231114 - Missing]"/>
        <member name="[CB - Account].[Account CB - Description].&amp;[1231115 - Missing]"/>
        <member name="[CB - Account].[Account CB - Description].&amp;[1231116 - Missing]"/>
        <member name="[CB - Account].[Account CB - Description].&amp;[1231117 - Missing]"/>
        <member name="[CB - Account].[Account CB - Description].&amp;[1231118 - Missing]"/>
        <member name="[CB - Account].[Account CB - Description].&amp;[1231119 - Missing]"/>
        <member name="[CB - Account].[Account CB - Description].&amp;[1231120 - Missing]"/>
        <member name="[CB - Account].[Account CB - Description].&amp;[1231121 - Missing]"/>
        <member name="[CB - Account].[Account CB - Description].&amp;[1231122 - Missing]"/>
        <member name="[CB - Account].[Account CB - Description].&amp;[1231123 - Missing]"/>
        <member name="[CB - Account].[Account CB - Description].&amp;[1231124 - Missing]"/>
        <member name="[CB - Account].[Account CB - Description].&amp;[1231125 - Missing]"/>
        <member name="[CB - Account].[Account CB - Description].&amp;[1231126 - Missing]"/>
        <member name="[CB - Account].[Account CB - Description].&amp;[1231127 - Missing]"/>
        <member name="[CB - Account].[Account CB - Description].&amp;[1231128 - Missing]"/>
        <member name="[CB - Account].[Account CB - Description].&amp;[1231146 - Missing]"/>
        <member name="[CB - Account].[Account CB - Description].&amp;[1231148 - Missing]"/>
        <member name="[CB - Account].[Account CB - Description].&amp;[1231153 - Missing]"/>
        <member name="[CB - Account].[Account CB - Description].&amp;[1231154 - Missing]"/>
        <member name="[CB - Account].[Account CB - Description].&amp;[1231155 - Missing]"/>
        <member name="[CB - Account].[Account CB - Description].&amp;[1231156 - Missing]"/>
        <member name="[CB - Account].[Account CB - Description].&amp;[1231157 - Missing]"/>
        <member name="[CB - Account].[Account CB - Description].&amp;[1231158 - Missing]"/>
        <member name="[CB - Account].[Account CB - Description].&amp;[1231159 - Missing]"/>
        <member name="[CB - Account].[Account CB - Description].&amp;[1231160 - Missing]"/>
        <member name="[CB - Account].[Account CB - Description].&amp;[1231161 - Missing]"/>
        <member name="[CB - Account].[Account CB - Description].&amp;[1231162 - Missing]"/>
        <member name="[CB - Account].[Account CB - Description].&amp;[1231163 - Missing]"/>
        <member name="[CB - Account].[Account CB - Description].&amp;[1231164 - Missing]"/>
        <member name="[CB - Account].[Account CB - Description].&amp;[1231165 - Missing]"/>
        <member name="[CB - Account].[Account CB - Description].&amp;[1231180 - Missing]"/>
        <member name="[CB - Account].[Account CB - Description].&amp;[1231198 - Missing]"/>
        <member name="[CB - Account].[Account CB - Description].&amp;[1231199 - Missing]"/>
        <member name="[CB - Account].[Account CB - Description].&amp;[1231201 - Missing]"/>
        <member name="[CB - Account].[Account CB - Description].&amp;[1231202 - Missing]"/>
        <member name="[CB - Account].[Account CB - Description].&amp;[1231203 - Missing]"/>
        <member name="[CB - Account].[Account CB - Description].&amp;[1231213 - Missing]"/>
        <member name="[CB - Account].[Account CB - Description].&amp;[1231233 - Missing]"/>
        <member name="[CB - Account].[Account CB - Description].&amp;[1231238 - Missing]"/>
        <member name="[CB - Account].[Account CB - Description].&amp;[1231239 - Missing]"/>
        <member name="[CB - Account].[Account CB - Description].&amp;[1231240 - Missing]"/>
        <member name="[CB - Account].[Account CB - Description].&amp;[1231241 - Missing]"/>
        <member name="[CB - Account].[Account CB - Description].&amp;[1231242 - Missing]"/>
        <member name="[CB - Account].[Account CB - Description].&amp;[1231244 - Missing]"/>
        <member name="[CB - Account].[Account CB - Description].&amp;[1231245 - Missing]"/>
        <member name="[CB - Account].[Account CB - Description].&amp;[1231246 - Missing]"/>
        <member name="[CB - Account].[Account CB - Description].&amp;[1231247 - Missing]"/>
        <member name="[CB - Account].[Account CB - Description].&amp;[1231248 - Missing]"/>
        <member name="[CB - Account].[Account CB - Description].&amp;[1231250 - Missing]"/>
        <member name="[CB - Account].[Account CB - Description].&amp;[1231251 - Missing]"/>
        <member name="[CB - Account].[Account CB - Description].&amp;[1231252 - Missing]"/>
        <member name="[CB - Account].[Account CB - Description].&amp;[1231253 - Missing]"/>
        <member name="[CB - Account].[Account CB - Description].&amp;[1231255 - Missing]"/>
        <member name="[CB - Account].[Account CB - Description].&amp;[1231256 - Missing]"/>
        <member name="[CB - Account].[Account CB - Description].&amp;[1231258 - Missing]"/>
        <member name="[CB - Account].[Account CB - Description].&amp;[1231260 - Missing]"/>
        <member name="[CB - Account].[Account CB - Description].&amp;[1231261 - Missing]"/>
        <member name="[CB - Account].[Account CB - Description].&amp;[1231262 - Missing]"/>
        <member name="[CB - Account].[Account CB - Description].&amp;[1231265 - Missing]"/>
        <member name="[CB - Account].[Account CB - Description].&amp;[1231266 - Missing]"/>
        <member name="[CB - Account].[Account CB - Description].&amp;[1231267 - Missing]"/>
        <member name="[CB - Account].[Account CB - Description].&amp;[1231268 - Missing]"/>
        <member name="[CB - Account].[Account CB - Description].&amp;[1231270 - Missing]"/>
        <member name="[CB - Account].[Account CB - Description].&amp;[1231271 - Missing]"/>
        <member name="[CB - Account].[Account CB - Description].&amp;[1231278 - Missing]"/>
        <member name="[CB - Account].[Account CB - Description].&amp;[1231279 - Missing]"/>
        <member name="[CB - Account].[Account CB - Description].&amp;[1231280 - Missing]"/>
        <member name="[CB - Account].[Account CB - Description].&amp;[1231281 - Missing]"/>
        <member name="[CB - Account].[Account CB - Description].&amp;[1231282 - Missing]"/>
        <member name="[CB - Account].[Account CB - Description].&amp;[1231289 - Missing]"/>
        <member name="[CB - Account].[Account CB - Description].&amp;[1231292 - Missing]"/>
        <member name="[CB - Account].[Account CB - Description].&amp;[1231298 - Missing]"/>
        <member name="[CB - Account].[Account CB - Description].&amp;[1231299 - Missing]"/>
        <member name="[CB - Account].[Account CB - Description].&amp;[1231300 - Missing]"/>
        <member name="[CB - Account].[Account CB - Description].&amp;[1231304 - Missing]"/>
        <member name="[CB - Account].[Account CB - Description].&amp;[1231306 - Missing]"/>
        <member name="[CB - Account].[Account CB - Description].&amp;[1231307 - Missing]"/>
        <member name="[CB - Account].[Account CB - Description].&amp;[1231308 - Missing]"/>
        <member name="[CB - Account].[Account CB - Description].&amp;[1231310 - Missing]"/>
        <member name="[CB - Account].[Account CB - Description].&amp;[1231311 - Missing]"/>
        <member name="[CB - Account].[Account CB - Description].&amp;[1231312 - Missing]"/>
        <member name="[CB - Account].[Account CB - Description].&amp;[1231313 - Missing]"/>
        <member name="[CB - Account].[Account CB - Description].&amp;[1231314 - Missing]"/>
        <member name="[CB - Account].[Account CB - Description].&amp;[1231315 - Missing]"/>
        <member name="[CB - Account].[Account CB - Description].&amp;[1231316 - Missing]"/>
        <member name="[CB - Account].[Account CB - Description].&amp;[1231317 - Missing]"/>
        <member name="[CB - Account].[Account CB - Description].&amp;[1231318 - Missing]"/>
        <member name="[CB - Account].[Account CB - Description].&amp;[1231320 - Missing]"/>
        <member name="[CB - Account].[Account CB - Description].&amp;[1231321 - Missing]"/>
        <member name="[CB - Account].[Account CB - Description].&amp;[1231322 - Missing]"/>
        <member name="[CB - Account].[Account CB - Description].&amp;[1231323 - Missing]"/>
        <member name="[CB - Account].[Account CB - Description].&amp;[1231324 - Missing]"/>
        <member name="[CB - Account].[Account CB - Description].&amp;[1231325 - Missing]"/>
        <member name="[CB - Account].[Account CB - Description].&amp;[1231326 - Missing]"/>
        <member name="[CB - Account].[Account CB - Description].&amp;[1231327 - Missing]"/>
        <member name="[CB - Account].[Account CB - Description].&amp;[1231328 - Missing]"/>
        <member name="[CB - Account].[Account CB - Description].&amp;[1231329 - Missing]"/>
        <member name="[CB - Account].[Account CB - Description].&amp;[1231330 - Missing]"/>
        <member name="[CB - Account].[Account CB - Description].&amp;[1231331 - Missing]"/>
        <member name="[CB - Account].[Account CB - Description].&amp;[1231332 - Missing]"/>
        <member name="[CB - Account].[Account CB - Description].&amp;[1231333 - Missing]"/>
        <member name="[CB - Account].[Account CB - Description].&amp;[1231335 - Missing]"/>
        <member name="[CB - Account].[Account CB - Description].&amp;[1231336 - Missing]"/>
        <member name="[CB - Account].[Account CB - Description].&amp;[1231337 - Missing]"/>
        <member name="[CB - Account].[Account CB - Description].&amp;[1231338 - Missing]"/>
        <member name="[CB - Account].[Account CB - Description].&amp;[1231340 - Missing]"/>
        <member name="[CB - Account].[Account CB - Description].&amp;[1231341 - Missing]"/>
        <member name="[CB - Account].[Account CB - Description].&amp;[1231342 - Missing]"/>
        <member name="[CB - Account].[Account CB - Description].&amp;[1231343 - Missing]"/>
        <member name="[CB - Account].[Account CB - Description].&amp;[1231344 - Missing]"/>
        <member name="[CB - Account].[Account CB - Description].&amp;[1231345 - Missing]"/>
        <member name="[CB - Account].[Account CB - Description].&amp;[1231346 - Missing]"/>
        <member name="[CB - Account].[Account CB - Description].&amp;[1231347 - Missing]"/>
        <member name="[CB - Account].[Account CB - Description].&amp;[1231348 - Missing]"/>
        <member name="[CB - Account].[Account CB - Description].&amp;[1231349 - Missing]"/>
        <member name="[CB - Account].[Account CB - Description].&amp;[1231350 - Missing]"/>
        <member name="[CB - Account].[Account CB - Description].&amp;[1231351 - Missing]"/>
        <member name="[CB - Account].[Account CB - Description].&amp;[1231353 - Missing]"/>
        <member name="[CB - Account].[Account CB - Description].&amp;[1231355 - Missing]"/>
        <member name="[CB - Account].[Account CB - Description].&amp;[1231356 - Missing]"/>
        <member name="[CB - Account].[Account CB - Description].&amp;[1231357 - Missing]"/>
        <member name="[CB - Account].[Account CB - Description].&amp;[1231358 - Missing]"/>
        <member name="[CB - Account].[Account CB - Description].&amp;[1231359 - Missing]"/>
        <member name="[CB - Account].[Account CB - Description].&amp;[1231360 - Missing]"/>
        <member name="[CB - Account].[Account CB - Description].&amp;[1231361 - Missing]"/>
        <member name="[CB - Account].[Account CB - Description].&amp;[1231363 - Missing]"/>
        <member name="[CB - Account].[Account CB - Description].&amp;[1231365 - Missing]"/>
        <member name="[CB - Account].[Account CB - Description].&amp;[1231366 - Missing]"/>
        <member name="[CB - Account].[Account CB - Description].&amp;[1231367 - Missing]"/>
        <member name="[CB - Account].[Account CB - Description].&amp;[1231370 - Missing]"/>
        <member name="[CB - Account].[Account CB - Description].&amp;[1231372 - Missing]"/>
        <member name="[CB - Account].[Account CB - Description].&amp;[1231376 - Missing]"/>
        <member name="[CB - Account].[Account CB - Description].&amp;[1231379 - Missing]"/>
        <member name="[CB - Account].[Account CB - Description].&amp;[1231384 - Missing]"/>
        <member name="[CB - Account].[Account CB - Description].&amp;[1231387 - Missing]"/>
        <member name="[CB - Account].[Account CB - Description].&amp;[1231392 - Missing]"/>
        <member name="[CB - Account].[Account CB - Description].&amp;[1231395 - Missing]"/>
        <member name="[CB - Account].[Account CB - Description].&amp;[1231396 - Missing]"/>
        <member name="[CB - Account].[Account CB - Description].&amp;[1231397 - Missing]"/>
        <member name="[CB - Account].[Account CB - Description].&amp;[1231398 - Missing]"/>
        <member name="[CB - Account].[Account CB - Description].&amp;[1231400 - Missing]"/>
        <member name="[CB - Account].[Account CB - Description].&amp;[1231402 - Missing]"/>
        <member name="[CB - Account].[Account CB - Description].&amp;[1231405 - Missing]"/>
        <member name="[CB - Account].[Account CB - Description].&amp;[1231406 - Missing]"/>
        <member name="[CB - Account].[Account CB - Description].&amp;[1231408 - Missing]"/>
        <member name="[CB - Account].[Account CB - Description].&amp;[1231409 - Missing]"/>
        <member name="[CB - Account].[Account CB - Description].&amp;[1231410 - Missing]"/>
        <member name="[CB - Account].[Account CB - Description].&amp;[1231411 - Missing]"/>
        <member name="[CB - Account].[Account CB - Description].&amp;[1231412 - Missing]"/>
        <member name="[CB - Account].[Account CB - Description].&amp;[1231413 - Missing]"/>
        <member name="[CB - Account].[Account CB - Description].&amp;[1231414 - Missing]"/>
        <member name="[CB - Account].[Account CB - Description].&amp;[1231415 - Missing]"/>
        <member name="[CB - Account].[Account CB - Description].&amp;[1231416 - Missing]"/>
        <member name="[CB - Account].[Account CB - Description].&amp;[1231417 - Missing]"/>
        <member name="[CB - Account].[Account CB - Description].&amp;[1231418 - Missing]"/>
        <member name="[CB - Account].[Account CB - Description].&amp;[1231419 - Missing]"/>
        <member name="[CB - Account].[Account CB - Description].&amp;[1231420 - Missing]"/>
        <member name="[CB - Account].[Account CB - Description].&amp;[1231421 - Missing]"/>
        <member name="[CB - Account].[Account CB - Description].&amp;[1231422 - Missing]"/>
        <member name="[CB - Account].[Account CB - Description].&amp;[1231423 - Missing]"/>
        <member name="[CB - Account].[Account CB - Description].&amp;[1231424 - Missing]"/>
        <member name="[CB - Account].[Account CB - Description].&amp;[1231425 - Missing]"/>
        <member name="[CB - Account].[Account CB - Description].&amp;[1231428 - Missing]"/>
        <member name="[CB - Account].[Account CB - Description].&amp;[1231429 - Missing]"/>
        <member name="[CB - Account].[Account CB - Description].&amp;[1231430 - Missing]"/>
        <member name="[CB - Account].[Account CB - Description].&amp;[1231431 - Missing]"/>
        <member name="[CB - Account].[Account CB - Description].&amp;[1231432 - Missing]"/>
        <member name="[CB - Account].[Account CB - Description].&amp;[1231433 - Missing]"/>
        <member name="[CB - Account].[Account CB - Description].&amp;[1231434 - Missing]"/>
        <member name="[CB - Account].[Account CB - Description].&amp;[1231435 - Missing]"/>
        <member name="[CB - Account].[Account CB - Description].&amp;[1231436 - Missing]"/>
        <member name="[CB - Account].[Account CB - Description].&amp;[1231437 - Missing]"/>
        <member name="[CB - Account].[Account CB - Description].&amp;[1231439 - Missing]"/>
        <member name="[CB - Account].[Account CB - Description].&amp;[1231440 - Missing]"/>
        <member name="[CB - Account].[Account CB - Description].&amp;[1231441 - Missing]"/>
        <member name="[CB - Account].[Account CB - Description].&amp;[1231442 - Missing]"/>
        <member name="[CB - Account].[Account CB - Description].&amp;[1231443 - Missing]"/>
        <member name="[CB - Account].[Account CB - Description].&amp;[1231444 - Missing]"/>
        <member name="[CB - Account].[Account CB - Description].&amp;[1231445 - Missing]"/>
        <member name="[CB - Account].[Account CB - Description].&amp;[1231446 - Missing]"/>
        <member name="[CB - Account].[Account CB - Description].&amp;[1231449 - Missing]"/>
        <member name="[CB - Account].[Account CB - Description].&amp;[1231450 - Missing]"/>
        <member name="[CB - Account].[Account CB - Description].&amp;[1231453 - Missing]"/>
        <member name="[CB - Account].[Account CB - Description].&amp;[1231454 - Missing]"/>
        <member name="[CB - Account].[Account CB - Description].&amp;[1231455 - Missing]"/>
        <member name="[CB - Account].[Account CB - Description].&amp;[1231457 - Missing]"/>
        <member name="[CB - Account].[Account CB - Description].&amp;[1231458 - Missing]"/>
        <member name="[CB - Account].[Account CB - Description].&amp;[1231459 - Missing]"/>
        <member name="[CB - Account].[Account CB - Description].&amp;[1231460 - Missing]"/>
        <member name="[CB - Account].[Account CB - Description].&amp;[1231461 - Missing]"/>
        <member name="[CB - Account].[Account CB - Description].&amp;[1231462 - Missing]"/>
        <member name="[CB - Account].[Account CB - Description].&amp;[1231463 - Missing]"/>
        <member name="[CB - Account].[Account CB - Description].&amp;[1231464 - Missing]"/>
        <member name="[CB - Account].[Account CB - Description].&amp;[1231467 - Missing]"/>
        <member name="[CB - Account].[Account CB - Description].&amp;[1231468 - Missing]"/>
        <member name="[CB - Account].[Account CB - Description].&amp;[1231474 - Missing]"/>
        <member name="[CB - Account].[Account CB - Description].&amp;[1231476 - Missing]"/>
        <member name="[CB - Account].[Account CB - Description].&amp;[1231478 - Missing]"/>
        <member name="[CB - Account].[Account CB - Description].&amp;[1231485 - Missing]"/>
        <member name="[CB - Account].[Account CB - Description].&amp;[1231493 - Missing]"/>
        <member name="[CB - Account].[Account CB - Description].&amp;[1231494 - Missing]"/>
        <member name="[CB - Account].[Account CB - Description].&amp;[1231495 - Missing]"/>
        <member name="[CB - Account].[Account CB - Description].&amp;[1231496 - Missing]"/>
        <member name="[CB - Account].[Account CB - Description].&amp;[1231497 - Missing]"/>
        <member name="[CB - Account].[Account CB - Description].&amp;[1231498 - Missing]"/>
        <member name="[CB - Account].[Account CB - Description].&amp;[1231499 - Missing]"/>
        <member name="[CB - Account].[Account CB - Description].&amp;[1231500 - Missing]"/>
        <member name="[CB - Account].[Account CB - Description].&amp;[1231501 - Missing]"/>
        <member name="[CB - Account].[Account CB - Description].&amp;[1231502 - Missing]"/>
        <member name="[CB - Account].[Account CB - Description].&amp;[1231503 - Missing]"/>
        <member name="[CB - Account].[Account CB - Description].&amp;[1233000 - Contra Accounts Receivable]"/>
        <member name="[CB - Account].[Account CB - Description].&amp;[1240001 - Missing]"/>
        <member name="[CB - Account].[Account CB - Description].&amp;[1240002 - Missing]"/>
        <member name="[CB - Account].[Account CB - Description].&amp;[1240003 - Missing]"/>
        <member name="[CB - Account].[Account CB - Description].&amp;[1240004 - Missing]"/>
        <member name="[CB - Account].[Account CB - Description].&amp;[1240005 - Missing]"/>
        <member name="[CB - Account].[Account CB - Description].&amp;[1240006 - Missing]"/>
        <member name="[CB - Account].[Account CB - Description].&amp;[1240007 - Missing]"/>
        <member name="[CB - Account].[Account CB - Description].&amp;[1240008 - Missing]"/>
        <member name="[CB - Account].[Account CB - Description].&amp;[1240009 - Missing]"/>
        <member name="[CB - Account].[Account CB - Description].&amp;[1240010 - Missing]"/>
        <member name="[CB - Account].[Account CB - Description].&amp;[1240011 - Missing]"/>
        <member name="[CB - Account].[Account CB - Description].&amp;[1240012 - Missing]"/>
        <member name="[CB - Account].[Account CB - Description].&amp;[1240013 - Missing]"/>
        <member name="[CB - Account].[Account CB - Description].&amp;[1240014 - Missing]"/>
        <member name="[CB - Account].[Account CB - Description].&amp;[1240015 - Missing]"/>
        <member name="[CB - Account].[Account CB - Description].&amp;[1240016 - Missing]"/>
        <member name="[CB - Account].[Account CB - Description].&amp;[1240017 - Missing]"/>
        <member name="[CB - Account].[Account CB - Description].&amp;[1240018 - Missing]"/>
        <member name="[CB - Account].[Account CB - Description].&amp;[1240019 - Missing]"/>
        <member name="[CB - Account].[Account CB - Description].&amp;[1240020 - Missing]"/>
        <member name="[CB - Account].[Account CB - Description].&amp;[1240021 - Missing]"/>
        <member name="[CB - Account].[Account CB - Description].&amp;[1240023 - Missing]"/>
        <member name="[CB - Account].[Account CB - Description].&amp;[1240024 - Missing]"/>
        <member name="[CB - Account].[Account CB - Description].&amp;[1240025 - Missing]"/>
        <member name="[CB - Account].[Account CB - Description].&amp;[1240026 - Missing]"/>
        <member name="[CB - Account].[Account CB - Description].&amp;[1240028 - Missing]"/>
        <member name="[CB - Account].[Account CB - Description].&amp;[1250001 - Missing]"/>
        <member name="[CB - Account].[Account CB - Description].&amp;[1251000 - Missing]"/>
        <member name="[CB - Account].[Account CB - Description].&amp;[1251001 - Contra Note Recievable-Current]"/>
        <member name="[CB - Account].[Account CB - Description].&amp;[1260000 - Contra Interest Receivable]"/>
        <member name="[CB - Account].[Account CB - Description].&amp;[1280001 - Missing]"/>
        <member name="[CB - Account].[Account CB - Description].&amp;[1290001 - Missing]"/>
        <member name="[CB - Account].[Account CB - Description].&amp;[1310000 - Contra Cash]"/>
        <member name="[CB - Account].[Account CB - Description].&amp;[1310001 - Missing]"/>
        <member name="[CB - Account].[Account CB - Description].&amp;[1310002 - Missing]"/>
        <member name="[CB - Account].[Account CB - Description].&amp;[1310003 - Missing]"/>
        <member name="[CB - Account].[Account CB - Description].&amp;[1310005 - Missing]"/>
        <member name="[CB - Account].[Account CB - Description].&amp;[1310008 - Missing]"/>
        <member name="[CB - Account].[Account CB - Description].&amp;[1310009 - Missing]"/>
        <member name="[CB - Account].[Account CB - Description].&amp;[1310010 - Missing]"/>
        <member name="[CB - Account].[Account CB - Description].&amp;[1310012 - Missing]"/>
        <member name="[CB - Account].[Account CB - Description].&amp;[1310013 - Missing]"/>
        <member name="[CB - Account].[Account CB - Description].&amp;[1310014 - Missing]"/>
        <member name="[CB - Account].[Account CB - Description].&amp;[1310015 - Missing]"/>
        <member name="[CB - Account].[Account CB - Description].&amp;[1310016 - Missing]"/>
        <member name="[CB - Account].[Account CB - Description].&amp;[1310017 - Missing]"/>
        <member name="[CB - Account].[Account CB - Description].&amp;[1310018 - Missing]"/>
        <member name="[CB - Account].[Account CB - Description].&amp;[1310019 - Missing]"/>
        <member name="[CB - Account].[Account CB - Description].&amp;[1310020 - Missing]"/>
        <member name="[CB - Account].[Account CB - Description].&amp;[1310021 - Missing]"/>
        <member name="[CB - Account].[Account CB - Description].&amp;[1310023 - Missing]"/>
        <member name="[CB - Account].[Account CB - Description].&amp;[1310024 - Missing]"/>
        <member name="[CB - Account].[Account CB - Description].&amp;[1310026 - Missing]"/>
        <member name="[CB - Account].[Account CB - Description].&amp;[1310027 - Missing]"/>
        <member name="[CB - Account].[Account CB - Description].&amp;[1310028 - Missing]"/>
        <member name="[CB - Account].[Account CB - Description].&amp;[1310031 - Missing]"/>
        <member name="[CB - Account].[Account CB - Description].&amp;[1310042 - Missing]"/>
        <member name="[CB - Account].[Account CB - Description].&amp;[1310043 - Missing]"/>
        <member name="[CB - Account].[Account CB - Description].&amp;[1310044 - Missing]"/>
        <member name="[CB - Account].[Account CB - Description].&amp;[1310045 - Missing]"/>
        <member name="[CB - Account].[Account CB - Description].&amp;[1310046 - Missing]"/>
        <member name="[CB - Account].[Account CB - Description].&amp;[1310047 - Missing]"/>
        <member name="[CB - Account].[Account CB - Description].&amp;[1310048 - Missing]"/>
        <member name="[CB - Account].[Account CB - Description].&amp;[1310049 - Missing]"/>
        <member name="[CB - Account].[Account CB - Description].&amp;[1310050 - Missing]"/>
        <member name="[CB - Account].[Account CB - Description].&amp;[1310051 - Missing]"/>
        <member name="[CB - Account].[Account CB - Description].&amp;[1310052 - Missing]"/>
        <member name="[CB - Account].[Account CB - Description].&amp;[1310053 - Missing]"/>
        <member name="[CB - Account].[Account CB - Description].&amp;[1310054 - Missing]"/>
        <member name="[CB - Account].[Account CB - Description].&amp;[1310055 - Missing]"/>
        <member name="[CB - Account].[Account CB - Description].&amp;[1310056 - Missing]"/>
        <member name="[CB - Account].[Account CB - Description].&amp;[1310057 - Missing]"/>
        <member name="[CB - Account].[Account CB - Description].&amp;[1310058 - Missing]"/>
        <member name="[CB - Account].[Account CB - Description].&amp;[1310059 - Missing]"/>
        <member name="[CB - Account].[Account CB - Description].&amp;[1310060 - Missing]"/>
        <member name="[CB - Account].[Account CB - Description].&amp;[1310061 - Missing]"/>
        <member name="[CB - Account].[Account CB - Description].&amp;[1310062 - Missing]"/>
        <member name="[CB - Account].[Account CB - Description].&amp;[1310063 - Missing]"/>
        <member name="[CB - Account].[Account CB - Description].&amp;[1310064 - Missing]"/>
        <member name="[CB - Account].[Account CB - Description].&amp;[1310065 - Missing]"/>
        <member name="[CB - Account].[Account CB - Description].&amp;[1310066 - Missing]"/>
        <member name="[CB - Account].[Account CB - Description].&amp;[1310067 - Missing]"/>
        <member name="[CB - Account].[Account CB - Description].&amp;[1310072 - Missing]"/>
        <member name="[CB - Account].[Account CB - Description].&amp;[1310073 - Missing]"/>
        <member name="[CB - Account].[Account CB - Description].&amp;[1310074 - Missing]"/>
        <member name="[CB - Account].[Account CB - Description].&amp;[1310075 - Missing]"/>
        <member name="[CB - Account].[Account CB - Description].&amp;[131250 - Cash BOA 1639 PNG]"/>
        <member name="[CB - Account].[Account CB - Description].&amp;[1317670 - Missing]"/>
        <member name="[CB - Account].[Account CB - Description].&amp;[1317671 - Missing]"/>
        <member name="[CB - Account].[Account CB - Description].&amp;[1317672 - Missing]"/>
        <member name="[CB - Account].[Account CB - Description].&amp;[1317673 - Missing]"/>
        <member name="[CB - Account].[Account CB - Description].&amp;[1340002 - Missing]"/>
        <member name="[CB - Account].[Account CB - Description].&amp;[1340003 - Missing]"/>
        <member name="[CB - Account].[Account CB - Description].&amp;[1340006 - Missing]"/>
        <member name="[CB - Account].[Account CB - Description].&amp;[1350002 - Missing]"/>
        <member name="[CB - Account].[Account CB - Description].&amp;[1350004 - Missing]"/>
        <member name="[CB - Account].[Account CB - Description].&amp;[1350005 - Missing]"/>
        <member name="[CB - Account].[Account CB - Description].&amp;[1350006 - Missing]"/>
        <member name="[CB - Account].[Account CB - Description].&amp;[1350007 - Missing]"/>
        <member name="[CB - Account].[Account CB - Description].&amp;[1350008 - Missing]"/>
        <member name="[CB - Account].[Account CB - Description].&amp;[1350009 - Missing]"/>
        <member name="[CB - Account].[Account CB - Description].&amp;[1350010 - Missing]"/>
        <member name="[CB - Account].[Account CB - Description].&amp;[1350011 - Missing]"/>
        <member name="[CB - Account].[Account CB - Description].&amp;[1350012 - Missing]"/>
        <member name="[CB - Account].[Account CB - Description].&amp;[1350013 - Missing]"/>
        <member name="[CB - Account].[Account CB - Description].&amp;[1350014 - Missing]"/>
        <member name="[CB - Account].[Account CB - Description].&amp;[1350017 - Missing]"/>
        <member name="[CB - Account].[Account CB - Description].&amp;[1350019 - Missing]"/>
        <member name="[CB - Account].[Account CB - Description].&amp;[1350020 - Missing]"/>
        <member name="[CB - Account].[Account CB - Description].&amp;[1350021 - Missing]"/>
        <member name="[CB - Account].[Account CB - Description].&amp;[1350024 - Missing]"/>
        <member name="[CB - Account].[Account CB - Description].&amp;[1360001 - Missing]"/>
        <member name="[CB - Account].[Account CB - Description].&amp;[1360002 - Missing]"/>
        <member name="[CB - Account].[Account CB - Description].&amp;[1360003 - Missing]"/>
        <member name="[CB - Account].[Account CB - Description].&amp;[1408030 - Inactive]"/>
        <member name="[CB - Account].[Account CB - Description].&amp;[1408080 - Inactive]"/>
        <member name="[CB - Account].[Account CB - Description].&amp;[1408130 - Inactive]"/>
        <member name="[CB - Account].[Account CB - Description].&amp;[1408180 - Nc Umemployment Tax_Appl Serv]"/>
        <member name="[CB - Account].[Account CB - Description].&amp;[1408230 - Inactive]"/>
        <member name="[CB - Account].[Account CB - Description].&amp;[1408280 - Inactive]"/>
        <member name="[CB - Account].[Account CB - Description].&amp;[1408300 - Inactive]"/>
        <member name="[CB - Account].[Account CB - Description].&amp;[1408390 - Inactive]"/>
        <member name="[CB - Account].[Account CB - Description].&amp;[1408440 - Inactive]"/>
        <member name="[CB - Account].[Account CB - Description].&amp;[1408500 - Inactive]"/>
        <member name="[CB - Account].[Account CB - Description].&amp;[1408550 - Inactive]"/>
        <member name="[CB - Account].[Account CB - Description].&amp;[1408600 - Sc Unemployed Tax_Appl Serv]"/>
        <member name="[CB - Account].[Account CB - Description].&amp;[1408640 - Inactive]"/>
        <member name="[CB - Account].[Account CB - Description].&amp;[1408730 - Fed Soc Sec Tax_Appl Serv]"/>
        <member name="[CB - Account].[Account CB - Description].&amp;[1408780 - Fed Unemployement Tax_Appl Ser]"/>
        <member name="[CB - Account].[Account CB - Description].&amp;[1410001 - Missing]"/>
        <member name="[CB - Account].[Account CB - Description].&amp;[1410002 - Missing]"/>
        <member name="[CB - Account].[Account CB - Description].&amp;[1410004 - Missing]"/>
        <member name="[CB - Account].[Account CB - Description].&amp;[1410005 - Missing]"/>
        <member name="[CB - Account].[Account CB - Description].&amp;[1410006 - Missing]"/>
        <member name="[CB - Account].[Account CB - Description].&amp;[1416250 - Stores Expense Actual]"/>
        <member name="[CB - Account].[Account CB - Description].&amp;[1416350 - A &amp; G Expense Alloc-Appl Serv]"/>
        <member name="[CB - Account].[Account CB - Description].&amp;[1420001 - Missing]"/>
        <member name="[CB - Account].[Account CB - Description].&amp;[1420002 - Missing]"/>
        <member name="[CB - Account].[Account CB - Description].&amp;[1420003 - Missing]"/>
        <member name="[CB - Account].[Account CB - Description].&amp;[1420004 - Missing]"/>
        <member name="[CB - Account].[Account CB - Description].&amp;[1420007 - Missing]"/>
        <member name="[CB - Account].[Account CB - Description].&amp;[1420009 - Missing]"/>
        <member name="[CB - Account].[Account CB - Description].&amp;[1420010 - Missing]"/>
        <member name="[CB - Account].[Account CB - Description].&amp;[1420014 - Missing]"/>
        <member name="[CB - Account].[Account CB - Description].&amp;[1420015 - Missing]"/>
        <member name="[CB - Account].[Account CB - Description].&amp;[1420016 - Missing]"/>
        <member name="[CB - Account].[Account CB - Description].&amp;[1420017 - Missing]"/>
        <member name="[CB - Account].[Account CB - Description].&amp;[1420018 - Missing]"/>
        <member name="[CB - Account].[Account CB - Description].&amp;[1420020 - Missing]"/>
        <member name="[CB - Account].[Account CB - Description].&amp;[1420023 - Missing]"/>
        <member name="[CB - Account].[Account CB - Description].&amp;[1420024 - Missing]"/>
        <member name="[CB - Account].[Account CB - Description].&amp;[1420070 - Missing]"/>
        <member name="[CB - Account].[Account CB - Description].&amp;[1420071 - Missing]"/>
        <member name="[CB - Account].[Account CB - Description].&amp;[142011 - Missing]"/>
        <member name="[CB - Account].[Account CB - Description].&amp;[1430001 - Missing]"/>
        <member name="[CB - Account].[Account CB - Description].&amp;[1430002 - Missing]"/>
        <member name="[CB - Account].[Account CB - Description].&amp;[1430003 - Missing]"/>
        <member name="[CB - Account].[Account CB - Description].&amp;[1430004 - Missing]"/>
        <member name="[CB - Account].[Account CB - Description].&amp;[1430005 - Missing]"/>
        <member name="[CB - Account].[Account CB - Description].&amp;[1430006 - Missing]"/>
        <member name="[CB - Account].[Account CB - Description].&amp;[1430007 - Missing]"/>
        <member name="[CB - Account].[Account CB - Description].&amp;[1430009 - Missing]"/>
        <member name="[CB - Account].[Account CB - Description].&amp;[1430010 - Missing]"/>
        <member name="[CB - Account].[Account CB - Description].&amp;[1430011 - Missing]"/>
        <member name="[CB - Account].[Account CB - Description].&amp;[1430015 - Missing]"/>
        <member name="[CB - Account].[Account CB - Description].&amp;[1430016 - Missing]"/>
        <member name="[CB - Account].[Account CB - Description].&amp;[1430017 - Missing]"/>
        <member name="[CB - Account].[Account CB - Description].&amp;[1430018 - Missing]"/>
        <member name="[CB - Account].[Account CB - Description].&amp;[1430019 - Missing]"/>
        <member name="[CB - Account].[Account CB - Description].&amp;[1430020 - Missing]"/>
        <member name="[CB - Account].[Account CB - Description].&amp;[1430021 - Missing]"/>
        <member name="[CB - Account].[Account CB - Description].&amp;[1430022 - Missing]"/>
        <member name="[CB - Account].[Account CB - Description].&amp;[1430023 - Missing]"/>
        <member name="[CB - Account].[Account CB - Description].&amp;[1430024 - Missing]"/>
        <member name="[CB - Account].[Account CB - Description].&amp;[1430027 - Missing]"/>
        <member name="[CB - Account].[Account CB - Description].&amp;[1430028 - Missing]"/>
        <member name="[CB - Account].[Account CB - Description].&amp;[1430031 - Missing]"/>
        <member name="[CB - Account].[Account CB - Description].&amp;[1430032 - Missing]"/>
        <member name="[CB - Account].[Account CB - Description].&amp;[1430033 - Missing]"/>
        <member name="[CB - Account].[Account CB - Description].&amp;[1430034 - Missing]"/>
        <member name="[CB - Account].[Account CB - Description].&amp;[1430035 - Missing]"/>
        <member name="[CB - Account].[Account CB - Description].&amp;[1430036 - Missing]"/>
        <member name="[CB - Account].[Account CB - Description].&amp;[1430037 - Missing]"/>
        <member name="[CB - Account].[Account CB - Description].&amp;[1430039 - Missing]"/>
        <member name="[CB - Account].[Account CB - Description].&amp;[1430040 - Missing]"/>
        <member name="[CB - Account].[Account CB - Description].&amp;[1430041 - Missing]"/>
        <member name="[CB - Account].[Account CB - Description].&amp;[1430042 - Missing]"/>
        <member name="[CB - Account].[Account CB - Description].&amp;[1430043 - Missing]"/>
        <member name="[CB - Account].[Account CB - Description].&amp;[1440002 - Missing]"/>
        <member name="[CB - Account].[Account CB - Description].&amp;[1450001 - Missing]"/>
        <member name="[CB - Account].[Account CB - Description].&amp;[1450004 - Missing]"/>
        <member name="[CB - Account].[Account CB - Description].&amp;[1450007 - Missing]"/>
        <member name="[CB - Account].[Account CB - Description].&amp;[1450008 - Missing]"/>
        <member name="[CB - Account].[Account CB - Description].&amp;[1450009 - Missing]"/>
        <member name="[CB - Account].[Account CB - Description].&amp;[1450011 - Missing]"/>
        <member name="[CB - Account].[Account CB - Description].&amp;[1450012 - Missing]"/>
        <member name="[CB - Account].[Account CB - Description].&amp;[1450013 - Missing]"/>
        <member name="[CB - Account].[Account CB - Description].&amp;[1450014 - Missing]"/>
        <member name="[CB - Account].[Account CB - Description].&amp;[1450017 - Missing]"/>
        <member name="[CB - Account].[Account CB - Description].&amp;[1450018 - Missing]"/>
        <member name="[CB - Account].[Account CB - Description].&amp;[1450019 - Missing]"/>
        <member name="[CB - Account].[Account CB - Description].&amp;[1450022 - Missing]"/>
        <member name="[CB - Account].[Account CB - Description].&amp;[1450023 - Missing]"/>
        <member name="[CB - Account].[Account CB - Description].&amp;[1450024 - Missing]"/>
        <member name="[CB - Account].[Account CB - Description].&amp;[1450025 - Missing]"/>
        <member name="[CB - Account].[Account CB - Description].&amp;[1450026 - Missing]"/>
        <member name="[CB - Account].[Account CB - Description].&amp;[1450027 - Missing]"/>
        <member name="[CB - Account].[Account CB - Description].&amp;[1450028 - Missing]"/>
        <member name="[CB - Account].[Account CB - Description].&amp;[1450029 - Missing]"/>
        <member name="[CB - Account].[Account CB - Description].&amp;[1451001 - Missing]"/>
        <member name="[CB - Account].[Account CB - Description].&amp;[1451003 - Missing]"/>
        <member name="[CB - Account].[Account CB - Description].&amp;[1451004 - Missing]"/>
        <member name="[CB - Account].[Account CB - Description].&amp;[1451005 - Missing]"/>
        <member name="[CB - Account].[Account CB - Description].&amp;[1451008 - Missing]"/>
        <member name="[CB - Account].[Account CB - Description].&amp;[1451009 - Missing]"/>
        <member name="[CB - Account].[Account CB - Description].&amp;[1451010 - Missing]"/>
        <member name="[CB - Account].[Account CB - Description].&amp;[1451011 - Missing]"/>
        <member name="[CB - Account].[Account CB - Description].&amp;[1451012 - Missing]"/>
        <member name="[CB - Account].[Account CB - Description].&amp;[1451013 - Missing]"/>
        <member name="[CB - Account].[Account CB - Description].&amp;[1451014 - Missing]"/>
        <member name="[CB - Account].[Account CB - Description].&amp;[1451015 - Missing]"/>
        <member name="[CB - Account].[Account CB - Description].&amp;[1451016 - Missing]"/>
        <member name="[CB - Account].[Account CB - Description].&amp;[1451017 - Missing]"/>
        <member name="[CB - Account].[Account CB - Description].&amp;[1451019 - Missing]"/>
        <member name="[CB - Account].[Account CB - Description].&amp;[1451020 - Missing]"/>
        <member name="[CB - Account].[Account CB - Description].&amp;[1451021 - Missing]"/>
        <member name="[CB - Account].[Account CB - Description].&amp;[1451022 - Missing]"/>
        <member name="[CB - Account].[Account CB - Description].&amp;[1451023 - Missing]"/>
        <member name="[CB - Account].[Account CB - Description].&amp;[1451024 - Missing]"/>
        <member name="[CB - Account].[Account CB - Description].&amp;[1451025 - Missing]"/>
        <member name="[CB - Account].[Account CB - Description].&amp;[1451026 - Missing]"/>
        <member name="[CB - Account].[Account CB - Description].&amp;[1451027 - Missing]"/>
        <member name="[CB - Account].[Account CB - Description].&amp;[1451028 - Missing]"/>
        <member name="[CB - Account].[Account CB - Description].&amp;[1451029 - Missing]"/>
        <member name="[CB - Account].[Account CB - Description].&amp;[1451030 - Missing]"/>
        <member name="[CB - Account].[Account CB - Description].&amp;[1451031 - Missing]"/>
        <member name="[CB - Account].[Account CB - Description].&amp;[1451032 - Missing]"/>
        <member name="[CB - Account].[Account CB - Description].&amp;[1451033 - Missing]"/>
        <member name="[CB - Account].[Account CB - Description].&amp;[1451034 - Missing]"/>
        <member name="[CB - Account].[Account CB - Description].&amp;[1451035 - Missing]"/>
        <member name="[CB - Account].[Account CB - Description].&amp;[1451036 - Missing]"/>
        <member name="[CB - Account].[Account CB - Description].&amp;[1451037 - Missing]"/>
        <member name="[CB - Account].[Account CB - Description].&amp;[1451038 - Missing]"/>
        <member name="[CB - Account].[Account CB - Description].&amp;[1451039 - Missing]"/>
        <member name="[CB - Account].[Account CB - Description].&amp;[1451040 - Missing]"/>
        <member name="[CB - Account].[Account CB - Description].&amp;[1451041 - Missing]"/>
        <member name="[CB - Account].[Account CB - Description].&amp;[1451042 - Missing]"/>
        <member name="[CB - Account].[Account CB - Description].&amp;[1451043 - Missing]"/>
        <member name="[CB - Account].[Account CB - Description].&amp;[1451044 - Missing]"/>
        <member name="[CB - Account].[Account CB - Description].&amp;[1451045 - Missing]"/>
        <member name="[CB - Account].[Account CB - Description].&amp;[1460000 - COLLATERAL ASSET CONTRA]"/>
        <member name="[CB - Account].[Account CB - Description].&amp;[1460001 - Missing]"/>
        <member name="[CB - Account].[Account CB - Description].&amp;[1460002 - Missing]"/>
        <member name="[CB - Account].[Account CB - Description].&amp;[1460003 - Missing]"/>
        <member name="[CB - Account].[Account CB - Description].&amp;[1460004 - Missing]"/>
        <member name="[CB - Account].[Account CB - Description].&amp;[1460005 - Missing]"/>
        <member name="[CB - Account].[Account CB - Description].&amp;[1460007 - Missing]"/>
        <member name="[CB - Account].[Account CB - Description].&amp;[1460008 - Missing]"/>
        <member name="[CB - Account].[Account CB - Description].&amp;[1460010 - Missing]"/>
        <member name="[CB - Account].[Account CB - Description].&amp;[1460011 - Missing]"/>
        <member name="[CB - Account].[Account CB - Description].&amp;[1460012 - Missing]"/>
        <member name="[CB - Account].[Account CB - Description].&amp;[1460013 - Missing]"/>
        <member name="[CB - Account].[Account CB - Description].&amp;[1460015 - Missing]"/>
        <member name="[CB - Account].[Account CB - Description].&amp;[1460016 - Missing]"/>
        <member name="[CB - Account].[Account CB - Description].&amp;[1460019 - Missing]"/>
        <member name="[CB - Account].[Account CB - Description].&amp;[1460020 - Missing]"/>
        <member name="[CB - Account].[Account CB - Description].&amp;[1460021 - Missing]"/>
        <member name="[CB - Account].[Account CB - Description].&amp;[1460022 - Missing]"/>
        <member name="[CB - Account].[Account CB - Description].&amp;[1460032 - Missing]"/>
        <member name="[CB - Account].[Account CB - Description].&amp;[1460033 - Missing]"/>
        <member name="[CB - Account].[Account CB - Description].&amp;[1460034 - Missing]"/>
        <member name="[CB - Account].[Account CB - Description].&amp;[1460035 - Missing]"/>
        <member name="[CB - Account].[Account CB - Description].&amp;[1460044 - Missing]"/>
        <member name="[CB - Account].[Account CB - Description].&amp;[1460046 - Missing]"/>
        <member name="[CB - Account].[Account CB - Description].&amp;[1460047 - Pipes Interunit Account]"/>
        <member name="[CB - Account].[Account CB - Description].&amp;[1460049 - Missing]"/>
        <member name="[CB - Account].[Account CB - Description].&amp;[1460051 - Missing]"/>
        <member name="[CB - Account].[Account CB - Description].&amp;[1460052 - Missing]"/>
        <member name="[CB - Account].[Account CB - Description].&amp;[1460053 - Missing]"/>
        <member name="[CB - Account].[Account CB - Description].&amp;[1460054 - Missing]"/>
        <member name="[CB - Account].[Account CB - Description].&amp;[1460055 - Missing]"/>
        <member name="[CB - Account].[Account CB - Description].&amp;[1460056 - Missing]"/>
        <member name="[CB - Account].[Account CB - Description].&amp;[1460058 - Missing]"/>
        <member name="[CB - Account].[Account CB - Description].&amp;[1460075 - Missing]"/>
        <member name="[CB - Account].[Account CB - Description].&amp;[1460077 - Missing]"/>
        <member name="[CB - Account].[Account CB - Description].&amp;[1460078 - Missing]"/>
        <member name="[CB - Account].[Account CB - Description].&amp;[1460079 - Missing]"/>
        <member name="[CB - Account].[Account CB - Description].&amp;[1460080 - Missing]"/>
        <member name="[CB - Account].[Account CB - Description].&amp;[1460081 - Missing]"/>
        <member name="[CB - Account].[Account CB - Description].&amp;[1460082 - Missing]"/>
        <member name="[CB - Account].[Account CB - Description].&amp;[1460083 - Missing]"/>
        <member name="[CB - Account].[Account CB - Description].&amp;[1460084 - Missing]"/>
        <member name="[CB - Account].[Account CB - Description].&amp;[1460085 - Missing]"/>
        <member name="[CB - Account].[Account CB - Description].&amp;[1460086 - Missing]"/>
        <member name="[CB - Account].[Account CB - Description].&amp;[1460087 - Missing]"/>
        <member name="[CB - Account].[Account CB - Description].&amp;[1460088 - Missing]"/>
        <member name="[CB - Account].[Account CB - Description].&amp;[1460092 - Missing]"/>
        <member name="[CB - Account].[Account CB - Description].&amp;[1460093 - Missing]"/>
        <member name="[CB - Account].[Account CB - Description].&amp;[1460094 - Missing]"/>
        <member name="[CB - Account].[Account CB - Description].&amp;[1460095 - Missing]"/>
        <member name="[CB - Account].[Account CB - Description].&amp;[1460096 - Missing]"/>
        <member name="[CB - Account].[Account CB - Description].&amp;[1460097 - Missing]"/>
        <member name="[CB - Account].[Account CB - Description].&amp;[1460098 - Missing]"/>
        <member name="[CB - Account].[Account CB - Description].&amp;[1460099 - Missing]"/>
        <member name="[CB - Account].[Account CB - Description].&amp;[1460103 - Missing]"/>
        <member name="[CB - Account].[Account CB - Description].&amp;[1460104 - Missing]"/>
        <member name="[CB - Account].[Account CB - Description].&amp;[1460105 - Missing]"/>
        <member name="[CB - Account].[Account CB - Description].&amp;[1460106 - Missing]"/>
        <member name="[CB - Account].[Account CB - Description].&amp;[1460107 - Missing]"/>
        <member name="[CB - Account].[Account CB - Description].&amp;[1460108 - Missing]"/>
        <member name="[CB - Account].[Account CB - Description].&amp;[1460109 - Missing]"/>
        <member name="[CB - Account].[Account CB - Description].&amp;[1460110 - Missing]"/>
        <member name="[CB - Account].[Account CB - Description].&amp;[1460111 - Missing]"/>
        <member name="[CB - Account].[Account CB - Description].&amp;[1460119 - Missing]"/>
        <member name="[CB - Account].[Account CB - Description].&amp;[1460120 - Missing]"/>
        <member name="[CB - Account].[Account CB - Description].&amp;[1460123 - Missing]"/>
        <member name="[CB - Account].[Account CB - Description].&amp;[1460136 - Missing]"/>
        <member name="[CB - Account].[Account CB - Description].&amp;[1460137 - Missing]"/>
        <member name="[CB - Account].[Account CB - Description].&amp;[1460138 - Missing]"/>
        <member name="[CB - Account].[Account CB - Description].&amp;[1460139 - Missing]"/>
        <member name="[CB - Account].[Account CB - Description].&amp;[1460140 - Missing]"/>
        <member name="[CB - Account].[Account CB - Description].&amp;[1460141 - Missing]"/>
        <member name="[CB - Account].[Account CB - Description].&amp;[1460142 - Missing]"/>
        <member name="[CB - Account].[Account CB - Description].&amp;[1460158 - Missing]"/>
        <member name="[CB - Account].[Account CB - Description].&amp;[1460160 - Missing]"/>
        <member name="[CB - Account].[Account CB - Description].&amp;[1460162 - Missing]"/>
        <member name="[CB - Account].[Account CB - Description].&amp;[1460163 - Missing]"/>
        <member name="[CB - Account].[Account CB - Description].&amp;[1460165 - Missing]"/>
        <member name="[CB - Account].[Account CB - Description].&amp;[1460167 - Missing]"/>
        <member name="[CB - Account].[Account CB - Description].&amp;[1460168 - Missing]"/>
        <member name="[CB - Account].[Account CB - Description].&amp;[1460170 - Missing]"/>
        <member name="[CB - Account].[Account CB - Description].&amp;[1460171 - Missing]"/>
        <member name="[CB - Account].[Account CB - Description].&amp;[1460173 - Missing]"/>
        <member name="[CB - Account].[Account CB - Description].&amp;[1460174 - Missing]"/>
        <member name="[CB - Account].[Account CB - Description].&amp;[1460179 - Missing]"/>
        <member name="[CB - Account].[Account CB - Description].&amp;[1460180 - Missing]"/>
        <member name="[CB - Account].[Account CB - Description].&amp;[1460181 - Missing]"/>
        <member name="[CB - Account].[Account CB - Description].&amp;[1460182 - Missing]"/>
        <member name="[CB - Account].[Account CB - Description].&amp;[1460183 - Missing]"/>
        <member name="[CB - Account].[Account CB - Description].&amp;[1460184 - Missing]"/>
        <member name="[CB - Account].[Account CB - Description].&amp;[1460185 - Missing]"/>
        <member name="[CB - Account].[Account CB - Description].&amp;[1460186 - Missing]"/>
        <member name="[CB - Account].[Account CB - Description].&amp;[1460187 - Missing]"/>
        <member name="[CB - Account].[Account CB - Description].&amp;[1460188 - Missing]"/>
        <member name="[CB - Account].[Account CB - Description].&amp;[1460189 - Missing]"/>
        <member name="[CB - Account].[Account CB - Description].&amp;[1460190 - Missing]"/>
        <member name="[CB - Account].[Account CB - Description].&amp;[1460191 - Missing]"/>
        <member name="[CB - Account].[Account CB - Description].&amp;[1460192 - Missing]"/>
        <member name="[CB - Account].[Account CB - Description].&amp;[1460193 - Missing]"/>
        <member name="[CB - Account].[Account CB - Description].&amp;[1460194 - Missing]"/>
        <member name="[CB - Account].[Account CB - Description].&amp;[1460195 - Missing]"/>
        <member name="[CB - Account].[Account CB - Description].&amp;[1460196 - Missing]"/>
        <member name="[CB - Account].[Account CB - Description].&amp;[1460198 - Missing]"/>
        <member name="[CB - Account].[Account CB - Description].&amp;[1460200 - Missing]"/>
        <member name="[CB - Account].[Account CB - Description].&amp;[1460201 - Missing]"/>
        <member name="[CB - Account].[Account CB - Description].&amp;[1460202 - Missing]"/>
        <member name="[CB - Account].[Account CB - Description].&amp;[1460203 - Missing]"/>
        <member name="[CB - Account].[Account CB - Description].&amp;[1460219 - Missing]"/>
        <member name="[CB - Account].[Account CB - Description].&amp;[1460220 - Missing]"/>
        <member name="[CB - Account].[Account CB - Description].&amp;[1460221 - Missing]"/>
        <member name="[CB - Account].[Account CB - Description].&amp;[1460222 - Missing]"/>
        <member name="[CB - Account].[Account CB - Description].&amp;[1460226 - Missing]"/>
        <member name="[CB - Account].[Account CB - Description].&amp;[1460228 - Missing]"/>
        <member name="[CB - Account].[Account CB - Description].&amp;[1460232 - Missing]"/>
        <member name="[CB - Account].[Account CB - Description].&amp;[1460234 - Missing]"/>
        <member name="[CB - Account].[Account CB - Description].&amp;[1460235 - Missing]"/>
        <member name="[CB - Account].[Account CB - Description].&amp;[1460236 - A/R Interest w/GAD]"/>
        <member name="[CB - Account].[Account CB - Description].&amp;[1460238 - Missing]"/>
        <member name="[CB - Account].[Account CB - Description].&amp;[1460239 - Missing]"/>
        <member name="[CB - Account].[Account CB - Description].&amp;[1460240 - Missing]"/>
        <member name="[CB - Account].[Account CB - Description].&amp;[1460241 - Missing]"/>
        <member name="[CB - Account].[Account CB - Description].&amp;[1460242 - Missing]"/>
        <member name="[CB - Account].[Account CB - Description].&amp;[1460244 - Missing]"/>
        <member name="[CB - Account].[Account CB - Description].&amp;[1460247 - Missing]"/>
        <member name="[CB - Account].[Account CB - Description].&amp;[1460248 - Missing]"/>
        <member name="[CB - Account].[Account CB - Description].&amp;[1460249 - Missing]"/>
        <member name="[CB - Account].[Account CB - Description].&amp;[1460250 - Missing]"/>
        <member name="[CB - Account].[Account CB - Description].&amp;[1460252 - Missing]"/>
        <member name="[CB - Account].[Account CB - Description].&amp;[1460253 - Missing]"/>
        <member name="[CB - Account].[Account CB - Description].&amp;[1460260 - Missing]"/>
        <member name="[CB - Account].[Account CB - Description].&amp;[1460270 - Missing]"/>
        <member name="[CB - Account].[Account CB - Description].&amp;[1460280 - Missing]"/>
        <member name="[CB - Account].[Account CB - Description].&amp;[1460294 - Missing]"/>
        <member name="[CB - Account].[Account CB - Description].&amp;[1460300 - Missing]"/>
        <member name="[CB - Account].[Account CB - Description].&amp;[1460301 - Missing]"/>
        <member name="[CB - Account].[Account CB - Description].&amp;[1460302 - Missing]"/>
        <member name="[CB - Account].[Account CB - Description].&amp;[1460303 - Missing]"/>
        <member name="[CB - Account].[Account CB - Description].&amp;[1460304 - Missing]"/>
        <member name="[CB - Account].[Account CB - Description].&amp;[1460305 - Missing]"/>
        <member name="[CB - Account].[Account CB - Description].&amp;[1460306 - Missing]"/>
        <member name="[CB - Account].[Account CB - Description].&amp;[1460307 - Missing]"/>
        <member name="[CB - Account].[Account CB - Description].&amp;[1460308 - Missing]"/>
        <member name="[CB - Account].[Account CB - Description].&amp;[1460309 - Missing]"/>
        <member name="[CB - Account].[Account CB - Description].&amp;[1460311 - Missing]"/>
        <member name="[CB - Account].[Account CB - Description].&amp;[1460312 - Missing]"/>
        <member name="[CB - Account].[Account CB - Description].&amp;[1460315 - Missing]"/>
        <member name="[CB - Account].[Account CB - Description].&amp;[1460316 - Missing]"/>
        <member name="[CB - Account].[Account CB - Description].&amp;[1460317 - Missing]"/>
        <member name="[CB - Account].[Account CB - Description].&amp;[1460318 - Missing]"/>
        <member name="[CB - Account].[Account CB - Description].&amp;[1460319 - Missing]"/>
        <member name="[CB - Account].[Account CB - Description].&amp;[1460320 - Missing]"/>
        <member name="[CB - Account].[Account CB - Description].&amp;[1460323 - Missing]"/>
        <member name="[CB - Account].[Account CB - Description].&amp;[1460324 - Missing]"/>
        <member name="[CB - Account].[Account CB - Description].&amp;[1460325 - Missing]"/>
        <member name="[CB - Account].[Account CB - Description].&amp;[1460328 - Missing]"/>
        <member name="[CB - Account].[Account CB - Description].&amp;[1460329 - Missing]"/>
        <member name="[CB - Account].[Account CB - Description].&amp;[1460331 - Missing]"/>
        <member name="[CB - Account].[Account CB - Description].&amp;[1460332 - Missing]"/>
        <member name="[CB - Account].[Account CB - Description].&amp;[1460333 - Missing]"/>
        <member name="[CB - Account].[Account CB - Description].&amp;[1460334 - Missing]"/>
        <member name="[CB - Account].[Account CB - Description].&amp;[1460335 - Missing]"/>
        <member name="[CB - Account].[Account CB - Description].&amp;[1460337 - Missing]"/>
        <member name="[CB - Account].[Account CB - Description].&amp;[1460338 - Missing]"/>
        <member name="[CB - Account].[Account CB - Description].&amp;[1460339 - Missing]"/>
        <member name="[CB - Account].[Account CB - Description].&amp;[1460341 - Missing]"/>
        <member name="[CB - Account].[Account CB - Description].&amp;[1460344 - Missing]"/>
        <member name="[CB - Account].[Account CB - Description].&amp;[1460346 - Missing]"/>
        <member name="[CB - Account].[Account CB - Description].&amp;[1460347 - Missing]"/>
        <member name="[CB - Account].[Account CB - Description].&amp;[1460348 - Missing]"/>
        <member name="[CB - Account].[Account CB - Description].&amp;[1460349 - Missing]"/>
        <member name="[CB - Account].[Account CB - Description].&amp;[1460350 - Missing]"/>
        <member name="[CB - Account].[Account CB - Description].&amp;[1460351 - Missing]"/>
        <member name="[CB - Account].[Account CB - Description].&amp;[1460352 - Missing]"/>
        <member name="[CB - Account].[Account CB - Description].&amp;[1460353 - Missing]"/>
        <member name="[CB - Account].[Account CB - Description].&amp;[1460354 - Missing]"/>
        <member name="[CB - Account].[Account CB - Description].&amp;[1460356 - Missing]"/>
        <member name="[CB - Account].[Account CB - Description].&amp;[1460357 - Missing]"/>
        <member name="[CB - Account].[Account CB - Description].&amp;[1460360 - Missing]"/>
        <member name="[CB - Account].[Account CB - Description].&amp;[1460363 - Missing]"/>
        <member name="[CB - Account].[Account CB - Description].&amp;[1460364 - Missing]"/>
        <member name="[CB - Account].[Account CB - Description].&amp;[1460365 - Missing]"/>
        <member name="[CB - Account].[Account CB - Description].&amp;[1460366 - Missing]"/>
        <member name="[CB - Account].[Account CB - Description].&amp;[1460367 - Missing]"/>
        <member name="[CB - Account].[Account CB - Description].&amp;[1460369 - Missing]"/>
        <member name="[CB - Account].[Account CB - Description].&amp;[1460370 - Missing]"/>
        <member name="[CB - Account].[Account CB - Description].&amp;[1460371 - Missing]"/>
        <member name="[CB - Account].[Account CB - Description].&amp;[1460372 - Missing]"/>
        <member name="[CB - Account].[Account CB - Description].&amp;[1460373 - Missing]"/>
        <member name="[CB - Account].[Account CB - Description].&amp;[1460374 - Missing]"/>
        <member name="[CB - Account].[Account CB - Description].&amp;[1460376 - Missing]"/>
        <member name="[CB - Account].[Account CB - Description].&amp;[1460377 - Missing]"/>
        <member name="[CB - Account].[Account CB - Description].&amp;[1460378 - Missing]"/>
        <member name="[CB - Account].[Account CB - Description].&amp;[1460379 - Missing]"/>
        <member name="[CB - Account].[Account CB - Description].&amp;[1460380 - Missing]"/>
        <member name="[CB - Account].[Account CB - Description].&amp;[1460381 - Missing]"/>
        <member name="[CB - Account].[Account CB - Description].&amp;[1460382 - Missing]"/>
        <member name="[CB - Account].[Account CB - Description].&amp;[1460383 - Missing]"/>
        <member name="[CB - Account].[Account CB - Description].&amp;[1460384 - Missing]"/>
        <member name="[CB - Account].[Account CB - Description].&amp;[1469002 - Missing]"/>
        <member name="[CB - Account].[Account CB - Description].&amp;[1469003 - Missing]"/>
        <member name="[CB - Account].[Account CB - Description].&amp;[1469999 - Inter-Unit Unconsolidated BU]"/>
        <member name="[CB - Account].[Account CB - Description].&amp;[1494210 - CONTRA MTM CURRENT ASSETS]"/>
        <member name="[CB - Account].[Account CB - Description].&amp;[1495000 - Missing]"/>
        <member name="[CB - Account].[Account CB - Description].&amp;[1495001 - Missing]"/>
        <member name="[CB - Account].[Account CB - Description].&amp;[1503000 - Contra Advances]"/>
        <member name="[CB - Account].[Account CB - Description].&amp;[1506000 - Contra Note Receivable-LongTer]"/>
        <member name="[CB - Account].[Account CB - Description].&amp;[1510000 - Missing]"/>
        <member name="[CB - Account].[Account CB - Description].&amp;[1510001 - Missing]"/>
        <member name="[CB - Account].[Account CB - Description].&amp;[1511910 - CONTRA MTM NONCURRENT ASSETS]"/>
        <member name="[CB - Account].[Account CB - Description].&amp;[1530001 - Missing]"/>
        <member name="[CB - Account].[Account CB - Description].&amp;[1530002 - Missing]"/>
        <member name="[CB - Account].[Account CB - Description].&amp;[1540001 - Missing]"/>
        <member name="[CB - Account].[Account CB - Description].&amp;[1540002 - Missing]"/>
        <member name="[CB - Account].[Account CB - Description].&amp;[1540003 - Missing]"/>
        <member name="[CB - Account].[Account CB - Description].&amp;[1549001 - Missing]"/>
        <member name="[CB - Account].[Account CB - Description].&amp;[1560002 - Missing]"/>
        <member name="[CB - Account].[Account CB - Description].&amp;[1560003 - Missing]"/>
        <member name="[CB - Account].[Account CB - Description].&amp;[1630001 - Missing]"/>
        <member name="[CB - Account].[Account CB - Description].&amp;[1641001 - Missing]"/>
        <member name="[CB - Account].[Account CB - Description].&amp;[1641002 - Missing]"/>
        <member name="[CB - Account].[Account CB - Description].&amp;[1641006 - Missing]"/>
        <member name="[CB - Account].[Account CB - Description].&amp;[1642001 - Missing]"/>
        <member name="[CB - Account].[Account CB - Description].&amp;[1642002 - Missing]"/>
        <member name="[CB - Account].[Account CB - Description].&amp;[1643001 - Missing]"/>
        <member name="[CB - Account].[Account CB - Description].&amp;[1643002 - Missing]"/>
        <member name="[CB - Account].[Account CB - Description].&amp;[1650000 - Contra Other Cur Assets]"/>
        <member name="[CB - Account].[Account CB - Description].&amp;[1650001 - Missing]"/>
        <member name="[CB - Account].[Account CB - Description].&amp;[1650002 - Missing]"/>
        <member name="[CB - Account].[Account CB - Description].&amp;[1650003 - Missing]"/>
        <member name="[CB - Account].[Account CB - Description].&amp;[1650004 - Missing]"/>
        <member name="[CB - Account].[Account CB - Description].&amp;[1650005 - Missing]"/>
        <member name="[CB - Account].[Account CB - Description].&amp;[1650006 - Missing]"/>
        <member name="[CB - Account].[Account CB - Description].&amp;[1650007 - Missing]"/>
        <member name="[CB - Account].[Account CB - Description].&amp;[1650010 - Missing]"/>
        <member name="[CB - Account].[Account CB - Description].&amp;[1650011 - Missing]"/>
        <member name="[CB - Account].[Account CB - Description].&amp;[1650013 - Missing]"/>
        <member name="[CB - Account].[Account CB - Description].&amp;[1650014 - Missing]"/>
        <member name="[CB - Account].[Account CB - Description].&amp;[1650015 - Missing]"/>
        <member name="[CB - Account].[Account CB - Description].&amp;[1650016 - Missing]"/>
        <member name="[CB - Account].[Account CB - Description].&amp;[1650017 - Missing]"/>
        <member name="[CB - Account].[Account CB - Description].&amp;[1650018 - Missing]"/>
        <member name="[CB - Account].[Account CB - Description].&amp;[1650019 - Missing]"/>
        <member name="[CB - Account].[Account CB - Description].&amp;[1650020 - Missing]"/>
        <member name="[CB - Account].[Account CB - Description].&amp;[1650021 - Missing]"/>
        <member name="[CB - Account].[Account CB - Description].&amp;[1650022 - Missing]"/>
        <member name="[CB - Account].[Account CB - Description].&amp;[1650023 - Missing]"/>
        <member name="[CB - Account].[Account CB - Description].&amp;[1650024 - Missing]"/>
        <member name="[CB - Account].[Account CB - Description].&amp;[1650030 - Missing]"/>
        <member name="[CB - Account].[Account CB - Description].&amp;[1650031 - Missing]"/>
        <member name="[CB - Account].[Account CB - Description].&amp;[1650032 - Missing]"/>
        <member name="[CB - Account].[Account CB - Description].&amp;[1650033 - Missing]"/>
        <member name="[CB - Account].[Account CB - Description].&amp;[1650034 - Missing]"/>
        <member name="[CB - Account].[Account CB - Description].&amp;[1650035 - Missing]"/>
        <member name="[CB - Account].[Account CB - Description].&amp;[1650036 - Missing]"/>
        <member name="[CB - Account].[Account CB - Description].&amp;[1650037 - Missing]"/>
        <member name="[CB - Account].[Account CB - Description].&amp;[1650038 - Missing]"/>
        <member name="[CB - Account].[Account CB - Description].&amp;[1650039 - Missing]"/>
        <member name="[CB - Account].[Account CB - Description].&amp;[1650040 - Missing]"/>
        <member name="[CB - Account].[Account CB - Description].&amp;[1650041 - Missing]"/>
        <member name="[CB - Account].[Account CB - Description].&amp;[1650043 - Missing]"/>
        <member name="[CB - Account].[Account CB - Description].&amp;[1650045 - Missing]"/>
        <member name="[CB - Account].[Account CB - Description].&amp;[1650046 - Missing]"/>
        <member name="[CB - Account].[Account CB - Description].&amp;[1650047 - Missing]"/>
        <member name="[CB - Account].[Account CB - Description].&amp;[1650049 - Missing]"/>
        <member name="[CB - Account].[Account CB - Description].&amp;[1650051 - Missing]"/>
        <member name="[CB - Account].[Account CB - Description].&amp;[1650053 - Missing]"/>
        <member name="[CB - Account].[Account CB - Description].&amp;[1650056 - Missing]"/>
        <member name="[CB - Account].[Account CB - Description].&amp;[1650057 - Missing]"/>
        <member name="[CB - Account].[Account CB - Description].&amp;[1650058 - Missing]"/>
        <member name="[CB - Account].[Account CB - Description].&amp;[1650059 - Missing]"/>
        <member name="[CB - Account].[Account CB - Description].&amp;[1650060 - Missing]"/>
        <member name="[CB - Account].[Account CB - Description].&amp;[1650061 - Missing]"/>
        <member name="[CB - Account].[Account CB - Description].&amp;[1650062 - Missing]"/>
        <member name="[CB - Account].[Account CB - Description].&amp;[1710001 - Missing]"/>
        <member name="[CB - Account].[Account CB - Description].&amp;[1740001 - Missing]"/>
        <member name="[CB - Account].[Account CB - Description].&amp;[1740002 - Missing]"/>
        <member name="[CB - Account].[Account CB - Description].&amp;[1740003 - Missing]"/>
        <member name="[CB - Account].[Account CB - Description].&amp;[1740004 - Missing]"/>
        <member name="[CB - Account].[Account CB - Description].&amp;[1740005 - Missing]"/>
        <member name="[CB - Account].[Account CB - Description].&amp;[1740006 - Missing]"/>
        <member name="[CB - Account].[Account CB - Description].&amp;[1740007 - Missing]"/>
        <member name="[CB - Account].[Account CB - Description].&amp;[1740008 - Missing]"/>
        <member name="[CB - Account].[Account CB - Description].&amp;[1740009 - Missing]"/>
        <member name="[CB - Account].[Account CB - Description].&amp;[1740010 - Missing]"/>
        <member name="[CB - Account].[Account CB - Description].&amp;[1740012 - Missing]"/>
        <member name="[CB - Account].[Account CB - Description].&amp;[1740013 - Missing]"/>
        <member name="[CB - Account].[Account CB - Description].&amp;[1740014 - Missing]"/>
        <member name="[CB - Account].[Account CB - Description].&amp;[1740015 - Missing]"/>
        <member name="[CB - Account].[Account CB - Description].&amp;[1740016 - Missing]"/>
        <member name="[CB - Account].[Account CB - Description].&amp;[1740017 - Missing]"/>
        <member name="[CB - Account].[Account CB - Description].&amp;[1740019 - Missing]"/>
        <member name="[CB - Account].[Account CB - Description].&amp;[1740020 - Missing]"/>
        <member name="[CB - Account].[Account CB - Description].&amp;[1740022 - Missing]"/>
        <member name="[CB - Account].[Account CB - Description].&amp;[1740023 - Missing]"/>
        <member name="[CB - Account].[Account CB - Description].&amp;[1803000 - Vehicle Expense - Budgets Only]"/>
        <member name="[CB - Account].[Account CB - Description].&amp;[1803100 - Passenger Cars/ Station Wagons]"/>
        <member name="[CB - Account].[Account CB - Description].&amp;[1803110 - Light Trucks]"/>
        <member name="[CB - Account].[Account CB - Description].&amp;[1803120 - Medium Duty Trucks]"/>
        <member name="[CB - Account].[Account CB - Description].&amp;[1803130 - Heavy Duty Trucks]"/>
        <member name="[CB - Account].[Account CB - Description].&amp;[1803140 - Med Duty Tks/W Power Take Off]"/>
        <member name="[CB - Account].[Account CB - Description].&amp;[1803150 - Hvy Duty Trks W/Pwr Take Off]"/>
        <member name="[CB - Account].[Account CB - Description].&amp;[1803160 - Special Tractor/Trailer Comb]"/>
        <member name="[CB - Account].[Account CB - Description].&amp;[1803170 - Truck Tractors]"/>
        <member name="[CB - Account].[Account CB - Description].&amp;[1803180 - All Trailers]"/>
        <member name="[CB - Account].[Account CB - Description].&amp;[1803190 - Inactive]"/>
        <member name="[CB - Account].[Account CB - Description].&amp;[1803270 - Insurance]"/>
        <member name="[CB - Account].[Account CB - Description].&amp;[1803280 - Motor Vehicle License]"/>
        <member name="[CB - Account].[Account CB - Description].&amp;[1803290 - Miscellaneous Expense]"/>
        <member name="[CB - Account].[Account CB - Description].&amp;[1803300 - Garage Training]"/>
        <member name="[CB - Account].[Account CB - Description].&amp;[1803400 - Auto &amp; Truck Clearing]"/>
        <member name="[CB - Account].[Account CB - Description].&amp;[1803510 - Inactive]"/>
        <member name="[CB - Account].[Account CB - Description].&amp;[1803520 - Inactive]"/>
        <member name="[CB - Account].[Account CB - Description].&amp;[1803530 - Inactive]"/>
        <member name="[CB - Account].[Account CB - Description].&amp;[1803540 - Bus Maint Exp-Power Train]"/>
        <member name="[CB - Account].[Account CB - Description].&amp;[1803550 - Inactive]"/>
        <member name="[CB - Account].[Account CB - Description].&amp;[1803560 - Inactive]"/>
        <member name="[CB - Account].[Account CB - Description].&amp;[1803570 - Inactive]"/>
        <member name="[CB - Account].[Account CB - Description].&amp;[1803580 - Inactive]"/>
        <member name="[CB - Account].[Account CB - Description].&amp;[1803590 - Inactive]"/>
        <member name="[CB - Account].[Account CB - Description].&amp;[1803600 - Inactive]"/>
        <member name="[CB - Account].[Account CB - Description].&amp;[1803610 - Inactive]"/>
        <member name="[CB - Account].[Account CB - Description].&amp;[1803620 - Inactive]"/>
        <member name="[CB - Account].[Account CB - Description].&amp;[1803630 - Inactive]"/>
        <member name="[CB - Account].[Account CB - Description].&amp;[1803640 - Inactive]"/>
        <member name="[CB - Account].[Account CB - Description].&amp;[1803650 - Inactive]"/>
        <member name="[CB - Account].[Account CB - Description].&amp;[1803660 - Inactive]"/>
        <member name="[CB - Account].[Account CB - Description].&amp;[1803670 - Inactive]"/>
        <member name="[CB - Account].[Account CB - Description].&amp;[1803680 - Inactive]"/>
        <member name="[CB - Account].[Account CB - Description].&amp;[1803690 - Inactive]"/>
        <member name="[CB - Account].[Account CB - Description].&amp;[1803700 - Inactive]"/>
        <member name="[CB - Account].[Account CB - Description].&amp;[1803710 - Inactive]"/>
        <member name="[CB - Account].[Account CB - Description].&amp;[1803720 - Inactive]"/>
        <member name="[CB - Account].[Account CB - Description].&amp;[1803760 - Garage-Unproductive Wages-Sick]"/>
        <member name="[CB - Account].[Account CB - Description].&amp;[1803790 - Garage-Unprod Wages-Doctor/Den]"/>
        <member name="[CB - Account].[Account CB - Description].&amp;[1803800 - Inactive]"/>
        <member name="[CB - Account].[Account CB - Description].&amp;[1810001 - Missing]"/>
        <member name="[CB - Account].[Account CB - Description].&amp;[1810002 - Missing]"/>
        <member name="[CB - Account].[Account CB - Description].&amp;[1810003 - Missing]"/>
        <member name="[CB - Account].[Account CB - Description].&amp;[1810004 - Missing]"/>
        <member name="[CB - Account].[Account CB - Description].&amp;[1810005 - Missing]"/>
        <member name="[CB - Account].[Account CB - Description].&amp;[1810006 - Missing]"/>
        <member name="[CB - Account].[Account CB - Description].&amp;[1810009 - Missing]"/>
        <member name="[CB - Account].[Account CB - Description].&amp;[1810010 - Missing]"/>
        <member name="[CB - Account].[Account CB - Description].&amp;[1810011 - Missing]"/>
        <member name="[CB - Account].[Account CB - Description].&amp;[1810012 - Missing]"/>
        <member name="[CB - Account].[Account CB - Description].&amp;[1810013 - Missing]"/>
        <member name="[CB - Account].[Account CB - Description].&amp;[1810014 - Missing]"/>
        <member name="[CB - Account].[Account CB - Description].&amp;[1810015 - Missing]"/>
        <member name="[CB - Account].[Account CB - Description].&amp;[1810017 - Missing]"/>
        <member name="[CB - Account].[Account CB - Description].&amp;[1810018 - Missing]"/>
        <member name="[CB - Account].[Account CB - Description].&amp;[1810020 - Missing]"/>
        <member name="[CB - Account].[Account CB - Description].&amp;[1810021 - Missing]"/>
        <member name="[CB - Account].[Account CB - Description].&amp;[1810022 - Missing]"/>
        <member name="[CB - Account].[Account CB - Description].&amp;[1810023 - Missing]"/>
        <member name="[CB - Account].[Account CB - Description].&amp;[1810024 - Missing]"/>
        <member name="[CB - Account].[Account CB - Description].&amp;[1810025 - Missing]"/>
        <member name="[CB - Account].[Account CB - Description].&amp;[1810026 - Missing]"/>
        <member name="[CB - Account].[Account CB - Description].&amp;[1810027 - Missing]"/>
        <member name="[CB - Account].[Account CB - Description].&amp;[1810028 - Missing]"/>
        <member name="[CB - Account].[Account CB - Description].&amp;[1810029 - Missing]"/>
        <member name="[CB - Account].[Account CB - Description].&amp;[1810030 - Missing]"/>
        <member name="[CB - Account].[Account CB - Description].&amp;[1810031 - Missing]"/>
        <member name="[CB - Account].[Account CB - Description].&amp;[1810032 - Missing]"/>
        <member name="[CB - Account].[Account CB - Description].&amp;[1810033 - Missing]"/>
        <member name="[CB - Account].[Account CB - Description].&amp;[1810034 - Missing]"/>
        <member name="[CB - Account].[Account CB - Description].&amp;[1810035 - Missing]"/>
        <member name="[CB - Account].[Account CB - Description].&amp;[1810036 - Missing]"/>
        <member name="[CB - Account].[Account CB - Description].&amp;[1810037 - Missing]"/>
        <member name="[CB - Account].[Account CB - Description].&amp;[1823001 - Missing]"/>
        <member name="[CB - Account].[Account CB - Description].&amp;[1823002 - Missing]"/>
        <member name="[CB - Account].[Account CB - Description].&amp;[1823004 - Missing]"/>
        <member name="[CB - Account].[Account CB - Description].&amp;[1823005 - Missing]"/>
        <member name="[CB - Account].[Account CB - Description].&amp;[1823006 - Missing]"/>
        <member name="[CB - Account].[Account CB - Description].&amp;[1823007 - Missing]"/>
        <member name="[CB - Account].[Account CB - Description].&amp;[1823008 - Missing]"/>
        <member name="[CB - Account].[Account CB - Description].&amp;[1823009 - Missing]"/>
        <member name="[CB - Account].[Account CB - Description].&amp;[1823010 - Missing]"/>
        <member name="[CB - Account].[Account CB - Description].&amp;[1823011 - Missing]"/>
        <member name="[CB - Account].[Account CB - Description].&amp;[1823012 - Missing]"/>
        <member name="[CB - Account].[Account CB - Description].&amp;[1823013 - Missing]"/>
        <member name="[CB - Account].[Account CB - Description].&amp;[1823014 - Missing]"/>
        <member name="[CB - Account].[Account CB - Description].&amp;[1823015 - Missing]"/>
        <member name="[CB - Account].[Account CB - Description].&amp;[1823017 - Missing]"/>
        <member name="[CB - Account].[Account CB - Description].&amp;[1823018 - Missing]"/>
        <member name="[CB - Account].[Account CB - Description].&amp;[1823020 - Missing]"/>
        <member name="[CB - Account].[Account CB - Description].&amp;[1823021 - Missing]"/>
        <member name="[CB - Account].[Account CB - Description].&amp;[1823023 - Missing]"/>
        <member name="[CB - Account].[Account CB - Description].&amp;[1823024 - Missing]"/>
        <member name="[CB - Account].[Account CB - Description].&amp;[1823025 - Missing]"/>
        <member name="[CB - Account].[Account CB - Description].&amp;[1823026 - Missing]"/>
        <member name="[CB - Account].[Account CB - Description].&amp;[1823027 - Missing]"/>
        <member name="[CB - Account].[Account CB - Description].&amp;[1823028 - Missing]"/>
        <member name="[CB - Account].[Account CB - Description].&amp;[1823030 - Missing]"/>
        <member name="[CB - Account].[Account CB - Description].&amp;[1823031 - Missing]"/>
        <member name="[CB - Account].[Account CB - Description].&amp;[1823032 - Missing]"/>
        <member name="[CB - Account].[Account CB - Description].&amp;[1823035 - Missing]"/>
        <member name="[CB - Account].[Account CB - Description].&amp;[1823038 - Missing]"/>
        <member name="[CB - Account].[Account CB - Description].&amp;[1823040 - Missing]"/>
        <member name="[CB - Account].[Account CB - Description].&amp;[1823042 - Missing]"/>
        <member name="[CB - Account].[Account CB - Description].&amp;[1823043 - Missing]"/>
        <member name="[CB - Account].[Account CB - Description].&amp;[1823044 - Missing]"/>
        <member name="[CB - Account].[Account CB - Description].&amp;[1823045 - Missing]"/>
        <member name="[CB - Account].[Account CB - Description].&amp;[1823046 - Missing]"/>
        <member name="[CB - Account].[Account CB - Description].&amp;[1823047 - Missing]"/>
        <member name="[CB - Account].[Account CB - Description].&amp;[1823048 - Missing]"/>
        <member name="[CB - Account].[Account CB - Description].&amp;[1823049 - Missing]"/>
        <member name="[CB - Account].[Account CB - Description].&amp;[1823051 - Missing]"/>
        <member name="[CB - Account].[Account CB - Description].&amp;[1823052 - Missing]"/>
        <member name="[CB - Account].[Account CB - Description].&amp;[1823053 - Missing]"/>
        <member name="[CB - Account].[Account CB - Description].&amp;[1823054 - Missing]"/>
        <member name="[CB - Account].[Account CB - Description].&amp;[1823055 - Missing]"/>
        <member name="[CB - Account].[Account CB - Description].&amp;[1823056 - Missing]"/>
        <member name="[CB - Account].[Account CB - Description].&amp;[1823058 - Missing]"/>
        <member name="[CB - Account].[Account CB - Description].&amp;[1823059 - Missing]"/>
        <member name="[CB - Account].[Account CB - Description].&amp;[1823060 - Missing]"/>
        <member name="[CB - Account].[Account CB - Description].&amp;[1823061 - Missing]"/>
        <member name="[CB - Account].[Account CB - Description].&amp;[1823062 - Missing]"/>
        <member name="[CB - Account].[Account CB - Description].&amp;[1823063 - Missing]"/>
        <member name="[CB - Account].[Account CB - Description].&amp;[1823064 - Missing]"/>
        <member name="[CB - Account].[Account CB - Description].&amp;[1823065 - Missing]"/>
        <member name="[CB - Account].[Account CB - Description].&amp;[1823067 - Missing]"/>
        <member name="[CB - Account].[Account CB - Description].&amp;[1823069 - Missing]"/>
        <member name="[CB - Account].[Account CB - Description].&amp;[1823070 - Missing]"/>
        <member name="[CB - Account].[Account CB - Description].&amp;[1823071 - Missing]"/>
        <member name="[CB - Account].[Account CB - Description].&amp;[1823073 - Missing]"/>
        <member name="[CB - Account].[Account CB - Description].&amp;[1823074 - Missing]"/>
        <member name="[CB - Account].[Account CB - Description].&amp;[1823075 - Missing]"/>
        <member name="[CB - Account].[Account CB - Description].&amp;[1823076 - Missing]"/>
        <member name="[CB - Account].[Account CB - Description].&amp;[1823077 - Missing]"/>
        <member name="[CB - Account].[Account CB - Description].&amp;[1823082 - Missing]"/>
        <member name="[CB - Account].[Account CB - Description].&amp;[1823083 - Missing]"/>
        <member name="[CB - Account].[Account CB - Description].&amp;[1823084 - Missing]"/>
        <member name="[CB - Account].[Account CB - Description].&amp;[1823085 - Missing]"/>
        <member name="[CB - Account].[Account CB - Description].&amp;[1823086 - Missing]"/>
        <member name="[CB - Account].[Account CB - Description].&amp;[1823087 - Missing]"/>
        <member name="[CB - Account].[Account CB - Description].&amp;[1823088 - Missing]"/>
        <member name="[CB - Account].[Account CB - Description].&amp;[1823090 - Missing]"/>
        <member name="[CB - Account].[Account CB - Description].&amp;[1823091 - Missing]"/>
        <member name="[CB - Account].[Account CB - Description].&amp;[1823092 - Missing]"/>
        <member name="[CB - Account].[Account CB - Description].&amp;[1823093 - Missing]"/>
        <member name="[CB - Account].[Account CB - Description].&amp;[1823094 - Missing]"/>
        <member name="[CB - Account].[Account CB - Description].&amp;[1823096 - Missing]"/>
        <member name="[CB - Account].[Account CB - Description].&amp;[1823098 - Missing]"/>
        <member name="[CB - Account].[Account CB - Description].&amp;[1823099 - Missing]"/>
        <member name="[CB - Account].[Account CB - Description].&amp;[1823120 - Missing]"/>
        <member name="[CB - Account].[Account CB - Description].&amp;[1823121 - Missing]"/>
        <member name="[CB - Account].[Account CB - Description].&amp;[1823141 - Missing]"/>
        <member name="[CB - Account].[Account CB - Description].&amp;[1823142 - Missing]"/>
        <member name="[CB - Account].[Account CB - Description].&amp;[1823143 - Missing]"/>
        <member name="[CB - Account].[Account CB - Description].&amp;[1823144 - Missing]"/>
        <member name="[CB - Account].[Account CB - Description].&amp;[1823145 - Missing]"/>
        <member name="[CB - Account].[Account CB - Description].&amp;[1823147 - Missing]"/>
        <member name="[CB - Account].[Account CB - Description].&amp;[1823148 - Missing]"/>
        <member name="[CB - Account].[Account CB - Description].&amp;[1823149 - Missing]"/>
        <member name="[CB - Account].[Account CB - Description].&amp;[1823150 - Missing]"/>
        <member name="[CB - Account].[Account CB - Description].&amp;[1823151 - Missing]"/>
        <member name="[CB - Account].[Account CB - Description].&amp;[1823152 - Missing]"/>
        <member name="[CB - Account].[Account CB - Description].&amp;[1823153 - Missing]"/>
        <member name="[CB - Account].[Account CB - Description].&amp;[1823154 - Missing]"/>
        <member name="[CB - Account].[Account CB - Description].&amp;[1823155 - Missing]"/>
        <member name="[CB - Account].[Account CB - Description].&amp;[1823156 - Missing]"/>
        <member name="[CB - Account].[Account CB - Description].&amp;[1823157 - Missing]"/>
        <member name="[CB - Account].[Account CB - Description].&amp;[1823166 - Missing]"/>
        <member name="[CB - Account].[Account CB - Description].&amp;[1823167 - Missing]"/>
        <member name="[CB - Account].[Account CB - Description].&amp;[1823168 - Missing]"/>
        <member name="[CB - Account].[Account CB - Description].&amp;[1823169 - Missing]"/>
        <member name="[CB - Account].[Account CB - Description].&amp;[1823170 - Missing]"/>
        <member name="[CB - Account].[Account CB - Description].&amp;[1823171 - Missing]"/>
        <member name="[CB - Account].[Account CB - Description].&amp;[1823172 - Missing]"/>
        <member name="[CB - Account].[Account CB - Description].&amp;[1823173 - Missing]"/>
        <member name="[CB - Account].[Account CB - Description].&amp;[183000 - Missing]"/>
        <member name="[CB - Account].[Account CB - Description].&amp;[1830000 - Equipment Expense-Budgets Only]"/>
        <member name="[CB - Account].[Account CB - Description].&amp;[1830200 - Underground Trenchers]"/>
        <member name="[CB - Account].[Account CB - Description].&amp;[1830210 - Underground Back Hoes]"/>
        <member name="[CB - Account].[Account CB - Description].&amp;[1830220 - Inactive]"/>
        <member name="[CB - Account].[Account CB - Description].&amp;[1830230 - Inactive]"/>
        <member name="[CB - Account].[Account CB - Description].&amp;[1830300 - Dozers-Medium]"/>
        <member name="[CB - Account].[Account CB - Description].&amp;[1830310 - Inactive]"/>
        <member name="[CB - Account].[Account CB - Description].&amp;[1830320 - Inactive]"/>
        <member name="[CB - Account].[Account CB - Description].&amp;[1830330 - Cranes-Small]"/>
        <member name="[CB - Account].[Account CB - Description].&amp;[1830340 - Inactive]"/>
        <member name="[CB - Account].[Account CB - Description].&amp;[1830350 - Stringing Equip-Reel Carts]"/>
        <member name="[CB - Account].[Account CB - Description].&amp;[1830360 - Mobile Equipment]"/>
        <member name="[CB - Account].[Account CB - Description].&amp;[1830370 - Miscellaneous Equipment]"/>
        <member name="[CB - Account].[Account CB - Description].&amp;[1831001 - Missing]"/>
        <member name="[CB - Account].[Account CB - Description].&amp;[1832001 - Missing]"/>
        <member name="[CB - Account].[Account CB - Description].&amp;[1840001 - Missing]"/>
        <member name="[CB - Account].[Account CB - Description].&amp;[1840002 - Missing]"/>
        <member name="[CB - Account].[Account CB - Description].&amp;[1840003 - Missing]"/>
        <member name="[CB - Account].[Account CB - Description].&amp;[1840005 - Missing]"/>
        <member name="[CB - Account].[Account CB - Description].&amp;[1840006 - Missing]"/>
        <member name="[CB - Account].[Account CB - Description].&amp;[1840007 - Missing]"/>
        <member name="[CB - Account].[Account CB - Description].&amp;[1840009 - Missing]"/>
        <member name="[CB - Account].[Account CB - Description].&amp;[1840010 - Missing]"/>
        <member name="[CB - Account].[Account CB - Description].&amp;[1840011 - Missing]"/>
        <member name="[CB - Account].[Account CB - Description].&amp;[1840012 - Missing]"/>
        <member name="[CB - Account].[Account CB - Description].&amp;[1840013 - Missing]"/>
        <member name="[CB - Account].[Account CB - Description].&amp;[1840015 - Missing]"/>
        <member name="[CB - Account].[Account CB - Description].&amp;[1840016 - Missing]"/>
        <member name="[CB - Account].[Account CB - Description].&amp;[1840021 - Missing]"/>
        <member name="[CB - Account].[Account CB - Description].&amp;[1840022 - Missing]"/>
        <member name="[CB - Account].[Account CB - Description].&amp;[1840023 - Missing]"/>
        <member name="[CB - Account].[Account CB - Description].&amp;[1840026 - Missing]"/>
        <member name="[CB - Account].[Account CB - Description].&amp;[1840027 - Missing]"/>
        <member name="[CB - Account].[Account CB - Description].&amp;[1840029 - Missing]"/>
        <member name="[CB - Account].[Account CB - Description].&amp;[1840031 - Missing]"/>
        <member name="[CB - Account].[Account CB - Description].&amp;[1840033 - Missing]"/>
        <member name="[CB - Account].[Account CB - Description].&amp;[1840034 - Missing]"/>
        <member name="[CB - Account].[Account CB - Description].&amp;[1840035 - Missing]"/>
        <member name="[CB - Account].[Account CB - Description].&amp;[1840036 - Missing]"/>
        <member name="[CB - Account].[Account CB - Description].&amp;[1840037 - Missing]"/>
        <member name="[CB - Account].[Account CB - Description].&amp;[1840038 - Missing]"/>
        <member name="[CB - Account].[Account CB - Description].&amp;[1840046 - Missing]"/>
        <member name="[CB - Account].[Account CB - Description].&amp;[1840049 - Missing]"/>
        <member name="[CB - Account].[Account CB - Description].&amp;[1840050 - Missing]"/>
        <member name="[CB - Account].[Account CB - Description].&amp;[1840051 - Missing]"/>
        <member name="[CB - Account].[Account CB - Description].&amp;[1840053 - Missing]"/>
        <member name="[CB - Account].[Account CB - Description].&amp;[1840054 - Missing]"/>
        <member name="[CB - Account].[Account CB - Description].&amp;[1840200 - Ug Trenchers-Distributed]"/>
        <member name="[CB - Account].[Account CB - Description].&amp;[1840210 - Ug Backhoes-Distributed]"/>
        <member name="[CB - Account].[Account CB - Description].&amp;[1840220 - Inactive]"/>
        <member name="[CB - Account].[Account CB - Description].&amp;[1840230 - Inactive]"/>
        <member name="[CB - Account].[Account CB - Description].&amp;[1840300 - Trans Dept Equip-Distributed]"/>
        <member name="[CB - Account].[Account CB - Description].&amp;[1840301 - Missing]"/>
        <member name="[CB - Account].[Account CB - Description].&amp;[1840302 - Missing]"/>
        <member name="[CB - Account].[Account CB - Description].&amp;[1840303 - Missing]"/>
        <member name="[CB - Account].[Account CB - Description].&amp;[1840304 - Missing]"/>
        <member name="[CB - Account].[Account CB - Description].&amp;[1840307 - Missing]"/>
        <member name="[CB - Account].[Account CB - Description].&amp;[1840308 - Missing]"/>
        <member name="[CB - Account].[Account CB - Description].&amp;[1840309 - Missing]"/>
        <member name="[CB - Account].[Account CB - Description].&amp;[1840902 - Missing]"/>
        <member name="[CB - Account].[Account CB - Description].&amp;[1840903 - Missing]"/>
        <member name="[CB - Account].[Account CB - Description].&amp;[1840917 - Missing]"/>
        <member name="[CB - Account].[Account CB - Description].&amp;[1840918 - Missing]"/>
        <member name="[CB - Account].[Account CB - Description].&amp;[1840999 - Missing]"/>
        <member name="[CB - Account].[Account CB - Description].&amp;[1841001 - Missing]"/>
        <member name="[CB - Account].[Account CB - Description].&amp;[1841065 - Missing]"/>
        <member name="[CB - Account].[Account CB - Description].&amp;[1841066 - Missing]"/>
        <member name="[CB - Account].[Account CB - Description].&amp;[1842001 - Missing]"/>
        <member name="[CB - Account].[Account CB - Description].&amp;[1843001 - Missing]"/>
        <member name="[CB - Account].[Account CB - Description].&amp;[1845001 - Missing]"/>
        <member name="[CB - Account].[Account CB - Description].&amp;[1845002 - Missing]"/>
        <member name="[CB - Account].[Account CB - Description].&amp;[1845003 - Missing]"/>
        <member name="[CB - Account].[Account CB - Description].&amp;[1845004 - Missing]"/>
        <member name="[CB - Account].[Account CB - Description].&amp;[1845005 - Missing]"/>
        <member name="[CB - Account].[Account CB - Description].&amp;[1845006 - Missing]"/>
        <member name="[CB - Account].[Account CB - Description].&amp;[1846001 - Missing]"/>
        <member name="[CB - Account].[Account CB - Description].&amp;[1846002 - Missing]"/>
        <member name="[CB - Account].[Account CB - Description].&amp;[1847001 - Missing]"/>
        <member name="[CB - Account].[Account CB - Description].&amp;[1847002 - Missing]"/>
        <member name="[CB - Account].[Account CB - Description].&amp;[1848001 - Missing]"/>
        <member name="[CB - Account].[Account CB - Description].&amp;[1849001 - Missing]"/>
        <member name="[CB - Account].[Account CB - Description].&amp;[1849002 - Missing]"/>
        <member name="[CB - Account].[Account CB - Description].&amp;[1860000 - Contra Deferred Debit]"/>
        <member name="[CB - Account].[Account CB - Description].&amp;[1860001 - Missing]"/>
        <member name="[CB - Account].[Account CB - Description].&amp;[1860003 - Missing]"/>
        <member name="[CB - Account].[Account CB - Description].&amp;[1860004 - Missing]"/>
        <member name="[CB - Account].[Account CB - Description].&amp;[1860005 - Missing]"/>
        <member name="[CB - Account].[Account CB - Description].&amp;[1860006 - Missing]"/>
        <member name="[CB - Account].[Account CB - Description].&amp;[1860007 - Missing]"/>
        <member name="[CB - Account].[Account CB - Description].&amp;[1860008 - Missing]"/>
        <member name="[CB - Account].[Account CB - Description].&amp;[1860010 - Missing]"/>
        <member name="[CB - Account].[Account CB - Description].&amp;[1860011 - Missing]"/>
        <member name="[CB - Account].[Account CB - Description].&amp;[1860013 - Missing]"/>
        <member name="[CB - Account].[Account CB - Description].&amp;[1860014 - Missing]"/>
        <member name="[CB - Account].[Account CB - Description].&amp;[1860015 - Missing]"/>
        <member name="[CB - Account].[Account CB - Description].&amp;[1860016 - Missing]"/>
        <member name="[CB - Account].[Account CB - Description].&amp;[1860017 - Missing]"/>
        <member name="[CB - Account].[Account CB - Description].&amp;[1860018 - Missing]"/>
        <member name="[CB - Account].[Account CB - Description].&amp;[1860019 - Missing]"/>
        <member name="[CB - Account].[Account CB - Description].&amp;[1860021 - Missing]"/>
        <member name="[CB - Account].[Account CB - Description].&amp;[1860022 - Missing]"/>
        <member name="[CB - Account].[Account CB - Description].&amp;[1860023 - Missing]"/>
        <member name="[CB - Account].[Account CB - Description].&amp;[1860024 - Missing]"/>
        <member name="[CB - Account].[Account CB - Description].&amp;[1860025 - Missing]"/>
        <member name="[CB - Account].[Account CB - Description].&amp;[1860026 - Missing]"/>
        <member name="[CB - Account].[Account CB - Description].&amp;[1860027 - Missing]"/>
        <member name="[CB - Account].[Account CB - Description].&amp;[1860028 - Missing]"/>
        <member name="[CB - Account].[Account CB - Description].&amp;[1860029 - Missing]"/>
        <member name="[CB - Account].[Account CB - Description].&amp;[1860030 - Missing]"/>
        <member name="[CB - Account].[Account CB - Description].&amp;[1860031 - Missing]"/>
        <member name="[CB - Account].[Account CB - Description].&amp;[1860032 - Missing]"/>
        <member name="[CB - Account].[Account CB - Description].&amp;[1860033 - Missing]"/>
        <member name="[CB - Account].[Account CB - Description].&amp;[1860034 - Missing]"/>
        <member name="[CB - Account].[Account CB - Description].&amp;[1860035 - Missing]"/>
        <member name="[CB - Account].[Account CB - Description].&amp;[1860078 - Missing]"/>
        <member name="[CB - Account].[Account CB - Description].&amp;[1860079 - Missing]"/>
        <member name="[CB - Account].[Account CB - Description].&amp;[1860087 - Missing]"/>
        <member name="[CB - Account].[Account CB - Description].&amp;[1860089 - Missing]"/>
        <member name="[CB - Account].[Account CB - Description].&amp;[1860090 - Missing]"/>
        <member name="[CB - Account].[Account CB - Description].&amp;[1860091 - Missing]"/>
        <member name="[CB - Account].[Account CB - Description].&amp;[1860092 - Missing]"/>
        <member name="[CB - Account].[Account CB - Description].&amp;[1860093 - Missing]"/>
        <member name="[CB - Account].[Account CB - Description].&amp;[1860094 - Missing]"/>
        <member name="[CB - Account].[Account CB - Description].&amp;[1860095 - Missing]"/>
        <member name="[CB - Account].[Account CB - Description].&amp;[1860096 - Missing]"/>
        <member name="[CB - Account].[Account CB - Description].&amp;[1860097 - Missing]"/>
        <member name="[CB - Account].[Account CB - Description].&amp;[1860102 - Missing]"/>
        <member name="[CB - Account].[Account CB - Description].&amp;[1860105 - Missing]"/>
        <member name="[CB - Account].[Account CB - Description].&amp;[1860106 - Missing]"/>
        <member name="[CB - Account].[Account CB - Description].&amp;[1860107 - Missing]"/>
        <member name="[CB - Account].[Account CB - Description].&amp;[1860108 - Missing]"/>
        <member name="[CB - Account].[Account CB - Description].&amp;[1860109 - Missing]"/>
        <member name="[CB - Account].[Account CB - Description].&amp;[1860110 - Missing]"/>
        <member name="[CB - Account].[Account CB - Description].&amp;[1860111 - Missing]"/>
        <member name="[CB - Account].[Account CB - Description].&amp;[1860112 - Missing]"/>
        <member name="[CB - Account].[Account CB - Description].&amp;[1860113 - Missing]"/>
        <member name="[CB - Account].[Account CB - Description].&amp;[1860114 - Missing]"/>
        <member name="[CB - Account].[Account CB - Description].&amp;[1860117 - Missing]"/>
        <member name="[CB - Account].[Account CB - Description].&amp;[1860118 - Missing]"/>
        <member name="[CB - Account].[Account CB - Description].&amp;[1860119 - Missing]"/>
        <member name="[CB - Account].[Account CB - Description].&amp;[1860120 - Missing]"/>
        <member name="[CB - Account].[Account CB - Description].&amp;[1861001 - Missing]"/>
        <member name="[CB - Account].[Account CB - Description].&amp;[1861003 - Missing]"/>
        <member name="[CB - Account].[Account CB - Description].&amp;[186120 - Missing]"/>
        <member name="[CB - Account].[Account CB - Description].&amp;[1864700 - Missing]"/>
        <member name="[CB - Account].[Account CB - Description].&amp;[1865001 - Missing]"/>
        <member name="[CB - Account].[Account CB - Description].&amp;[1868001 - Missing]"/>
        <member name="[CB - Account].[Account CB - Description].&amp;[1868002 - Missing]"/>
        <member name="[CB - Account].[Account CB - Description].&amp;[1880001 - Missing]"/>
        <member name="[CB - Account].[Account CB - Description].&amp;[1890001 - Missing]"/>
        <member name="[CB - Account].[Account CB - Description].&amp;[1890002 - Missing]"/>
        <member name="[CB - Account].[Account CB - Description].&amp;[1890003 - Missing]"/>
        <member name="[CB - Account].[Account CB - Description].&amp;[1890004 - Missing]"/>
        <member name="[CB - Account].[Account CB - Description].&amp;[1890005 - Missing]"/>
        <member name="[CB - Account].[Account CB - Description].&amp;[1890006 - Missing]"/>
        <member name="[CB - Account].[Account CB - Description].&amp;[1890007 - Missing]"/>
        <member name="[CB - Account].[Account CB - Description].&amp;[1890008 - Missing]"/>
        <member name="[CB - Account].[Account CB - Description].&amp;[1890010 - Missing]"/>
        <member name="[CB - Account].[Account CB - Description].&amp;[1890011 - Missing]"/>
        <member name="[CB - Account].[Account CB - Description].&amp;[1890013 - Missing]"/>
        <member name="[CB - Account].[Account CB - Description].&amp;[1890014 - Missing]"/>
        <member name="[CB - Account].[Account CB - Description].&amp;[1900001 - Missing]"/>
        <member name="[CB - Account].[Account CB - Description].&amp;[1900002 - Missing]"/>
        <member name="[CB - Account].[Account CB - Description].&amp;[1900003 - Missing]"/>
        <member name="[CB - Account].[Account CB - Description].&amp;[1900004 - Missing]"/>
        <member name="[CB - Account].[Account CB - Description].&amp;[1900005 - Missing]"/>
        <member name="[CB - Account].[Account CB - Description].&amp;[1900006 - Missing]"/>
        <member name="[CB - Account].[Account CB - Description].&amp;[1900007 - Missing]"/>
        <member name="[CB - Account].[Account CB - Description].&amp;[1900008 - Missing]"/>
        <member name="[CB - Account].[Account CB - Description].&amp;[1900009 - Missing]"/>
        <member name="[CB - Account].[Account CB - Description].&amp;[1900010 - Missing]"/>
        <member name="[CB - Account].[Account CB - Description].&amp;[1900012 - Missing]"/>
        <member name="[CB - Account].[Account CB - Description].&amp;[1910001 - Missing]"/>
        <member name="[CB - Account].[Account CB - Description].&amp;[1910002 - Missing]"/>
        <member name="[CB - Account].[Account CB - Description].&amp;[2010001 - Missing]"/>
        <member name="[CB - Account].[Account CB - Description].&amp;[2010002 - Missing]"/>
        <member name="[CB - Account].[Account CB - Description].&amp;[2040005 - Missing]"/>
        <member name="[CB - Account].[Account CB - Description].&amp;[2040008 - Missing]"/>
        <member name="[CB - Account].[Account CB - Description].&amp;[2040009 - Missing]"/>
        <member name="[CB - Account].[Account CB - Description].&amp;[2040011 - Missing]"/>
        <member name="[CB - Account].[Account CB - Description].&amp;[2040012 - Missing]"/>
        <member name="[CB - Account].[Account CB - Description].&amp;[2040013 - Missing]"/>
        <member name="[CB - Account].[Account CB - Description].&amp;[2040014 - Missing]"/>
        <member name="[CB - Account].[Account CB - Description].&amp;[2070001 - Missing]"/>
        <member name="[CB - Account].[Account CB - Description].&amp;[2070002 - Missing]"/>
        <member name="[CB - Account].[Account CB - Description].&amp;[2070003 - Missing]"/>
        <member name="[CB - Account].[Account CB - Description].&amp;[2080001 - Missing]"/>
        <member name="[CB - Account].[Account CB - Description].&amp;[2100001 - Missing]"/>
        <member name="[CB - Account].[Account CB - Description].&amp;[2100002 - Missing]"/>
        <member name="[CB - Account].[Account CB - Description].&amp;[2100004 - Missing]"/>
        <member name="[CB - Account].[Account CB - Description].&amp;[2100005 - Missing]"/>
        <member name="[CB - Account].[Account CB - Description].&amp;[2100006 - Missing]"/>
        <member name="[CB - Account].[Account CB - Description].&amp;[2100007 - Missing]"/>
        <member name="[CB - Account].[Account CB - Description].&amp;[2100008 - Missing]"/>
        <member name="[CB - Account].[Account CB - Description].&amp;[2100009 - Missing]"/>
        <member name="[CB - Account].[Account CB - Description].&amp;[2100010 - Missing]"/>
        <member name="[CB - Account].[Account CB - Description].&amp;[2100011 - Missing]"/>
        <member name="[CB - Account].[Account CB - Description].&amp;[2100012 - Missing]"/>
        <member name="[CB - Account].[Account CB - Description].&amp;[2107000 - Contra Accounts Payable]"/>
        <member name="[CB - Account].[Account CB - Description].&amp;[2110001 - Missing]"/>
        <member name="[CB - Account].[Account CB - Description].&amp;[2110002 - Missing]"/>
        <member name="[CB - Account].[Account CB - Description].&amp;[2110004 - Missing]"/>
        <member name="[CB - Account].[Account CB - Description].&amp;[2110005 - Missing]"/>
        <member name="[CB - Account].[Account CB - Description].&amp;[2110006 - Missing]"/>
        <member name="[CB - Account].[Account CB - Description].&amp;[2110007 - Missing]"/>
        <member name="[CB - Account].[Account CB - Description].&amp;[2110008 - Missing]"/>
        <member name="[CB - Account].[Account CB - Description].&amp;[2110009 - Missing]"/>
        <member name="[CB - Account].[Account CB - Description].&amp;[2110010 - Missing]"/>
        <member name="[CB - Account].[Account CB - Description].&amp;[2110011 - Missing]"/>
        <member name="[CB - Account].[Account CB - Description].&amp;[2110012 - Missing]"/>
        <member name="[CB - Account].[Account CB - Description].&amp;[2110014 - Missing]"/>
        <member name="[CB - Account].[Account CB - Description].&amp;[2110015 - Missing]"/>
        <member name="[CB - Account].[Account CB - Description].&amp;[2110016 - Missing]"/>
        <member name="[CB - Account].[Account CB - Description].&amp;[2110017 - Missing]"/>
        <member name="[CB - Account].[Account CB - Description].&amp;[2140001 - Missing]"/>
        <member name="[CB - Account].[Account CB - Description].&amp;[2160001 - Missing]"/>
        <member name="[CB - Account].[Account CB - Description].&amp;[2160002 - Missing]"/>
        <member name="[CB - Account].[Account CB - Description].&amp;[2160003 - Missing]"/>
        <member name="[CB - Account].[Account CB - Description].&amp;[2160004 - Missing]"/>
        <member name="[CB - Account].[Account CB - Description].&amp;[2160005 - Missing]"/>
        <member name="[CB - Account].[Account CB - Description].&amp;[2160010 - Missing]"/>
        <member name="[CB - Account].[Account CB - Description].&amp;[2160011 - Missing]"/>
        <member name="[CB - Account].[Account CB - Description].&amp;[2160012 - Missing]"/>
        <member name="[CB - Account].[Account CB - Description].&amp;[2160013 - Missing]"/>
        <member name="[CB - Account].[Account CB - Description].&amp;[2160014 - Missing]"/>
        <member name="[CB - Account].[Account CB - Description].&amp;[2160015 - Missing]"/>
        <member name="[CB - Account].[Account CB - Description].&amp;[2160016 - Missing]"/>
        <member name="[CB - Account].[Account CB - Description].&amp;[2161000 - FC_Rollup_Acct]"/>
        <member name="[CB - Account].[Account CB - Description].&amp;[2161001 - Missing]"/>
        <member name="[CB - Account].[Account CB - Description].&amp;[2161002 - Missing]"/>
        <member name="[CB - Account].[Account CB - Description].&amp;[2161004 - Missing]"/>
        <member name="[CB - Account].[Account CB - Description].&amp;[2161010 - Missing]"/>
        <member name="[CB - Account].[Account CB - Description].&amp;[2161012 - Missing]"/>
        <member name="[CB - Account].[Account CB - Description].&amp;[2161018 - Missing]"/>
        <member name="[CB - Account].[Account CB - Description].&amp;[2161033 - Missing]"/>
        <member name="[CB - Account].[Account CB - Description].&amp;[2161034 - Missing]"/>
        <member name="[CB - Account].[Account CB - Description].&amp;[2161036 - Missing]"/>
        <member name="[CB - Account].[Account CB - Description].&amp;[2161038 - Missing]"/>
        <member name="[CB - Account].[Account CB - Description].&amp;[2161039 - Missing]"/>
        <member name="[CB - Account].[Account CB - Description].&amp;[2161040 - Missing]"/>
        <member name="[CB - Account].[Account CB - Description].&amp;[2161041 - Missing]"/>
        <member name="[CB - Account].[Account CB - Description].&amp;[2161042 - Missing]"/>
        <member name="[CB - Account].[Account CB - Description].&amp;[2161046 - Missing]"/>
        <member name="[CB - Account].[Account CB - Description].&amp;[2161047 - Missing]"/>
        <member name="[CB - Account].[Account CB - Description].&amp;[2161048 - Missing]"/>
        <member name="[CB - Account].[Account CB - Description].&amp;[2161049 - Missing]"/>
        <member name="[CB - Account].[Account CB - Description].&amp;[2161050 - Missing]"/>
        <member name="[CB - Account].[Account CB - Description].&amp;[2170001 - Missing]"/>
        <member name="[CB - Account].[Account CB - Description].&amp;[2170002 - Missing]"/>
        <member name="[CB - Account].[Account CB - Description].&amp;[2180001 - Missing]"/>
        <member name="[CB - Account].[Account CB - Description].&amp;[2180002 - Missing]"/>
        <member name="[CB - Account].[Account CB - Description].&amp;[2180003 - Missing]"/>
        <member name="[CB - Account].[Account CB - Description].&amp;[2180004 - Missing]"/>
        <member name="[CB - Account].[Account CB - Description].&amp;[2180005 - Missing]"/>
        <member name="[CB - Account].[Account CB - Description].&amp;[2180006 - Missing]"/>
        <member name="[CB - Account].[Account CB - Description].&amp;[2180007 - Missing]"/>
        <member name="[CB - Account].[Account CB - Description].&amp;[2180008 - Missing]"/>
        <member name="[CB - Account].[Account CB - Description].&amp;[2180009 - Missing]"/>
        <member name="[CB - Account].[Account CB - Description].&amp;[2180010 - Missing]"/>
        <member name="[CB - Account].[Account CB - Description].&amp;[2180011 - Missing]"/>
        <member name="[CB - Account].[Account CB - Description].&amp;[2180012 - Missing]"/>
        <member name="[CB - Account].[Account CB - Description].&amp;[2180013 - Missing]"/>
        <member name="[CB - Account].[Account CB - Description].&amp;[2180015 - Missing]"/>
        <member name="[CB - Account].[Account CB - Description].&amp;[2180016 - Missing]"/>
        <member name="[CB - Account].[Account CB - Description].&amp;[2180017 - Missing]"/>
        <member name="[CB - Account].[Account CB - Description].&amp;[2180018 - Missing]"/>
        <member name="[CB - Account].[Account CB - Description].&amp;[2180019 - Missing]"/>
        <member name="[CB - Account].[Account CB - Description].&amp;[2180020 - Missing]"/>
        <member name="[CB - Account].[Account CB - Description].&amp;[2180021 - Missing]"/>
        <member name="[CB - Account].[Account CB - Description].&amp;[2191000 - FC_Rollup_Acct]"/>
        <member name="[CB - Account].[Account CB - Description].&amp;[2191002 - OCI_Rollup_Acct]"/>
        <member name="[CB - Account].[Account CB - Description].&amp;[2204000 - Missing]"/>
        <member name="[CB - Account].[Account CB - Description].&amp;[2204001 - Contra Notes Payable - Current]"/>
        <member name="[CB - Account].[Account CB - Description].&amp;[2210018 - Missing]"/>
        <member name="[CB - Account].[Account CB - Description].&amp;[2210019 - Missing]"/>
        <member name="[CB - Account].[Account CB - Description].&amp;[2210020 - Missing]"/>
        <member name="[CB - Account].[Account CB - Description].&amp;[2210022 - Missing]"/>
        <member name="[CB - Account].[Account CB - Description].&amp;[2210023 - Missing]"/>
        <member name="[CB - Account].[Account CB - Description].&amp;[2210024 - Missing]"/>
        <member name="[CB - Account].[Account CB - Description].&amp;[2210025 - Missing]"/>
        <member name="[CB - Account].[Account CB - Description].&amp;[2240001 - Missing]"/>
        <member name="[CB - Account].[Account CB - Description].&amp;[2240003 - Missing]"/>
        <member name="[CB - Account].[Account CB - Description].&amp;[2240004 - Missing]"/>
        <member name="[CB - Account].[Account CB - Description].&amp;[2240005 - Missing]"/>
        <member name="[CB - Account].[Account CB - Description].&amp;[2240006 - Missing]"/>
        <member name="[CB - Account].[Account CB - Description].&amp;[2240007 - Missing]"/>
        <member name="[CB - Account].[Account CB - Description].&amp;[2240008 - Missing]"/>
        <member name="[CB - Account].[Account CB - Description].&amp;[2240009 - Missing]"/>
        <member name="[CB - Account].[Account CB - Description].&amp;[2240010 - Missing]"/>
        <member name="[CB - Account].[Account CB - Description].&amp;[2240011 - Missing]"/>
        <member name="[CB - Account].[Account CB - Description].&amp;[2240012 - Missing]"/>
        <member name="[CB - Account].[Account CB - Description].&amp;[2240013 - Missing]"/>
        <member name="[CB - Account].[Account CB - Description].&amp;[2240014 - Missing]"/>
        <member name="[CB - Account].[Account CB - Description].&amp;[2240015 - Missing]"/>
        <member name="[CB - Account].[Account CB - Description].&amp;[2240016 - Missing]"/>
        <member name="[CB - Account].[Account CB - Description].&amp;[2240017 - Missing]"/>
        <member name="[CB - Account].[Account CB - Description].&amp;[2240018 - Missing]"/>
        <member name="[CB - Account].[Account CB - Description].&amp;[2240020 - Missing]"/>
        <member name="[CB - Account].[Account CB - Description].&amp;[2240021 - Missing]"/>
        <member name="[CB - Account].[Account CB - Description].&amp;[2240022 - Missing]"/>
        <member name="[CB - Account].[Account CB - Description].&amp;[2240023 - Missing]"/>
        <member name="[CB - Account].[Account CB - Description].&amp;[2240024 - Missing]"/>
        <member name="[CB - Account].[Account CB - Description].&amp;[2240025 - Missing]"/>
        <member name="[CB - Account].[Account CB - Description].&amp;[2240026 - Missing]"/>
        <member name="[CB - Account].[Account CB - Description].&amp;[2240027 - Missing]"/>
        <member name="[CB - Account].[Account CB - Description].&amp;[2240028 - Missing]"/>
        <member name="[CB - Account].[Account CB - Description].&amp;[2240029 - Missing]"/>
        <member name="[CB - Account].[Account CB - Description].&amp;[2240030 - Missing]"/>
        <member name="[CB - Account].[Account CB - Description].&amp;[2240031 - Missing]"/>
        <member name="[CB - Account].[Account CB - Description].&amp;[2240032 - Missing]"/>
        <member name="[CB - Account].[Account CB - Description].&amp;[2240033 - Missing]"/>
        <member name="[CB - Account].[Account CB - Description].&amp;[2240034 - Missing]"/>
        <member name="[CB - Account].[Account CB - Description].&amp;[2240035 - Missing]"/>
        <member name="[CB - Account].[Account CB - Description].&amp;[2240036 - Missing]"/>
        <member name="[CB - Account].[Account CB - Description].&amp;[2240038 - Missing]"/>
        <member name="[CB - Account].[Account CB - Description].&amp;[2240039 - Missing]"/>
        <member name="[CB - Account].[Account CB - Description].&amp;[2240040 - Missing]"/>
        <member name="[CB - Account].[Account CB - Description].&amp;[2240041 - Missing]"/>
        <member name="[CB - Account].[Account CB - Description].&amp;[2240042 - Missing]"/>
        <member name="[CB - Account].[Account CB - Description].&amp;[2240043 - Missing]"/>
        <member name="[CB - Account].[Account CB - Description].&amp;[2240044 - Missing]"/>
        <member name="[CB - Account].[Account CB - Description].&amp;[2240045 - Missing]"/>
        <member name="[CB - Account].[Account CB - Description].&amp;[2240046 - Missing]"/>
        <member name="[CB - Account].[Account CB - Description].&amp;[2240047 - Missing]"/>
        <member name="[CB - Account].[Account CB - Description].&amp;[2240048 - Missing]"/>
        <member name="[CB - Account].[Account CB - Description].&amp;[2240049 - Missing]"/>
        <member name="[CB - Account].[Account CB - Description].&amp;[2240050 - Missing]"/>
        <member name="[CB - Account].[Account CB - Description].&amp;[2240051 - Missing]"/>
        <member name="[CB - Account].[Account CB - Description].&amp;[2240052 - Missing]"/>
        <member name="[CB - Account].[Account CB - Description].&amp;[2240053 - Missing]"/>
        <member name="[CB - Account].[Account CB - Description].&amp;[224697 - Missing]"/>
        <member name="[CB - Account].[Account CB - Description].&amp;[2250001 - Missing]"/>
        <member name="[CB - Account].[Account CB - Description].&amp;[2250002 - Missing]"/>
        <member name="[CB - Account].[Account CB - Description].&amp;[2250003 - Missing]"/>
        <member name="[CB - Account].[Account CB - Description].&amp;[2250005 - Missing]"/>
        <member name="[CB - Account].[Account CB - Description].&amp;[2250006 - Missing]"/>
        <member name="[CB - Account].[Account CB - Description].&amp;[2250007 - Missing]"/>
        <member name="[CB - Account].[Account CB - Description].&amp;[2254001 - Missing]"/>
        <member name="[CB - Account].[Account CB - Description].&amp;[2260002 - Missing]"/>
        <member name="[CB - Account].[Account CB - Description].&amp;[2260003 - Missing]"/>
        <member name="[CB - Account].[Account CB - Description].&amp;[2260004 - Missing]"/>
        <member name="[CB - Account].[Account CB - Description].&amp;[2260005 - Missing]"/>
        <member name="[CB - Account].[Account CB - Description].&amp;[2260006 - Missing]"/>
        <member name="[CB - Account].[Account CB - Description].&amp;[2260007 - Missing]"/>
        <member name="[CB - Account].[Account CB - Description].&amp;[2260008 - Missing]"/>
        <member name="[CB - Account].[Account CB - Description].&amp;[2260009 - Missing]"/>
        <member name="[CB - Account].[Account CB - Description].&amp;[2260011 - Missing]"/>
        <member name="[CB - Account].[Account CB - Description].&amp;[2260012 - Missing]"/>
        <member name="[CB - Account].[Account CB - Description].&amp;[2260013 - Missing]"/>
        <member name="[CB - Account].[Account CB - Description].&amp;[2260014 - Missing]"/>
        <member name="[CB - Account].[Account CB - Description].&amp;[2260015 - Missing]"/>
        <member name="[CB - Account].[Account CB - Description].&amp;[2260016 - Missing]"/>
        <member name="[CB - Account].[Account CB - Description].&amp;[2260017 - Missing]"/>
        <member name="[CB - Account].[Account CB - Description].&amp;[2260018 - Missing]"/>
        <member name="[CB - Account].[Account CB - Description].&amp;[2260019 - Missing]"/>
        <member name="[CB - Account].[Account CB - Description].&amp;[2260021 - Missing]"/>
        <member name="[CB - Account].[Account CB - Description].&amp;[2260022 - Missing]"/>
        <member name="[CB - Account].[Account CB - Description].&amp;[2260023 - Missing]"/>
        <member name="[CB - Account].[Account CB - Description].&amp;[2260024 - Missing]"/>
        <member name="[CB - Account].[Account CB - Description].&amp;[2260025 - Missing]"/>
        <member name="[CB - Account].[Account CB - Description].&amp;[2260026 - Missing]"/>
        <member name="[CB - Account].[Account CB - Description].&amp;[2260027 - Missing]"/>
        <member name="[CB - Account].[Account CB - Description].&amp;[2270001 - Missing]"/>
        <member name="[CB - Account].[Account CB - Description].&amp;[2283001 - Missing]"/>
        <member name="[CB - Account].[Account CB - Description].&amp;[2283002 - Missing]"/>
        <member name="[CB - Account].[Account CB - Description].&amp;[2283004 - Missing]"/>
        <member name="[CB - Account].[Account CB - Description].&amp;[2290001 - Missing]"/>
        <member name="[CB - Account].[Account CB - Description].&amp;[2290003 - Missing]"/>
        <member name="[CB - Account].[Account CB - Description].&amp;[2302000 - Contra Interest Payable]"/>
        <member name="[CB - Account].[Account CB - Description].&amp;[2310001 - Missing]"/>
        <member name="[CB - Account].[Account CB - Description].&amp;[2310007 - Missing]"/>
        <member name="[CB - Account].[Account CB - Description].&amp;[2310008 - Missing]"/>
        <member name="[CB - Account].[Account CB - Description].&amp;[2310009 - Missing]"/>
        <member name="[CB - Account].[Account CB - Description].&amp;[2310010 - Missing]"/>
        <member name="[CB - Account].[Account CB - Description].&amp;[2310100 - Land In Fee]"/>
        <member name="[CB - Account].[Account CB - Description].&amp;[2310200 - Land Rights]"/>
        <member name="[CB - Account].[Account CB - Description].&amp;[2311000 - Structures &amp; Improvements]"/>
        <member name="[CB - Account].[Account CB - Description].&amp;[2312000 - Reservoirs]"/>
        <member name="[CB - Account].[Account CB - Description].&amp;[2313000 - Lake,River &amp; Other Intakes]"/>
        <member name="[CB - Account].[Account CB - Description].&amp;[2314000 - Wells &amp; Springs]"/>
        <member name="[CB - Account].[Account CB - Description].&amp;[2316000 - Supply Mains]"/>
        <member name="[CB - Account].[Account CB - Description].&amp;[2317000 - Other Water Source Plant]"/>
        <member name="[CB - Account].[Account CB - Description].&amp;[2320001 - Missing]"/>
        <member name="[CB - Account].[Account CB - Description].&amp;[2320002 - Missing]"/>
        <member name="[CB - Account].[Account CB - Description].&amp;[2320003 - Missing]"/>
        <member name="[CB - Account].[Account CB - Description].&amp;[2320004 - Missing]"/>
        <member name="[CB - Account].[Account CB - Description].&amp;[2320005 - Missing]"/>
        <member name="[CB - Account].[Account CB - Description].&amp;[2320006 - Missing]"/>
        <member name="[CB - Account].[Account CB - Description].&amp;[2320007 - Missing]"/>
        <member name="[CB - Account].[Account CB - Description].&amp;[2320008 - Missing]"/>
        <member name="[CB - Account].[Account CB - Description].&amp;[2320009 - Missing]"/>
        <member name="[CB - Account].[Account CB - Description].&amp;[2320022 - Missing]"/>
        <member name="[CB - Account].[Account CB - Description].&amp;[2320023 - Missing]"/>
        <member name="[CB - Account].[Account CB - Description].&amp;[2320024 - Missing]"/>
        <member name="[CB - Account].[Account CB - Description].&amp;[2320025 - Missing]"/>
        <member name="[CB - Account].[Account CB - Description].&amp;[2320026 - Missing]"/>
        <member name="[CB - Account].[Account CB - Description].&amp;[2320027 - Missing]"/>
        <member name="[CB - Account].[Account CB - Description].&amp;[2320028 - Missing]"/>
        <member name="[CB - Account].[Account CB - Description].&amp;[2320029 - Missing]"/>
        <member name="[CB - Account].[Account CB - Description].&amp;[2320030 - Missing]"/>
        <member name="[CB - Account].[Account CB - Description].&amp;[2320031 - Missing]"/>
        <member name="[CB - Account].[Account CB - Description].&amp;[2320032 - Missing]"/>
        <member name="[CB - Account].[Account CB - Description].&amp;[2320033 - Missing]"/>
        <member name="[CB - Account].[Account CB - Description].&amp;[2320034 - Missing]"/>
        <member name="[CB - Account].[Account CB - Description].&amp;[2320035 - Missing]"/>
        <member name="[CB - Account].[Account CB - Description].&amp;[2320036 - Missing]"/>
        <member name="[CB - Account].[Account CB - Description].&amp;[2320037 - Missing]"/>
        <member name="[CB - Account].[Account CB - Description].&amp;[2320038 - Missing]"/>
        <member name="[CB - Account].[Account CB - Description].&amp;[2320039 - Missing]"/>
        <member name="[CB - Account].[Account CB - Description].&amp;[2320040 - Missing]"/>
        <member name="[CB - Account].[Account CB - Description].&amp;[2320041 - Missing]"/>
        <member name="[CB - Account].[Account CB - Description].&amp;[2320042 - Missing]"/>
        <member name="[CB - Account].[Account CB - Description].&amp;[2320043 - Missing]"/>
        <member name="[CB - Account].[Account CB - Description].&amp;[2320044 - Missing]"/>
        <member name="[CB - Account].[Account CB - Description].&amp;[2320046 - Missing]"/>
        <member name="[CB - Account].[Account CB - Description].&amp;[2320047 - Missing]"/>
        <member name="[CB - Account].[Account CB - Description].&amp;[2320048 - Missing]"/>
        <member name="[CB - Account].[Account CB - Description].&amp;[2320049 - Missing]"/>
        <member name="[CB - Account].[Account CB - Description].&amp;[2320050 - Missing]"/>
        <member name="[CB - Account].[Account CB - Description].&amp;[2320051 - Missing]"/>
        <member name="[CB - Account].[Account CB - Description].&amp;[2320052 - Missing]"/>
        <member name="[CB - Account].[Account CB - Description].&amp;[2320053 - Missing]"/>
        <member name="[CB - Account].[Account CB - Description].&amp;[2320054 - Missing]"/>
        <member name="[CB - Account].[Account CB - Description].&amp;[2320055 - Missing]"/>
        <member name="[CB - Account].[Account CB - Description].&amp;[2320056 - Missing]"/>
        <member name="[CB - Account].[Account CB - Description].&amp;[2320057 - Missing]"/>
        <member name="[CB - Account].[Account CB - Description].&amp;[2320058 - Missing]"/>
        <member name="[CB - Account].[Account CB - Description].&amp;[2320059 - Missing]"/>
        <member name="[CB - Account].[Account CB - Description].&amp;[2320060 - Missing]"/>
        <member name="[CB - Account].[Account CB - Description].&amp;[2320061 - Missing]"/>
        <member name="[CB - Account].[Account CB - Description].&amp;[2320062 - Missing]"/>
        <member name="[CB - Account].[Account CB - Description].&amp;[2320063 - Missing]"/>
        <member name="[CB - Account].[Account CB - Description].&amp;[2320064 - Missing]"/>
        <member name="[CB - Account].[Account CB - Description].&amp;[2320065 - Missing]"/>
        <member name="[CB - Account].[Account CB - Description].&amp;[2320066 - Missing]"/>
        <member name="[CB - Account].[Account CB - Description].&amp;[2320067 - Missing]"/>
        <member name="[CB - Account].[Account CB - Description].&amp;[2320068 - Missing]"/>
        <member name="[CB - Account].[Account CB - Description].&amp;[2320069 - Missing]"/>
        <member name="[CB - Account].[Account CB - Description].&amp;[2320070 - Missing]"/>
        <member name="[CB - Account].[Account CB - Description].&amp;[2320072 - Missing]"/>
        <member name="[CB - Account].[Account CB - Description].&amp;[2320073 - Missing]"/>
        <member name="[CB - Account].[Account CB - Description].&amp;[2320074 - Missing]"/>
        <member name="[CB - Account].[Account CB - Description].&amp;[2320075 - Missing]"/>
        <member name="[CB - Account].[Account CB - Description].&amp;[2320076 - Missing]"/>
        <member name="[CB - Account].[Account CB - Description].&amp;[2320077 - Missing]"/>
        <member name="[CB - Account].[Account CB - Description].&amp;[2320078 - Missing]"/>
        <member name="[CB - Account].[Account CB - Description].&amp;[2320079 - Missing]"/>
        <member name="[CB - Account].[Account CB - Description].&amp;[2320080 - Missing]"/>
        <member name="[CB - Account].[Account CB - Description].&amp;[2320082 - Missing]"/>
        <member name="[CB - Account].[Account CB - Description].&amp;[2320084 - Missing]"/>
        <member name="[CB - Account].[Account CB - Description].&amp;[2320088 - Missing]"/>
        <member name="[CB - Account].[Account CB - Description].&amp;[2320089 - Missing]"/>
        <member name="[CB - Account].[Account CB - Description].&amp;[2320090 - Missing]"/>
        <member name="[CB - Account].[Account CB - Description].&amp;[2320091 - Missing]"/>
        <member name="[CB - Account].[Account CB - Description].&amp;[2320100 - Land In Fee]"/>
        <member name="[CB - Account].[Account CB - Description].&amp;[2320105 - Missing]"/>
        <member name="[CB - Account].[Account CB - Description].&amp;[2320110 - Missing]"/>
        <member name="[CB - Account].[Account CB - Description].&amp;[2320121 - Missing]"/>
        <member name="[CB - Account].[Account CB - Description].&amp;[2320122 - Missing]"/>
        <member name="[CB - Account].[Account CB - Description].&amp;[2320123 - Missing]"/>
        <member name="[CB - Account].[Account CB - Description].&amp;[2320126 - Missing]"/>
        <member name="[CB - Account].[Account CB - Description].&amp;[2320127 - Missing]"/>
        <member name="[CB - Account].[Account CB - Description].&amp;[2320129 - Missing]"/>
        <member name="[CB - Account].[Account CB - Description].&amp;[2320132 - Missing]"/>
        <member name="[CB - Account].[Account CB - Description].&amp;[2320133 - Missing]"/>
        <member name="[CB - Account].[Account CB - Description].&amp;[2320134 - Missing]"/>
        <member name="[CB - Account].[Account CB - Description].&amp;[2320135 - Missing]"/>
        <member name="[CB - Account].[Account CB - Description].&amp;[2320136 - Missing]"/>
        <member name="[CB - Account].[Account CB - Description].&amp;[2320137 - Missing]"/>
        <member name="[CB - Account].[Account CB - Description].&amp;[2320138 - Missing]"/>
        <member name="[CB - Account].[Account CB - Description].&amp;[2320139 - Missing]"/>
        <member name="[CB - Account].[Account CB - Description].&amp;[2320140 - Missing]"/>
        <member name="[CB - Account].[Account CB - Description].&amp;[2320141 - Missing]"/>
        <member name="[CB - Account].[Account CB - Description].&amp;[2320143 - Missing]"/>
        <member name="[CB - Account].[Account CB - Description].&amp;[2320144 - Missing]"/>
        <member name="[CB - Account].[Account CB - Description].&amp;[2320145 - Missing]"/>
        <member name="[CB - Account].[Account CB - Description].&amp;[2320146 - Missing]"/>
        <member name="[CB - Account].[Account CB - Description].&amp;[2320148 - Missing]"/>
        <member name="[CB - Account].[Account CB - Description].&amp;[2320149 - Missing]"/>
        <member name="[CB - Account].[Account CB - Description].&amp;[2320200 - Land Rights]"/>
        <member name="[CB - Account].[Account CB - Description].&amp;[2320215 - Missing]"/>
        <member name="[CB - Account].[Account CB - Description].&amp;[2321000 - Structures &amp; Improvements]"/>
        <member name="[CB - Account].[Account CB - Description].&amp;[2325000 - Electric Pumping Equipment]"/>
        <member name="[CB - Account].[Account CB - Description].&amp;[2328000 - Other Pumping Equipment]"/>
        <member name="[CB - Account].[Account CB - Description].&amp;[2330001 - Missing]"/>
        <member name="[CB - Account].[Account CB - Description].&amp;[2330002 - Missing]"/>
        <member name="[CB - Account].[Account CB - Description].&amp;[2330003 - Missing]"/>
        <member name="[CB - Account].[Account CB - Description].&amp;[2330004 - Missing]"/>
        <member name="[CB - Account].[Account CB - Description].&amp;[2330005 - Missing]"/>
        <member name="[CB - Account].[Account CB - Description].&amp;[2330006 - Missing]"/>
        <member name="[CB - Account].[Account CB - Description].&amp;[2330007 - Missing]"/>
        <member name="[CB - Account].[Account CB - Description].&amp;[2330008 - Missing]"/>
        <member name="[CB - Account].[Account CB - Description].&amp;[2330010 - Missing]"/>
        <member name="[CB - Account].[Account CB - Description].&amp;[2330011 - Missing]"/>
        <member name="[CB - Account].[Account CB - Description].&amp;[2330012 - Missing]"/>
        <member name="[CB - Account].[Account CB - Description].&amp;[2330013 - Missing]"/>
        <member name="[CB - Account].[Account CB - Description].&amp;[2330016 - Missing]"/>
        <member name="[CB - Account].[Account CB - Description].&amp;[2330017 - Missing]"/>
        <member name="[CB - Account].[Account CB - Description].&amp;[2330018 - Missing]"/>
        <member name="[CB - Account].[Account CB - Description].&amp;[2330019 - Missing]"/>
        <member name="[CB - Account].[Account CB - Description].&amp;[2330020 - Missing]"/>
        <member name="[CB - Account].[Account CB - Description].&amp;[2330021 - Missing]"/>
        <member name="[CB - Account].[Account CB - Description].&amp;[2330022 - Missing]"/>
        <member name="[CB - Account].[Account CB - Description].&amp;[2330024 - Missing]"/>
        <member name="[CB - Account].[Account CB - Description].&amp;[2330025 - Missing]"/>
        <member name="[CB - Account].[Account CB - Description].&amp;[2330026 - Missing]"/>
        <member name="[CB - Account].[Account CB - Description].&amp;[2330027 - Missing]"/>
        <member name="[CB - Account].[Account CB - Description].&amp;[2330028 - Missing]"/>
        <member name="[CB - Account].[Account CB - Description].&amp;[2330029 - Missing]"/>
        <member name="[CB - Account].[Account CB - Description].&amp;[2330031 - Missing]"/>
        <member name="[CB - Account].[Account CB - Description].&amp;[2330032 - Missing]"/>
        <member name="[CB - Account].[Account CB - Description].&amp;[2330033 - Missing]"/>
        <member name="[CB - Account].[Account CB - Description].&amp;[2330100 - Land In Fee]"/>
        <member name="[CB - Account].[Account CB - Description].&amp;[2330200 - Land Rights]"/>
        <member name="[CB - Account].[Account CB - Description].&amp;[2331000 - Structures &amp; Improvements]"/>
        <member name="[CB - Account].[Account CB - Description].&amp;[2331001 - Missing]"/>
        <member name="[CB - Account].[Account CB - Description].&amp;[2331003 - Missing]"/>
        <member name="[CB - Account].[Account CB - Description].&amp;[2331004 - Missing]"/>
        <member name="[CB - Account].[Account CB - Description].&amp;[2331005 - Missing]"/>
        <member name="[CB - Account].[Account CB - Description].&amp;[2331007 - Missing]"/>
        <member name="[CB - Account].[Account CB - Description].&amp;[2331008 - Missing]"/>
        <member name="[CB - Account].[Account CB - Description].&amp;[2331009 - Missing]"/>
        <member name="[CB - Account].[Account CB - Description].&amp;[2331010 - Missing]"/>
        <member name="[CB - Account].[Account CB - Description].&amp;[2331011 - Missing]"/>
        <member name="[CB - Account].[Account CB - Description].&amp;[2331013 - Missing]"/>
        <member name="[CB - Account].[Account CB - Description].&amp;[2331014 - Missing]"/>
        <member name="[CB - Account].[Account CB - Description].&amp;[2331015 - Missing]"/>
        <member name="[CB - Account].[Account CB - Description].&amp;[2331017 - Missing]"/>
        <member name="[CB - Account].[Account CB - Description].&amp;[2331019 - Missing]"/>
        <member name="[CB - Account].[Account CB - Description].&amp;[2331020 - Missing]"/>
        <member name="[CB - Account].[Account CB - Description].&amp;[2331021 - Missing]"/>
        <member name="[CB - Account].[Account CB - Description].&amp;[2331022 - Missing]"/>
        <member name="[CB - Account].[Account CB - Description].&amp;[2331023 - Missing]"/>
        <member name="[CB - Account].[Account CB - Description].&amp;[2331024 - Missing]"/>
        <member name="[CB - Account].[Account CB - Description].&amp;[2331025 - Missing]"/>
        <member name="[CB - Account].[Account CB - Description].&amp;[2331026 - Missing]"/>
        <member name="[CB - Account].[Account CB - Description].&amp;[2331027 - Missing]"/>
        <member name="[CB - Account].[Account CB - Description].&amp;[2331028 - Missing]"/>
        <member name="[CB - Account].[Account CB - Description].&amp;[2331029 - Missing]"/>
        <member name="[CB - Account].[Account CB - Description].&amp;[2331030 - Missing]"/>
        <member name="[CB - Account].[Account CB - Description].&amp;[2331031 - Missing]"/>
        <member name="[CB - Account].[Account CB - Description].&amp;[2331032 - Missing]"/>
        <member name="[CB - Account].[Account CB - Description].&amp;[2331033 - Missing]"/>
        <member name="[CB - Account].[Account CB - Description].&amp;[2331034 - Missing]"/>
        <member name="[CB - Account].[Account CB - Description].&amp;[2331035 - Missing]"/>
        <member name="[CB - Account].[Account CB - Description].&amp;[2331036 - Missing]"/>
        <member name="[CB - Account].[Account CB - Description].&amp;[2332000 - Water Treatment Equipment]"/>
        <member name="[CB - Account].[Account CB - Description].&amp;[2340001 - Missing]"/>
        <member name="[CB - Account].[Account CB - Description].&amp;[2340002 - Missing]"/>
        <member name="[CB - Account].[Account CB - Description].&amp;[2340003 - Missing]"/>
        <member name="[CB - Account].[Account CB - Description].&amp;[2340004 - Missing]"/>
        <member name="[CB - Account].[Account CB - Description].&amp;[2340005 - Missing]"/>
        <member name="[CB - Account].[Account CB - Description].&amp;[2340006 - Missing]"/>
        <member name="[CB - Account].[Account CB - Description].&amp;[2340007 - Missing]"/>
        <member name="[CB - Account].[Account CB - Description].&amp;[2340008 - Missing]"/>
        <member name="[CB - Account].[Account CB - Description].&amp;[2340009 - Missing]"/>
        <member name="[CB - Account].[Account CB - Description].&amp;[2340010 - Missing]"/>
        <member name="[CB - Account].[Account CB - Description].&amp;[2340011 - Missing]"/>
        <member name="[CB - Account].[Account CB - Description].&amp;[2340012 - Missing]"/>
        <member name="[CB - Account].[Account CB - Description].&amp;[2340013 - Missing]"/>
        <member name="[CB - Account].[Account CB - Description].&amp;[2340014 - Missing]"/>
        <member name="[CB - Account].[Account CB - Description].&amp;[2340015 - Missing]"/>
        <member name="[CB - Account].[Account CB - Description].&amp;[2340016 - Missing]"/>
        <member name="[CB - Account].[Account CB - Description].&amp;[2340017 - Missing]"/>
        <member name="[CB - Account].[Account CB - Description].&amp;[2340018 - Missing]"/>
        <member name="[CB - Account].[Account CB - Description].&amp;[2340019 - Missing]"/>
        <member name="[CB - Account].[Account CB - Description].&amp;[2340020 - Missing]"/>
        <member name="[CB - Account].[Account CB - Description].&amp;[2340021 - Missing]"/>
        <member name="[CB - Account].[Account CB - Description].&amp;[2340023 - Missing]"/>
        <member name="[CB - Account].[Account CB - Description].&amp;[2340026 - Missing]"/>
        <member name="[CB - Account].[Account CB - Description].&amp;[2340028 - Missing]"/>
        <member name="[CB - Account].[Account CB - Description].&amp;[2340031 - Missing]"/>
        <member name="[CB - Account].[Account CB - Description].&amp;[2340032 - Missing]"/>
        <member name="[CB - Account].[Account CB - Description].&amp;[2340036 - Missing]"/>
        <member name="[CB - Account].[Account CB - Description].&amp;[2340039 - Missing]"/>
        <member name="[CB - Account].[Account CB - Description].&amp;[2340040 - Missing]"/>
        <member name="[CB - Account].[Account CB - Description].&amp;[2340042 - Missing]"/>
        <member name="[CB - Account].[Account CB - Description].&amp;[2340045 - Missing]"/>
        <member name="[CB - Account].[Account CB - Description].&amp;[2340047 - Missing]"/>
        <member name="[CB - Account].[Account CB - Description].&amp;[2340048 - Missing]"/>
        <member name="[CB - Account].[Account CB - Description].&amp;[2340051 - Missing]"/>
        <member name="[CB - Account].[Account CB - Description].&amp;[2340052 - Missing]"/>
        <member name="[CB - Account].[Account CB - Description].&amp;[2340060 - Missing]"/>
        <member name="[CB - Account].[Account CB - Description].&amp;[2340063 - Missing]"/>
        <member name="[CB - Account].[Account CB - Description].&amp;[2340066 - Missing]"/>
        <member name="[CB - Account].[Account CB - Description].&amp;[2340069 - Missing]"/>
        <member name="[CB - Account].[Account CB - Description].&amp;[2340078 - Missing]"/>
        <member name="[CB - Account].[Account CB - Description].&amp;[2340079 - Missing]"/>
        <member name="[CB - Account].[Account CB - Description].&amp;[2340081 - Missing]"/>
        <member name="[CB - Account].[Account CB - Description].&amp;[2340082 - Missing]"/>
        <member name="[CB - Account].[Account CB - Description].&amp;[2340083 - Missing]"/>
        <member name="[CB - Account].[Account CB - Description].&amp;[2340084 - Missing]"/>
        <member name="[CB - Account].[Account CB - Description].&amp;[2340085 - Missing]"/>
        <member name="[CB - Account].[Account CB - Description].&amp;[2340086 - Missing]"/>
        <member name="[CB - Account].[Account CB - Description].&amp;[2340087 - Missing]"/>
        <member name="[CB - Account].[Account CB - Description].&amp;[2340088 - Missing]"/>
        <member name="[CB - Account].[Account CB - Description].&amp;[2340089 - Missing]"/>
        <member name="[CB - Account].[Account CB - Description].&amp;[2340090 - Missing]"/>
        <member name="[CB - Account].[Account CB - Description].&amp;[2340091 - Missing]"/>
        <member name="[CB - Account].[Account CB - Description].&amp;[2340092 - Missing]"/>
        <member name="[CB - Account].[Account CB - Description].&amp;[2340093 - Missing]"/>
        <member name="[CB - Account].[Account CB - Description].&amp;[2340094 - Missing]"/>
        <member name="[CB - Account].[Account CB - Description].&amp;[2340095 - Missing]"/>
        <member name="[CB - Account].[Account CB - Description].&amp;[2340096 - Missing]"/>
        <member name="[CB - Account].[Account CB - Description].&amp;[2340097 - Missing]"/>
        <member name="[CB - Account].[Account CB - Description].&amp;[2340098 - Missing]"/>
        <member name="[CB - Account].[Account CB - Description].&amp;[2340099 - Missing]"/>
        <member name="[CB - Account].[Account CB - Description].&amp;[2340100 - Land In Fee]"/>
        <member name="[CB - Account].[Account CB - Description].&amp;[2340101 - Missing]"/>
        <member name="[CB - Account].[Account CB - Description].&amp;[2340102 - Missing]"/>
        <member name="[CB - Account].[Account CB - Description].&amp;[2340104 - Missing]"/>
        <member name="[CB - Account].[Account CB - Description].&amp;[2340106 - Missing]"/>
        <member name="[CB - Account].[Account CB - Description].&amp;[2340107 - Missing]"/>
        <member name="[CB - Account].[Account CB - Description].&amp;[2340109 - Missing]"/>
        <member name="[CB - Account].[Account CB - Description].&amp;[2340111 - Missing]"/>
        <member name="[CB - Account].[Account CB - Description].&amp;[2340112 - Missing]"/>
        <member name="[CB - Account].[Account CB - Description].&amp;[2340116 - Missing]"/>
        <member name="[CB - Account].[Account CB - Description].&amp;[2340118 - Missing]"/>
        <member name="[CB - Account].[Account CB - Description].&amp;[2340122 - Missing]"/>
        <member name="[CB - Account].[Account CB - Description].&amp;[2340124 - Missing]"/>
        <member name="[CB - Account].[Account CB - Description].&amp;[2340127 - Missing]"/>
        <member name="[CB - Account].[Account CB - Description].&amp;[2340128 - Missing]"/>
        <member name="[CB - Account].[Account CB - Description].&amp;[2340129 - Missing]"/>
        <member name="[CB - Account].[Account CB - Description].&amp;[2340130 - Missing]"/>
        <member name="[CB - Account].[Account CB - Description].&amp;[2340131 - Missing]"/>
        <member name="[CB - Account].[Account CB - Description].&amp;[2340133 - Missing]"/>
        <member name="[CB - Account].[Account CB - Description].&amp;[2340200 - Rights Of Way]"/>
        <member name="[CB - Account].[Account CB - Description].&amp;[2340210 - Missing]"/>
        <member name="[CB - Account].[Account CB - Description].&amp;[2340211 - Missing]"/>
        <member name="[CB - Account].[Account CB - Description].&amp;[2340212 - Missing]"/>
        <member name="[CB - Account].[Account CB - Description].&amp;[2340213 - Missing]"/>
        <member name="[CB - Account].[Account CB - Description].&amp;[2340217 - Missing]"/>
        <member name="[CB - Account].[Account CB - Description].&amp;[2340218 - Missing]"/>
        <member name="[CB - Account].[Account CB - Description].&amp;[2340219 - Missing]"/>
        <member name="[CB - Account].[Account CB - Description].&amp;[2340220 - Missing]"/>
        <member name="[CB - Account].[Account CB - Description].&amp;[2340221 - Missing]"/>
        <member name="[CB - Account].[Account CB - Description].&amp;[2340222 - Missing]"/>
        <member name="[CB - Account].[Account CB - Description].&amp;[2340223 - Missing]"/>
        <member name="[CB - Account].[Account CB - Description].&amp;[2340224 - Missing]"/>
        <member name="[CB - Account].[Account CB - Description].&amp;[2340225 - Missing]"/>
        <member name="[CB - Account].[Account CB - Description].&amp;[2340232 - Missing]"/>
        <member name="[CB - Account].[Account CB - Description].&amp;[2340235 - Missing]"/>
        <member name="[CB - Account].[Account CB - Description].&amp;[2340236 - Missing]"/>
        <member name="[CB - Account].[Account CB - Description].&amp;[2340239 - Missing]"/>
        <member name="[CB - Account].[Account CB - Description].&amp;[2340240 - Missing]"/>
        <member name="[CB - Account].[Account CB - Description].&amp;[2340241 - Missing]"/>
        <member name="[CB - Account].[Account CB - Description].&amp;[2340242 - Missing]"/>
        <member name="[CB - Account].[Account CB - Description].&amp;[2340243 - Missing]"/>
        <member name="[CB - Account].[Account CB - Description].&amp;[2340244 - Missing]"/>
        <member name="[CB - Account].[Account CB - Description].&amp;[2340248 - Missing]"/>
        <member name="[CB - Account].[Account CB - Description].&amp;[2340250 - Missing]"/>
        <member name="[CB - Account].[Account CB - Description].&amp;[2340251 - Missing]"/>
        <member name="[CB - Account].[Account CB - Description].&amp;[2340254 - Missing]"/>
        <member name="[CB - Account].[Account CB - Description].&amp;[2340255 - Missing]"/>
        <member name="[CB - Account].[Account CB - Description].&amp;[2340256 - Missing]"/>
        <member name="[CB - Account].[Account CB - Description].&amp;[2340257 - Missing]"/>
        <member name="[CB - Account].[Account CB - Description].&amp;[2340258 - Missing]"/>
        <member name="[CB - Account].[Account CB - Description].&amp;[2340260 - Missing]"/>
        <member name="[CB - Account].[Account CB - Description].&amp;[2340261 - Missing]"/>
        <member name="[CB - Account].[Account CB - Description].&amp;[2340262 - Missing]"/>
        <member name="[CB - Account].[Account CB - Description].&amp;[2340263 - Missing]"/>
        <member name="[CB - Account].[Account CB - Description].&amp;[2340264 - Missing]"/>
        <member name="[CB - Account].[Account CB - Description].&amp;[2340265 - Missing]"/>
        <member name="[CB - Account].[Account CB - Description].&amp;[2340266 - Missing]"/>
        <member name="[CB - Account].[Account CB - Description].&amp;[2340267 - Missing]"/>
        <member name="[CB - Account].[Account CB - Description].&amp;[2340269 - Missing]"/>
        <member name="[CB - Account].[Account CB - Description].&amp;[2340270 - Missing]"/>
        <member name="[CB - Account].[Account CB - Description].&amp;[2340271 - Missing]"/>
        <member name="[CB - Account].[Account CB - Description].&amp;[2340272 - Missing]"/>
        <member name="[CB - Account].[Account CB - Description].&amp;[2340274 - Missing]"/>
        <member name="[CB - Account].[Account CB - Description].&amp;[2340275 - Missing]"/>
        <member name="[CB - Account].[Account CB - Description].&amp;[2340276 - Missing]"/>
        <member name="[CB - Account].[Account CB - Description].&amp;[2340277 - Missing]"/>
        <member name="[CB - Account].[Account CB - Description].&amp;[2340278 - Missing]"/>
        <member name="[CB - Account].[Account CB - Description].&amp;[2340279 - Missing]"/>
        <member name="[CB - Account].[Account CB - Description].&amp;[2340280 - Missing]"/>
        <member name="[CB - Account].[Account CB - Description].&amp;[2341000 - Structures And Improvements]"/>
        <member name="[CB - Account].[Account CB - Description].&amp;[2342000 - Dist Reservoirs &amp; Standpipes]"/>
        <member name="[CB - Account].[Account CB - Description].&amp;[2343100 - Transmission Mains]"/>
        <member name="[CB - Account].[Account CB - Description].&amp;[2343200 - Distribution Mains]"/>
        <member name="[CB - Account].[Account CB - Description].&amp;[2344000 - Fire Mains]"/>
        <member name="[CB - Account].[Account CB - Description].&amp;[2345000 - Services]"/>
        <member name="[CB - Account].[Account CB - Description].&amp;[2346000 - Meters]"/>
        <member name="[CB - Account].[Account CB - Description].&amp;[2347000 - Meter Installations]"/>
        <member name="[CB - Account].[Account CB - Description].&amp;[2348000 - Hydrants]"/>
        <member name="[CB - Account].[Account CB - Description].&amp;[2349000 - Other Transm &amp; Distn Plant]"/>
        <member name="[CB - Account].[Account CB - Description].&amp;[2349001 - Missing]"/>
        <member name="[CB - Account].[Account CB - Description].&amp;[2349100 - Missing]"/>
        <member name="[CB - Account].[Account CB - Description].&amp;[2349101 - Missing]"/>
        <member name="[CB - Account].[Account CB - Description].&amp;[2352510 - CONTRA MTM CURRENT LIAB]"/>
        <member name="[CB - Account].[Account CB - Description].&amp;[2360001 - Missing]"/>
        <member name="[CB - Account].[Account CB - Description].&amp;[2360002 - Missing]"/>
        <member name="[CB - Account].[Account CB - Description].&amp;[2360003 - Missing]"/>
        <member name="[CB - Account].[Account CB - Description].&amp;[2360004 - Missing]"/>
        <member name="[CB - Account].[Account CB - Description].&amp;[2360005 - Missing]"/>
        <member name="[CB - Account].[Account CB - Description].&amp;[2360006 - Missing]"/>
        <member name="[CB - Account].[Account CB - Description].&amp;[2360007 - Missing]"/>
        <member name="[CB - Account].[Account CB - Description].&amp;[2360009 - Missing]"/>
        <member name="[CB - Account].[Account CB - Description].&amp;[2360010 - Missing]"/>
        <member name="[CB - Account].[Account CB - Description].&amp;[2360011 - Missing]"/>
        <member name="[CB - Account].[Account CB - Description].&amp;[2360012 - Missing]"/>
        <member name="[CB - Account].[Account CB - Description].&amp;[2360015 - Missing]"/>
        <member name="[CB - Account].[Account CB - Description].&amp;[2360016 - Missing]"/>
        <member name="[CB - Account].[Account CB - Description].&amp;[2360017 - Missing]"/>
        <member name="[CB - Account].[Account CB - Description].&amp;[2360018 - Missing]"/>
        <member name="[CB - Account].[Account CB - Description].&amp;[2360019 - Missing]"/>
        <member name="[CB - Account].[Account CB - Description].&amp;[2360020 - Missing]"/>
        <member name="[CB - Account].[Account CB - Description].&amp;[2360021 - Missing]"/>
        <member name="[CB - Account].[Account CB - Description].&amp;[2360023 - Missing]"/>
        <member name="[CB - Account].[Account CB - Description].&amp;[2360024 - Missing]"/>
        <member name="[CB - Account].[Account CB - Description].&amp;[2360025 - Missing]"/>
        <member name="[CB - Account].[Account CB - Description].&amp;[2360026 - Missing]"/>
        <member name="[CB - Account].[Account CB - Description].&amp;[2360027 - Missing]"/>
        <member name="[CB - Account].[Account CB - Description].&amp;[2360030 - Missing]"/>
        <member name="[CB - Account].[Account CB - Description].&amp;[2360031 - Missing]"/>
        <member name="[CB - Account].[Account CB - Description].&amp;[2360034 - Missing]"/>
        <member name="[CB - Account].[Account CB - Description].&amp;[2360036 - Missing]"/>
        <member name="[CB - Account].[Account CB - Description].&amp;[2360037 - Missing]"/>
        <member name="[CB - Account].[Account CB - Description].&amp;[2360038 - Missing]"/>
        <member name="[CB - Account].[Account CB - Description].&amp;[2360039 - Missing]"/>
        <member name="[CB - Account].[Account CB - Description].&amp;[2360040 - Missing]"/>
        <member name="[CB - Account].[Account CB - Description].&amp;[2360041 - Missing]"/>
        <member name="[CB - Account].[Account CB - Description].&amp;[2360042 - Missing]"/>
        <member name="[CB - Account].[Account CB - Description].&amp;[2360043 - Missing]"/>
        <member name="[CB - Account].[Account CB - Description].&amp;[2360044 - Missing]"/>
        <member name="[CB - Account].[Account CB - Description].&amp;[2360045 - Missing]"/>
        <member name="[CB - Account].[Account CB - Description].&amp;[2360046 - Missing]"/>
        <member name="[CB - Account].[Account CB - Description].&amp;[2360047 - Missing]"/>
        <member name="[CB - Account].[Account CB - Description].&amp;[2360048 - Missing]"/>
        <member name="[CB - Account].[Account CB - Description].&amp;[2360050 - Missing]"/>
        <member name="[CB - Account].[Account CB - Description].&amp;[2360052 - Missing]"/>
        <member name="[CB - Account].[Account CB - Description].&amp;[2360053 - Missing]"/>
        <member name="[CB - Account].[Account CB - Description].&amp;[2360054 - Missing]"/>
        <member name="[CB - Account].[Account CB - Description].&amp;[2360055 - Missing]"/>
        <member name="[CB - Account].[Account CB - Description].&amp;[2360056 - Missing]"/>
        <member name="[CB - Account].[Account CB - Description].&amp;[2360057 - Missing]"/>
        <member name="[CB - Account].[Account CB - Description].&amp;[2360059 - Missing]"/>
        <member name="[CB - Account].[Account CB - Description].&amp;[2360060 - Missing]"/>
        <member name="[CB - Account].[Account CB - Description].&amp;[2360062 - Missing]"/>
        <member name="[CB - Account].[Account CB - Description].&amp;[2360063 - Missing]"/>
        <member name="[CB - Account].[Account CB - Description].&amp;[2360065 - Missing]"/>
        <member name="[CB - Account].[Account CB - Description].&amp;[2360066 - Missing]"/>
        <member name="[CB - Account].[Account CB - Description].&amp;[2360069 - Missing]"/>
        <member name="[CB - Account].[Account CB - Description].&amp;[2360071 - Missing]"/>
        <member name="[CB - Account].[Account CB - Description].&amp;[2360072 - Missing]"/>
        <member name="[CB - Account].[Account CB - Description].&amp;[2360073 - Missing]"/>
        <member name="[CB - Account].[Account CB - Description].&amp;[2360074 - Missing]"/>
        <member name="[CB - Account].[Account CB - Description].&amp;[2360075 - Missing]"/>
        <member name="[CB - Account].[Account CB - Description].&amp;[2360076 - Missing]"/>
        <member name="[CB - Account].[Account CB - Description].&amp;[2360077 - Missing]"/>
        <member name="[CB - Account].[Account CB - Description].&amp;[2360080 - Missing]"/>
        <member name="[CB - Account].[Account CB - Description].&amp;[2360085 - Missing]"/>
        <member name="[CB - Account].[Account CB - Description].&amp;[2360086 - Missing]"/>
        <member name="[CB - Account].[Account CB - Description].&amp;[2360087 - Missing]"/>
        <member name="[CB - Account].[Account CB - Description].&amp;[2360088 - Missing]"/>
        <member name="[CB - Account].[Account CB - Description].&amp;[2360089 - Missing]"/>
        <member name="[CB - Account].[Account CB - Description].&amp;[2360090 - Missing]"/>
        <member name="[CB - Account].[Account CB - Description].&amp;[2360091 - Missing]"/>
        <member name="[CB - Account].[Account CB - Description].&amp;[2360092 - Missing]"/>
        <member name="[CB - Account].[Account CB - Description].&amp;[2360093 - Missing]"/>
        <member name="[CB - Account].[Account CB - Description].&amp;[2360094 - Missing]"/>
        <member name="[CB - Account].[Account CB - Description].&amp;[2360095 - Missing]"/>
        <member name="[CB - Account].[Account CB - Description].&amp;[2360096 - Missing]"/>
        <member name="[CB - Account].[Account CB - Description].&amp;[2360097 - Missing]"/>
        <member name="[CB - Account].[Account CB - Description].&amp;[2360098 - Missing]"/>
        <member name="[CB - Account].[Account CB - Description].&amp;[2360099 - Missing]"/>
        <member name="[CB - Account].[Account CB - Description].&amp;[2360100 - Missing]"/>
        <member name="[CB - Account].[Account CB - Description].&amp;[2360101 - Missing]"/>
        <member name="[CB - Account].[Account CB - Description].&amp;[2360105 - Missing]"/>
        <member name="[CB - Account].[Account CB - Description].&amp;[2360106 - Missing]"/>
        <member name="[CB - Account].[Account CB - Description].&amp;[2360108 - Missing]"/>
        <member name="[CB - Account].[Account CB - Description].&amp;[2360109 - Missing]"/>
        <member name="[CB - Account].[Account CB - Description].&amp;[2360110 - Missing]"/>
        <member name="[CB - Account].[Account CB - Description].&amp;[2360111 - Missing]"/>
        <member name="[CB - Account].[Account CB - Description].&amp;[2360112 - Missing]"/>
        <member name="[CB - Account].[Account CB - Description].&amp;[2360116 - Missing]"/>
        <member name="[CB - Account].[Account CB - Description].&amp;[2360117 - Missing]"/>
        <member name="[CB - Account].[Account CB - Description].&amp;[2360118 - Missing]"/>
        <member name="[CB - Account].[Account CB - Description].&amp;[2360119 - Missing]"/>
        <member name="[CB - Account].[Account CB - Description].&amp;[2360120 - Missing]"/>
        <member name="[CB - Account].[Account CB - Description].&amp;[2360122 - Missing]"/>
        <member name="[CB - Account].[Account CB - Description].&amp;[2360126 - Missing]"/>
        <member name="[CB - Account].[Account CB - Description].&amp;[2360127 - Missing]"/>
        <member name="[CB - Account].[Account CB - Description].&amp;[2360128 - Missing]"/>
        <member name="[CB - Account].[Account CB - Description].&amp;[2360130 - Missing]"/>
        <member name="[CB - Account].[Account CB - Description].&amp;[2360131 - Missing]"/>
        <member name="[CB - Account].[Account CB - Description].&amp;[2360133 - Missing]"/>
        <member name="[CB - Account].[Account CB - Description].&amp;[2360134 - Missing]"/>
        <member name="[CB - Account].[Account CB - Description].&amp;[2360135 - Missing]"/>
        <member name="[CB - Account].[Account CB - Description].&amp;[2360136 - Missing]"/>
        <member name="[CB - Account].[Account CB - Description].&amp;[2360137 - Missing]"/>
        <member name="[CB - Account].[Account CB - Description].&amp;[2360138 - Missing]"/>
        <member name="[CB - Account].[Account CB - Description].&amp;[2360139 - Missing]"/>
        <member name="[CB - Account].[Account CB - Description].&amp;[2360140 - Missing]"/>
        <member name="[CB - Account].[Account CB - Description].&amp;[2360141 - Missing]"/>
        <member name="[CB - Account].[Account CB - Description].&amp;[2360142 - Missing]"/>
        <member name="[CB - Account].[Account CB - Description].&amp;[2360143 - Missing]"/>
        <member name="[CB - Account].[Account CB - Description].&amp;[2360146 - Missing]"/>
        <member name="[CB - Account].[Account CB - Description].&amp;[2360147 - Missing]"/>
        <member name="[CB - Account].[Account CB - Description].&amp;[2360148 - Missing]"/>
        <member name="[CB - Account].[Account CB - Description].&amp;[2360149 - Missing]"/>
        <member name="[CB - Account].[Account CB - Description].&amp;[2360150 - Missing]"/>
        <member name="[CB - Account].[Account CB - Description].&amp;[2360151 - Missing]"/>
        <member name="[CB - Account].[Account CB - Description].&amp;[2360153 - Missing]"/>
        <member name="[CB - Account].[Account CB - Description].&amp;[2360154 - Missing]"/>
        <member name="[CB - Account].[Account CB - Description].&amp;[2360155 - Missing]"/>
        <member name="[CB - Account].[Account CB - Description].&amp;[2360156 - Missing]"/>
        <member name="[CB - Account].[Account CB - Description].&amp;[2360157 - Missing]"/>
        <member name="[CB - Account].[Account CB - Description].&amp;[2360159 - Missing]"/>
        <member name="[CB - Account].[Account CB - Description].&amp;[2360160 - Missing]"/>
        <member name="[CB - Account].[Account CB - Description].&amp;[2360161 - Missing]"/>
        <member name="[CB - Account].[Account CB - Description].&amp;[2360162 - Missing]"/>
        <member name="[CB - Account].[Account CB - Description].&amp;[2360163 - Missing]"/>
        <member name="[CB - Account].[Account CB - Description].&amp;[2360165 - Missing]"/>
        <member name="[CB - Account].[Account CB - Description].&amp;[2360169 - Missing]"/>
        <member name="[CB - Account].[Account CB - Description].&amp;[2360170 - Missing]"/>
        <member name="[CB - Account].[Account CB - Description].&amp;[2360171 - Missing]"/>
        <member name="[CB - Account].[Account CB - Description].&amp;[2360172 - Missing]"/>
        <member name="[CB - Account].[Account CB - Description].&amp;[2360173 - Missing]"/>
        <member name="[CB - Account].[Account CB - Description].&amp;[2360174 - Missing]"/>
        <member name="[CB - Account].[Account CB - Description].&amp;[2360175 - Missing]"/>
        <member name="[CB - Account].[Account CB - Description].&amp;[2360176 - Missing]"/>
        <member name="[CB - Account].[Account CB - Description].&amp;[2360177 - Missing]"/>
        <member name="[CB - Account].[Account CB - Description].&amp;[2360178 - Missing]"/>
        <member name="[CB - Account].[Account CB - Description].&amp;[2360179 - Missing]"/>
        <member name="[CB - Account].[Account CB - Description].&amp;[2360180 - Missing]"/>
        <member name="[CB - Account].[Account CB - Description].&amp;[2360181 - Missing]"/>
        <member name="[CB - Account].[Account CB - Description].&amp;[2360182 - Missing]"/>
        <member name="[CB - Account].[Account CB - Description].&amp;[2360183 - Missing]"/>
        <member name="[CB - Account].[Account CB - Description].&amp;[2360184 - Missing]"/>
        <member name="[CB - Account].[Account CB - Description].&amp;[2360185 - Missing]"/>
        <member name="[CB - Account].[Account CB - Description].&amp;[2360186 - Missing]"/>
        <member name="[CB - Account].[Account CB - Description].&amp;[2360187 - Missing]"/>
        <member name="[CB - Account].[Account CB - Description].&amp;[2360191 - Missing]"/>
        <member name="[CB - Account].[Account CB - Description].&amp;[2360193 - Missing]"/>
        <member name="[CB - Account].[Account CB - Description].&amp;[2360197 - Missing]"/>
        <member name="[CB - Account].[Account CB - Description].&amp;[2360198 - Missing]"/>
        <member name="[CB - Account].[Account CB - Description].&amp;[2360199 - Missing]"/>
        <member name="[CB - Account].[Account CB - Description].&amp;[2360200 - Missing]"/>
        <member name="[CB - Account].[Account CB - Description].&amp;[2360201 - Missing]"/>
        <member name="[CB - Account].[Account CB - Description].&amp;[2360202 - Missing]"/>
        <member name="[CB - Account].[Account CB - Description].&amp;[2360203 - Missing]"/>
        <member name="[CB - Account].[Account CB - Description].&amp;[2360204 - Missing]"/>
        <member name="[CB - Account].[Account CB - Description].&amp;[2360205 - Missing]"/>
        <member name="[CB - Account].[Account CB - Description].&amp;[2360206 - Missing]"/>
        <member name="[CB - Account].[Account CB - Description].&amp;[2360207 - Missing]"/>
        <member name="[CB - Account].[Account CB - Description].&amp;[2360208 - Missing]"/>
        <member name="[CB - Account].[Account CB - Description].&amp;[2360216 - Missing]"/>
        <member name="[CB - Account].[Account CB - Description].&amp;[2360217 - Missing]"/>
        <member name="[CB - Account].[Account CB - Description].&amp;[2360218 - Missing]"/>
        <member name="[CB - Account].[Account CB - Description].&amp;[2360219 - Missing]"/>
        <member name="[CB - Account].[Account CB - Description].&amp;[2360220 - Missing]"/>
        <member name="[CB - Account].[Account CB - Description].&amp;[2360221 - Missing]"/>
        <member name="[CB - Account].[Account CB - Description].&amp;[2360222 - Missing]"/>
        <member name="[CB - Account].[Account CB - Description].&amp;[2360223 - Missing]"/>
        <member name="[CB - Account].[Account CB - Description].&amp;[2360224 - Missing]"/>
        <member name="[CB - Account].[Account CB - Description].&amp;[2360225 - Missing]"/>
        <member name="[CB - Account].[Account CB - Description].&amp;[2360226 - Missing]"/>
        <member name="[CB - Account].[Account CB - Description].&amp;[2360227 - Missing]"/>
        <member name="[CB - Account].[Account CB - Description].&amp;[2360233 - Missing]"/>
        <member name="[CB - Account].[Account CB - Description].&amp;[2360234 - Missing]"/>
        <member name="[CB - Account].[Account CB - Description].&amp;[2360236 - Missing]"/>
        <member name="[CB - Account].[Account CB - Description].&amp;[2360240 - Missing]"/>
        <member name="[CB - Account].[Account CB - Description].&amp;[2360242 - Missing]"/>
        <member name="[CB - Account].[Account CB - Description].&amp;[2360243 - Missing]"/>
        <member name="[CB - Account].[Account CB - Description].&amp;[2360245 - Missing]"/>
        <member name="[CB - Account].[Account CB - Description].&amp;[2360247 - Missing]"/>
        <member name="[CB - Account].[Account CB - Description].&amp;[2360252 - Missing]"/>
        <member name="[CB - Account].[Account CB - Description].&amp;[2360257 - Missing]"/>
        <member name="[CB - Account].[Account CB - Description].&amp;[2360258 - Missing]"/>
        <member name="[CB - Account].[Account CB - Description].&amp;[2360259 - Missing]"/>
        <member name="[CB - Account].[Account CB - Description].&amp;[2370003 - Missing]"/>
        <member name="[CB - Account].[Account CB - Description].&amp;[2370007 - Missing]"/>
        <member name="[CB - Account].[Account CB - Description].&amp;[2370008 - Missing]"/>
        <member name="[CB - Account].[Account CB - Description].&amp;[2370009 - Missing]"/>
        <member name="[CB - Account].[Account CB - Description].&amp;[2370010 - Missing]"/>
        <member name="[CB - Account].[Account CB - Description].&amp;[2370011 - Missing]"/>
        <member name="[CB - Account].[Account CB - Description].&amp;[2370014 - Missing]"/>
        <member name="[CB - Account].[Account CB - Description].&amp;[2370015 - Missing]"/>
        <member name="[CB - Account].[Account CB - Description].&amp;[2370017 - Missing]"/>
        <member name="[CB - Account].[Account CB - Description].&amp;[2370018 - Missing]"/>
        <member name="[CB - Account].[Account CB - Description].&amp;[2370019 - Missing]"/>
        <member name="[CB - Account].[Account CB - Description].&amp;[2370020 - Missing]"/>
        <member name="[CB - Account].[Account CB - Description].&amp;[2370021 - Missing]"/>
        <member name="[CB - Account].[Account CB - Description].&amp;[2370022 - Missing]"/>
        <member name="[CB - Account].[Account CB - Description].&amp;[2370023 - Missing]"/>
        <member name="[CB - Account].[Account CB - Description].&amp;[2370024 - Missing]"/>
        <member name="[CB - Account].[Account CB - Description].&amp;[2370025 - Missing]"/>
        <member name="[CB - Account].[Account CB - Description].&amp;[2370026 - Missing]"/>
        <member name="[CB - Account].[Account CB - Description].&amp;[2370027 - Missing]"/>
        <member name="[CB - Account].[Account CB - Description].&amp;[2370028 - Missing]"/>
        <member name="[CB - Account].[Account CB - Description].&amp;[2370029 - Missing]"/>
        <member name="[CB - Account].[Account CB - Description].&amp;[2370030 - Missing]"/>
        <member name="[CB - Account].[Account CB - Description].&amp;[2370031 - Missing]"/>
        <member name="[CB - Account].[Account CB - Description].&amp;[2370032 - Missing]"/>
        <member name="[CB - Account].[Account CB - Description].&amp;[2370033 - Missing]"/>
        <member name="[CB - Account].[Account CB - Description].&amp;[2370038 - Missing]"/>
        <member name="[CB - Account].[Account CB - Description].&amp;[2370039 - Missing]"/>
        <member name="[CB - Account].[Account CB - Description].&amp;[2370040 - Missing]"/>
        <member name="[CB - Account].[Account CB - Description].&amp;[2370041 - Missing]"/>
        <member name="[CB - Account].[Account CB - Description].&amp;[2370043 - Missing]"/>
        <member name="[CB - Account].[Account CB - Description].&amp;[2370044 - Missing]"/>
        <member name="[CB - Account].[Account CB - Description].&amp;[2370045 - Missing]"/>
        <member name="[CB - Account].[Account CB - Description].&amp;[2370046 - Missing]"/>
        <member name="[CB - Account].[Account CB - Description].&amp;[2370049 - Missing]"/>
        <member name="[CB - Account].[Account CB - Description].&amp;[2370051 - Missing]"/>
        <member name="[CB - Account].[Account CB - Description].&amp;[2370052 - Missing]"/>
        <member name="[CB - Account].[Account CB - Description].&amp;[2370053 - Missing]"/>
        <member name="[CB - Account].[Account CB - Description].&amp;[2370054 - Missing]"/>
        <member name="[CB - Account].[Account CB - Description].&amp;[2370055 - Missing]"/>
        <member name="[CB - Account].[Account CB - Description].&amp;[2370056 - Missing]"/>
        <member name="[CB - Account].[Account CB - Description].&amp;[2370057 - Missing]"/>
        <member name="[CB - Account].[Account CB - Description].&amp;[2370058 - Missing]"/>
        <member name="[CB - Account].[Account CB - Description].&amp;[2370059 - Missing]"/>
        <member name="[CB - Account].[Account CB - Description].&amp;[2370060 - Missing]"/>
        <member name="[CB - Account].[Account CB - Description].&amp;[2370061 - Missing]"/>
        <member name="[CB - Account].[Account CB - Description].&amp;[2370063 - Missing]"/>
        <member name="[CB - Account].[Account CB - Description].&amp;[2370064 - Missing]"/>
        <member name="[CB - Account].[Account CB - Description].&amp;[2370065 - Missing]"/>
        <member name="[CB - Account].[Account CB - Description].&amp;[2370066 - Missing]"/>
        <member name="[CB - Account].[Account CB - Description].&amp;[2370067 - Missing]"/>
        <member name="[CB - Account].[Account CB - Description].&amp;[2370068 - Missing]"/>
        <member name="[CB - Account].[Account CB - Description].&amp;[2370070 - Missing]"/>
        <member name="[CB - Account].[Account CB - Description].&amp;[2370071 - Missing]"/>
        <member name="[CB - Account].[Account CB - Description].&amp;[2370072 - Missing]"/>
        <member name="[CB - Account].[Account CB - Description].&amp;[2370075 - Missing]"/>
        <member name="[CB - Account].[Account CB - Description].&amp;[2370076 - Missing]"/>
        <member name="[CB - Account].[Account CB - Description].&amp;[2370077 - Missing]"/>
        <member name="[CB - Account].[Account CB - Description].&amp;[2370078 - Missing]"/>
        <member name="[CB - Account].[Account CB - Description].&amp;[2370079 - Missing]"/>
        <member name="[CB - Account].[Account CB - Description].&amp;[2370081 - Missing]"/>
        <member name="[CB - Account].[Account CB - Description].&amp;[2370082 - Missing]"/>
        <member name="[CB - Account].[Account CB - Description].&amp;[2370083 - Missing]"/>
        <member name="[CB - Account].[Account CB - Description].&amp;[2370090 - Missing]"/>
        <member name="[CB - Account].[Account CB - Description].&amp;[2370091 - Missing]"/>
        <member name="[CB - Account].[Account CB - Description].&amp;[2370092 - Missing]"/>
        <member name="[CB - Account].[Account CB - Description].&amp;[2370093 - Missing]"/>
        <member name="[CB - Account].[Account CB - Description].&amp;[2370094 - Missing]"/>
        <member name="[CB - Account].[Account CB - Description].&amp;[2370095 - Missing]"/>
        <member name="[CB - Account].[Account CB - Description].&amp;[2380001 - Missing]"/>
        <member name="[CB - Account].[Account CB - Description].&amp;[2380002 - Missing]"/>
        <member name="[CB - Account].[Account CB - Description].&amp;[2380005 - Missing]"/>
        <member name="[CB - Account].[Account CB - Description].&amp;[2389100 - Land In Fee]"/>
        <member name="[CB - Account].[Account CB - Description].&amp;[2389200 - Land Rights]"/>
        <member name="[CB - Account].[Account CB - Description].&amp;[2390000 - Structures &amp; Improvements]"/>
        <member name="[CB - Account].[Account CB - Description].&amp;[2391000 - Office Furniture &amp; Equipment]"/>
        <member name="[CB - Account].[Account CB - Description].&amp;[2392000 - Transportation Equipment]"/>
        <member name="[CB - Account].[Account CB - Description].&amp;[2393000 - Stores Equipment]"/>
        <member name="[CB - Account].[Account CB - Description].&amp;[2394000 - Tools, Shop And Garage Equip]"/>
        <member name="[CB - Account].[Account CB - Description].&amp;[2395000 - Laboratory Equipment]"/>
        <member name="[CB - Account].[Account CB - Description].&amp;[2396000 - Power Operated Equipment]"/>
        <member name="[CB - Account].[Account CB - Description].&amp;[2397000 - Communication Equipment]"/>
        <member name="[CB - Account].[Account CB - Description].&amp;[2398000 - Miscellaneous Equipment]"/>
        <member name="[CB - Account].[Account CB - Description].&amp;[2410001 - Missing]"/>
        <member name="[CB - Account].[Account CB - Description].&amp;[2410002 - Missing]"/>
        <member name="[CB - Account].[Account CB - Description].&amp;[2410003 - Missing]"/>
        <member name="[CB - Account].[Account CB - Description].&amp;[2410004 - Missing]"/>
        <member name="[CB - Account].[Account CB - Description].&amp;[2410005 - Missing]"/>
        <member name="[CB - Account].[Account CB - Description].&amp;[2410006 - Missing]"/>
        <member name="[CB - Account].[Account CB - Description].&amp;[2410007 - Missing]"/>
        <member name="[CB - Account].[Account CB - Description].&amp;[2410008 - Missing]"/>
        <member name="[CB - Account].[Account CB - Description].&amp;[2410009 - Missing]"/>
        <member name="[CB - Account].[Account CB - Description].&amp;[2410010 - Missing]"/>
        <member name="[CB - Account].[Account CB - Description].&amp;[2410011 - Missing]"/>
        <member name="[CB - Account].[Account CB - Description].&amp;[2410016 - Missing]"/>
        <member name="[CB - Account].[Account CB - Description].&amp;[2410017 - Missing]"/>
        <member name="[CB - Account].[Account CB - Description].&amp;[2410018 - Missing]"/>
        <member name="[CB - Account].[Account CB - Description].&amp;[2410019 - Missing]"/>
        <member name="[CB - Account].[Account CB - Description].&amp;[2420000 - COLLATERAL LIAB CONTRA]"/>
        <member name="[CB - Account].[Account CB - Description].&amp;[2420002 - Missing]"/>
        <member name="[CB - Account].[Account CB - Description].&amp;[2420003 - Missing]"/>
        <member name="[CB - Account].[Account CB - Description].&amp;[2420004 - Missing]"/>
        <member name="[CB - Account].[Account CB - Description].&amp;[2420005 - Missing]"/>
        <member name="[CB - Account].[Account CB - Description].&amp;[2420008 - Missing]"/>
        <member name="[CB - Account].[Account CB - Description].&amp;[2420009 - Missing]"/>
        <member name="[CB - Account].[Account CB - Description].&amp;[2420010 - Missing]"/>
        <member name="[CB - Account].[Account CB - Description].&amp;[2420011 - Missing]"/>
        <member name="[CB - Account].[Account CB - Description].&amp;[2420012 - Missing]"/>
        <member name="[CB - Account].[Account CB - Description].&amp;[2420013 - Missing]"/>
        <member name="[CB - Account].[Account CB - Description].&amp;[2420014 - Missing]"/>
        <member name="[CB - Account].[Account CB - Description].&amp;[2420015 - Missing]"/>
        <member name="[CB - Account].[Account CB - Description].&amp;[2420016 - Missing]"/>
        <member name="[CB - Account].[Account CB - Description].&amp;[2420017 - Missing]"/>
        <member name="[CB - Account].[Account CB - Description].&amp;[2420018 - Missing]"/>
        <member name="[CB - Account].[Account CB - Description].&amp;[2420020 - Missing]"/>
        <member name="[CB - Account].[Account CB - Description].&amp;[2420021 - Missing]"/>
        <member name="[CB - Account].[Account CB - Description].&amp;[2420022 - Missing]"/>
        <member name="[CB - Account].[Account CB - Description].&amp;[2420023 - Missing]"/>
        <member name="[CB - Account].[Account CB - Description].&amp;[2420024 - Missing]"/>
        <member name="[CB - Account].[Account CB - Description].&amp;[2420026 - Missing]"/>
        <member name="[CB - Account].[Account CB - Description].&amp;[2420028 - Missing]"/>
        <member name="[CB - Account].[Account CB - Description].&amp;[2420032 - Missing]"/>
        <member name="[CB - Account].[Account CB - Description].&amp;[2420033 - Missing]"/>
        <member name="[CB - Account].[Account CB - Description].&amp;[2420034 - Missing]"/>
        <member name="[CB - Account].[Account CB - Description].&amp;[2420035 - Missing]"/>
        <member name="[CB - Account].[Account CB - Description].&amp;[2420036 - Missing]"/>
        <member name="[CB - Account].[Account CB - Description].&amp;[2420037 - Missing]"/>
        <member name="[CB - Account].[Account CB - Description].&amp;[2420038 - Missing]"/>
        <member name="[CB - Account].[Account CB - Description].&amp;[2420040 - Missing]"/>
        <member name="[CB - Account].[Account CB - Description].&amp;[2420042 - Missing]"/>
        <member name="[CB - Account].[Account CB - Description].&amp;[2420043 - Missing]"/>
        <member name="[CB - Account].[Account CB - Description].&amp;[2420052 - Missing]"/>
        <member name="[CB - Account].[Account CB - Description].&amp;[2420059 - Missing]"/>
        <member name="[CB - Account].[Account CB - Description].&amp;[2420061 - Missing]"/>
        <member name="[CB - Account].[Account CB - Description].&amp;[2420062 - Missing]"/>
        <member name="[CB - Account].[Account CB - Description].&amp;[2420064 - Missing]"/>
        <member name="[CB - Account].[Account CB - Description].&amp;[2420065 - Missing]"/>
        <member name="[CB - Account].[Account CB - Description].&amp;[2420066 - Missing]"/>
        <member name="[CB - Account].[Account CB - Description].&amp;[2420067 - Missing]"/>
        <member name="[CB - Account].[Account CB - Description].&amp;[2420068 - Missing]"/>
        <member name="[CB - Account].[Account CB - Description].&amp;[2426500 - Contra Other Cur Liabilities]"/>
        <member name="[CB - Account].[Account CB - Description].&amp;[2430001 - Missing]"/>
        <member name="[CB - Account].[Account CB - Description].&amp;[2530000 - Contra Deferred Credit]"/>
        <member name="[CB - Account].[Account CB - Description].&amp;[2530001 - Missing]"/>
        <member name="[CB - Account].[Account CB - Description].&amp;[2530002 - Missing]"/>
        <member name="[CB - Account].[Account CB - Description].&amp;[2530003 - Missing]"/>
        <member name="[CB - Account].[Account CB - Description].&amp;[2530004 - Missing]"/>
        <member name="[CB - Account].[Account CB - Description].&amp;[2530005 - Missing]"/>
        <member name="[CB - Account].[Account CB - Description].&amp;[2530006 - Missing]"/>
        <member name="[CB - Account].[Account CB - Description].&amp;[2530007 - Missing]"/>
        <member name="[CB - Account].[Account CB - Description].&amp;[2530008 - Missing]"/>
        <member name="[CB - Account].[Account CB - Description].&amp;[2530009 - Missing]"/>
        <member name="[CB - Account].[Account CB - Description].&amp;[2530013 - Missing]"/>
        <member name="[CB - Account].[Account CB - Description].&amp;[2530016 - Missing]"/>
        <member name="[CB - Account].[Account CB - Description].&amp;[2530017 - Missing]"/>
        <member name="[CB - Account].[Account CB - Description].&amp;[2530018 - Missing]"/>
        <member name="[CB - Account].[Account CB - Description].&amp;[2530019 - Missing]"/>
        <member name="[CB - Account].[Account CB - Description].&amp;[2530021 - Missing]"/>
        <member name="[CB - Account].[Account CB - Description].&amp;[2530024 - Missing]"/>
        <member name="[CB - Account].[Account CB - Description].&amp;[2530026 - Missing]"/>
        <member name="[CB - Account].[Account CB - Description].&amp;[2530027 - Missing]"/>
        <member name="[CB - Account].[Account CB - Description].&amp;[2530028 - Missing]"/>
        <member name="[CB - Account].[Account CB - Description].&amp;[2530029 - Missing]"/>
        <member name="[CB - Account].[Account CB - Description].&amp;[2530030 - Missing]"/>
        <member name="[CB - Account].[Account CB - Description].&amp;[2530032 - Missing]"/>
        <member name="[CB - Account].[Account CB - Description].&amp;[2530033 - Missing]"/>
        <member name="[CB - Account].[Account CB - Description].&amp;[2530034 - Missing]"/>
        <member name="[CB - Account].[Account CB - Description].&amp;[2530035 - Missing]"/>
        <member name="[CB - Account].[Account CB - Description].&amp;[2530037 - Missing]"/>
        <member name="[CB - Account].[Account CB - Description].&amp;[2530039 - Missing]"/>
        <member name="[CB - Account].[Account CB - Description].&amp;[2530043 - Missing]"/>
        <member name="[CB - Account].[Account CB - Description].&amp;[2530044 - Missing]"/>
        <member name="[CB - Account].[Account CB - Description].&amp;[2530045 - Missing]"/>
        <member name="[CB - Account].[Account CB - Description].&amp;[2530046 - Missing]"/>
        <member name="[CB - Account].[Account CB - Description].&amp;[2530047 - Missing]"/>
        <member name="[CB - Account].[Account CB - Description].&amp;[2530048 - Missing]"/>
        <member name="[CB - Account].[Account CB - Description].&amp;[2530050 - Missing]"/>
        <member name="[CB - Account].[Account CB - Description].&amp;[2530052 - Missing]"/>
        <member name="[CB - Account].[Account CB - Description].&amp;[2530053 - Missing]"/>
        <member name="[CB - Account].[Account CB - Description].&amp;[2530054 - Missing]"/>
        <member name="[CB - Account].[Account CB - Description].&amp;[2530058 - Missing]"/>
        <member name="[CB - Account].[Account CB - Description].&amp;[2530059 - Missing]"/>
        <member name="[CB - Account].[Account CB - Description].&amp;[2530060 - Missing]"/>
        <member name="[CB - Account].[Account CB - Description].&amp;[2530061 - Missing]"/>
        <member name="[CB - Account].[Account CB - Description].&amp;[2530062 - Missing]"/>
        <member name="[CB - Account].[Account CB - Description].&amp;[2530063 - Missing]"/>
        <member name="[CB - Account].[Account CB - Description].&amp;[2530064 - Missing]"/>
        <member name="[CB - Account].[Account CB - Description].&amp;[2530065 - Missing]"/>
        <member name="[CB - Account].[Account CB - Description].&amp;[2530066 - Missing]"/>
        <member name="[CB - Account].[Account CB - Description].&amp;[2530067 - Missing]"/>
        <member name="[CB - Account].[Account CB - Description].&amp;[2530068 - Missing]"/>
        <member name="[CB - Account].[Account CB - Description].&amp;[2530069 - Missing]"/>
        <member name="[CB - Account].[Account CB - Description].&amp;[2530070 - Missing]"/>
        <member name="[CB - Account].[Account CB - Description].&amp;[2530071 - Missing]"/>
        <member name="[CB - Account].[Account CB - Description].&amp;[2530072 - Missing]"/>
        <member name="[CB - Account].[Account CB - Description].&amp;[2530074 - Missing]"/>
        <member name="[CB - Account].[Account CB - Description].&amp;[2530075 - Missing]"/>
        <member name="[CB - Account].[Account CB - Description].&amp;[2530076 - Missing]"/>
        <member name="[CB - Account].[Account CB - Description].&amp;[2530077 - Missing]"/>
        <member name="[CB - Account].[Account CB - Description].&amp;[2530078 - Missing]"/>
        <member name="[CB - Account].[Account CB - Description].&amp;[2530079 - Missing]"/>
        <member name="[CB - Account].[Account CB - Description].&amp;[2530080 - Missing]"/>
        <member name="[CB - Account].[Account CB - Description].&amp;[2530081 - Missing]"/>
        <member name="[CB - Account].[Account CB - Description].&amp;[2530082 - Missing]"/>
        <member name="[CB - Account].[Account CB - Description].&amp;[2530083 - Missing]"/>
        <member name="[CB - Account].[Account CB - Description].&amp;[2530084 - Missing]"/>
        <member name="[CB - Account].[Account CB - Description].&amp;[2530087 - Missing]"/>
        <member name="[CB - Account].[Account CB - Description].&amp;[2530088 - Missing]"/>
        <member name="[CB - Account].[Account CB - Description].&amp;[2530089 - Missing]"/>
        <member name="[CB - Account].[Account CB - Description].&amp;[2530090 - Missing]"/>
        <member name="[CB - Account].[Account CB - Description].&amp;[2530091 - Missing]"/>
        <member name="[CB - Account].[Account CB - Description].&amp;[2530092 - Missing]"/>
        <member name="[CB - Account].[Account CB - Description].&amp;[2530093 - Missing]"/>
        <member name="[CB - Account].[Account CB - Description].&amp;[2530094 - Missing]"/>
        <member name="[CB - Account].[Account CB - Description].&amp;[2530095 - Missing]"/>
        <member name="[CB - Account].[Account CB - Description].&amp;[2530096 - Missing]"/>
        <member name="[CB - Account].[Account CB - Description].&amp;[2530097 - Missing]"/>
        <member name="[CB - Account].[Account CB - Description].&amp;[2530098 - Missing]"/>
        <member name="[CB - Account].[Account CB - Description].&amp;[2530099 - Missing]"/>
        <member name="[CB - Account].[Account CB - Description].&amp;[2530100 - Missing]"/>
        <member name="[CB - Account].[Account CB - Description].&amp;[2530101 - Missing]"/>
        <member name="[CB - Account].[Account CB - Description].&amp;[2530102 - Missing]"/>
        <member name="[CB - Account].[Account CB - Description].&amp;[2530103 - Missing]"/>
        <member name="[CB - Account].[Account CB - Description].&amp;[2530104 - Missing]"/>
        <member name="[CB - Account].[Account CB - Description].&amp;[2530105 - Missing]"/>
        <member name="[CB - Account].[Account CB - Description].&amp;[2530106 - Missing]"/>
        <member name="[CB - Account].[Account CB - Description].&amp;[2530107 - Missing]"/>
        <member name="[CB - Account].[Account CB - Description].&amp;[2530108 - Missing]"/>
        <member name="[CB - Account].[Account CB - Description].&amp;[2530109 - Missing]"/>
        <member name="[CB - Account].[Account CB - Description].&amp;[2530110 - Missing]"/>
        <member name="[CB - Account].[Account CB - Description].&amp;[2530111 - Missing]"/>
        <member name="[CB - Account].[Account CB - Description].&amp;[2530112 - Missing]"/>
        <member name="[CB - Account].[Account CB - Description].&amp;[2530113 - Missing]"/>
        <member name="[CB - Account].[Account CB - Description].&amp;[2530114 - Missing]"/>
        <member name="[CB - Account].[Account CB - Description].&amp;[2530115 - Missing]"/>
        <member name="[CB - Account].[Account CB - Description].&amp;[2530116 - Missing]"/>
        <member name="[CB - Account].[Account CB - Description].&amp;[2530117 - Missing]"/>
        <member name="[CB - Account].[Account CB - Description].&amp;[2530118 - Missing]"/>
        <member name="[CB - Account].[Account CB - Description].&amp;[2530119 - Missing]"/>
        <member name="[CB - Account].[Account CB - Description].&amp;[2530121 - Missing]"/>
        <member name="[CB - Account].[Account CB - Description].&amp;[2530122 - Missing]"/>
        <member name="[CB - Account].[Account CB - Description].&amp;[2530123 - Missing]"/>
        <member name="[CB - Account].[Account CB - Description].&amp;[2530127 - Missing]"/>
        <member name="[CB - Account].[Account CB - Description].&amp;[2530128 - Missing]"/>
        <member name="[CB - Account].[Account CB - Description].&amp;[2530129 - Missing]"/>
        <member name="[CB - Account].[Account CB - Description].&amp;[2530130 - Missing]"/>
        <member name="[CB - Account].[Account CB - Description].&amp;[2530131 - Missing]"/>
        <member name="[CB - Account].[Account CB - Description].&amp;[2530132 - Missing]"/>
        <member name="[CB - Account].[Account CB - Description].&amp;[2530133 - Missing]"/>
        <member name="[CB - Account].[Account CB - Description].&amp;[2530134 - Missing]"/>
        <member name="[CB - Account].[Account CB - Description].&amp;[2530141 - Missing]"/>
        <member name="[CB - Account].[Account CB - Description].&amp;[2530145 - Missing]"/>
        <member name="[CB - Account].[Account CB - Description].&amp;[2530146 - Missing]"/>
        <member name="[CB - Account].[Account CB - Description].&amp;[2530147 - Missing]"/>
        <member name="[CB - Account].[Account CB - Description].&amp;[2530148 - Missing]"/>
        <member name="[CB - Account].[Account CB - Description].&amp;[2530150 - Missing]"/>
        <member name="[CB - Account].[Account CB - Description].&amp;[2530164 - Missing]"/>
        <member name="[CB - Account].[Account CB - Description].&amp;[2530165 - Missing]"/>
        <member name="[CB - Account].[Account CB - Description].&amp;[2530167 - Missing]"/>
        <member name="[CB - Account].[Account CB - Description].&amp;[2530168 - Missing]"/>
        <member name="[CB - Account].[Account CB - Description].&amp;[2530172 - Missing]"/>
        <member name="[CB - Account].[Account CB - Description].&amp;[2530173 - Missing]"/>
        <member name="[CB - Account].[Account CB - Description].&amp;[2530174 - Missing]"/>
        <member name="[CB - Account].[Account CB - Description].&amp;[2530176 - Missing]"/>
        <member name="[CB - Account].[Account CB - Description].&amp;[2530177 - Missing]"/>
        <member name="[CB - Account].[Account CB - Description].&amp;[2530178 - Missing]"/>
        <member name="[CB - Account].[Account CB - Description].&amp;[2530179 - Missing]"/>
        <member name="[CB - Account].[Account CB - Description].&amp;[2530180 - Missing]"/>
        <member name="[CB - Account].[Account CB - Description].&amp;[2530181 - Missing]"/>
        <member name="[CB - Account].[Account CB - Description].&amp;[2530182 - Missing]"/>
        <member name="[CB - Account].[Account CB - Description].&amp;[2530183 - Missing]"/>
        <member name="[CB - Account].[Account CB - Description].&amp;[2530184 - Missing]"/>
        <member name="[CB - Account].[Account CB - Description].&amp;[2530186 - Missing]"/>
        <member name="[CB - Account].[Account CB - Description].&amp;[2530187 - Missing]"/>
        <member name="[CB - Account].[Account CB - Description].&amp;[2530188 - Missing]"/>
        <member name="[CB - Account].[Account CB - Description].&amp;[2530189 - Missing]"/>
        <member name="[CB - Account].[Account CB - Description].&amp;[2530191 - Missing]"/>
        <member name="[CB - Account].[Account CB - Description].&amp;[2530192 - Missing]"/>
        <member name="[CB - Account].[Account CB - Description].&amp;[2530193 - Missing]"/>
        <member name="[CB - Account].[Account CB - Description].&amp;[2530194 - Missing]"/>
        <member name="[CB - Account].[Account CB - Description].&amp;[2530196 - Missing]"/>
        <member name="[CB - Account].[Account CB - Description].&amp;[2530197 - Missing]"/>
        <member name="[CB - Account].[Account CB - Description].&amp;[2530198 - Missing]"/>
        <member name="[CB - Account].[Account CB - Description].&amp;[2530199 - Missing]"/>
        <member name="[CB - Account].[Account CB - Description].&amp;[2530200 - Missing]"/>
        <member name="[CB - Account].[Account CB - Description].&amp;[2530201 - Missing]"/>
        <member name="[CB - Account].[Account CB - Description].&amp;[2530202 - Missing]"/>
        <member name="[CB - Account].[Account CB - Description].&amp;[2530203 - Missing]"/>
        <member name="[CB - Account].[Account CB - Description].&amp;[2530204 - Missing]"/>
        <member name="[CB - Account].[Account CB - Description].&amp;[2530205 - Missing]"/>
        <member name="[CB - Account].[Account CB - Description].&amp;[2530206 - Missing]"/>
        <member name="[CB - Account].[Account CB - Description].&amp;[2530207 - Missing]"/>
        <member name="[CB - Account].[Account CB - Description].&amp;[2530208 - Missing]"/>
        <member name="[CB - Account].[Account CB - Description].&amp;[2530209 - Missing]"/>
        <member name="[CB - Account].[Account CB - Description].&amp;[2530210 - Missing]"/>
        <member name="[CB - Account].[Account CB - Description].&amp;[2530213 - Missing]"/>
        <member name="[CB - Account].[Account CB - Description].&amp;[2530214 - Missing]"/>
        <member name="[CB - Account].[Account CB - Description].&amp;[2531001 - Def Credit - I/U Elim Diff]"/>
        <member name="[CB - Account].[Account CB - Description].&amp;[2531002 - Missing]"/>
        <member name="[CB - Account].[Account CB - Description].&amp;[2531003 - Defr Cr-Minority Interest Equt]"/>
        <member name="[CB - Account].[Account CB - Description].&amp;[2531004 - Def Minority Interest Credit]"/>
        <member name="[CB - Account].[Account CB - Description].&amp;[2531005 - Def Cr Cur Earnings Dif]"/>
        <member name="[CB - Account].[Account CB - Description].&amp;[2531006 - Def Cr Inter Elim Dif]"/>
        <member name="[CB - Account].[Account CB - Description].&amp;[2531007 - Def Cr IC Bal Sheet Elim Dif]"/>
        <member name="[CB - Account].[Account CB - Description].&amp;[2531008 - Def Cr FASB Bal Sheet Elim Dif]"/>
        <member name="[CB - Account].[Account CB - Description].&amp;[2531009 - Def Cr DEI Bal Sheet Elim Dif]"/>
        <member name="[CB - Account].[Account CB - Description].&amp;[2531010 - Def Cr Invest/Equity Elim Dif]"/>
        <member name="[CB - Account].[Account CB - Description].&amp;[2531011 - Defr Cr - Lease Elim Diff]"/>
        <member name="[CB - Account].[Account CB - Description].&amp;[2531017 - Def Cr IC Inc Stmnt Elim Dif]"/>
        <member name="[CB - Account].[Account CB - Description].&amp;[2531018 - Def Cr FASB Inc Stmnt Elim Dif]"/>
        <member name="[CB - Account].[Account CB - Description].&amp;[2531019 - Def Cr DEI Inc Stmnt Elim Dif]"/>
        <member name="[CB - Account].[Account CB - Description].&amp;[2540000 - Contra Notes Payable-Long Term]"/>
        <member name="[CB - Account].[Account CB - Description].&amp;[2540001 - Missing]"/>
        <member name="[CB - Account].[Account CB - Description].&amp;[2540002 - Missing]"/>
        <member name="[CB - Account].[Account CB - Description].&amp;[2540003 - Missing]"/>
        <member name="[CB - Account].[Account CB - Description].&amp;[2540005 - Missing]"/>
        <member name="[CB - Account].[Account CB - Description].&amp;[2540006 - Missing]"/>
        <member name="[CB - Account].[Account CB - Description].&amp;[2540007 - Missing]"/>
        <member name="[CB - Account].[Account CB - Description].&amp;[2540009 - Missing]"/>
        <member name="[CB - Account].[Account CB - Description].&amp;[2540010 - Missing]"/>
        <member name="[CB - Account].[Account CB - Description].&amp;[2540011 - Missing]"/>
        <member name="[CB - Account].[Account CB - Description].&amp;[2540014 - Missing]"/>
        <member name="[CB - Account].[Account CB - Description].&amp;[2540016 - Missing]"/>
        <member name="[CB - Account].[Account CB - Description].&amp;[2540017 - Missing]"/>
        <member name="[CB - Account].[Account CB - Description].&amp;[2540018 - Missing]"/>
        <member name="[CB - Account].[Account CB - Description].&amp;[2540019 - Missing]"/>
        <member name="[CB - Account].[Account CB - Description].&amp;[2540020 - Missing]"/>
        <member name="[CB - Account].[Account CB - Description].&amp;[2540021 - Missing]"/>
        <member name="[CB - Account].[Account CB - Description].&amp;[2540022 - Missing]"/>
        <member name="[CB - Account].[Account CB - Description].&amp;[2540023 - Missing]"/>
        <member name="[CB - Account].[Account CB - Description].&amp;[2540024 - Missing]"/>
        <member name="[CB - Account].[Account CB - Description].&amp;[2540025 - Missing]"/>
        <member name="[CB - Account].[Account CB - Description].&amp;[2540026 - Missing]"/>
        <member name="[CB - Account].[Account CB - Description].&amp;[2540027 - Missing]"/>
        <member name="[CB - Account].[Account CB - Description].&amp;[2540029 - Missing]"/>
        <member name="[CB - Account].[Account CB - Description].&amp;[2550001 - Missing]"/>
        <member name="[CB - Account].[Account CB - Description].&amp;[2550002 - Missing]"/>
        <member name="[CB - Account].[Account CB - Description].&amp;[2601000 - Metered Sales]"/>
        <member name="[CB - Account].[Account CB - Description].&amp;[2602000 - Private Fire Protection]"/>
        <member name="[CB - Account].[Account CB - Description].&amp;[2603000 - Municipal Fire Protection]"/>
        <member name="[CB - Account].[Account CB - Description].&amp;[2604000 - Interdepartmental Sales]"/>
        <member name="[CB - Account].[Account CB - Description].&amp;[2605000 - Sales For Resale]"/>
        <member name="[CB - Account].[Account CB - Description].&amp;[2615000 - Miscellaneous Revenues]"/>
        <member name="[CB - Account].[Account CB - Description].&amp;[2616000 - Late Payment Charge-1]"/>
        <member name="[CB - Account].[Account CB - Description].&amp;[2617000 - Wells &amp; Springs]"/>
        <member name="[CB - Account].[Account CB - Description].&amp;[2618000 - Laboratory Testing Fees]"/>
        <member name="[CB - Account].[Account CB - Description].&amp;[2660000 - Missing]"/>
        <member name="[CB - Account].[Account CB - Description].&amp;[2660001 - Missing]"/>
        <member name="[CB - Account].[Account CB - Description].&amp;[2661010 - CONTRA MTM NONCURRENT LIAB]"/>
        <member name="[CB - Account].[Account CB - Description].&amp;[2701000 - Purchased Water]"/>
        <member name="[CB - Account].[Account CB - Description].&amp;[2710000 - Pumping Supervision/Engineer]"/>
        <member name="[CB - Account].[Account CB - Description].&amp;[2711000 - Electric Power For Pumping]"/>
        <member name="[CB - Account].[Account CB - Description].&amp;[2712000 - Pumping Labor And Expenses]"/>
        <member name="[CB - Account].[Account CB - Description].&amp;[2713000 - Miscellaneous Pumping Expense]"/>
        <member name="[CB - Account].[Account CB - Description].&amp;[2720000 - Water Treatment Labor/Expenses]"/>
        <member name="[CB - Account].[Account CB - Description].&amp;[2721000 - Misc Water Treatment Expenses]"/>
        <member name="[CB - Account].[Account CB - Description].&amp;[2730000 - Supervision And Engineering]"/>
        <member name="[CB - Account].[Account CB - Description].&amp;[2731000 - Storage Tanks/Standpipe Exp]"/>
        <member name="[CB - Account].[Account CB - Description].&amp;[2732000 - Meter Expenses]"/>
        <member name="[CB - Account].[Account CB - Description].&amp;[2733000 - Customer Installation Expenses]"/>
        <member name="[CB - Account].[Account CB - Description].&amp;[2734000 - Misc Transm/Distrib Expenses]"/>
        <member name="[CB - Account].[Account CB - Description].&amp;[2740000 - Meter Reading]"/>
        <member name="[CB - Account].[Account CB - Description].&amp;[2741000 - Customers Records]"/>
        <member name="[CB - Account].[Account CB - Description].&amp;[2742000 - Collecting]"/>
        <member name="[CB - Account].[Account CB - Description].&amp;[2743000 - Uncollectible Accounts]"/>
        <member name="[CB - Account].[Account CB - Description].&amp;[2744000 - Customer Records Reimbursement]"/>
        <member name="[CB - Account].[Account CB - Description].&amp;[2745000 - Collecting Reimbursement]"/>
        <member name="[CB - Account].[Account CB - Description].&amp;[2750000 - Salaries And Expenses]"/>
        <member name="[CB - Account].[Account CB - Description].&amp;[2751000 - Office Supplies &amp; Expenses]"/>
        <member name="[CB - Account].[Account CB - Description].&amp;[2752000 - Insurance]"/>
        <member name="[CB - Account].[Account CB - Description].&amp;[2753000 - Injuries And Damages]"/>
        <member name="[CB - Account].[Account CB - Description].&amp;[2754000 - Employees Retirement Plan Cost]"/>
        <member name="[CB - Account].[Account CB - Description].&amp;[2755000 - Misc General Expense]"/>
        <member name="[CB - Account].[Account CB - Description].&amp;[2756000 - System General Exp Allocated]"/>
        <member name="[CB - Account].[Account CB - Description].&amp;[2757000 - Rent]"/>
        <member name="[CB - Account].[Account CB - Description].&amp;[2760000 - Source Of Supply Facilities]"/>
        <member name="[CB - Account].[Account CB - Description].&amp;[2770000 - Pumping Struc &amp; Improvements]"/>
        <member name="[CB - Account].[Account CB - Description].&amp;[2771000 - Pumping Equipment]"/>
        <member name="[CB - Account].[Account CB - Description].&amp;[2780000 - Water Treatment Equipment]"/>
        <member name="[CB - Account].[Account CB - Description].&amp;[2790000 - Distn Reservoirs,Tanks,Stdpipe]"/>
        <member name="[CB - Account].[Account CB - Description].&amp;[2791000 - Mains]"/>
        <member name="[CB - Account].[Account CB - Description].&amp;[2792000 - Services]"/>
        <member name="[CB - Account].[Account CB - Description].&amp;[2793000 - Meters]"/>
        <member name="[CB - Account].[Account CB - Description].&amp;[2794000 - Hydrants]"/>
        <member name="[CB - Account].[Account CB - Description].&amp;[2795000 - Misc Transm &amp; Distrib Plant]"/>
        <member name="[CB - Account].[Account CB - Description].&amp;[2820001 - Missing]"/>
        <member name="[CB - Account].[Account CB - Description].&amp;[2820002 - Missing]"/>
        <member name="[CB - Account].[Account CB - Description].&amp;[2820003 - Missing]"/>
        <member name="[CB - Account].[Account CB - Description].&amp;[2820004 - Missing]"/>
        <member name="[CB - Account].[Account CB - Description].&amp;[2820005 - Missing]"/>
        <member name="[CB - Account].[Account CB - Description].&amp;[2820006 - Missing]"/>
        <member name="[CB - Account].[Account CB - Description].&amp;[2820007 - Missing]"/>
        <member name="[CB - Account].[Account CB - Description].&amp;[2820008 - Missing]"/>
        <member name="[CB - Account].[Account CB - Description].&amp;[2830001 - Missing]"/>
        <member name="[CB - Account].[Account CB - Description].&amp;[2830002 - Missing]"/>
        <member name="[CB - Account].[Account CB - Description].&amp;[2830003 - Missing]"/>
        <member name="[CB - Account].[Account CB - Description].&amp;[2830004 - Missing]"/>
        <member name="[CB - Account].[Account CB - Description].&amp;[2830006 - Missing]"/>
        <member name="[CB - Account].[Account CB - Description].&amp;[2830007 - Missing]"/>
        <member name="[CB - Account].[Account CB - Description].&amp;[2830010 - Missing]"/>
        <member name="[CB - Account].[Account CB - Description].&amp;[2830012 - Missing]"/>
        <member name="[CB - Account].[Account CB - Description].&amp;[2830015 - Missing]"/>
        <member name="[CB - Account].[Account CB - Description].&amp;[2830016 - Missing]"/>
        <member name="[CB - Account].[Account CB - Description].&amp;[2830017 - Missing]"/>
        <member name="[CB - Account].[Account CB - Description].&amp;[2830018 - Missing]"/>
        <member name="[CB - Account].[Account CB - Description].&amp;[2830019 - Missing]"/>
        <member name="[CB - Account].[Account CB - Description].&amp;[2830021 - Missing]"/>
        <member name="[CB - Account].[Account CB - Description].&amp;[2830024 - Missing]"/>
        <member name="[CB - Account].[Account CB - Description].&amp;[2830025 - Missing]"/>
        <member name="[CB - Account].[Account CB - Description].&amp;[2830026 - Missing]"/>
        <member name="[CB - Account].[Account CB - Description].&amp;[2830027 - Missing]"/>
        <member name="[CB - Account].[Account CB - Description].&amp;[2830028 - Missing]"/>
        <member name="[CB - Account].[Account CB - Description].&amp;[2830030 - Missing]"/>
        <member name="[CB - Account].[Account CB - Description].&amp;[2830031 - Missing]"/>
        <member name="[CB - Account].[Account CB - Description].&amp;[2830032 - Missing]"/>
        <member name="[CB - Account].[Account CB - Description].&amp;[3341000 - Inactive]"/>
        <member name="[CB - Account].[Account CB - Description].&amp;[3411000 - Missing]"/>
        <member name="[CB - Account].[Account CB - Description].&amp;[3601000 - Inactive]"/>
        <member name="[CB - Account].[Account CB - Description].&amp;[3602000 - Inactive]"/>
        <member name="[CB - Account].[Account CB - Description].&amp;[3603000 - Inactive]"/>
        <member name="[CB - Account].[Account CB - Description].&amp;[3604000 - Inactive]"/>
        <member name="[CB - Account].[Account CB - Description].&amp;[3605000 - Inactive]"/>
        <member name="[CB - Account].[Account CB - Description].&amp;[3606000 - Inactive]"/>
        <member name="[CB - Account].[Account CB - Description].&amp;[3607000 - Inactive]"/>
        <member name="[CB - Account].[Account CB - Description].&amp;[3608000 - Inactive]"/>
        <member name="[CB - Account].[Account CB - Description].&amp;[3609000 - Inactive]"/>
        <member name="[CB - Account].[Account CB - Description].&amp;[3610000 - Inactive]"/>
        <member name="[CB - Account].[Account CB - Description].&amp;[3611000 - Inactive]"/>
        <member name="[CB - Account].[Account CB - Description].&amp;[3612000 - Inactive]"/>
        <member name="[CB - Account].[Account CB - Description].&amp;[3613000 - Inactive]"/>
        <member name="[CB - Account].[Account CB - Description].&amp;[3614000 - Inactive]"/>
        <member name="[CB - Account].[Account CB - Description].&amp;[3615000 - Inactive]"/>
        <member name="[CB - Account].[Account CB - Description].&amp;[3616000 - Inactive]"/>
        <member name="[CB - Account].[Account CB - Description].&amp;[3617000 - Inactive]"/>
        <member name="[CB - Account].[Account CB - Description].&amp;[3618000 - Inactive]"/>
        <member name="[CB - Account].[Account CB - Description].&amp;[3619000 - Inactive]"/>
        <member name="[CB - Account].[Account CB - Description].&amp;[3620000 - Inactive]"/>
        <member name="[CB - Account].[Account CB - Description].&amp;[3701000 - Inactive]"/>
        <member name="[CB - Account].[Account CB - Description].&amp;[3702000 - Inactive]"/>
        <member name="[CB - Account].[Account CB - Description].&amp;[3703100 - Inactive]"/>
        <member name="[CB - Account].[Account CB - Description].&amp;[3703200 - Inactive]"/>
        <member name="[CB - Account].[Account CB - Description].&amp;[3703300 - Inactive]"/>
        <member name="[CB - Account].[Account CB - Description].&amp;[3703400 - Inactive]"/>
        <member name="[CB - Account].[Account CB - Description].&amp;[3703500 - Inactive]"/>
        <member name="[CB - Account].[Account CB - Description].&amp;[3703600 - Inactive]"/>
        <member name="[CB - Account].[Account CB - Description].&amp;[3703700 - Inactive]"/>
        <member name="[CB - Account].[Account CB - Description].&amp;[3704000 - Inactive]"/>
        <member name="[CB - Account].[Account CB - Description].&amp;[3705000 - Inactive]"/>
        <member name="[CB - Account].[Account CB - Description].&amp;[3706000 - Inactive]"/>
        <member name="[CB - Account].[Account CB - Description].&amp;[3707000 - Inactive]"/>
        <member name="[CB - Account].[Account CB - Description].&amp;[3708100 - Inactive]"/>
        <member name="[CB - Account].[Account CB - Description].&amp;[3708200 - Inactive]"/>
        <member name="[CB - Account].[Account CB - Description].&amp;[3708300 - Inactive]"/>
        <member name="[CB - Account].[Account CB - Description].&amp;[3708330 - Inactive]"/>
        <member name="[CB - Account].[Account CB - Description].&amp;[3708400 - Inactive]"/>
        <member name="[CB - Account].[Account CB - Description].&amp;[3708500 - Inactive]"/>
        <member name="[CB - Account].[Account CB - Description].&amp;[3708600 - Inactive]"/>
        <member name="[CB - Account].[Account CB - Description].&amp;[3708660 - Inactive]"/>
        <member name="[CB - Account].[Account CB - Description].&amp;[3708700 - Inactive]"/>
        <member name="[CB - Account].[Account CB - Description].&amp;[3721000 - Inactive]"/>
        <member name="[CB - Account].[Account CB - Description].&amp;[3722110 - Inactive]"/>
        <member name="[CB - Account].[Account CB - Description].&amp;[3722120 - Inactive]"/>
        <member name="[CB - Account].[Account CB - Description].&amp;[3722130 - Inactive]"/>
        <member name="[CB - Account].[Account CB - Description].&amp;[3722200 - Inactive]"/>
        <member name="[CB - Account].[Account CB - Description].&amp;[3722300 - Inactive]"/>
        <member name="[CB - Account].[Account CB - Description].&amp;[3722400 - Inactive]"/>
        <member name="[CB - Account].[Account CB - Description].&amp;[3722440 - Inactive]"/>
        <member name="[CB - Account].[Account CB - Description].&amp;[3722500 - Inactive]"/>
        <member name="[CB - Account].[Account CB - Description].&amp;[3722600 - Inactive]"/>
        <member name="[CB - Account].[Account CB - Description].&amp;[3722700 - Inactive]"/>
        <member name="[CB - Account].[Account CB - Description].&amp;[3722800 - Inactive]"/>
        <member name="[CB - Account].[Account CB - Description].&amp;[3722880 - Inactive]"/>
        <member name="[CB - Account].[Account CB - Description].&amp;[3722900 - Inactive]"/>
        <member name="[CB - Account].[Account CB - Description].&amp;[3724000 - Inactive]"/>
        <member name="[CB - Account].[Account CB - Description].&amp;[3726000 - Inactive]"/>
        <member name="[CB - Account].[Account CB - Description].&amp;[3731000 - Inactive]"/>
        <member name="[CB - Account].[Account CB - Description].&amp;[3732000 - Inactive]"/>
        <member name="[CB - Account].[Account CB - Description].&amp;[3741000 - Inactive]"/>
        <member name="[CB - Account].[Account CB - Description].&amp;[3742000 - Inactive]"/>
        <member name="[CB - Account].[Account CB - Description].&amp;[3743000 - Inactive]"/>
        <member name="[CB - Account].[Account CB - Description].&amp;[3751000 - Inactive]"/>
        <member name="[CB - Account].[Account CB - Description].&amp;[3752000 - Inactive]"/>
        <member name="[CB - Account].[Account CB - Description].&amp;[3753000 - Inactive]"/>
        <member name="[CB - Account].[Account CB - Description].&amp;[3761000 - Inactive]"/>
        <member name="[CB - Account].[Account CB - Description].&amp;[3762000 - Inactive]"/>
        <member name="[CB - Account].[Account CB - Description].&amp;[3763000 - Inactive]"/>
        <member name="[CB - Account].[Account CB - Description].&amp;[3764000 - Inactive]"/>
        <member name="[CB - Account].[Account CB - Description].&amp;[3765000 - Inactive]"/>
        <member name="[CB - Account].[Account CB - Description].&amp;[3766000 - Inactive]"/>
        <member name="[CB - Account].[Account CB - Description].&amp;[3771000 - Inactive]"/>
        <member name="[CB - Account].[Account CB - Description].&amp;[3772000 - Inactive]"/>
        <member name="[CB - Account].[Account CB - Description].&amp;[391001 - Missing]"/>
        <member name="[CB - Account].[Account CB - Description].&amp;[4002001 - Missing]"/>
        <member name="[CB - Account].[Account CB - Description].&amp;[4002002 - Missing]"/>
        <member name="[CB - Account].[Account CB - Description].&amp;[4002003 - Missing]"/>
        <member name="[CB - Account].[Account CB - Description].&amp;[4002004 - Missing]"/>
        <member name="[CB - Account].[Account CB - Description].&amp;[4002005 - Missing]"/>
        <member name="[CB - Account].[Account CB - Description].&amp;[4002006 - Missing]"/>
        <member name="[CB - Account].[Account CB - Description].&amp;[4002007 - Missing]"/>
        <member name="[CB - Account].[Account CB - Description].&amp;[4002008 - Missing]"/>
        <member name="[CB - Account].[Account CB - Description].&amp;[4002009 - Missing]"/>
        <member name="[CB - Account].[Account CB - Description].&amp;[4002010 - Missing]"/>
        <member name="[CB - Account].[Account CB - Description].&amp;[4002011 - Missing]"/>
        <member name="[CB - Account].[Account CB - Description].&amp;[4002013 - Missing]"/>
        <member name="[CB - Account].[Account CB - Description].&amp;[4002014 - Missing]"/>
        <member name="[CB - Account].[Account CB - Description].&amp;[4002016 - Missing]"/>
        <member name="[CB - Account].[Account CB - Description].&amp;[4002017 - Missing]"/>
        <member name="[CB - Account].[Account CB - Description].&amp;[4002018 - Missing]"/>
        <member name="[CB - Account].[Account CB - Description].&amp;[4002019 - Missing]"/>
        <member name="[CB - Account].[Account CB - Description].&amp;[4002020 - Missing]"/>
        <member name="[CB - Account].[Account CB - Description].&amp;[4002021 - Missing]"/>
        <member name="[CB - Account].[Account CB - Description].&amp;[4002022 - Missing]"/>
        <member name="[CB - Account].[Account CB - Description].&amp;[4010001 - Missing]"/>
        <member name="[CB - Account].[Account CB - Description].&amp;[4010002 - Missing]"/>
        <member name="[CB - Account].[Account CB - Description].&amp;[4011001 - Missing]"/>
        <member name="[CB - Account].[Account CB - Description].&amp;[4011002 - Missing]"/>
        <member name="[CB - Account].[Account CB - Description].&amp;[4012001 - Missing]"/>
        <member name="[CB - Account].[Account CB - Description].&amp;[4012002 - Missing]"/>
        <member name="[CB - Account].[Account CB - Description].&amp;[4012003 - Missing]"/>
        <member name="[CB - Account].[Account CB - Description].&amp;[4012004 - Missing]"/>
        <member name="[CB - Account].[Account CB - Description].&amp;[4012005 - Missing]"/>
        <member name="[CB - Account].[Account CB - Description].&amp;[4012006 - Missing]"/>
        <member name="[CB - Account].[Account CB - Description].&amp;[4013001 - Missing]"/>
        <member name="[CB - Account].[Account CB - Description].&amp;[4013004 - Missing]"/>
        <member name="[CB - Account].[Account CB - Description].&amp;[4013005 - Missing]"/>
        <member name="[CB - Account].[Account CB - Description].&amp;[4013006 - Missing]"/>
        <member name="[CB - Account].[Account CB - Description].&amp;[4013007 - Missing]"/>
        <member name="[CB - Account].[Account CB - Description].&amp;[4013008 - Missing]"/>
        <member name="[CB - Account].[Account CB - Description].&amp;[4013009 - Missing]"/>
        <member name="[CB - Account].[Account CB - Description].&amp;[4013010 - Missing]"/>
        <member name="[CB - Account].[Account CB - Description].&amp;[4013011 - Missing]"/>
        <member name="[CB - Account].[Account CB - Description].&amp;[4013013 - Missing]"/>
        <member name="[CB - Account].[Account CB - Description].&amp;[4013014 - Missing]"/>
        <member name="[CB - Account].[Account CB - Description].&amp;[4013015 - Missing]"/>
        <member name="[CB - Account].[Account CB - Description].&amp;[4013016 - Missing]"/>
        <member name="[CB - Account].[Account CB - Description].&amp;[4013017 - Missing]"/>
        <member name="[CB - Account].[Account CB - Description].&amp;[4013019 - Missing]"/>
        <member name="[CB - Account].[Account CB - Description].&amp;[4013020 - Missing]"/>
        <member name="[CB - Account].[Account CB - Description].&amp;[4013021 - Missing]"/>
        <member name="[CB - Account].[Account CB - Description].&amp;[4013022 - Missing]"/>
        <member name="[CB - Account].[Account CB - Description].&amp;[4013023 - Missing]"/>
        <member name="[CB - Account].[Account CB - Description].&amp;[4030001 - Missing]"/>
        <member name="[CB - Account].[Account CB - Description].&amp;[4030003 - Missing]"/>
        <member name="[CB - Account].[Account CB - Description].&amp;[4030004 - Missing]"/>
        <member name="[CB - Account].[Account CB - Description].&amp;[4030005 - Missing]"/>
        <member name="[CB - Account].[Account CB - Description].&amp;[4030006 - Missing]"/>
        <member name="[CB - Account].[Account CB - Description].&amp;[4030007 - Missing]"/>
        <member name="[CB - Account].[Account CB - Description].&amp;[4030008 - Missing]"/>
        <member name="[CB - Account].[Account CB - Description].&amp;[4030009 - Missing]"/>
        <member name="[CB - Account].[Account CB - Description].&amp;[4030010 - Missing]"/>
        <member name="[CB - Account].[Account CB - Description].&amp;[4030016 - Missing]"/>
        <member name="[CB - Account].[Account CB - Description].&amp;[4030017 - Missing]"/>
        <member name="[CB - Account].[Account CB - Description].&amp;[4030018 - Missing]"/>
        <member name="[CB - Account].[Account CB - Description].&amp;[4030019 - Missing]"/>
        <member name="[CB - Account].[Account CB - Description].&amp;[4030020 - Missing]"/>
        <member name="[CB - Account].[Account CB - Description].&amp;[4041001 - Missing]"/>
        <member name="[CB - Account].[Account CB - Description].&amp;[4042001 - Missing]"/>
        <member name="[CB - Account].[Account CB - Description].&amp;[4043001 - Missing]"/>
        <member name="[CB - Account].[Account CB - Description].&amp;[4043002 - Missing]"/>
        <member name="[CB - Account].[Account CB - Description].&amp;[4050001 - Missing]"/>
        <member name="[CB - Account].[Account CB - Description].&amp;[4060001 - Missing]"/>
        <member name="[CB - Account].[Account CB - Description].&amp;[4060002 - Missing]"/>
        <member name="[CB - Account].[Account CB - Description].&amp;[4060003 - Missing]"/>
        <member name="[CB - Account].[Account CB - Description].&amp;[4073001 - Missing]"/>
        <member name="[CB - Account].[Account CB - Description].&amp;[4073003 - Missing]"/>
        <member name="[CB - Account].[Account CB - Description].&amp;[4073004 - Missing]"/>
        <member name="[CB - Account].[Account CB - Description].&amp;[4073005 - Missing]"/>
        <member name="[CB - Account].[Account CB - Description].&amp;[4073006 - Missing]"/>
        <member name="[CB - Account].[Account CB - Description].&amp;[4073007 - Missing]"/>
        <member name="[CB - Account].[Account CB - Description].&amp;[4073008 - Missing]"/>
        <member name="[CB - Account].[Account CB - Description].&amp;[4073009 - Missing]"/>
        <member name="[CB - Account].[Account CB - Description].&amp;[4073010 - Missing]"/>
        <member name="[CB - Account].[Account CB - Description].&amp;[4073011 - Missing]"/>
        <member name="[CB - Account].[Account CB - Description].&amp;[4073013 - Missing]"/>
        <member name="[CB - Account].[Account CB - Description].&amp;[4073015 - Missing]"/>
        <member name="[CB - Account].[Account CB - Description].&amp;[4073016 - Missing]"/>
        <member name="[CB - Account].[Account CB - Description].&amp;[4073017 - Missing]"/>
        <member name="[CB - Account].[Account CB - Description].&amp;[4073019 - Missing]"/>
        <member name="[CB - Account].[Account CB - Description].&amp;[4073020 - Missing]"/>
        <member name="[CB - Account].[Account CB - Description].&amp;[4073021 - Missing]"/>
        <member name="[CB - Account].[Account CB - Description].&amp;[4073022 - Missing]"/>
        <member name="[CB - Account].[Account CB - Description].&amp;[4073023 - Missing]"/>
        <member name="[CB - Account].[Account CB - Description].&amp;[4073024 - Missing]"/>
        <member name="[CB - Account].[Account CB - Description].&amp;[4073025 - Missing]"/>
        <member name="[CB - Account].[Account CB - Description].&amp;[4073026 - Missing]"/>
        <member name="[CB - Account].[Account CB - Description].&amp;[4073027 - Missing]"/>
        <member name="[CB - Account].[Account CB - Description].&amp;[4074001 - Missing]"/>
        <member name="[CB - Account].[Account CB - Description].&amp;[4074003 - Missing]"/>
        <member name="[CB - Account].[Account CB - Description].&amp;[4074004 - Missing]"/>
        <member name="[CB - Account].[Account CB - Description].&amp;[4074006 - Missing]"/>
        <member name="[CB - Account].[Account CB - Description].&amp;[4074007 - Missing]"/>
        <member name="[CB - Account].[Account CB - Description].&amp;[4074008 - Missing]"/>
        <member name="[CB - Account].[Account CB - Description].&amp;[4080001 - Missing]"/>
        <member name="[CB - Account].[Account CB - Description].&amp;[4081001 - Missing]"/>
        <member name="[CB - Account].[Account CB - Description].&amp;[4081003 - Missing]"/>
        <member name="[CB - Account].[Account CB - Description].&amp;[4082001 - Missing]"/>
        <member name="[CB - Account].[Account CB - Description].&amp;[4089600 - Missing]"/>
        <member name="[CB - Account].[Account CB - Description].&amp;[4091001 - Missing]"/>
        <member name="[CB - Account].[Account CB - Description].&amp;[4091003 - Missing]"/>
        <member name="[CB - Account].[Account CB - Description].&amp;[4091004 - Missing]"/>
        <member name="[CB - Account].[Account CB - Description].&amp;[4091005 - Missing]"/>
        <member name="[CB - Account].[Account CB - Description].&amp;[4091006 - Missing]"/>
        <member name="[CB - Account].[Account CB - Description].&amp;[4091007 - Missing]"/>
        <member name="[CB - Account].[Account CB - Description].&amp;[4091009 - Missing]"/>
        <member name="[CB - Account].[Account CB - Description].&amp;[4091010 - Missing]"/>
        <member name="[CB - Account].[Account CB - Description].&amp;[4092001 - Missing]"/>
        <member name="[CB - Account].[Account CB - Description].&amp;[4092002 - Missing]"/>
        <member name="[CB - Account].[Account CB - Description].&amp;[4092004 - Missing]"/>
        <member name="[CB - Account].[Account CB - Description].&amp;[4092005 - Missing]"/>
        <member name="[CB - Account].[Account CB - Description].&amp;[4092006 - Missing]"/>
        <member name="[CB - Account].[Account CB - Description].&amp;[4092007 - Missing]"/>
        <member name="[CB - Account].[Account CB - Description].&amp;[4092008 - Missing]"/>
        <member name="[CB - Account].[Account CB - Description].&amp;[4100000 - Contra Gas Sales]"/>
        <member name="[CB - Account].[Account CB - Description].&amp;[4101001 - Missing]"/>
        <member name="[CB - Account].[Account CB - Description].&amp;[4101002 - Missing]"/>
        <member name="[CB - Account].[Account CB - Description].&amp;[4101004 - Missing]"/>
        <member name="[CB - Account].[Account CB - Description].&amp;[4101005 - Missing]"/>
        <member name="[CB - Account].[Account CB - Description].&amp;[4101006 - Missing]"/>
        <member name="[CB - Account].[Account CB - Description].&amp;[4101007 - Missing]"/>
        <member name="[CB - Account].[Account CB - Description].&amp;[4101009 - Missing]"/>
        <member name="[CB - Account].[Account CB - Description].&amp;[4101016 - Missing]"/>
        <member name="[CB - Account].[Account CB - Description].&amp;[4101017 - Missing]"/>
        <member name="[CB - Account].[Account CB - Description].&amp;[4101018 - Missing]"/>
        <member name="[CB - Account].[Account CB - Description].&amp;[4102001 - Missing]"/>
        <member name="[CB - Account].[Account CB - Description].&amp;[4102002 - Missing]"/>
        <member name="[CB - Account].[Account CB - Description].&amp;[4102003 - Missing]"/>
        <member name="[CB - Account].[Account CB - Description].&amp;[4102004 - Missing]"/>
        <member name="[CB - Account].[Account CB - Description].&amp;[4110001 - Missing]"/>
        <member name="[CB - Account].[Account CB - Description].&amp;[4111001 - Missing]"/>
        <member name="[CB - Account].[Account CB - Description].&amp;[4111002 - Missing]"/>
        <member name="[CB - Account].[Account CB - Description].&amp;[4111003 - Missing]"/>
        <member name="[CB - Account].[Account CB - Description].&amp;[4111005 - Missing]"/>
        <member name="[CB - Account].[Account CB - Description].&amp;[4111006 - Missing]"/>
        <member name="[CB - Account].[Account CB - Description].&amp;[4112001 - Missing]"/>
        <member name="[CB - Account].[Account CB - Description].&amp;[4112002 - Missing]"/>
        <member name="[CB - Account].[Account CB - Description].&amp;[4114002 - Missing]"/>
        <member name="[CB - Account].[Account CB - Description].&amp;[4150000 - Contra TM Gas Sales]"/>
        <member name="[CB - Account].[Account CB - Description].&amp;[4151000 - Missing]"/>
        <member name="[CB - Account].[Account CB - Description].&amp;[4151001 - Missing]"/>
        <member name="[CB - Account].[Account CB - Description].&amp;[4160000 - Commodity Revenue Contra Acct]"/>
        <member name="[CB - Account].[Account CB - Description].&amp;[4165000 - Derivative Contra Revenue]"/>
        <member name="[CB - Account].[Account CB - Description].&amp;[4170001 - Missing]"/>
        <member name="[CB - Account].[Account CB - Description].&amp;[4170002 - Missing]"/>
        <member name="[CB - Account].[Account CB - Description].&amp;[4170003 - Missing]"/>
        <member name="[CB - Account].[Account CB - Description].&amp;[4170004 - Missing]"/>
        <member name="[CB - Account].[Account CB - Description].&amp;[4170005 - Missing]"/>
        <member name="[CB - Account].[Account CB - Description].&amp;[4170006 - Missing]"/>
        <member name="[CB - Account].[Account CB - Description].&amp;[4170007 - Missing]"/>
        <member name="[CB - Account].[Account CB - Description].&amp;[4170008 - Missing]"/>
        <member name="[CB - Account].[Account CB - Description].&amp;[4170009 - Missing]"/>
        <member name="[CB - Account].[Account CB - Description].&amp;[4170010 - Missing]"/>
        <member name="[CB - Account].[Account CB - Description].&amp;[4170011 - Missing]"/>
        <member name="[CB - Account].[Account CB - Description].&amp;[4170012 - Missing]"/>
        <member name="[CB - Account].[Account CB - Description].&amp;[4170013 - Missing]"/>
        <member name="[CB - Account].[Account CB - Description].&amp;[4170018 - Missing]"/>
        <member name="[CB - Account].[Account CB - Description].&amp;[4170086 - Missing]"/>
        <member name="[CB - Account].[Account CB - Description].&amp;[4170087 - Missing]"/>
        <member name="[CB - Account].[Account CB - Description].&amp;[4170101 - Missing]"/>
        <member name="[CB - Account].[Account CB - Description].&amp;[4170102 - Missing]"/>
        <member name="[CB - Account].[Account CB - Description].&amp;[4170103 - Missing]"/>
        <member name="[CB - Account].[Account CB - Description].&amp;[4170104 - Missing]"/>
        <member name="[CB - Account].[Account CB - Description].&amp;[4170105 - Missing]"/>
        <member name="[CB - Account].[Account CB - Description].&amp;[4170106 - Missing]"/>
        <member name="[CB - Account].[Account CB - Description].&amp;[4170108 - Missing]"/>
        <member name="[CB - Account].[Account CB - Description].&amp;[4170109 - Missing]"/>
        <member name="[CB - Account].[Account CB - Description].&amp;[4170110 - Missing]"/>
        <member name="[CB - Account].[Account CB - Description].&amp;[4170111 - Missing]"/>
        <member name="[CB - Account].[Account CB - Description].&amp;[4170112 - Missing]"/>
        <member name="[CB - Account].[Account CB - Description].&amp;[4170113 - Missing]"/>
        <member name="[CB - Account].[Account CB - Description].&amp;[4170114 - Missing]"/>
        <member name="[CB - Account].[Account CB - Description].&amp;[4170115 - Missing]"/>
        <member name="[CB - Account].[Account CB - Description].&amp;[4170116 - Missing]"/>
        <member name="[CB - Account].[Account CB - Description].&amp;[4170117 - Missing]"/>
        <member name="[CB - Account].[Account CB - Description].&amp;[4170118 - Missing]"/>
        <member name="[CB - Account].[Account CB - Description].&amp;[4170119 - Missing]"/>
        <member name="[CB - Account].[Account CB - Description].&amp;[4170120 - Missing]"/>
        <member name="[CB - Account].[Account CB - Description].&amp;[4170123 - Missing]"/>
        <member name="[CB - Account].[Account CB - Description].&amp;[4170126 - Missing]"/>
        <member name="[CB - Account].[Account CB - Description].&amp;[4171001 - Missing]"/>
        <member name="[CB - Account].[Account CB - Description].&amp;[4171003 - Missing]"/>
        <member name="[CB - Account].[Account CB - Description].&amp;[4171900 - Missing]"/>
        <member name="[CB - Account].[Account CB - Description].&amp;[4173002 - Missing]"/>
        <member name="[CB - Account].[Account CB - Description].&amp;[4180001 - Missing]"/>
        <member name="[CB - Account].[Account CB - Description].&amp;[4180002 - Missing]"/>
        <member name="[CB - Account].[Account CB - Description].&amp;[4181001 - Missing]"/>
        <member name="[CB - Account].[Account CB - Description].&amp;[4181002 - Missing]"/>
        <member name="[CB - Account].[Account CB - Description].&amp;[4181005 - Missing]"/>
        <member name="[CB - Account].[Account CB - Description].&amp;[4181007 - Missing]"/>
        <member name="[CB - Account].[Account CB - Description].&amp;[4181014 - Missing]"/>
        <member name="[CB - Account].[Account CB - Description].&amp;[4181016 - Missing]"/>
        <member name="[CB - Account].[Account CB - Description].&amp;[4181044 - Missing]"/>
        <member name="[CB - Account].[Account CB - Description].&amp;[4181045 - Missing]"/>
        <member name="[CB - Account].[Account CB - Description].&amp;[4181092 - Missing]"/>
        <member name="[CB - Account].[Account CB - Description].&amp;[4181093 - Missing]"/>
        <member name="[CB - Account].[Account CB - Description].&amp;[4181095 - Missing]"/>
        <member name="[CB - Account].[Account CB - Description].&amp;[4181099 - Missing]"/>
        <member name="[CB - Account].[Account CB - Description].&amp;[4181100 - Current Sub Earnings - Contra]"/>
        <member name="[CB - Account].[Account CB - Description].&amp;[4181101 - Missing]"/>
        <member name="[CB - Account].[Account CB - Description].&amp;[4181102 - Current NPL Earnings]"/>
        <member name="[CB - Account].[Account CB - Description].&amp;[4181109 - Missing]"/>
        <member name="[CB - Account].[Account CB - Description].&amp;[4181110 - Missing]"/>
        <member name="[CB - Account].[Account CB - Description].&amp;[4181111 - Missing]"/>
        <member name="[CB - Account].[Account CB - Description].&amp;[4181112 - Missing]"/>
        <member name="[CB - Account].[Account CB - Description].&amp;[4181113 - Missing]"/>
        <member name="[CB - Account].[Account CB - Description].&amp;[4181114 - Missing]"/>
        <member name="[CB - Account].[Account CB - Description].&amp;[4181115 - Missing]"/>
        <member name="[CB - Account].[Account CB - Description].&amp;[4181116 - Missing]"/>
        <member name="[CB - Account].[Account CB - Description].&amp;[4181117 - Missing]"/>
        <member name="[CB - Account].[Account CB - Description].&amp;[4181119 - Missing]"/>
        <member name="[CB - Account].[Account CB - Description].&amp;[4181120 - Missing]"/>
        <member name="[CB - Account].[Account CB - Description].&amp;[4181121 - Missing]"/>
        <member name="[CB - Account].[Account CB - Description].&amp;[4181122 - Missing]"/>
        <member name="[CB - Account].[Account CB - Description].&amp;[4181123 - Missing]"/>
        <member name="[CB - Account].[Account CB - Description].&amp;[4181124 - Missing]"/>
        <member name="[CB - Account].[Account CB - Description].&amp;[4181500 - Missing]"/>
        <member name="[CB - Account].[Account CB - Description].&amp;[4181501 - Missing]"/>
        <member name="[CB - Account].[Account CB - Description].&amp;[4181502 - Missing]"/>
        <member name="[CB - Account].[Account CB - Description].&amp;[4181503 - Missing]"/>
        <member name="[CB - Account].[Account CB - Description].&amp;[4181504 - Missing]"/>
        <member name="[CB - Account].[Account CB - Description].&amp;[4181505 - Missing]"/>
        <member name="[CB - Account].[Account CB - Description].&amp;[4181506 - Missing]"/>
        <member name="[CB - Account].[Account CB - Description].&amp;[4181507 - Missing]"/>
        <member name="[CB - Account].[Account CB - Description].&amp;[4181508 - Missing]"/>
        <member name="[CB - Account].[Account CB - Description].&amp;[4181509 - Missing]"/>
        <member name="[CB - Account].[Account CB - Description].&amp;[4181510 - Missing]"/>
        <member name="[CB - Account].[Account CB - Description].&amp;[4181511 - Missing]"/>
        <member name="[CB - Account].[Account CB - Description].&amp;[4181512 - Missing]"/>
        <member name="[CB - Account].[Account CB - Description].&amp;[4181513 - Missing]"/>
        <member name="[CB - Account].[Account CB - Description].&amp;[4181514 - Missing]"/>
        <member name="[CB - Account].[Account CB - Description].&amp;[4181515 - Missing]"/>
        <member name="[CB - Account].[Account CB - Description].&amp;[4181517 - Missing]"/>
        <member name="[CB - Account].[Account CB - Description].&amp;[4181518 - Missing]"/>
        <member name="[CB - Account].[Account CB - Description].&amp;[4181519 - Missing]"/>
        <member name="[CB - Account].[Account CB - Description].&amp;[4181520 - Missing]"/>
        <member name="[CB - Account].[Account CB - Description].&amp;[4181521 - Missing]"/>
        <member name="[CB - Account].[Account CB - Description].&amp;[4181522 - Missing]"/>
        <member name="[CB - Account].[Account CB - Description].&amp;[4181523 - Missing]"/>
        <member name="[CB - Account].[Account CB - Description].&amp;[4181524 - Missing]"/>
        <member name="[CB - Account].[Account CB - Description].&amp;[4181525 - Missing]"/>
        <member name="[CB - Account].[Account CB - Description].&amp;[4181526 - Missing]"/>
        <member name="[CB - Account].[Account CB - Description].&amp;[4181527 - Missing]"/>
        <member name="[CB - Account].[Account CB - Description].&amp;[4181528 - Missing]"/>
        <member name="[CB - Account].[Account CB - Description].&amp;[4181530 - Missing]"/>
        <member name="[CB - Account].[Account CB - Description].&amp;[4181531 - Missing]"/>
        <member name="[CB - Account].[Account CB - Description].&amp;[4181532 - Missing]"/>
        <member name="[CB - Account].[Account CB - Description].&amp;[4181534 - Missing]"/>
        <member name="[CB - Account].[Account CB - Description].&amp;[4190001 - Missing]"/>
        <member name="[CB - Account].[Account CB - Description].&amp;[4190004 - Missing]"/>
        <member name="[CB - Account].[Account CB - Description].&amp;[4190005 - Missing]"/>
        <member name="[CB - Account].[Account CB - Description].&amp;[4190006 - Missing]"/>
        <member name="[CB - Account].[Account CB - Description].&amp;[4190007 - Missing]"/>
        <member name="[CB - Account].[Account CB - Description].&amp;[4190008 - Missing]"/>
        <member name="[CB - Account].[Account CB - Description].&amp;[4190009 - Missing]"/>
        <member name="[CB - Account].[Account CB - Description].&amp;[4190010 - Missing]"/>
        <member name="[CB - Account].[Account CB - Description].&amp;[4190011 - Missing]"/>
        <member name="[CB - Account].[Account CB - Description].&amp;[4190012 - Missing]"/>
        <member name="[CB - Account].[Account CB - Description].&amp;[4190013 - Missing]"/>
        <member name="[CB - Account].[Account CB - Description].&amp;[4190014 - Missing]"/>
        <member name="[CB - Account].[Account CB - Description].&amp;[4190015 - Missing]"/>
        <member name="[CB - Account].[Account CB - Description].&amp;[4190017 - Missing]"/>
        <member name="[CB - Account].[Account CB - Description].&amp;[4190018 - Missing]"/>
        <member name="[CB - Account].[Account CB - Description].&amp;[4190020 - Missing]"/>
        <member name="[CB - Account].[Account CB - Description].&amp;[4190021 - Missing]"/>
        <member name="[CB - Account].[Account CB - Description].&amp;[4190022 - Missing]"/>
        <member name="[CB - Account].[Account CB - Description].&amp;[4190023 - Missing]"/>
        <member name="[CB - Account].[Account CB - Description].&amp;[4190027 - Missing]"/>
        <member name="[CB - Account].[Account CB - Description].&amp;[4190034 - Missing]"/>
        <member name="[CB - Account].[Account CB - Description].&amp;[4190035 - Missing]"/>
        <member name="[CB - Account].[Account CB - Description].&amp;[4190036 - Missing]"/>
        <member name="[CB - Account].[Account CB - Description].&amp;[4190037 - Missing]"/>
        <member name="[CB - Account].[Account CB - Description].&amp;[4190038 - Missing]"/>
        <member name="[CB - Account].[Account CB - Description].&amp;[4190039 - Missing]"/>
        <member name="[CB - Account].[Account CB - Description].&amp;[4190040 - Missing]"/>
        <member name="[CB - Account].[Account CB - Description].&amp;[4190041 - Missing]"/>
        <member name="[CB - Account].[Account CB - Description].&amp;[4190042 - Missing]"/>
        <member name="[CB - Account].[Account CB - Description].&amp;[4190043 - Missing]"/>
        <member name="[CB - Account].[Account CB - Description].&amp;[4190045 - Missing]"/>
        <member name="[CB - Account].[Account CB - Description].&amp;[4190047 - Missing]"/>
        <member name="[CB - Account].[Account CB - Description].&amp;[4190048 - Missing]"/>
        <member name="[CB - Account].[Account CB - Description].&amp;[4190051 - Missing]"/>
        <member name="[CB - Account].[Account CB - Description].&amp;[4190055 - Missing]"/>
        <member name="[CB - Account].[Account CB - Description].&amp;[4190058 - Missing]"/>
        <member name="[CB - Account].[Account CB - Description].&amp;[4190059 - Missing]"/>
        <member name="[CB - Account].[Account CB - Description].&amp;[4190060 - Missing]"/>
        <member name="[CB - Account].[Account CB - Description].&amp;[4190061 - Missing]"/>
        <member name="[CB - Account].[Account CB - Description].&amp;[4190063 - Missing]"/>
        <member name="[CB - Account].[Account CB - Description].&amp;[4190064 - Missing]"/>
        <member name="[CB - Account].[Account CB - Description].&amp;[4190065 - Missing]"/>
        <member name="[CB - Account].[Account CB - Description].&amp;[4190066 - Missing]"/>
        <member name="[CB - Account].[Account CB - Description].&amp;[4190067 - Missing]"/>
        <member name="[CB - Account].[Account CB - Description].&amp;[4190068 - Missing]"/>
        <member name="[CB - Account].[Account CB - Description].&amp;[4190069 - Missing]"/>
        <member name="[CB - Account].[Account CB - Description].&amp;[4190070 - Missing]"/>
        <member name="[CB - Account].[Account CB - Description].&amp;[4190071 - Missing]"/>
        <member name="[CB - Account].[Account CB - Description].&amp;[4190072 - Missing]"/>
        <member name="[CB - Account].[Account CB - Description].&amp;[4190073 - Missing]"/>
        <member name="[CB - Account].[Account CB - Description].&amp;[4190074 - Missing]"/>
        <member name="[CB - Account].[Account CB - Description].&amp;[4190075 - Missing]"/>
        <member name="[CB - Account].[Account CB - Description].&amp;[4190076 - Missing]"/>
        <member name="[CB - Account].[Account CB - Description].&amp;[4190077 - Missing]"/>
        <member name="[CB - Account].[Account CB - Description].&amp;[4190078 - Missing]"/>
        <member name="[CB - Account].[Account CB - Description].&amp;[4190079 - Missing]"/>
        <member name="[CB - Account].[Account CB - Description].&amp;[4190080 - Missing]"/>
        <member name="[CB - Account].[Account CB - Description].&amp;[4190081 - Missing]"/>
        <member name="[CB - Account].[Account CB - Description].&amp;[4190082 - Missing]"/>
        <member name="[CB - Account].[Account CB - Description].&amp;[4190084 - Missing]"/>
        <member name="[CB - Account].[Account CB - Description].&amp;[4190085 - Missing]"/>
        <member name="[CB - Account].[Account CB - Description].&amp;[4190086 - Missing]"/>
        <member name="[CB - Account].[Account CB - Description].&amp;[4190088 - Missing]"/>
        <member name="[CB - Account].[Account CB - Description].&amp;[4190089 - Missing]"/>
        <member name="[CB - Account].[Account CB - Description].&amp;[4190090 - Missing]"/>
        <member name="[CB - Account].[Account CB - Description].&amp;[4190091 - Missing]"/>
        <member name="[CB - Account].[Account CB - Description].&amp;[4190092 - Missing]"/>
        <member name="[CB - Account].[Account CB - Description].&amp;[4190093 - Missing]"/>
        <member name="[CB - Account].[Account CB - Description].&amp;[4190095 - Missing]"/>
        <member name="[CB - Account].[Account CB - Description].&amp;[4190097 - Missing]"/>
        <member name="[CB - Account].[Account CB - Description].&amp;[4190098 - Missing]"/>
        <member name="[CB - Account].[Account CB - Description].&amp;[4190100 - Missing]"/>
        <member name="[CB - Account].[Account CB - Description].&amp;[4190111 - Missing]"/>
        <member name="[CB - Account].[Account CB - Description].&amp;[4190112 - Missing]"/>
        <member name="[CB - Account].[Account CB - Description].&amp;[4190113 - Missing]"/>
        <member name="[CB - Account].[Account CB - Description].&amp;[4190114 - Missing]"/>
        <member name="[CB - Account].[Account CB - Description].&amp;[4191001 - Missing]"/>
        <member name="[CB - Account].[Account CB - Description].&amp;[4191003 - Missing]"/>
        <member name="[CB - Account].[Account CB - Description].&amp;[4191005 - Missing]"/>
        <member name="[CB - Account].[Account CB - Description].&amp;[4191006 - Missing]"/>
        <member name="[CB - Account].[Account CB - Description].&amp;[4191007 - Missing]"/>
        <member name="[CB - Account].[Account CB - Description].&amp;[4191009 - Missing]"/>
        <member name="[CB - Account].[Account CB - Description].&amp;[4191010 - Missing]"/>
        <member name="[CB - Account].[Account CB - Description].&amp;[4191011 - Missing]"/>
        <member name="[CB - Account].[Account CB - Description].&amp;[4191012 - Missing]"/>
        <member name="[CB - Account].[Account CB - Description].&amp;[419891 - Missing]"/>
        <member name="[CB - Account].[Account CB - Description].&amp;[4200000 - Contra Transportation Revenues]"/>
        <member name="[CB - Account].[Account CB - Description].&amp;[4200001 - Missing]"/>
        <member name="[CB - Account].[Account CB - Description].&amp;[4200005 - Contra Transportaion Revenues]"/>
        <member name="[CB - Account].[Account CB - Description].&amp;[4210000 - Contra Nonoper Income]"/>
        <member name="[CB - Account].[Account CB - Description].&amp;[4210001 - Missing]"/>
        <member name="[CB - Account].[Account CB - Description].&amp;[4210003 - Missing]"/>
        <member name="[CB - Account].[Account CB - Description].&amp;[4210005 - Missing]"/>
        <member name="[CB - Account].[Account CB - Description].&amp;[4210006 - Missing]"/>
        <member name="[CB - Account].[Account CB - Description].&amp;[4210007 - Missing]"/>
        <member name="[CB - Account].[Account CB - Description].&amp;[4210008 - Missing]"/>
        <member name="[CB - Account].[Account CB - Description].&amp;[4211001 - Missing]"/>
        <member name="[CB - Account].[Account CB - Description].&amp;[4211002 - Missing]"/>
        <member name="[CB - Account].[Account CB - Description].&amp;[4211003 - Missing]"/>
        <member name="[CB - Account].[Account CB - Description].&amp;[4212001 - Missing]"/>
        <member name="[CB - Account].[Account CB - Description].&amp;[4212002 - Missing]"/>
        <member name="[CB - Account].[Account CB - Description].&amp;[4212005 - Missing]"/>
        <member name="[CB - Account].[Account CB - Description].&amp;[4212006 - Missing]"/>
        <member name="[CB - Account].[Account CB - Description].&amp;[4219009 - Missing]"/>
        <member name="[CB - Account].[Account CB - Description].&amp;[4250001 - Missing]"/>
        <member name="[CB - Account].[Account CB - Description].&amp;[4250002 - Missing]"/>
        <member name="[CB - Account].[Account CB - Description].&amp;[4250003 - Missing]"/>
        <member name="[CB - Account].[Account CB - Description].&amp;[4250004 - Missing]"/>
        <member name="[CB - Account].[Account CB - Description].&amp;[4250005 - Missing]"/>
        <member name="[CB - Account].[Account CB - Description].&amp;[4250006 - Missing]"/>
        <member name="[CB - Account].[Account CB - Description].&amp;[4250007 - Missing]"/>
        <member name="[CB - Account].[Account CB - Description].&amp;[4250008 - Missing]"/>
        <member name="[CB - Account].[Account CB - Description].&amp;[4250011 - Missing]"/>
        <member name="[CB - Account].[Account CB - Description].&amp;[4250012 - Missing]"/>
        <member name="[CB - Account].[Account CB - Description].&amp;[4250016 - Missing]"/>
        <member name="[CB - Account].[Account CB - Description].&amp;[4250022 - Missing]"/>
        <member name="[CB - Account].[Account CB - Description].&amp;[4250023 - Missing]"/>
        <member name="[CB - Account].[Account CB - Description].&amp;[4250024 - Missing]"/>
        <member name="[CB - Account].[Account CB - Description].&amp;[4250028 - Missing]"/>
        <member name="[CB - Account].[Account CB - Description].&amp;[4250037 - Missing]"/>
        <member name="[CB - Account].[Account CB - Description].&amp;[4250038 - Missing]"/>
        <member name="[CB - Account].[Account CB - Description].&amp;[4250039 - Missing]"/>
        <member name="[CB - Account].[Account CB - Description].&amp;[4250040 - Missing]"/>
        <member name="[CB - Account].[Account CB - Description].&amp;[4261001 - Missing]"/>
        <member name="[CB - Account].[Account CB - Description].&amp;[4261002 - Missing]"/>
        <member name="[CB - Account].[Account CB - Description].&amp;[4261003 - Missing]"/>
        <member name="[CB - Account].[Account CB - Description].&amp;[4261004 - Missing]"/>
        <member name="[CB - Account].[Account CB - Description].&amp;[4261005 - Missing]"/>
        <member name="[CB - Account].[Account CB - Description].&amp;[4261006 - Missing]"/>
        <member name="[CB - Account].[Account CB - Description].&amp;[4261007 - Missing]"/>
        <member name="[CB - Account].[Account CB - Description].&amp;[4261008 - Missing]"/>
        <member name="[CB - Account].[Account CB - Description].&amp;[4261009 - Missing]"/>
        <member name="[CB - Account].[Account CB - Description].&amp;[4261010 - Missing]"/>
        <member name="[CB - Account].[Account CB - Description].&amp;[4261011 - Missing]"/>
        <member name="[CB - Account].[Account CB - Description].&amp;[4261012 - Missing]"/>
        <member name="[CB - Account].[Account CB - Description].&amp;[4261013 - Missing]"/>
        <member name="[CB - Account].[Account CB - Description].&amp;[4262001 - Missing]"/>
        <member name="[CB - Account].[Account CB - Description].&amp;[4262002 - Missing]"/>
        <member name="[CB - Account].[Account CB - Description].&amp;[4262003 - Missing]"/>
        <member name="[CB - Account].[Account CB - Description].&amp;[4262004 - Missing]"/>
        <member name="[CB - Account].[Account CB - Description].&amp;[4262005 - Missing]"/>
        <member name="[CB - Account].[Account CB - Description].&amp;[4262006 - Missing]"/>
        <member name="[CB - Account].[Account CB - Description].&amp;[4262007 - Missing]"/>
        <member name="[CB - Account].[Account CB - Description].&amp;[4262008 - Missing]"/>
        <member name="[CB - Account].[Account CB - Description].&amp;[4262009 - Missing]"/>
        <member name="[CB - Account].[Account CB - Description].&amp;[4262010 - Missing]"/>
        <member name="[CB - Account].[Account CB - Description].&amp;[4262011 - Missing]"/>
        <member name="[CB - Account].[Account CB - Description].&amp;[4262012 - Missing]"/>
        <member name="[CB - Account].[Account CB - Description].&amp;[4262013 - Missing]"/>
        <member name="[CB - Account].[Account CB - Description].&amp;[4262014 - Missing]"/>
        <member name="[CB - Account].[Account CB - Description].&amp;[4262015 - Missing]"/>
        <member name="[CB - Account].[Account CB - Description].&amp;[4263001 - Missing]"/>
        <member name="[CB - Account].[Account CB - Description].&amp;[4264001 - Missing]"/>
        <member name="[CB - Account].[Account CB - Description].&amp;[4265001 - Missing]"/>
        <member name="[CB - Account].[Account CB - Description].&amp;[4265002 - Missing]"/>
        <member name="[CB - Account].[Account CB - Description].&amp;[4265003 - Missing]"/>
        <member name="[CB - Account].[Account CB - Description].&amp;[4265004 - Missing]"/>
        <member name="[CB - Account].[Account CB - Description].&amp;[4265007 - Missing]"/>
        <member name="[CB - Account].[Account CB - Description].&amp;[4265011 - Missing]"/>
        <member name="[CB - Account].[Account CB - Description].&amp;[4265012 - Missing]"/>
        <member name="[CB - Account].[Account CB - Description].&amp;[4265013 - Missing]"/>
        <member name="[CB - Account].[Account CB - Description].&amp;[4265016 - Minority_Interest_Expense]"/>
        <member name="[CB - Account].[Account CB - Description].&amp;[4265021 - Missing]"/>
        <member name="[CB - Account].[Account CB - Description].&amp;[4265023 - Missing]"/>
        <member name="[CB - Account].[Account CB - Description].&amp;[4270001 - Missing]"/>
        <member name="[CB - Account].[Account CB - Description].&amp;[4270002 - Missing]"/>
        <member name="[CB - Account].[Account CB - Description].&amp;[4270008 - Missing]"/>
        <member name="[CB - Account].[Account CB - Description].&amp;[4270009 - Missing]"/>
        <member name="[CB - Account].[Account CB - Description].&amp;[4270010 - Missing]"/>
        <member name="[CB - Account].[Account CB - Description].&amp;[4270011 - Missing]"/>
        <member name="[CB - Account].[Account CB - Description].&amp;[4270012 - Missing]"/>
        <member name="[CB - Account].[Account CB - Description].&amp;[4270013 - Missing]"/>
        <member name="[CB - Account].[Account CB - Description].&amp;[4270014 - Missing]"/>
        <member name="[CB - Account].[Account CB - Description].&amp;[4270015 - Missing]"/>
        <member name="[CB - Account].[Account CB - Description].&amp;[4270016 - Missing]"/>
        <member name="[CB - Account].[Account CB - Description].&amp;[4270017 - Missing]"/>
        <member name="[CB - Account].[Account CB - Description].&amp;[4270018 - Missing]"/>
        <member name="[CB - Account].[Account CB - Description].&amp;[4270019 - Missing]"/>
        <member name="[CB - Account].[Account CB - Description].&amp;[4270020 - Missing]"/>
        <member name="[CB - Account].[Account CB - Description].&amp;[4270021 - Missing]"/>
        <member name="[CB - Account].[Account CB - Description].&amp;[4270022 - Missing]"/>
        <member name="[CB - Account].[Account CB - Description].&amp;[4270024 - Missing]"/>
        <member name="[CB - Account].[Account CB - Description].&amp;[4270026 - Missing]"/>
        <member name="[CB - Account].[Account CB - Description].&amp;[4270027 - Missing]"/>
        <member name="[CB - Account].[Account CB - Description].&amp;[4270029 - Missing]"/>
        <member name="[CB - Account].[Account CB - Description].&amp;[4270030 - Missing]"/>
        <member name="[CB - Account].[Account CB - Description].&amp;[4270031 - Missing]"/>
        <member name="[CB - Account].[Account CB - Description].&amp;[4270032 - Missing]"/>
        <member name="[CB - Account].[Account CB - Description].&amp;[4270033 - Missing]"/>
        <member name="[CB - Account].[Account CB - Description].&amp;[4270037 - Missing]"/>
        <member name="[CB - Account].[Account CB - Description].&amp;[4270038 - Missing]"/>
        <member name="[CB - Account].[Account CB - Description].&amp;[4270039 - Missing]"/>
        <member name="[CB - Account].[Account CB - Description].&amp;[4270040 - Missing]"/>
        <member name="[CB - Account].[Account CB - Description].&amp;[4270041 - Missing]"/>
        <member name="[CB - Account].[Account CB - Description].&amp;[4270043 - Missing]"/>
        <member name="[CB - Account].[Account CB - Description].&amp;[4270044 - Missing]"/>
        <member name="[CB - Account].[Account CB - Description].&amp;[4270046 - Missing]"/>
        <member name="[CB - Account].[Account CB - Description].&amp;[4270047 - Missing]"/>
        <member name="[CB - Account].[Account CB - Description].&amp;[4270048 - Missing]"/>
        <member name="[CB - Account].[Account CB - Description].&amp;[4270049 - Missing]"/>
        <member name="[CB - Account].[Account CB - Description].&amp;[4270050 - Missing]"/>
        <member name="[CB - Account].[Account CB - Description].&amp;[4270051 - Missing]"/>
        <member name="[CB - Account].[Account CB - Description].&amp;[4270052 - Missing]"/>
        <member name="[CB - Account].[Account CB - Description].&amp;[4270053 - Missing]"/>
        <member name="[CB - Account].[Account CB - Description].&amp;[4270054 - Missing]"/>
        <member name="[CB - Account].[Account CB - Description].&amp;[4270055 - Missing]"/>
        <member name="[CB - Account].[Account CB - Description].&amp;[4270056 - Missing]"/>
        <member name="[CB - Account].[Account CB - Description].&amp;[4270057 - Missing]"/>
        <member name="[CB - Account].[Account CB - Description].&amp;[4270058 - Missing]"/>
        <member name="[CB - Account].[Account CB - Description].&amp;[4270059 - Missing]"/>
        <member name="[CB - Account].[Account CB - Description].&amp;[4270062 - Missing]"/>
        <member name="[CB - Account].[Account CB - Description].&amp;[4270063 - Missing]"/>
        <member name="[CB - Account].[Account CB - Description].&amp;[4270064 - Missing]"/>
        <member name="[CB - Account].[Account CB - Description].&amp;[4280002 - Missing]"/>
        <member name="[CB - Account].[Account CB - Description].&amp;[4280013 - Missing]"/>
        <member name="[CB - Account].[Account CB - Description].&amp;[4280014 - Missing]"/>
        <member name="[CB - Account].[Account CB - Description].&amp;[4280015 - Missing]"/>
        <member name="[CB - Account].[Account CB - Description].&amp;[4280016 - Missing]"/>
        <member name="[CB - Account].[Account CB - Description].&amp;[4280017 - Missing]"/>
        <member name="[CB - Account].[Account CB - Description].&amp;[4280019 - Missing]"/>
        <member name="[CB - Account].[Account CB - Description].&amp;[4280021 - Missing]"/>
        <member name="[CB - Account].[Account CB - Description].&amp;[4280022 - Missing]"/>
        <member name="[CB - Account].[Account CB - Description].&amp;[4280024 - Missing]"/>
        <member name="[CB - Account].[Account CB - Description].&amp;[4280025 - Missing]"/>
        <member name="[CB - Account].[Account CB - Description].&amp;[4280026 - Missing]"/>
        <member name="[CB - Account].[Account CB - Description].&amp;[4280027 - Missing]"/>
        <member name="[CB - Account].[Account CB - Description].&amp;[4280028 - Missing]"/>
        <member name="[CB - Account].[Account CB - Description].&amp;[4280029 - Missing]"/>
        <member name="[CB - Account].[Account CB - Description].&amp;[4280030 - Missing]"/>
        <member name="[CB - Account].[Account CB - Description].&amp;[4280031 - Missing]"/>
        <member name="[CB - Account].[Account CB - Description].&amp;[4280035 - Missing]"/>
        <member name="[CB - Account].[Account CB - Description].&amp;[4280036 - Missing]"/>
        <member name="[CB - Account].[Account CB - Description].&amp;[4280037 - Missing]"/>
        <member name="[CB - Account].[Account CB - Description].&amp;[4280038 - Missing]"/>
        <member name="[CB - Account].[Account CB - Description].&amp;[4280039 - Missing]"/>
        <member name="[CB - Account].[Account CB - Description].&amp;[4280040 - Missing]"/>
        <member name="[CB - Account].[Account CB - Description].&amp;[4280042 - Missing]"/>
        <member name="[CB - Account].[Account CB - Description].&amp;[4280044 - Missing]"/>
        <member name="[CB - Account].[Account CB - Description].&amp;[4280046 - Missing]"/>
        <member name="[CB - Account].[Account CB - Description].&amp;[4280048 - Missing]"/>
        <member name="[CB - Account].[Account CB - Description].&amp;[4280049 - Missing]"/>
        <member name="[CB - Account].[Account CB - Description].&amp;[4280050 - Missing]"/>
        <member name="[CB - Account].[Account CB - Description].&amp;[4280051 - Missing]"/>
        <member name="[CB - Account].[Account CB - Description].&amp;[4280052 - Missing]"/>
        <member name="[CB - Account].[Account CB - Description].&amp;[4280053 - Missing]"/>
        <member name="[CB - Account].[Account CB - Description].&amp;[4280054 - Missing]"/>
        <member name="[CB - Account].[Account CB - Description].&amp;[4280055 - Missing]"/>
        <member name="[CB - Account].[Account CB - Description].&amp;[4280056 - Missing]"/>
        <member name="[CB - Account].[Account CB - Description].&amp;[4280057 - Missing]"/>
        <member name="[CB - Account].[Account CB - Description].&amp;[4280058 - Missing]"/>
        <member name="[CB - Account].[Account CB - Description].&amp;[4280059 - Missing]"/>
        <member name="[CB - Account].[Account CB - Description].&amp;[4280060 - Missing]"/>
        <member name="[CB - Account].[Account CB - Description].&amp;[4280061 - Missing]"/>
        <member name="[CB - Account].[Account CB - Description].&amp;[4280062 - Missing]"/>
        <member name="[CB - Account].[Account CB - Description].&amp;[4280063 - Missing]"/>
        <member name="[CB - Account].[Account CB - Description].&amp;[4280064 - Missing]"/>
        <member name="[CB - Account].[Account CB - Description].&amp;[4280065 - Missing]"/>
        <member name="[CB - Account].[Account CB - Description].&amp;[4280066 - Missing]"/>
        <member name="[CB - Account].[Account CB - Description].&amp;[4280067 - Missing]"/>
        <member name="[CB - Account].[Account CB - Description].&amp;[4280068 - Missing]"/>
        <member name="[CB - Account].[Account CB - Description].&amp;[4280069 - Missing]"/>
        <member name="[CB - Account].[Account CB - Description].&amp;[4280070 - Missing]"/>
        <member name="[CB - Account].[Account CB - Description].&amp;[4280071 - Missing]"/>
        <member name="[CB - Account].[Account CB - Description].&amp;[4280072 - Missing]"/>
        <member name="[CB - Account].[Account CB - Description].&amp;[4280073 - Missing]"/>
        <member name="[CB - Account].[Account CB - Description].&amp;[4281001 - Missing]"/>
        <member name="[CB - Account].[Account CB - Description].&amp;[4281002 - Missing]"/>
        <member name="[CB - Account].[Account CB - Description].&amp;[4281003 - Missing]"/>
        <member name="[CB - Account].[Account CB - Description].&amp;[4281004 - Missing]"/>
        <member name="[CB - Account].[Account CB - Description].&amp;[4281005 - Missing]"/>
        <member name="[CB - Account].[Account CB - Description].&amp;[4281006 - Missing]"/>
        <member name="[CB - Account].[Account CB - Description].&amp;[4281007 - Missing]"/>
        <member name="[CB - Account].[Account CB - Description].&amp;[4281008 - Missing]"/>
        <member name="[CB - Account].[Account CB - Description].&amp;[4281011 - Missing]"/>
        <member name="[CB - Account].[Account CB - Description].&amp;[4281012 - Missing]"/>
        <member name="[CB - Account].[Account CB - Description].&amp;[4281015 - Missing]"/>
        <member name="[CB - Account].[Account CB - Description].&amp;[4281016 - Missing]"/>
        <member name="[CB - Account].[Account CB - Description].&amp;[4290001 - Missing]"/>
        <member name="[CB - Account].[Account CB - Description].&amp;[4290002 - Missing]"/>
        <member name="[CB - Account].[Account CB - Description].&amp;[4290003 - Missing]"/>
        <member name="[CB - Account].[Account CB - Description].&amp;[4300001 - Missing]"/>
        <member name="[CB - Account].[Account CB - Description].&amp;[4300003 - Missing]"/>
        <member name="[CB - Account].[Account CB - Description].&amp;[4300005 - Missing]"/>
        <member name="[CB - Account].[Account CB - Description].&amp;[4300006 - Missing]"/>
        <member name="[CB - Account].[Account CB - Description].&amp;[4300007 - Missing]"/>
        <member name="[CB - Account].[Account CB - Description].&amp;[4300008 - Missing]"/>
        <member name="[CB - Account].[Account CB - Description].&amp;[4300009 - Missing]"/>
        <member name="[CB - Account].[Account CB - Description].&amp;[4300010 - Missing]"/>
        <member name="[CB - Account].[Account CB - Description].&amp;[4300011 - Missing]"/>
        <member name="[CB - Account].[Account CB - Description].&amp;[4300012 - Missing]"/>
        <member name="[CB - Account].[Account CB - Description].&amp;[4300013 - Missing]"/>
        <member name="[CB - Account].[Account CB - Description].&amp;[4300022 - Missing]"/>
        <member name="[CB - Account].[Account CB - Description].&amp;[4300023 - Missing]"/>
        <member name="[CB - Account].[Account CB - Description].&amp;[4300024 - Missing]"/>
        <member name="[CB - Account].[Account CB - Description].&amp;[4300026 - Missing]"/>
        <member name="[CB - Account].[Account CB - Description].&amp;[4300027 - Missing]"/>
        <member name="[CB - Account].[Account CB - Description].&amp;[4300028 - Missing]"/>
        <member name="[CB - Account].[Account CB - Description].&amp;[4300029 - Missing]"/>
        <member name="[CB - Account].[Account CB - Description].&amp;[4300030 - Missing]"/>
        <member name="[CB - Account].[Account CB - Description].&amp;[4300031 - Missing]"/>
        <member name="[CB - Account].[Account CB - Description].&amp;[4300032 - Missing]"/>
        <member name="[CB - Account].[Account CB - Description].&amp;[4300033 - Missing]"/>
        <member name="[CB - Account].[Account CB - Description].&amp;[4300034 - Missing]"/>
        <member name="[CB - Account].[Account CB - Description].&amp;[4300035 - Missing]"/>
        <member name="[CB - Account].[Account CB - Description].&amp;[4300036 - Missing]"/>
        <member name="[CB - Account].[Account CB - Description].&amp;[4300037 - Missing]"/>
        <member name="[CB - Account].[Account CB - Description].&amp;[4300040 - Missing]"/>
        <member name="[CB - Account].[Account CB - Description].&amp;[4300041 - Missing]"/>
        <member name="[CB - Account].[Account CB - Description].&amp;[4300042 - Missing]"/>
        <member name="[CB - Account].[Account CB - Description].&amp;[4300043 - Missing]"/>
        <member name="[CB - Account].[Account CB - Description].&amp;[4300044 - Missing]"/>
        <member name="[CB - Account].[Account CB - Description].&amp;[4300045 - Missing]"/>
        <member name="[CB - Account].[Account CB - Description].&amp;[4300046 - Missing]"/>
        <member name="[CB - Account].[Account CB - Description].&amp;[4300047 - Missing]"/>
        <member name="[CB - Account].[Account CB - Description].&amp;[4300048 - Missing]"/>
        <member name="[CB - Account].[Account CB - Description].&amp;[4300049 - Missing]"/>
        <member name="[CB - Account].[Account CB - Description].&amp;[4300050 - Missing]"/>
        <member name="[CB - Account].[Account CB - Description].&amp;[4300051 - Missing]"/>
        <member name="[CB - Account].[Account CB - Description].&amp;[4300052 - Missing]"/>
        <member name="[CB - Account].[Account CB - Description].&amp;[4300053 - Missing]"/>
        <member name="[CB - Account].[Account CB - Description].&amp;[4300054 - Missing]"/>
        <member name="[CB - Account].[Account CB - Description].&amp;[4300055 - Missing]"/>
        <member name="[CB - Account].[Account CB - Description].&amp;[4300056 - Missing]"/>
        <member name="[CB - Account].[Account CB - Description].&amp;[4300058 - Missing]"/>
        <member name="[CB - Account].[Account CB - Description].&amp;[4300059 - Missing]"/>
        <member name="[CB - Account].[Account CB - Description].&amp;[4300060 - Missing]"/>
        <member name="[CB - Account].[Account CB - Description].&amp;[4300061 - Missing]"/>
        <member name="[CB - Account].[Account CB - Description].&amp;[4300062 - Missing]"/>
        <member name="[CB - Account].[Account CB - Description].&amp;[4300063 - Missing]"/>
        <member name="[CB - Account].[Account CB - Description].&amp;[4300067 - Missing]"/>
        <member name="[CB - Account].[Account CB - Description].&amp;[4300068 - Missing]"/>
        <member name="[CB - Account].[Account CB - Description].&amp;[4300069 - Missing]"/>
        <member name="[CB - Account].[Account CB - Description].&amp;[4300072 - Missing]"/>
        <member name="[CB - Account].[Account CB - Description].&amp;[4300073 - Missing]"/>
        <member name="[CB - Account].[Account CB - Description].&amp;[4300074 - Missing]"/>
        <member name="[CB - Account].[Account CB - Description].&amp;[4300075 - Missing]"/>
        <member name="[CB - Account].[Account CB - Description].&amp;[4300077 - Missing]"/>
        <member name="[CB - Account].[Account CB - Description].&amp;[4300079 - Missing]"/>
        <member name="[CB - Account].[Account CB - Description].&amp;[4310004 - Missing]"/>
        <member name="[CB - Account].[Account CB - Description].&amp;[4310005 - Missing]"/>
        <member name="[CB - Account].[Account CB - Description].&amp;[4310012 - Missing]"/>
        <member name="[CB - Account].[Account CB - Description].&amp;[4310013 - Missing]"/>
        <member name="[CB - Account].[Account CB - Description].&amp;[4310015 - Missing]"/>
        <member name="[CB - Account].[Account CB - Description].&amp;[4310016 - Missing]"/>
        <member name="[CB - Account].[Account CB - Description].&amp;[4310018 - Missing]"/>
        <member name="[CB - Account].[Account CB - Description].&amp;[4310023 - Missing]"/>
        <member name="[CB - Account].[Account CB - Description].&amp;[4310024 - Missing]"/>
        <member name="[CB - Account].[Account CB - Description].&amp;[4310025 - Missing]"/>
        <member name="[CB - Account].[Account CB - Description].&amp;[4310026 - Missing]"/>
        <member name="[CB - Account].[Account CB - Description].&amp;[4310027 - Missing]"/>
        <member name="[CB - Account].[Account CB - Description].&amp;[4310028 - Missing]"/>
        <member name="[CB - Account].[Account CB - Description].&amp;[4310029 - Missing]"/>
        <member name="[CB - Account].[Account CB - Description].&amp;[4310030 - Missing]"/>
        <member name="[CB - Account].[Account CB - Description].&amp;[4310031 - Missing]"/>
        <member name="[CB - Account].[Account CB - Description].&amp;[4310032 - Missing]"/>
        <member name="[CB - Account].[Account CB - Description].&amp;[4310033 - Missing]"/>
        <member name="[CB - Account].[Account CB - Description].&amp;[4320001 - Missing]"/>
        <member name="[CB - Account].[Account CB - Description].&amp;[4320002 - Missing]"/>
        <member name="[CB - Account].[Account CB - Description].&amp;[4330001 - Missing]"/>
        <member name="[CB - Account].[Account CB - Description].&amp;[4330003 - Missing]"/>
        <member name="[CB - Account].[Account CB - Description].&amp;[4340001 - Missing]"/>
        <member name="[CB - Account].[Account CB - Description].&amp;[4360000 - Missing]"/>
        <member name="[CB - Account].[Account CB - Description].&amp;[4380001 - Missing]"/>
        <member name="[CB - Account].[Account CB - Description].&amp;[4380002 - Missing]"/>
        <member name="[CB - Account].[Account CB - Description].&amp;[4390002 - OCI_Rollup_Acct]"/>
        <member name="[CB - Account].[Account CB - Description].&amp;[4390003 - Missing]"/>
        <member name="[CB - Account].[Account CB - Description].&amp;[4400000 - Contra Storage Revenues]"/>
        <member name="[CB - Account].[Account CB - Description].&amp;[4470001 - Missing]"/>
        <member name="[CB - Account].[Account CB - Description].&amp;[4470002 - Missing]"/>
        <member name="[CB - Account].[Account CB - Description].&amp;[4470003 - Missing]"/>
        <member name="[CB - Account].[Account CB - Description].&amp;[4470005 - Missing]"/>
        <member name="[CB - Account].[Account CB - Description].&amp;[4470006 - Missing]"/>
        <member name="[CB - Account].[Account CB - Description].&amp;[4470008 - Missing]"/>
        <member name="[CB - Account].[Account CB - Description].&amp;[4470009 - Missing]"/>
        <member name="[CB - Account].[Account CB - Description].&amp;[4470010 - Missing]"/>
        <member name="[CB - Account].[Account CB - Description].&amp;[4470011 - Missing]"/>
        <member name="[CB - Account].[Account CB - Description].&amp;[4470012 - Missing]"/>
        <member name="[CB - Account].[Account CB - Description].&amp;[4470014 - Missing]"/>
        <member name="[CB - Account].[Account CB - Description].&amp;[4470016 - Missing]"/>
        <member name="[CB - Account].[Account CB - Description].&amp;[4470018 - Missing]"/>
        <member name="[CB - Account].[Account CB - Description].&amp;[4470019 - Missing]"/>
        <member name="[CB - Account].[Account CB - Description].&amp;[4470020 - Missing]"/>
        <member name="[CB - Account].[Account CB - Description].&amp;[4470021 - Missing]"/>
        <member name="[CB - Account].[Account CB - Description].&amp;[4470022 - Missing]"/>
        <member name="[CB - Account].[Account CB - Description].&amp;[4470023 - Missing]"/>
        <member name="[CB - Account].[Account CB - Description].&amp;[4470024 - Missing]"/>
        <member name="[CB - Account].[Account CB - Description].&amp;[4470025 - Missing]"/>
        <member name="[CB - Account].[Account CB - Description].&amp;[4470026 - Missing]"/>
        <member name="[CB - Account].[Account CB - Description].&amp;[4490001 - Missing]"/>
        <member name="[CB - Account].[Account CB - Description].&amp;[4490002 - Missing]"/>
        <member name="[CB - Account].[Account CB - Description].&amp;[4500000 - Contra Electric Sales]"/>
        <member name="[CB - Account].[Account CB - Description].&amp;[4510001 - Missing]"/>
        <member name="[CB - Account].[Account CB - Description].&amp;[4550000 - Contra TM Electric Sales]"/>
        <member name="[CB - Account].[Account CB - Description].&amp;[4569100 - Missing]"/>
        <member name="[CB - Account].[Account CB - Description].&amp;[4600000 - Contra Operating Revenues]"/>
        <member name="[CB - Account].[Account CB - Description].&amp;[4600001 - Contra Operating Revenue - Reg]"/>
        <member name="[CB - Account].[Account CB - Description].&amp;[4660000 - Commodity Purchase Contra Acct]"/>
        <member name="[CB - Account].[Account CB - Description].&amp;[4665000 - Derivative Contra Purchase]"/>
        <member name="[CB - Account].[Account CB - Description].&amp;[4700000 - Contra Liquid Sales]"/>
        <member name="[CB - Account].[Account CB - Description].&amp;[4710000 - Missing]"/>
        <member name="[CB - Account].[Account CB - Description].&amp;[4710001 - Missing]"/>
        <member name="[CB - Account].[Account CB - Description].&amp;[4750000 - Contra LPG Sale]"/>
        <member name="[CB - Account].[Account CB - Description].&amp;[4800000 - Contra Refined Product Sale]"/>
        <member name="[CB - Account].[Account CB - Description].&amp;[4810011 - Missing]"/>
        <member name="[CB - Account].[Account CB - Description].&amp;[4830001 - Missing]"/>
        <member name="[CB - Account].[Account CB - Description].&amp;[4830002 - Missing]"/>
        <member name="[CB - Account].[Account CB - Description].&amp;[4830003 - Missing]"/>
        <member name="[CB - Account].[Account CB - Description].&amp;[4830004 - Missing]"/>
        <member name="[CB - Account].[Account CB - Description].&amp;[4830005 - Missing]"/>
        <member name="[CB - Account].[Account CB - Description].&amp;[4830006 - Missing]"/>
        <member name="[CB - Account].[Account CB - Description].&amp;[4830007 - Missing]"/>
        <member name="[CB - Account].[Account CB - Description].&amp;[4830008 - Missing]"/>
        <member name="[CB - Account].[Account CB - Description].&amp;[4830010 - Missing]"/>
        <member name="[CB - Account].[Account CB - Description].&amp;[4830011 - Missing]"/>
        <member name="[CB - Account].[Account CB - Description].&amp;[4830012 - Missing]"/>
        <member name="[CB - Account].[Account CB - Description].&amp;[4830013 - Missing]"/>
        <member name="[CB - Account].[Account CB - Description].&amp;[4830015 - Missing]"/>
        <member name="[CB - Account].[Account CB - Description].&amp;[4830016 - Missing]"/>
        <member name="[CB - Account].[Account CB - Description].&amp;[4830017 - Missing]"/>
        <member name="[CB - Account].[Account CB - Description].&amp;[4830018 - Missing]"/>
        <member name="[CB - Account].[Account CB - Description].&amp;[4830020 - Missing]"/>
        <member name="[CB - Account].[Account CB - Description].&amp;[4830022 - Missing]"/>
        <member name="[CB - Account].[Account CB - Description].&amp;[4830023 - Missing]"/>
        <member name="[CB - Account].[Account CB - Description].&amp;[4830024 - Missing]"/>
        <member name="[CB - Account].[Account CB - Description].&amp;[4830032 - Missing]"/>
        <member name="[CB - Account].[Account CB - Description].&amp;[4830033 - Missing]"/>
        <member name="[CB - Account].[Account CB - Description].&amp;[4830035 - Missing]"/>
        <member name="[CB - Account].[Account CB - Description].&amp;[4830037 - Missing]"/>
        <member name="[CB - Account].[Account CB - Description].&amp;[4830040 - Missing]"/>
        <member name="[CB - Account].[Account CB - Description].&amp;[4830041 - Missing]"/>
        <member name="[CB - Account].[Account CB - Description].&amp;[4830042 - Missing]"/>
        <member name="[CB - Account].[Account CB - Description].&amp;[4830044 - Missing]"/>
        <member name="[CB - Account].[Account CB - Description].&amp;[4850000 - Contra Crude Oil Sales]"/>
        <member name="[CB - Account].[Account CB - Description].&amp;[4870001 - Missing]"/>
        <member name="[CB - Account].[Account CB - Description].&amp;[4880001 - Missing]"/>
        <member name="[CB - Account].[Account CB - Description].&amp;[4880003 - Missing]"/>
        <member name="[CB - Account].[Account CB - Description].&amp;[4880004 - Missing]"/>
        <member name="[CB - Account].[Account CB - Description].&amp;[4880005 - Missing]"/>
        <member name="[CB - Account].[Account CB - Description].&amp;[4880006 - Missing]"/>
        <member name="[CB - Account].[Account CB - Description].&amp;[4880007 - Missing]"/>
        <member name="[CB - Account].[Account CB - Description].&amp;[4880008 - Missing]"/>
        <member name="[CB - Account].[Account CB - Description].&amp;[4880010 - Missing]"/>
        <member name="[CB - Account].[Account CB - Description].&amp;[4880011 - Missing]"/>
        <member name="[CB - Account].[Account CB - Description].&amp;[4880012 - Missing]"/>
        <member name="[CB - Account].[Account CB - Description].&amp;[4880013 - Missing]"/>
        <member name="[CB - Account].[Account CB - Description].&amp;[4880014 - Missing]"/>
        <member name="[CB - Account].[Account CB - Description].&amp;[4880015 - Missing]"/>
        <member name="[CB - Account].[Account CB - Description].&amp;[4880016 - Missing]"/>
        <member name="[CB - Account].[Account CB - Description].&amp;[4880017 - Missing]"/>
        <member name="[CB - Account].[Account CB - Description].&amp;[4880018 - Missing]"/>
        <member name="[CB - Account].[Account CB - Description].&amp;[4880019 - Missing]"/>
        <member name="[CB - Account].[Account CB - Description].&amp;[4880020 - Missing]"/>
        <member name="[CB - Account].[Account CB - Description].&amp;[4890001 - Missing]"/>
        <member name="[CB - Account].[Account CB - Description].&amp;[4891001 - Missing]"/>
        <member name="[CB - Account].[Account CB - Description].&amp;[4891006 - Missing]"/>
        <member name="[CB - Account].[Account CB - Description].&amp;[4891018 - Missing]"/>
        <member name="[CB - Account].[Account CB - Description].&amp;[4891020 - Missing]"/>
        <member name="[CB - Account].[Account CB - Description].&amp;[4892001 - Missing]"/>
        <member name="[CB - Account].[Account CB - Description].&amp;[4892002 - Missing]"/>
        <member name="[CB - Account].[Account CB - Description].&amp;[4892003 - Missing]"/>
        <member name="[CB - Account].[Account CB - Description].&amp;[4892004 - Missing]"/>
        <member name="[CB - Account].[Account CB - Description].&amp;[4892006 - Missing]"/>
        <member name="[CB - Account].[Account CB - Description].&amp;[4892009 - Missing]"/>
        <member name="[CB - Account].[Account CB - Description].&amp;[4892010 - Missing]"/>
        <member name="[CB - Account].[Account CB - Description].&amp;[4892011 - Missing]"/>
        <member name="[CB - Account].[Account CB - Description].&amp;[4892012 - Missing]"/>
        <member name="[CB - Account].[Account CB - Description].&amp;[4892015 - Missing]"/>
        <member name="[CB - Account].[Account CB - Description].&amp;[4892017 - Missing]"/>
        <member name="[CB - Account].[Account CB - Description].&amp;[4892019 - Missing]"/>
        <member name="[CB - Account].[Account CB - Description].&amp;[4892090 - Missing]"/>
        <member name="[CB - Account].[Account CB - Description].&amp;[4892091 - Missing]"/>
        <member name="[CB - Account].[Account CB - Description].&amp;[4892092 - Missing]"/>
        <member name="[CB - Account].[Account CB - Description].&amp;[4892098 - Missing]"/>
        <member name="[CB - Account].[Account CB - Description].&amp;[4892099 - Missing]"/>
        <member name="[CB - Account].[Account CB - Description].&amp;[4892100 - Missing]"/>
        <member name="[CB - Account].[Account CB - Description].&amp;[4892101 - Missing]"/>
        <member name="[CB - Account].[Account CB - Description].&amp;[4892102 - Missing]"/>
        <member name="[CB - Account].[Account CB - Description].&amp;[4892103 - Missing]"/>
        <member name="[CB - Account].[Account CB - Description].&amp;[4892105 - Missing]"/>
        <member name="[CB - Account].[Account CB - Description].&amp;[4892106 - Missing]"/>
        <member name="[CB - Account].[Account CB - Description].&amp;[4892108 - Missing]"/>
        <member name="[CB - Account].[Account CB - Description].&amp;[4892109 - Missing]"/>
        <member name="[CB - Account].[Account CB - Description].&amp;[4892110 - Missing]"/>
        <member name="[CB - Account].[Account CB - Description].&amp;[4892111 - Revenue-Tran_ne Rates-I/C]"/>
        <member name="[CB - Account].[Account CB - Description].&amp;[4892112 - Missing]"/>
        <member name="[CB - Account].[Account CB - Description].&amp;[4893001 - Missing]"/>
        <member name="[CB - Account].[Account CB - Description].&amp;[4893002 - Missing]"/>
        <member name="[CB - Account].[Account CB - Description].&amp;[4893003 - Missing]"/>
        <member name="[CB - Account].[Account CB - Description].&amp;[4894001 - Missing]"/>
        <member name="[CB - Account].[Account CB - Description].&amp;[4894002 - Missing]"/>
        <member name="[CB - Account].[Account CB - Description].&amp;[4894006 - Missing]"/>
        <member name="[CB - Account].[Account CB - Description].&amp;[4894014 - Missing]"/>
        <member name="[CB - Account].[Account CB - Description].&amp;[4894049 - Missing]"/>
        <member name="[CB - Account].[Account CB - Description].&amp;[4894060 - Missing]"/>
        <member name="[CB - Account].[Account CB - Description].&amp;[4900010 - Missing]"/>
        <member name="[CB - Account].[Account CB - Description].&amp;[4900015 - Missing]"/>
        <member name="[CB - Account].[Account CB - Description].&amp;[4900016 - Missing]"/>
        <member name="[CB - Account].[Account CB - Description].&amp;[4900018 - Missing]"/>
        <member name="[CB - Account].[Account CB - Description].&amp;[4910001 - Missing]"/>
        <member name="[CB - Account].[Account CB - Description].&amp;[4910002 - Missing]"/>
        <member name="[CB - Account].[Account CB - Description].&amp;[4910003 - Missing]"/>
        <member name="[CB - Account].[Account CB - Description].&amp;[4910004 - Missing]"/>
        <member name="[CB - Account].[Account CB - Description].&amp;[4910015 - Missing]"/>
        <member name="[CB - Account].[Account CB - Description].&amp;[4910016 - Missing]"/>
        <member name="[CB - Account].[Account CB - Description].&amp;[4910017 - Missing]"/>
        <member name="[CB - Account].[Account CB - Description].&amp;[4910018 - Missing]"/>
        <member name="[CB - Account].[Account CB - Description].&amp;[4920001 - Missing]"/>
        <member name="[CB - Account].[Account CB - Description].&amp;[4920002 - Missing]"/>
        <member name="[CB - Account].[Account CB - Description].&amp;[4920003 - Missing]"/>
        <member name="[CB - Account].[Account CB - Description].&amp;[4920004 - Missing]"/>
        <member name="[CB - Account].[Account CB - Description].&amp;[4920006 - Missing]"/>
        <member name="[CB - Account].[Account CB - Description].&amp;[4920007 - Missing]"/>
        <member name="[CB - Account].[Account CB - Description].&amp;[4920008 - Missing]"/>
        <member name="[CB - Account].[Account CB - Description].&amp;[4930001 - Missing]"/>
        <member name="[CB - Account].[Account CB - Description].&amp;[4930002 - Missing]"/>
        <member name="[CB - Account].[Account CB - Description].&amp;[4930003 - Missing]"/>
        <member name="[CB - Account].[Account CB - Description].&amp;[4940001 - Missing]"/>
        <member name="[CB - Account].[Account CB - Description].&amp;[4940002 - Missing]"/>
        <member name="[CB - Account].[Account CB - Description].&amp;[4940003 - Missing]"/>
        <member name="[CB - Account].[Account CB - Description].&amp;[4940004 - Missing]"/>
        <member name="[CB - Account].[Account CB - Description].&amp;[4940005 - Missing]"/>
        <member name="[CB - Account].[Account CB - Description].&amp;[4940006 - Missing]"/>
        <member name="[CB - Account].[Account CB - Description].&amp;[4940007 - Missing]"/>
        <member name="[CB - Account].[Account CB - Description].&amp;[4940008 - Missing]"/>
        <member name="[CB - Account].[Account CB - Description].&amp;[4940009 - Missing]"/>
        <member name="[CB - Account].[Account CB - Description].&amp;[4940010 - Missing]"/>
        <member name="[CB - Account].[Account CB - Description].&amp;[4940011 - Missing]"/>
        <member name="[CB - Account].[Account CB - Description].&amp;[4940012 - Missing]"/>
        <member name="[CB - Account].[Account CB - Description].&amp;[4940013 - Missing]"/>
        <member name="[CB - Account].[Account CB - Description].&amp;[4940014 - Missing]"/>
        <member name="[CB - Account].[Account CB - Description].&amp;[4940015 - Missing]"/>
        <member name="[CB - Account].[Account CB - Description].&amp;[4940016 - Missing]"/>
        <member name="[CB - Account].[Account CB - Description].&amp;[4940017 - Missing]"/>
        <member name="[CB - Account].[Account CB - Description].&amp;[4940019 - Missing]"/>
        <member name="[CB - Account].[Account CB - Description].&amp;[4940020 - Missing]"/>
        <member name="[CB - Account].[Account CB - Description].&amp;[4940023 - Missing]"/>
        <member name="[CB - Account].[Account CB - Description].&amp;[4940024 - Missing]"/>
        <member name="[CB - Account].[Account CB - Description].&amp;[4940025 - Missing]"/>
        <member name="[CB - Account].[Account CB - Description].&amp;[4940027 - Missing]"/>
        <member name="[CB - Account].[Account CB - Description].&amp;[4940028 - Missing]"/>
        <member name="[CB - Account].[Account CB - Description].&amp;[4940029 - Missing]"/>
        <member name="[CB - Account].[Account CB - Description].&amp;[4940030 - Missing]"/>
        <member name="[CB - Account].[Account CB - Description].&amp;[4940031 - Missing]"/>
        <member name="[CB - Account].[Account CB - Description].&amp;[4940032 - Missing]"/>
        <member name="[CB - Account].[Account CB - Description].&amp;[4940035 - Missing]"/>
        <member name="[CB - Account].[Account CB - Description].&amp;[4940038 - Missing]"/>
        <member name="[CB - Account].[Account CB - Description].&amp;[4940039 - Missing]"/>
        <member name="[CB - Account].[Account CB - Description].&amp;[4940041 - Missing]"/>
        <member name="[CB - Account].[Account CB - Description].&amp;[4940043 - Missing]"/>
        <member name="[CB - Account].[Account CB - Description].&amp;[4940046 - Missing]"/>
        <member name="[CB - Account].[Account CB - Description].&amp;[4940047 - Missing]"/>
        <member name="[CB - Account].[Account CB - Description].&amp;[4940048 - Missing]"/>
        <member name="[CB - Account].[Account CB - Description].&amp;[4940049 - Missing]"/>
        <member name="[CB - Account].[Account CB - Description].&amp;[4940051 - Missing]"/>
        <member name="[CB - Account].[Account CB - Description].&amp;[4940055 - Missing]"/>
        <member name="[CB - Account].[Account CB - Description].&amp;[4940058 - Missing]"/>
        <member name="[CB - Account].[Account CB - Description].&amp;[4940060 - Missing]"/>
        <member name="[CB - Account].[Account CB - Description].&amp;[4940065 - Missing]"/>
        <member name="[CB - Account].[Account CB - Description].&amp;[4940066 - Missing]"/>
        <member name="[CB - Account].[Account CB - Description].&amp;[4940067 - Missing]"/>
        <member name="[CB - Account].[Account CB - Description].&amp;[4940068 - Missing]"/>
        <member name="[CB - Account].[Account CB - Description].&amp;[4940069 - Missing]"/>
        <member name="[CB - Account].[Account CB - Description].&amp;[4940071 - Missing]"/>
        <member name="[CB - Account].[Account CB - Description].&amp;[4940072 - Missing]"/>
        <member name="[CB - Account].[Account CB - Description].&amp;[4940075 - Missing]"/>
        <member name="[CB - Account].[Account CB - Description].&amp;[4940111 - Missing]"/>
        <member name="[CB - Account].[Account CB - Description].&amp;[4940112 - Missing]"/>
        <member name="[CB - Account].[Account CB - Description].&amp;[4940113 - Missing]"/>
        <member name="[CB - Account].[Account CB - Description].&amp;[4940114 - Missing]"/>
        <member name="[CB - Account].[Account CB - Description].&amp;[4940115 - Missing]"/>
        <member name="[CB - Account].[Account CB - Description].&amp;[4940116 - Missing]"/>
        <member name="[CB - Account].[Account CB - Description].&amp;[4940117 - Missing]"/>
        <member name="[CB - Account].[Account CB - Description].&amp;[4940118 - Missing]"/>
        <member name="[CB - Account].[Account CB - Description].&amp;[4940119 - Missing]"/>
        <member name="[CB - Account].[Account CB - Description].&amp;[4940120 - Missing]"/>
        <member name="[CB - Account].[Account CB - Description].&amp;[4940121 - Missing]"/>
        <member name="[CB - Account].[Account CB - Description].&amp;[4940122 - Missing]"/>
        <member name="[CB - Account].[Account CB - Description].&amp;[4940123 - Missing]"/>
        <member name="[CB - Account].[Account CB - Description].&amp;[4940124 - Missing]"/>
        <member name="[CB - Account].[Account CB - Description].&amp;[4940125 - Missing]"/>
        <member name="[CB - Account].[Account CB - Description].&amp;[4940126 - Missing]"/>
        <member name="[CB - Account].[Account CB - Description].&amp;[4940127 - Missing]"/>
        <member name="[CB - Account].[Account CB - Description].&amp;[4940128 - Missing]"/>
        <member name="[CB - Account].[Account CB - Description].&amp;[4940129 - Missing]"/>
        <member name="[CB - Account].[Account CB - Description].&amp;[4940130 - Missing]"/>
        <member name="[CB - Account].[Account CB - Description].&amp;[4940131 - Missing]"/>
        <member name="[CB - Account].[Account CB - Description].&amp;[4940133 - Missing]"/>
        <member name="[CB - Account].[Account CB - Description].&amp;[4940134 - Missing]"/>
        <member name="[CB - Account].[Account CB - Description].&amp;[4940135 - Missing]"/>
        <member name="[CB - Account].[Account CB - Description].&amp;[4950003 - Missing]"/>
        <member name="[CB - Account].[Account CB - Description].&amp;[4950006 - Missing]"/>
        <member name="[CB - Account].[Account CB - Description].&amp;[4950013 - Missing]"/>
        <member name="[CB - Account].[Account CB - Description].&amp;[4950014 - Missing]"/>
        <member name="[CB - Account].[Account CB - Description].&amp;[4950017 - Missing]"/>
        <member name="[CB - Account].[Account CB - Description].&amp;[4950019 - Missing]"/>
        <member name="[CB - Account].[Account CB - Description].&amp;[4950022 - Missing]"/>
        <member name="[CB - Account].[Account CB - Description].&amp;[4950025 - Missing]"/>
        <member name="[CB - Account].[Account CB - Description].&amp;[4950055 - Missing]"/>
        <member name="[CB - Account].[Account CB - Description].&amp;[4950056 - Missing]"/>
        <member name="[CB - Account].[Account CB - Description].&amp;[4950057 - Missing]"/>
        <member name="[CB - Account].[Account CB - Description].&amp;[4950058 - Missing]"/>
        <member name="[CB - Account].[Account CB - Description].&amp;[4950059 - Missing]"/>
        <member name="[CB - Account].[Account CB - Description].&amp;[4950060 - Missing]"/>
        <member name="[CB - Account].[Account CB - Description].&amp;[4950061 - Missing]"/>
        <member name="[CB - Account].[Account CB - Description].&amp;[4950062 - Missing]"/>
        <member name="[CB - Account].[Account CB - Description].&amp;[4950063 - Missing]"/>
        <member name="[CB - Account].[Account CB - Description].&amp;[4950064 - Missing]"/>
        <member name="[CB - Account].[Account CB - Description].&amp;[4950065 - Missing]"/>
        <member name="[CB - Account].[Account CB - Description].&amp;[4950066 - Missing]"/>
        <member name="[CB - Account].[Account CB - Description].&amp;[4950067 - Missing]"/>
        <member name="[CB - Account].[Account CB - Description].&amp;[4950068 - Missing]"/>
        <member name="[CB - Account].[Account CB - Description].&amp;[4950069 - Missing]"/>
        <member name="[CB - Account].[Account CB - Description].&amp;[4950070 - Missing]"/>
        <member name="[CB - Account].[Account CB - Description].&amp;[4950072 - Missing]"/>
        <member name="[CB - Account].[Account CB - Description].&amp;[4950074 - Missing]"/>
        <member name="[CB - Account].[Account CB - Description].&amp;[4950075 - Missing]"/>
        <member name="[CB - Account].[Account CB - Description].&amp;[4950076 - Missing]"/>
        <member name="[CB - Account].[Account CB - Description].&amp;[4950077 - Missing]"/>
        <member name="[CB - Account].[Account CB - Description].&amp;[4950078 - Missing]"/>
        <member name="[CB - Account].[Account CB - Description].&amp;[4950079 - Missing]"/>
        <member name="[CB - Account].[Account CB - Description].&amp;[4950084 - Missing]"/>
        <member name="[CB - Account].[Account CB - Description].&amp;[4950085 - Missing]"/>
        <member name="[CB - Account].[Account CB - Description].&amp;[4950086 - Missing]"/>
        <member name="[CB - Account].[Account CB - Description].&amp;[4950087 - Missing]"/>
        <member name="[CB - Account].[Account CB - Description].&amp;[4950088 - Missing]"/>
        <member name="[CB - Account].[Account CB - Description].&amp;[4950091 - Missing]"/>
        <member name="[CB - Account].[Account CB - Description].&amp;[4950092 - Missing]"/>
        <member name="[CB - Account].[Account CB - Description].&amp;[4950094 - Missing]"/>
        <member name="[CB - Account].[Account CB - Description].&amp;[4950096 - Missing]"/>
        <member name="[CB - Account].[Account CB - Description].&amp;[4950100 - Missing]"/>
        <member name="[CB - Account].[Account CB - Description].&amp;[4950103 - Missing]"/>
        <member name="[CB - Account].[Account CB - Description].&amp;[4950104 - Missing]"/>
        <member name="[CB - Account].[Account CB - Description].&amp;[4950105 - Missing]"/>
        <member name="[CB - Account].[Account CB - Description].&amp;[4950106 - Missing]"/>
        <member name="[CB - Account].[Account CB - Description].&amp;[4950107 - Missing]"/>
        <member name="[CB - Account].[Account CB - Description].&amp;[4950108 - Missing]"/>
        <member name="[CB - Account].[Account CB - Description].&amp;[4950109 - Missing]"/>
        <member name="[CB - Account].[Account CB - Description].&amp;[4950110 - Missing]"/>
        <member name="[CB - Account].[Account CB - Description].&amp;[4950111 - Missing]"/>
        <member name="[CB - Account].[Account CB - Description].&amp;[4950113 - Missing]"/>
        <member name="[CB - Account].[Account CB - Description].&amp;[4950114 - Missing]"/>
        <member name="[CB - Account].[Account CB - Description].&amp;[4950115 - Missing]"/>
        <member name="[CB - Account].[Account CB - Description].&amp;[4960001 - Missing]"/>
        <member name="[CB - Account].[Account CB - Description].&amp;[4960002 - Missing]"/>
        <member name="[CB - Account].[Account CB - Description].&amp;[4960004 - Missing]"/>
        <member name="[CB - Account].[Account CB - Description].&amp;[5010001 - Missing]"/>
        <member name="[CB - Account].[Account CB - Description].&amp;[5010002 - Missing]"/>
        <member name="[CB - Account].[Account CB - Description].&amp;[5010005 - Missing]"/>
        <member name="[CB - Account].[Account CB - Description].&amp;[502040 - Missing]"/>
        <member name="[CB - Account].[Account CB - Description].&amp;[506000 - Missing]"/>
        <member name="[CB - Account].[Account CB - Description].&amp;[5100000 - Contra Gas Purchases]"/>
        <member name="[CB - Account].[Account CB - Description].&amp;[5110001 - Missing]"/>
        <member name="[CB - Account].[Account CB - Description].&amp;[5151000 - Contra Cost of Sales]"/>
        <member name="[CB - Account].[Account CB - Description].&amp;[5151110 - Missing]"/>
        <member name="[CB - Account].[Account CB - Description].&amp;[5151111 - Missing]"/>
        <member name="[CB - Account].[Account CB - Description].&amp;[5160000 - Contra Power Purchases]"/>
        <member name="[CB - Account].[Account CB - Description].&amp;[5200000 - Contra Operating Expenses]"/>
        <member name="[CB - Account].[Account CB - Description].&amp;[530000 - Missing]"/>
        <member name="[CB - Account].[Account CB - Description].&amp;[5550003 - Missing]"/>
        <member name="[CB - Account].[Account CB - Description].&amp;[557000 - Missing]"/>
        <member name="[CB - Account].[Account CB - Description].&amp;[5600010 - Missing]"/>
        <member name="[CB - Account].[Account CB - Description].&amp;[561100 - Missing]"/>
        <member name="[CB - Account].[Account CB - Description].&amp;[561200 - Missing]"/>
        <member name="[CB - Account].[Account CB - Description].&amp;[562000 - Missing]"/>
        <member name="[CB - Account].[Account CB - Description].&amp;[563000 - Missing]"/>
        <member name="[CB - Account].[Account CB - Description].&amp;[5650001 - Missing]"/>
        <member name="[CB - Account].[Account CB - Description].&amp;[566000 - Missing]"/>
        <member name="[CB - Account].[Account CB - Description].&amp;[569000 - Missing]"/>
        <member name="[CB - Account].[Account CB - Description].&amp;[570200 - Missing]"/>
        <member name="[CB - Account].[Account CB - Description].&amp;[571000 - Missing]"/>
        <member name="[CB - Account].[Account CB - Description].&amp;[572000 - Missing]"/>
        <member name="[CB - Account].[Account CB - Description].&amp;[573000 - Missing]"/>
        <member name="[CB - Account].[Account CB - Description].&amp;[5750000 - Contra LPG Purchases]"/>
        <member name="[CB - Account].[Account CB - Description].&amp;[580000 - Missing]"/>
        <member name="[CB - Account].[Account CB - Description].&amp;[5800000 - Contra Refined Product Purch]"/>
        <member name="[CB - Account].[Account CB - Description].&amp;[582100 - Missing]"/>
        <member name="[CB - Account].[Account CB - Description].&amp;[5850000 - Contra Crude Oil Purchase]"/>
        <member name="[CB - Account].[Account CB - Description].&amp;[588100 - Missing]"/>
        <member name="[CB - Account].[Account CB - Description].&amp;[591000 - Missing]"/>
        <member name="[CB - Account].[Account CB - Description].&amp;[598100 - Missing]"/>
        <member name="[CB - Account].[Account CB - Description].&amp;[599001 - Missing]"/>
        <member name="[CB - Account].[Account CB - Description].&amp;[599002 - Missing]"/>
        <member name="[CB - Account].[Account CB - Description].&amp;[599003 - Missing]"/>
        <member name="[CB - Account].[Account CB - Description].&amp;[599006 - Missing]"/>
        <member name="[CB - Account].[Account CB - Description].&amp;[599008 - Missing]"/>
        <member name="[CB - Account].[Account CB - Description].&amp;[599009 - Missing]"/>
        <member name="[CB - Account].[Account CB - Description].&amp;[599014 - Missing]"/>
        <member name="[CB - Account].[Account CB - Description].&amp;[599015 - Missing]"/>
        <member name="[CB - Account].[Account CB - Description].&amp;[599020 - Missing]"/>
        <member name="[CB - Account].[Account CB - Description].&amp;[7100000 - Missing]"/>
        <member name="[CB - Account].[Account CB - Description].&amp;[7100001 - Missing]"/>
        <member name="[CB - Account].[Account CB - Description].&amp;[7330000 - Contra Interest Income]"/>
        <member name="[CB - Account].[Account CB - Description].&amp;[7410000 - Contra Nonoper Expense]"/>
        <member name="[CB - Account].[Account CB - Description].&amp;[7500001 - Missing]"/>
        <member name="[CB - Account].[Account CB - Description].&amp;[7520001 - Missing]"/>
        <member name="[CB - Account].[Account CB - Description].&amp;[7530001 - Missing]"/>
        <member name="[CB - Account].[Account CB - Description].&amp;[7540001 - Missing]"/>
        <member name="[CB - Account].[Account CB - Description].&amp;[7550001 - Missing]"/>
        <member name="[CB - Account].[Account CB - Description].&amp;[7560001 - Missing]"/>
        <member name="[CB - Account].[Account CB - Description].&amp;[7570001 - Missing]"/>
        <member name="[CB - Account].[Account CB - Description].&amp;[7580001 - Missing]"/>
        <member name="[CB - Account].[Account CB - Description].&amp;[7590001 - Missing]"/>
        <member name="[CB - Account].[Account CB - Description].&amp;[7600001 - Missing]"/>
        <member name="[CB - Account].[Account CB - Description].&amp;[7610001 - Missing]"/>
        <member name="[CB - Account].[Account CB - Description].&amp;[7620001 - Missing]"/>
        <member name="[CB - Account].[Account CB - Description].&amp;[7640001 - Missing]"/>
        <member name="[CB - Account].[Account CB - Description].&amp;[7660001 - Missing]"/>
        <member name="[CB - Account].[Account CB - Description].&amp;[7700001 - Missing]"/>
        <member name="[CB - Account].[Account CB - Description].&amp;[7710001 - Missing]"/>
        <member name="[CB - Account].[Account CB - Description].&amp;[7720001 - Missing]"/>
        <member name="[CB - Account].[Account CB - Description].&amp;[7730001 - Missing]"/>
        <member name="[CB - Account].[Account CB - Description].&amp;[7740001 - Missing]"/>
        <member name="[CB - Account].[Account CB - Description].&amp;[7750001 - Missing]"/>
        <member name="[CB - Account].[Account CB - Description].&amp;[7760001 - Missing]"/>
        <member name="[CB - Account].[Account CB - Description].&amp;[7760002 - Missing]"/>
        <member name="[CB - Account].[Account CB - Description].&amp;[7760004 - Missing]"/>
        <member name="[CB - Account].[Account CB - Description].&amp;[7760005 - Missing]"/>
        <member name="[CB - Account].[Account CB - Description].&amp;[7770001 - Missing]"/>
        <member name="[CB - Account].[Account CB - Description].&amp;[7850001 - Missing]"/>
        <member name="[CB - Account].[Account CB - Description].&amp;[7860001 - Missing]"/>
        <member name="[CB - Account].[Account CB - Description].&amp;[7890001 - Missing]"/>
        <member name="[CB - Account].[Account CB - Description].&amp;[8000001 - Missing]"/>
        <member name="[CB - Account].[Account CB - Description].&amp;[8000002 - Missing]"/>
        <member name="[CB - Account].[Account CB - Description].&amp;[8000003 - Missing]"/>
        <member name="[CB - Account].[Account CB - Description].&amp;[8000005 - Missing]"/>
        <member name="[CB - Account].[Account CB - Description].&amp;[8000007 - Missing]"/>
        <member name="[CB - Account].[Account CB - Description].&amp;[8000008 - Missing]"/>
        <member name="[CB - Account].[Account CB - Description].&amp;[8000009 - Missing]"/>
        <member name="[CB - Account].[Account CB - Description].&amp;[8000010 - Missing]"/>
        <member name="[CB - Account].[Account CB - Description].&amp;[8000011 - Missing]"/>
        <member name="[CB - Account].[Account CB - Description].&amp;[8000012 - Missing]"/>
        <member name="[CB - Account].[Account CB - Description].&amp;[8000013 - Missing]"/>
        <member name="[CB - Account].[Account CB - Description].&amp;[8000014 - Missing]"/>
        <member name="[CB - Account].[Account CB - Description].&amp;[8000015 - Missing]"/>
        <member name="[CB - Account].[Account CB - Description].&amp;[8010002 - Missing]"/>
        <member name="[CB - Account].[Account CB - Description].&amp;[8010003 - Missing]"/>
        <member name="[CB - Account].[Account CB - Description].&amp;[8010005 - Missing]"/>
        <member name="[CB - Account].[Account CB - Description].&amp;[8010006 - Missing]"/>
        <member name="[CB - Account].[Account CB - Description].&amp;[8010007 - Missing]"/>
        <member name="[CB - Account].[Account CB - Description].&amp;[8010008 - Missing]"/>
        <member name="[CB - Account].[Account CB - Description].&amp;[8010009 - Missing]"/>
        <member name="[CB - Account].[Account CB - Description].&amp;[8010010 - Missing]"/>
        <member name="[CB - Account].[Account CB - Description].&amp;[8010011 - Missing]"/>
        <member name="[CB - Account].[Account CB - Description].&amp;[8010018 - Missing]"/>
        <member name="[CB - Account].[Account CB - Description].&amp;[8010027 - Missing]"/>
        <member name="[CB - Account].[Account CB - Description].&amp;[8010034 - Missing]"/>
        <member name="[CB - Account].[Account CB - Description].&amp;[8010036 - Missing]"/>
        <member name="[CB - Account].[Account CB - Description].&amp;[8010040 - Missing]"/>
        <member name="[CB - Account].[Account CB - Description].&amp;[8010045 - Missing]"/>
        <member name="[CB - Account].[Account CB - Description].&amp;[8010048 - Missing]"/>
        <member name="[CB - Account].[Account CB - Description].&amp;[8010050 - Missing]"/>
        <member name="[CB - Account].[Account CB - Description].&amp;[8010051 - Missing]"/>
        <member name="[CB - Account].[Account CB - Description].&amp;[8010058 - Missing]"/>
        <member name="[CB - Account].[Account CB - Description].&amp;[8010059 - Missing]"/>
        <member name="[CB - Account].[Account CB - Description].&amp;[8010062 - Missing]"/>
        <member name="[CB - Account].[Account CB - Description].&amp;[8010063 - Missing]"/>
        <member name="[CB - Account].[Account CB - Description].&amp;[8010064 - Missing]"/>
        <member name="[CB - Account].[Account CB - Description].&amp;[8010065 - Missing]"/>
        <member name="[CB - Account].[Account CB - Description].&amp;[8010066 - Missing]"/>
        <member name="[CB - Account].[Account CB - Description].&amp;[8010067 - Missing]"/>
        <member name="[CB - Account].[Account CB - Description].&amp;[8010068 - Missing]"/>
        <member name="[CB - Account].[Account CB - Description].&amp;[8010069 - Missing]"/>
        <member name="[CB - Account].[Account CB - Description].&amp;[8010070 - Missing]"/>
        <member name="[CB - Account].[Account CB - Description].&amp;[8010071 - Missing]"/>
        <member name="[CB - Account].[Account CB - Description].&amp;[8010072 - Missing]"/>
        <member name="[CB - Account].[Account CB - Description].&amp;[8010076 - Missing]"/>
        <member name="[CB - Account].[Account CB - Description].&amp;[8010077 - Missing]"/>
        <member name="[CB - Account].[Account CB - Description].&amp;[8010079 - Missing]"/>
        <member name="[CB - Account].[Account CB - Description].&amp;[8010080 - Missing]"/>
        <member name="[CB - Account].[Account CB - Description].&amp;[8010081 - Missing]"/>
        <member name="[CB - Account].[Account CB - Description].&amp;[8020001 - Missing]"/>
        <member name="[CB - Account].[Account CB - Description].&amp;[8020002 - Missing]"/>
        <member name="[CB - Account].[Account CB - Description].&amp;[8020003 - Missing]"/>
        <member name="[CB - Account].[Account CB - Description].&amp;[8030001 - Missing]"/>
        <member name="[CB - Account].[Account CB - Description].&amp;[8030055 - Missing]"/>
        <member name="[CB - Account].[Account CB - Description].&amp;[8030072 - Missing]"/>
        <member name="[CB - Account].[Account CB - Description].&amp;[8030075 - Missing]"/>
        <member name="[CB - Account].[Account CB - Description].&amp;[8041001 - Missing]"/>
        <member name="[CB - Account].[Account CB - Description].&amp;[8041002 - Missing]"/>
        <member name="[CB - Account].[Account CB - Description].&amp;[8041003 - Missing]"/>
        <member name="[CB - Account].[Account CB - Description].&amp;[8041004 - Missing]"/>
        <member name="[CB - Account].[Account CB - Description].&amp;[8041005 - Missing]"/>
        <member name="[CB - Account].[Account CB - Description].&amp;[8050001 - Missing]"/>
        <member name="[CB - Account].[Account CB - Description].&amp;[8050003 - Missing]"/>
        <member name="[CB - Account].[Account CB - Description].&amp;[8051002 - Missing]"/>
        <member name="[CB - Account].[Account CB - Description].&amp;[8060002 - Missing]"/>
        <member name="[CB - Account].[Account CB - Description].&amp;[8060003 - Missing]"/>
        <member name="[CB - Account].[Account CB - Description].&amp;[8060004 - Missing]"/>
        <member name="[CB - Account].[Account CB - Description].&amp;[8060005 - Missing]"/>
        <member name="[CB - Account].[Account CB - Description].&amp;[8060011 - Missing]"/>
        <member name="[CB - Account].[Account CB - Description].&amp;[8060013 - Missing]"/>
        <member name="[CB - Account].[Account CB - Description].&amp;[8060014 - Missing]"/>
        <member name="[CB - Account].[Account CB - Description].&amp;[8072001 - Missing]"/>
        <member name="[CB - Account].[Account CB - Description].&amp;[8081001 - Missing]"/>
        <member name="[CB - Account].[Account CB - Description].&amp;[8081002 - Missing]"/>
        <member name="[CB - Account].[Account CB - Description].&amp;[8081008 - Missing]"/>
        <member name="[CB - Account].[Account CB - Description].&amp;[8081009 - Missing]"/>
        <member name="[CB - Account].[Account CB - Description].&amp;[8082001 - Missing]"/>
        <member name="[CB - Account].[Account CB - Description].&amp;[8082002 - Missing]"/>
        <member name="[CB - Account].[Account CB - Description].&amp;[8091001 - Missing]"/>
        <member name="[CB - Account].[Account CB - Description].&amp;[8092002 - Missing]"/>
        <member name="[CB - Account].[Account CB - Description].&amp;[8100001 - Missing]"/>
        <member name="[CB - Account].[Account CB - Description].&amp;[8100002 - Missing]"/>
        <member name="[CB - Account].[Account CB - Description].&amp;[8100003 - Missing]"/>
        <member name="[CB - Account].[Account CB - Description].&amp;[8110001 - Missing]"/>
        <member name="[CB - Account].[Account CB - Description].&amp;[8110002 - Missing]"/>
        <member name="[CB - Account].[Account CB - Description].&amp;[8120001 - Missing]"/>
        <member name="[CB - Account].[Account CB - Description].&amp;[8120002 - Missing]"/>
        <member name="[CB - Account].[Account CB - Description].&amp;[8120003 - Missing]"/>
        <member name="[CB - Account].[Account CB - Description].&amp;[8120004 - Missing]"/>
        <member name="[CB - Account].[Account CB - Description].&amp;[8120006 - Missing]"/>
        <member name="[CB - Account].[Account CB - Description].&amp;[8121001 - Missing]"/>
        <member name="[CB - Account].[Account CB - Description].&amp;[8130001 - Missing]"/>
        <member name="[CB - Account].[Account CB - Description].&amp;[8130013 - Missing]"/>
        <member name="[CB - Account].[Account CB - Description].&amp;[8130031 - Missing]"/>
        <member name="[CB - Account].[Account CB - Description].&amp;[8130033 - Missing]"/>
        <member name="[CB - Account].[Account CB - Description].&amp;[8130037 - Missing]"/>
        <member name="[CB - Account].[Account CB - Description].&amp;[8130038 - Missing]"/>
        <member name="[CB - Account].[Account CB - Description].&amp;[8130039 - Missing]"/>
        <member name="[CB - Account].[Account CB - Description].&amp;[8130040 - Missing]"/>
        <member name="[CB - Account].[Account CB - Description].&amp;[8130045 - Missing]"/>
        <member name="[CB - Account].[Account CB - Description].&amp;[8130051 - Missing]"/>
        <member name="[CB - Account].[Account CB - Description].&amp;[8130052 - Missing]"/>
        <member name="[CB - Account].[Account CB - Description].&amp;[8140001 - Missing]"/>
        <member name="[CB - Account].[Account CB - Description].&amp;[8150001 - Missing]"/>
        <member name="[CB - Account].[Account CB - Description].&amp;[8160001 - Missing]"/>
        <member name="[CB - Account].[Account CB - Description].&amp;[8170001 - Missing]"/>
        <member name="[CB - Account].[Account CB - Description].&amp;[8180001 - Missing]"/>
        <member name="[CB - Account].[Account CB - Description].&amp;[8190001 - Missing]"/>
        <member name="[CB - Account].[Account CB - Description].&amp;[8200001 - Missing]"/>
        <member name="[CB - Account].[Account CB - Description].&amp;[8210001 - Missing]"/>
        <member name="[CB - Account].[Account CB - Description].&amp;[8211001 - Missing]"/>
        <member name="[CB - Account].[Account CB - Description].&amp;[8220001 - Missing]"/>
        <member name="[CB - Account].[Account CB - Description].&amp;[8230001 - Missing]"/>
        <member name="[CB - Account].[Account CB - Description].&amp;[8240001 - Missing]"/>
        <member name="[CB - Account].[Account CB - Description].&amp;[8240004 - Missing]"/>
        <member name="[CB - Account].[Account CB - Description].&amp;[8240005 - Missing]"/>
        <member name="[CB - Account].[Account CB - Description].&amp;[8240006 - Missing]"/>
        <member name="[CB - Account].[Account CB - Description].&amp;[8240011 - Missing]"/>
        <member name="[CB - Account].[Account CB - Description].&amp;[8250001 - Missing]"/>
        <member name="[CB - Account].[Account CB - Description].&amp;[8260001 - Missing]"/>
        <member name="[CB - Account].[Account CB - Description].&amp;[8300001 - Missing]"/>
        <member name="[CB - Account].[Account CB - Description].&amp;[8310001 - Missing]"/>
        <member name="[CB - Account].[Account CB - Description].&amp;[8320001 - Missing]"/>
        <member name="[CB - Account].[Account CB - Description].&amp;[8330001 - Missing]"/>
        <member name="[CB - Account].[Account CB - Description].&amp;[8340001 - Missing]"/>
        <member name="[CB - Account].[Account CB - Description].&amp;[8350001 - Missing]"/>
        <member name="[CB - Account].[Account CB - Description].&amp;[8360001 - Missing]"/>
        <member name="[CB - Account].[Account CB - Description].&amp;[8370001 - Missing]"/>
        <member name="[CB - Account].[Account CB - Description].&amp;[8400001 - Missing]"/>
        <member name="[CB - Account].[Account CB - Description].&amp;[8410001 - Missing]"/>
        <member name="[CB - Account].[Account CB - Description].&amp;[8420001 - Missing]"/>
        <member name="[CB - Account].[Account CB - Description].&amp;[8422001 - Missing]"/>
        <member name="[CB - Account].[Account CB - Description].&amp;[8430000 - Contra Interest Expense]"/>
        <member name="[CB - Account].[Account CB - Description].&amp;[8431001 - Missing]"/>
        <member name="[CB - Account].[Account CB - Description].&amp;[8432001 - Missing]"/>
        <member name="[CB - Account].[Account CB - Description].&amp;[8433001 - Missing]"/>
        <member name="[CB - Account].[Account CB - Description].&amp;[8441001 - Missing]"/>
        <member name="[CB - Account].[Account CB - Description].&amp;[8441002 - Missing]"/>
        <member name="[CB - Account].[Account CB - Description].&amp;[8441003 - Missing]"/>
        <member name="[CB - Account].[Account CB - Description].&amp;[8442001 - Missing]"/>
        <member name="[CB - Account].[Account CB - Description].&amp;[8444001 - Missing]"/>
        <member name="[CB - Account].[Account CB - Description].&amp;[8444002 - Missing]"/>
        <member name="[CB - Account].[Account CB - Description].&amp;[8444003 - Missing]"/>
        <member name="[CB - Account].[Account CB - Description].&amp;[8447001 - Missing]"/>
        <member name="[CB - Account].[Account CB - Description].&amp;[8451001 - Missing]"/>
        <member name="[CB - Account].[Account CB - Description].&amp;[8451002 - Missing]"/>
        <member name="[CB - Account].[Account CB - Description].&amp;[8452001 - Missing]"/>
        <member name="[CB - Account].[Account CB - Description].&amp;[8452002 - Missing]"/>
        <member name="[CB - Account].[Account CB - Description].&amp;[8452003 - Missing]"/>
        <member name="[CB - Account].[Account CB - Description].&amp;[8452004 - Missing]"/>
        <member name="[CB - Account].[Account CB - Description].&amp;[8453001 - Missing]"/>
        <member name="[CB - Account].[Account CB - Description].&amp;[8453002 - Missing]"/>
        <member name="[CB - Account].[Account CB - Description].&amp;[8461001 - Missing]"/>
        <member name="[CB - Account].[Account CB - Description].&amp;[8462001 - Missing]"/>
        <member name="[CB - Account].[Account CB - Description].&amp;[8471001 - Missing]"/>
        <member name="[CB - Account].[Account CB - Description].&amp;[8472001 - Missing]"/>
        <member name="[CB - Account].[Account CB - Description].&amp;[8473001 - Missing]"/>
        <member name="[CB - Account].[Account CB - Description].&amp;[8477001 - Missing]"/>
        <member name="[CB - Account].[Account CB - Description].&amp;[8478001 - Missing]"/>
        <member name="[CB - Account].[Account CB - Description].&amp;[8500001 - Missing]"/>
        <member name="[CB - Account].[Account CB - Description].&amp;[8510001 - Missing]"/>
        <member name="[CB - Account].[Account CB - Description].&amp;[8520001 - Missing]"/>
        <member name="[CB - Account].[Account CB - Description].&amp;[8530001 - Missing]"/>
        <member name="[CB - Account].[Account CB - Description].&amp;[8540001 - Missing]"/>
        <member name="[CB - Account].[Account CB - Description].&amp;[8550001 - Missing]"/>
        <member name="[CB - Account].[Account CB - Description].&amp;[8560001 - Missing]"/>
        <member name="[CB - Account].[Account CB - Description].&amp;[8560002 - Missing]"/>
        <member name="[CB - Account].[Account CB - Description].&amp;[8570001 - Missing]"/>
        <member name="[CB - Account].[Account CB - Description].&amp;[8580001 - Missing]"/>
        <member name="[CB - Account].[Account CB - Description].&amp;[8580006 - Missing]"/>
        <member name="[CB - Account].[Account CB - Description].&amp;[8580007 - Missing]"/>
        <member name="[CB - Account].[Account CB - Description].&amp;[8580009 - Missing]"/>
        <member name="[CB - Account].[Account CB - Description].&amp;[8580010 - Missing]"/>
        <member name="[CB - Account].[Account CB - Description].&amp;[8580012 - Missing]"/>
        <member name="[CB - Account].[Account CB - Description].&amp;[8580013 - Missing]"/>
        <member name="[CB - Account].[Account CB - Description].&amp;[8580014 - Missing]"/>
        <member name="[CB - Account].[Account CB - Description].&amp;[8580016 - Missing]"/>
        <member name="[CB - Account].[Account CB - Description].&amp;[8590001 - Missing]"/>
        <member name="[CB - Account].[Account CB - Description].&amp;[8600001 - Missing]"/>
        <member name="[CB - Account].[Account CB - Description].&amp;[8610001 - Missing]"/>
        <member name="[CB - Account].[Account CB - Description].&amp;[8614001 - Missing]"/>
        <member name="[CB - Account].[Account CB - Description].&amp;[8620001 - Missing]"/>
        <member name="[CB - Account].[Account CB - Description].&amp;[8630001 - Missing]"/>
        <member name="[CB - Account].[Account CB - Description].&amp;[8640001 - Missing]"/>
        <member name="[CB - Account].[Account CB - Description].&amp;[8650001 - Missing]"/>
        <member name="[CB - Account].[Account CB - Description].&amp;[8660001 - Missing]"/>
        <member name="[CB - Account].[Account CB - Description].&amp;[8670001 - Missing]"/>
        <member name="[CB - Account].[Account CB - Description].&amp;[878000 - Missing]"/>
        <member name="[CB - Account].[Account CB - Description].&amp;[879000 - Missing]"/>
        <member name="[CB - Account].[Account CB - Description].&amp;[9010001 - Missing]"/>
        <member name="[CB - Account].[Account CB - Description].&amp;[9020001 - Missing]"/>
        <member name="[CB - Account].[Account CB - Description].&amp;[9030001 - Missing]"/>
        <member name="[CB - Account].[Account CB - Description].&amp;[9040001 - Missing]"/>
        <member name="[CB - Account].[Account CB - Description].&amp;[9100001 - Missing]"/>
        <member name="[CB - Account].[Account CB - Description].&amp;[910100 - Missing]"/>
        <member name="[CB - Account].[Account CB - Description].&amp;[9120001 - Missing]"/>
        <member name="[CB - Account].[Account CB - Description].&amp;[9120003 - Missing]"/>
        <member name="[CB - Account].[Account CB - Description].&amp;[9120004 - Missing]"/>
        <member name="[CB - Account].[Account CB - Description].&amp;[9120005 - Missing]"/>
        <member name="[CB - Account].[Account CB - Description].&amp;[9130001 - Missing]"/>
        <member name="[CB - Account].[Account CB - Description].&amp;[920000 - Missing]"/>
        <member name="[CB - Account].[Account CB - Description].&amp;[9200001 - Missing]"/>
        <member name="[CB - Account].[Account CB - Description].&amp;[9200002 - Missing]"/>
        <member name="[CB - Account].[Account CB - Description].&amp;[9209800 - Missing]"/>
        <member name="[CB - Account].[Account CB - Description].&amp;[9209900 - Missing]"/>
        <member name="[CB - Account].[Account CB - Description].&amp;[9210001 - Missing]"/>
        <member name="[CB - Account].[Account CB - Description].&amp;[9210002 - Missing]"/>
        <member name="[CB - Account].[Account CB - Description].&amp;[921100 - Missing]"/>
        <member name="[CB - Account].[Account CB - Description].&amp;[921200 - Missing]"/>
        <member name="[CB - Account].[Account CB - Description].&amp;[921400 - Missing]"/>
        <member name="[CB - Account].[Account CB - Description].&amp;[921980 - Missing]"/>
        <member name="[CB - Account].[Account CB - Description].&amp;[9219800 - Missing]"/>
        <member name="[CB - Account].[Account CB - Description].&amp;[9219900 - Missing]"/>
        <member name="[CB - Account].[Account CB - Description].&amp;[9220001 - Missing]"/>
        <member name="[CB - Account].[Account CB - Description].&amp;[9225000 - Missing]"/>
        <member name="[CB - Account].[Account CB - Description].&amp;[9230001 - Missing]"/>
        <member name="[CB - Account].[Account CB - Description].&amp;[9240001 - Missing]"/>
        <member name="[CB - Account].[Account CB - Description].&amp;[9250001 - Missing]"/>
        <member name="[CB - Account].[Account CB - Description].&amp;[9260001 - Missing]"/>
        <member name="[CB - Account].[Account CB - Description].&amp;[9260002 - Missing]"/>
        <member name="[CB - Account].[Account CB - Description].&amp;[9266000 - Missing]"/>
        <member name="[CB - Account].[Account CB - Description].&amp;[9280001 - Missing]"/>
        <member name="[CB - Account].[Account CB - Description].&amp;[928009 - Missing]"/>
        <member name="[CB - Account].[Account CB - Description].&amp;[928011 - Missing]"/>
        <member name="[CB - Account].[Account CB - Description].&amp;[928017 - Missing]"/>
        <member name="[CB - Account].[Account CB - Description].&amp;[928019 - Missing]"/>
        <member name="[CB - Account].[Account CB - Description].&amp;[928020 - Missing]"/>
        <member name="[CB - Account].[Account CB - Description].&amp;[928021 - Missing]"/>
        <member name="[CB - Account].[Account CB - Description].&amp;[928022 - Missing]"/>
        <member name="[CB - Account].[Account CB - Description].&amp;[928024 - Missing]"/>
        <member name="[CB - Account].[Account CB - Description].&amp;[928026 - Missing]"/>
        <member name="[CB - Account].[Account CB - Description].&amp;[928027 - Missing]"/>
        <member name="[CB - Account].[Account CB - Description].&amp;[928028 - Missing]"/>
        <member name="[CB - Account].[Account CB - Description].&amp;[928039 - Missing]"/>
        <member name="[CB - Account].[Account CB - Description].&amp;[928041 - Missing]"/>
        <member name="[CB - Account].[Account CB - Description].&amp;[928046 - Missing]"/>
        <member name="[CB - Account].[Account CB - Description].&amp;[929010 - Missing]"/>
        <member name="[CB - Account].[Account CB - Description].&amp;[9301000 - Contra Insurance Expense]"/>
        <member name="[CB - Account].[Account CB - Description].&amp;[9301001 - Missing]"/>
        <member name="[CB - Account].[Account CB - Description].&amp;[9302001 - Missing]"/>
        <member name="[CB - Account].[Account CB - Description].&amp;[9302002 - Missing]"/>
        <member name="[CB - Account].[Account CB - Description].&amp;[9302004 - Missing]"/>
        <member name="[CB - Account].[Account CB - Description].&amp;[9302005 - Missing]"/>
        <member name="[CB - Account].[Account CB - Description].&amp;[930600 - Missing]"/>
        <member name="[CB - Account].[Account CB - Description].&amp;[9310001 - Missing]"/>
        <member name="[CB - Account].[Account CB - Description].&amp;[9310002 - Missing]"/>
        <member name="[CB - Account].[Account CB - Description].&amp;[9310004 - Missing]"/>
        <member name="[CB - Account].[Account CB - Description].&amp;[9310005 - Missing]"/>
        <member name="[CB - Account].[Account CB - Description].&amp;[9310007 - Missing]"/>
        <member name="[CB - Account].[Account CB - Description].&amp;[9320001 - Missing]"/>
        <member name="[CB - Account].[Account CB - Description].&amp;[9350001 - Missing]"/>
        <member name="[CB - Account].[Account CB - Description].&amp;[9350002 - Missing]"/>
        <member name="[CB - Account].[Account CB - Description].&amp;[935100 - Missing]"/>
        <member name="[CB - Account].[Account CB - Description].&amp;[9640001 - Missing]"/>
        <member name="[CB - Account].[Account CB - Description].&amp;[9880001 - Missing]"/>
        <member name="[CB - Account].[Account CB - Description].&amp;[9880002 - Missing]"/>
        <member name="[CB - Account].[Account CB - Description].&amp;[9880003 - Missing]"/>
        <member name="[CB - Account].[Account CB - Description].&amp;[9880006 - Missing]"/>
        <member name="[CB - Account].[Account CB - Description].&amp;[9880007 - Missing]"/>
        <member name="[CB - Account].[Account CB - Description].&amp;[9880008 - Missing]"/>
        <member name="[CB - Account].[Account CB - Description].&amp;[9880009 - Missing]"/>
        <member name="[CB - Account].[Account CB - Description].&amp;[9880104 - Missing]"/>
        <member name="[CB - Account].[Account CB - Description].&amp;[9880105 - Missing]"/>
        <member name="[CB - Account].[Account CB - Description].&amp;[9880106 - Missing]"/>
        <member name="[CB - Account].[Account CB - Description].&amp;[9880107 - Missing]"/>
        <member name="[CB - Account].[Account CB - Description].&amp;[9880108 - Missing]"/>
        <member name="[CB - Account].[Account CB - Description].&amp;[9880201 - Missing]"/>
        <member name="[CB - Account].[Account CB - Description].&amp;[9880202 - Missing]"/>
        <member name="[CB - Account].[Account CB - Description].&amp;[9880301 - Missing]"/>
        <member name="[CB - Account].[Account CB - Description].&amp;[9880400 - Missing]"/>
        <member name="[CB - Account].[Account CB - Description].&amp;[9880401 - Missing]"/>
        <member name="[CB - Account].[Account CB - Description].&amp;[9880402 - Missing]"/>
        <member name="[CB - Account].[Account CB - Description].&amp;[9880403 - Missing]"/>
        <member name="[CB - Account].[Account CB - Description].&amp;[9888888 - Missing]"/>
        <member name="[CB - Account].[Account CB - Description].&amp;[99810 - Missing]"/>
        <member name="[CB - Account].[Account CB - Description].&amp;[9999001 - Missing]"/>
        <member name="[CB - Account].[Account CB - Description].&amp;[9999002 - Missing]"/>
        <member name="[CB - Account].[Account CB - Description].&amp;[9999990 - 12/95]"/>
        <member name="[CB - Account].[Account CB - Description].&amp;[CAPITAL - Missing]"/>
        <member name="[CB - Account].[Account CB - Description].&amp;[DF00100 - Cash - Wells Account]"/>
        <member name="[CB - Account].[Account CB - Description].&amp;[DF00110 - Cash - JP Morgan STW]"/>
        <member name="[CB - Account].[Account CB - Description].&amp;[DF00120 - Cash - TD Investment Account]"/>
        <member name="[CB - Account].[Account CB - Description].&amp;[DF00130 - Prepaid Expenses]"/>
        <member name="[CB - Account].[Account CB - Description].&amp;[DF00140 - Long-Term Investments]"/>
        <member name="[CB - Account].[Account CB - Description].&amp;[DF00150 - Cash - FFTC]"/>
        <member name="[CB - Account].[Account CB - Description].&amp;[DF00200 - Taxes Due]"/>
        <member name="[CB - Account].[Account CB - Description].&amp;[DF00400 - Donor Advised Fund]"/>
        <member name="[CB - Account].[Account CB - Description].&amp;[DF00410 - Net Assets]"/>
        <member name="[CB - Account].[Account CB - Description].&amp;[DF00420 - Contributions / Gifts Received]"/>
        <member name="[CB - Account].[Account CB - Description].&amp;[DF00430 - Interest Income]"/>
        <member name="[CB - Account].[Account CB - Description].&amp;[DF00440 - Net Investment Earnings]"/>
        <member name="[CB - Account].[Account CB - Description].&amp;[DF00800 - Contributions / Grands Paid]"/>
        <member name="[CB - Account].[Account CB - Description].&amp;[DF00810 - Accounting Fees]"/>
        <member name="[CB - Account].[Account CB - Description].&amp;[DF00820 - Bank Fees]"/>
        <member name="[CB - Account].[Account CB - Description].&amp;[DF00830 - Fund Administration Fees]"/>
        <member name="[CB - Account].[Account CB - Description].&amp;[DF00840 - Duke Foundation Taxes]"/>
        <member name="[CB - Account].[Account CB - Description].&amp;[IC12330 - Intc A/R -Rollup Settlement]"/>
        <member name="[CB - Account].[Account CB - Description].&amp;[IC12331 - Interc A/R Cash Settlement]"/>
        <member name="[CB - Account].[Account CB - Description].&amp;[IC12510 - Intco Notes Receivable-Current]"/>
        <member name="[CB - Account].[Account CB - Description].&amp;[IC12600 - Intco Interest Receivable]"/>
        <member name="[CB - Account].[Account CB - Description].&amp;[IC13100 - Intco Cash]"/>
        <member name="[CB - Account].[Account CB - Description].&amp;[IC14600 - INTERCOMPANY COLLATERAL ASSETS]"/>
        <member name="[CB - Account].[Account CB - Description].&amp;[IC15030 - Intercompany Advances]"/>
        <member name="[CB - Account].[Account CB - Description].&amp;[IC15060 - IC Notes Recievable - LT]"/>
        <member name="[CB - Account].[Account CB - Description].&amp;[IC16500 - Other Current Assets CONS]"/>
        <member name="[CB - Account].[Account CB - Description].&amp;[IC18630 - Intercompany Deferred Debit]"/>
        <member name="[CB - Account].[Account CB - Description].&amp;[IC21070 - Intco A/P Rollup Settlement]"/>
        <member name="[CB - Account].[Account CB - Description].&amp;[IC21071 - IC A/P Cash Settlement]"/>
        <member name="[CB - Account].[Account CB - Description].&amp;[IC22040 - Intco Notes Payable-Current]"/>
        <member name="[CB - Account].[Account CB - Description].&amp;[IC23020 - Accrued IC Interest Payable]"/>
        <member name="[CB - Account].[Account CB - Description].&amp;[IC24200 - INTERCO COLLATERAL LIAB]"/>
        <member name="[CB - Account].[Account CB - Description].&amp;[IC24265 - Other Current Liab CONS]"/>
        <member name="[CB - Account].[Account CB - Description].&amp;[IC25300 - Intercompany Deferred Credit]"/>
        <member name="[CB - Account].[Account CB - Description].&amp;[IC25400 - IC Notes Payable Long Term]"/>
        <member name="[CB - Account].[Account CB - Description].&amp;[IC41000 - Intc Natural Gas Sales]"/>
        <member name="[CB - Account].[Account CB - Description].&amp;[IC41500 - Intercompany TM Gas Sales]"/>
        <member name="[CB - Account].[Account CB - Description].&amp;[IC42000 - IC Transportation Revenues]"/>
        <member name="[CB - Account].[Account CB - Description].&amp;[IC42001 - IC Transportation Revenue]"/>
        <member name="[CB - Account].[Account CB - Description].&amp;[IC42002 - IC Transportation Revenues Non]"/>
        <member name="[CB - Account].[Account CB - Description].&amp;[IC42100 - Intercompany Nonoper Income]"/>
        <member name="[CB - Account].[Account CB - Description].&amp;[IC44000 - Intercompany Storage Revenues]"/>
        <member name="[CB - Account].[Account CB - Description].&amp;[IC44001 - IC Storage Revenues]"/>
        <member name="[CB - Account].[Account CB - Description].&amp;[IC44002 - InterCo Storage Rev Non Reg Ga]"/>
        <member name="[CB - Account].[Account CB - Description].&amp;[IC45000 - Intercompany Electric Sales]"/>
        <member name="[CB - Account].[Account CB - Description].&amp;[IC45001 - IC Electric Sales - Reg Elect]"/>
        <member name="[CB - Account].[Account CB - Description].&amp;[IC45500 - IC Energy Sales]"/>
        <member name="[CB - Account].[Account CB - Description].&amp;[IC46000 - Intercompany Operating Revenue]"/>
        <member name="[CB - Account].[Account CB - Description].&amp;[IC46001 - IC Operating Revenue - Reg Ele]"/>
        <member name="[CB - Account].[Account CB - Description].&amp;[IC46002 - IC operating Revenue-Reg Gas]"/>
        <member name="[CB - Account].[Account CB - Description].&amp;[IC46006 - INTERCO INSUR PREMIUMS EARNED]"/>
        <member name="[CB - Account].[Account CB - Description].&amp;[IC47000 - Intercompany Liquid Sales]"/>
        <member name="[CB - Account].[Account CB - Description].&amp;[IC47001 - Intercompany Liquid Sales  - R]"/>
        <member name="[CB - Account].[Account CB - Description].&amp;[IC47510 - Cons LPG Sales]"/>
        <member name="[CB - Account].[Account CB - Description].&amp;[IC48000 - Interco Refined Product Sales]"/>
        <member name="[CB - Account].[Account CB - Description].&amp;[IC48500 - Interco Crude Oil Sales]"/>
        <member name="[CB - Account].[Account CB - Description].&amp;[IC48900 - IC Distribution Revenue]"/>
        <member name="[CB - Account].[Account CB - Description].&amp;[IC51000 - Intercompany Gas Purchases]"/>
        <member name="[CB - Account].[Account CB - Description].&amp;[IC51510 - Intercompany Cost of Sales]"/>
        <member name="[CB - Account].[Account CB - Description].&amp;[IC51600 - Intercompany Power Purchases]"/>
        <member name="[CB - Account].[Account CB - Description].&amp;[IC52000 - Intercompany Operating Expense]"/>
        <member name="[CB - Account].[Account CB - Description].&amp;[IC57510 - Cons LPG Purchases]"/>
        <member name="[CB - Account].[Account CB - Description].&amp;[IC58000 - Interco Refine Prdct Purchase]"/>
        <member name="[CB - Account].[Account CB - Description].&amp;[IC58500 - Interco Crude Oil Purch]"/>
        <member name="[CB - Account].[Account CB - Description].&amp;[IC73300 - Intercompany Interest Income]"/>
        <member name="[CB - Account].[Account CB - Description].&amp;[IC74100 - Intercompany Nonoper Expense]"/>
        <member name="[CB - Account].[Account CB - Description].&amp;[IC84300 - Intercompany Interest Expense]"/>
        <member name="[CB - Account].[Account CB - Description].&amp;[IC92406 - INTERCO INSUR EXPENSE]"/>
        <member name="[CB - Account].[Account CB - Description].&amp;[O&amp;M - Missing]"/>
        <member name="[CB - Account].[Account CB - Description].&amp;[S019M05 - OPTCating Margin]"/>
        <member name="[CB - Account].[Account CB - Description].&amp;[S019M06 - GWH Sales - Bundled]"/>
        <member name="[CB - Account].[Account CB - Description].&amp;[S019M07 - Wheeled Revenues]"/>
        <member name="[CB - Account].[Account CB - Description].&amp;[S019M08 - ELECTRIC TRANSMISSION CASH FLO]"/>
        <member name="[CB - Account].[Account CB - Description].&amp;[S019M09 - ELECTRIC TRANMISSION BUS. EXP]"/>
        <member name="[CB - Account].[Account CB - Description].&amp;[S019M10 - ELECTRIC TRANS. OTHER INV]"/>
        <member name="[CB - Account].[Account CB - Description].&amp;[S019Q05 - OPTCating Margin]"/>
        <member name="[CB - Account].[Account CB - Description].&amp;[S019Q06 - GWH Sales - Bundled]"/>
        <member name="[CB - Account].[Account CB - Description].&amp;[S019Q07 - Wheeled Revenues]"/>
        <member name="[CB - Account].[Account CB - Description].&amp;[S311M03 - DUKE WATER OPERATIONS]"/>
        <member name="[CB - Account].[Account CB - Description].&amp;[S311M06 - DUKE WATER OPERATIONS]"/>
        <member name="[CB - Account].[Account CB - Description].&amp;[S311M09 - DUKE WATER OPERATIONS]"/>
        <member name="[CB - Account].[Account CB - Description].&amp;[S311M15 - DUKE WATER OPERATIONS]"/>
        <member name="[CB - Account].[Account CB - Description].&amp;[S311Q15 - DUKE WATER OPERATIONS]"/>
        <member name="[CB - Account].[Account CB - Description].&amp;[S311Y12 - DUKE WATER OPERATIONS]"/>
        <member name="[CB - Account].[Account CB - Description].&amp;[S311Y15 - DUKE WATER OPERATIONS]"/>
        <member name="[CB - Account].[Account CB - Description].&amp;[SBUSEXP - BUSINESS EXPANSION]"/>
        <member name="[CB - Account].[Account CB - Description].&amp;[SCASHFL - CASH FLOW]"/>
        <member name="[CB - Account].[Account CB - Description].&amp;[SGWHSLS - GWH SALES]"/>
        <member name="[CB - Account].[Account CB - Description].&amp;[SMOPMGN - MONTHLY OPERATING MARGIN]"/>
        <member name="[CB - Account].[Account CB - Description].&amp;[SOINVST - OTHER INVESTMENTS]"/>
        <member name="[CB - Account].[Account CB - Description].&amp;[SQOPMGN - QUARTERLY OPERATING MARGIN]"/>
        <member name="[CB - Account].[Account CB - Description].&amp;[STBTUTH - TBTU THROUGHPUT]"/>
        <member name="[CB - Account].[Account CB - Description].&amp;[STROCEE - TOTAL ROCE]"/>
        <member name="[CB - Account].[Account CB - Description].&amp;[SWHEELR - WHEELED RESERVES]"/>
        <member name="[CB - Account].[Account CB - Description].&amp;[SYOPMGN - YEARLY OPERATING MARGIN]"/>
        <member name="[CB - Account].[Account CB - Description].&amp;[SYROCEE - ROCE]"/>
        <member name="[CB - Account].[Account CB - Description].&amp;[WKF0001 - Budget Workforce Default Value]"/>
        <member name="[CB - Account].[Account CB - Description].[All].UNKNOWNMEMBER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37"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  <mp field="57"/>
        <mp field="58"/>
        <mp field="59"/>
        <mp field="60"/>
        <mp field="61"/>
        <mp field="62"/>
        <mp field="63"/>
        <mp field="64"/>
        <mp field="65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1">
        <mp field="69"/>
      </mps>
      <members count="29" level="1">
        <member name="[CB - Responsibility Center HIER].[Responsibility Center Level 02 Name - Description].&amp;[2022-01-01T00:00:00]&amp;[RESP_CENTER_ALLOC]&amp;[  - NO RESP CENTER]&amp;[  - NO RESP CENTER]"/>
        <member name="[CB - Responsibility Center HIER].[Responsibility Center Level 02 Name - Description].&amp;[2022-01-01T00:00:00]&amp;[RESP_CENTER_RPTG]&amp;[  - NO RESP CENTER]&amp;[  - NO RESP CENTER]"/>
        <member name="[CB - Responsibility Center HIER].[Responsibility Center Level 02 Name - Description].&amp;[2023-01-01T00:00:00]&amp;[RESP_CENTER_RPTG (FY)]&amp;[  (FY) - NO RESP CENTER]&amp;[  (FY) - NO RESP CENTER]"/>
        <member name=""/>
        <member name=""/>
        <member name=""/>
        <member name=""/>
        <member name="[CB - Responsibility Center HIER].[Responsibility Center Level 02 Name - Description].&amp;[2022-01-01T00:00:00]&amp;[RESP_CENTER_ALLOC]&amp;[ALL_RESP_FROMS - All Responsibility Center From]&amp;[513_DEGS_ST_BERNARD - DEGS ST Bernard]"/>
        <member name="[CB - Responsibility Center HIER].[Responsibility Center Level 02 Name - Description].&amp;[2022-01-01T00:00:00]&amp;[RESP_CENTER_ALLOC]&amp;[ALL_RESP_FROMS - All Responsibility Center From]&amp;[517_DEGS_NARROWS - DEGS Narrows]"/>
        <member name="[CB - Responsibility Center HIER].[Responsibility Center Level 02 Name - Description].&amp;[2022-01-01T00:00:00]&amp;[RESP_CENTER_ALLOC]&amp;[ALL_RESP_FROMS - All Responsibility Center From]&amp;[520_DEGS_HOLDING_CO - DEGS Holding Co]"/>
        <member name="[CB - Responsibility Center HIER].[Responsibility Center Level 02 Name - Description].&amp;[2022-01-01T00:00:00]&amp;[RESP_CENTER_ALLOC]&amp;[ALL_RESP_FROMS - All Responsibility Center From]&amp;[527_DEGS_PHILADELPHI - DEGS Philadelphia]"/>
        <member name=""/>
        <member name="[CB - Responsibility Center HIER].[Responsibility Center Level 02 Name - Description].&amp;[2022-01-01T00:00:00]&amp;[RESP_CENTER_ALLOC]&amp;[ALL_RESP_FROMS - All Responsibility Center From]&amp;[531_CSGP_SE_TEXAS - CSGP SE Texas]"/>
        <member name="[CB - Responsibility Center HIER].[Responsibility Center Level 02 Name - Description].&amp;[2022-01-01T00:00:00]&amp;[RESP_CENTER_ALLOC]&amp;[ALL_RESP_FROMS - All Responsibility Center From]&amp;[534_DEGS_TUSCOLA - DEGS Tuscola]"/>
        <member name=""/>
        <member name="[CB - Responsibility Center HIER].[Responsibility Center Level 02 Name - Description].&amp;[2022-01-01T00:00:00]&amp;[RESP_CENTER_ALLOC]&amp;[ALL_RESP_FROMS - All Responsibility Center From]&amp;[600_DEI - Duke Energy International Tota]"/>
        <member name="[CB - Responsibility Center HIER].[Responsibility Center Level 02 Name - Description].&amp;[2022-01-01T00:00:00]&amp;[RESP_CENTER_ALLOC]&amp;[ALL_RESP_FROMS - All Responsibility Center From]&amp;[610_DENA_OPERATIONS - DENA Operations]"/>
        <member name="[CB - Responsibility Center HIER].[Responsibility Center Level 02 Name - Description].&amp;[2022-01-01T00:00:00]&amp;[RESP_CENTER_ALLOC]&amp;[ALL_RESP_FROMS - All Responsibility Center From]&amp;[800_PE_SERVICE_CO - Progress Energy Service Co]"/>
        <member name=""/>
        <member name=""/>
        <member name="[CB - Responsibility Center HIER].[Responsibility Center Level 02 Name - Description].&amp;[2023-01-01T00:00:00]&amp;[RESP_CENTER_RPTG (FY)]&amp;[ALL_RESP_FROMS (FY) - All Responsibility Center From]&amp;[CORP (FY) - Corporate Departments]"/>
        <member name="[CB - Responsibility Center HIER].[Responsibility Center Level 02 Name - Description].&amp;[2022-01-01T00:00:00]&amp;[RESP_CENTER_ALLOC]&amp;[ALL_RESP_FROMS - All Responsibility Center From]&amp;[GASCO - DISCONTINUED_OPERATIONS]"/>
        <member name="[CB - Responsibility Center HIER].[Responsibility Center Level 02 Name - Description].&amp;[2022-01-01T00:00:00]&amp;[RESP_CENTER_ALLOC]&amp;[ALL_RESP_FROMS - All Responsibility Center From]&amp;[IN00 - RESP: Inactive OR Not_Used]"/>
        <member name="[CB - Responsibility Center HIER].[Responsibility Center Level 02 Name - Description].&amp;[2022-01-01T00:00:00]&amp;[RESP_CENTER_ALLOC]&amp;[ALL_RESP_FROMS - All Responsibility Center From]&amp;[MOVE ME - Move Me Node]"/>
        <member name="[CB - Responsibility Center HIER].[Responsibility Center Level 02 Name - Description].&amp;[2023-01-01T00:00:00]&amp;[RESP_CENTER_RPTG (FY)]&amp;[ALL_RESP_FROMS (FY) - All Responsibility Center From]&amp;[NON_CORP (FY) - Non-Corporate Departments]"/>
        <member name="[CB - Responsibility Center HIER].[Responsibility Center Level 02 Name - Description].&amp;[2022-01-01T00:00:00]&amp;[RESP_CENTER_ALLOC]&amp;[ALL_RESP_FROMS - All Responsibility Center From]&amp;[OTHER - Other]"/>
        <member name="[CB - Responsibility Center HIER].[Responsibility Center Level 02 Name - Description].&amp;[2022-01-01T00:00:00]&amp;[RESP_CENTER_ALLOC]&amp;[ALL_RESP_FROMS - All Responsibility Center From]&amp;[PE_OTHER - Progress Other Non-Utility]"/>
        <member name=""/>
        <member name="[CB - Responsibility Center HIER].[Responsibility Center Level 02 Name - Description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">
        <mp field="9"/>
        <mp field="10"/>
        <mp field="11"/>
      </mps>
      <members count="1" level="1">
        <member name="[GL Scenario].[GL Scenario].&amp;[1]"/>
      </members>
    </pivotHierarchy>
    <pivotHierarchy/>
    <pivotHierarchy/>
    <pivotHierarchy/>
    <pivotHierarchy/>
    <pivotHierarchy/>
    <pivotHierarchy/>
    <pivotHierarchy/>
    <pivotHierarchy/>
    <pivotHierarchy multipleItemSelectionAllowed="1">
      <mps count="4">
        <mp field="6"/>
        <mp field="7"/>
        <mp field="14"/>
        <mp field="15"/>
      </mps>
    </pivotHierarchy>
    <pivotHierarchy/>
    <pivotHierarchy/>
    <pivotHierarchy/>
    <pivotHierarchy/>
    <pivotHierarchy/>
    <pivotHierarchy/>
    <pivotHierarchy/>
    <pivotHierarchy/>
    <pivotHierarchy showInFieldList="0"/>
    <pivotHierarchy/>
    <pivotHierarchy showInFieldList="0"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2">
    <rowHierarchyUsage hierarchyUsage="537"/>
    <rowHierarchyUsage hierarchyUsage="139"/>
  </rowHierarchiesUsage>
  <colHierarchiesUsage count="1">
    <colHierarchyUsage hierarchyUsage="579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9C731A32-91A4-42B3-8373-1D280597B68F}" name="PivotTable1" cacheId="1" applyNumberFormats="0" applyBorderFormats="0" applyFontFormats="0" applyPatternFormats="0" applyAlignmentFormats="0" applyWidthHeightFormats="1" dataCaption="Values" updatedVersion="7" minRefreshableVersion="3" useAutoFormatting="1" subtotalHiddenItems="1" itemPrintTitles="1" createdVersion="4" indent="0" compact="0" compactData="0" gridDropZones="1" multipleFieldFilters="0" fieldListSortAscending="1">
  <location ref="A20:P365" firstHeaderRow="1" firstDataRow="4" firstDataCol="2" rowPageCount="6" colPageCount="1"/>
  <pivotFields count="72">
    <pivotField axis="axisPage" compact="0" allDrilled="1" outline="0" showAll="0" dataSourceSort="1" defaultAttributeDrillState="1">
      <items count="1">
        <item t="default"/>
      </items>
    </pivotField>
    <pivotField axis="axisPage" compact="0" allDrilled="1" outline="0" showAll="0" dataSourceSort="1" defaultAttributeDrillState="1">
      <items count="2">
        <item s="1" x="0"/>
        <item t="default"/>
      </items>
    </pivotField>
    <pivotField axis="axisPage" compact="0" allDrilled="1" outline="0" showAll="0" dataSourceSort="1" defaultAttributeDrillState="1">
      <items count="3">
        <item s="1" x="0"/>
        <item s="1" x="1"/>
        <item t="default"/>
      </items>
    </pivotField>
    <pivotField axis="axisCol" compact="0" allDrilled="1" outline="0" showAll="0" dataSourceSort="1">
      <items count="4">
        <item c="1" x="0" d="1"/>
        <item x="1" d="1"/>
        <item x="2" d="1"/>
        <item t="default"/>
      </items>
    </pivotField>
    <pivotField axis="axisCol" compact="0" outline="0" showAll="0" dataSourceSort="1" defaultSubtotal="0">
      <items count="4">
        <item s="1" c="1" x="0"/>
        <item s="1" c="1" x="1"/>
        <item s="1" c="1" x="2"/>
        <item s="1" c="1" x="3"/>
      </items>
    </pivotField>
    <pivotField axis="axisCol" compact="0" allDrilled="1" outline="0" showAll="0" dataSourceSort="1">
      <items count="13">
        <item c="1" x="0"/>
        <item c="1" x="1"/>
        <item c="1" x="2"/>
        <item c="1" x="3"/>
        <item c="1" x="4"/>
        <item c="1" x="5"/>
        <item c="1" x="6"/>
        <item c="1" x="7"/>
        <item c="1" x="8"/>
        <item c="1" x="9"/>
        <item c="1" x="10"/>
        <item c="1" x="11"/>
        <item t="default"/>
      </items>
    </pivotField>
    <pivotField compact="0" outline="0" showAll="0" dataSourceSort="1" defaultSubtotal="0" showPropTip="1"/>
    <pivotField compact="0" outline="0" showAll="0" dataSourceSort="1" defaultSubtotal="0" showPropTip="1"/>
    <pivotField axis="axisPage" compact="0" allDrilled="1" outline="0" showAll="0" dataSourceSort="1" defaultAttributeDrillState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allDrilled="1" outline="0" showAll="0" sortType="ascending" defaultAttributeDrillState="1">
      <items count="1">
        <item t="default"/>
      </items>
    </pivotField>
    <pivotField axis="axisCol" compact="0" outline="0" showAll="0" hideNewItems="1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axis="axisPage" compact="0" allDrilled="1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axis="axisRow" compact="0" allDrilled="1" outline="0" showAll="0" dataSourceSort="1" defaultAttributeDrillState="1">
      <items count="137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  <item s="1" x="21"/>
        <item s="1" x="22"/>
        <item s="1" x="23"/>
        <item s="1" x="24"/>
        <item s="1" x="25"/>
        <item s="1" x="26"/>
        <item s="1" x="27"/>
        <item s="1" x="28"/>
        <item s="1" x="29"/>
        <item s="1" x="30"/>
        <item s="1" x="31"/>
        <item s="1" x="32"/>
        <item s="1" x="33"/>
        <item s="1" x="34"/>
        <item s="1" x="35"/>
        <item s="1" x="36"/>
        <item s="1" x="37"/>
        <item s="1" x="38"/>
        <item s="1" x="39"/>
        <item s="1" x="40"/>
        <item s="1" x="41"/>
        <item s="1" x="42"/>
        <item s="1" x="43"/>
        <item s="1" x="44"/>
        <item s="1" x="45"/>
        <item s="1" x="46"/>
        <item s="1" x="47"/>
        <item s="1" x="48"/>
        <item s="1" x="49"/>
        <item s="1" x="50"/>
        <item s="1" x="51"/>
        <item s="1" x="52"/>
        <item s="1" x="53"/>
        <item s="1" x="54"/>
        <item s="1" x="55"/>
        <item s="1" x="56"/>
        <item s="1" x="57"/>
        <item s="1" x="58"/>
        <item s="1" x="59"/>
        <item s="1" x="60"/>
        <item s="1" x="61"/>
        <item s="1" x="62"/>
        <item s="1" x="63"/>
        <item s="1" x="64"/>
        <item s="1" x="65"/>
        <item s="1" x="66"/>
        <item s="1" x="67"/>
        <item s="1" x="68"/>
        <item s="1" x="69"/>
        <item s="1" x="70"/>
        <item s="1" x="71"/>
        <item s="1" x="72"/>
        <item s="1" x="73"/>
        <item s="1" x="74"/>
        <item s="1" x="75"/>
        <item s="1" x="76"/>
        <item s="1" x="77"/>
        <item s="1" x="78"/>
        <item s="1" x="79"/>
        <item s="1" x="80"/>
        <item s="1" x="81"/>
        <item s="1" x="82"/>
        <item s="1" x="83"/>
        <item s="1" x="84"/>
        <item s="1" x="85"/>
        <item s="1" x="86"/>
        <item s="1" x="87"/>
        <item s="1" x="88"/>
        <item s="1" x="89"/>
        <item s="1" x="90"/>
        <item s="1" x="91"/>
        <item s="1" x="92"/>
        <item s="1" x="93"/>
        <item s="1" x="94"/>
        <item s="1" x="95"/>
        <item s="1" x="96"/>
        <item s="1" x="97"/>
        <item s="1" x="98"/>
        <item s="1" x="99"/>
        <item s="1" x="100"/>
        <item s="1" x="101"/>
        <item s="1" x="102"/>
        <item s="1" x="103"/>
        <item s="1" x="104"/>
        <item s="1" x="105"/>
        <item s="1" x="106"/>
        <item s="1" x="107"/>
        <item s="1" x="108"/>
        <item s="1" x="109"/>
        <item s="1" x="110"/>
        <item s="1" x="111"/>
        <item s="1" x="112"/>
        <item s="1" x="113"/>
        <item s="1" x="114"/>
        <item s="1" x="115"/>
        <item s="1" x="116"/>
        <item s="1" x="117"/>
        <item s="1" x="118"/>
        <item s="1" x="119"/>
        <item s="1" x="120"/>
        <item s="1" x="121"/>
        <item s="1" x="122"/>
        <item s="1" x="123"/>
        <item s="1" x="124"/>
        <item s="1" x="125"/>
        <item s="1" x="126"/>
        <item s="1" x="127"/>
        <item s="1" x="128"/>
        <item s="1" x="129"/>
        <item s="1" x="130"/>
        <item s="1" x="131"/>
        <item s="1" x="132"/>
        <item s="1" x="133"/>
        <item s="1" x="134"/>
        <item s="1" x="135"/>
        <item t="default"/>
      </items>
    </pivotField>
    <pivotField axis="axisPage" compact="0" allDrilled="1" outline="0" showAll="0" dataSourceSort="1" defaultAttributeDrillState="1">
      <items count="1">
        <item t="default"/>
      </items>
    </pivotField>
    <pivotField axis="axisRow" compact="0" outline="0" showAll="0" dataSourceSort="1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t="default"/>
      </items>
    </pivotField>
    <pivotField compact="0" outline="0" showAll="0" dataSourceSort="1" showPropTip="1"/>
    <pivotField axis="axisRow" compact="0" allDrilled="1" outline="0" showAll="0" hideNewItems="1">
      <items count="5">
        <item n="536_DEK - Duke Energy Kentucky" c="1" x="0"/>
        <item n="503_DEO - Duke Energy Ohio" c="1" x="2"/>
        <item n="110_SERVICE_COMPANY - Duke Energy Business Services" c="1" x="3"/>
        <item n="Other Affiliates" c="1" x="1"/>
        <item t="default"/>
      </items>
    </pivotField>
    <pivotField dataField="1" compact="0" outline="0" showAll="0"/>
  </pivotFields>
  <rowFields count="2">
    <field x="70"/>
    <field x="66"/>
  </rowFields>
  <rowItems count="342">
    <i>
      <x/>
      <x/>
    </i>
    <i r="1">
      <x v="1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18"/>
    </i>
    <i r="1">
      <x v="19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29"/>
    </i>
    <i r="1">
      <x v="30"/>
    </i>
    <i r="1">
      <x v="31"/>
    </i>
    <i r="1">
      <x v="33"/>
    </i>
    <i r="1">
      <x v="34"/>
    </i>
    <i r="1">
      <x v="37"/>
    </i>
    <i r="1">
      <x v="38"/>
    </i>
    <i r="1">
      <x v="39"/>
    </i>
    <i r="1">
      <x v="40"/>
    </i>
    <i r="1">
      <x v="41"/>
    </i>
    <i r="1">
      <x v="42"/>
    </i>
    <i r="1">
      <x v="43"/>
    </i>
    <i r="1">
      <x v="44"/>
    </i>
    <i r="1">
      <x v="45"/>
    </i>
    <i r="1">
      <x v="47"/>
    </i>
    <i r="1">
      <x v="48"/>
    </i>
    <i r="1">
      <x v="49"/>
    </i>
    <i r="1">
      <x v="50"/>
    </i>
    <i r="1">
      <x v="51"/>
    </i>
    <i r="1">
      <x v="52"/>
    </i>
    <i r="1">
      <x v="54"/>
    </i>
    <i r="1">
      <x v="56"/>
    </i>
    <i r="1">
      <x v="57"/>
    </i>
    <i r="1">
      <x v="58"/>
    </i>
    <i r="1">
      <x v="59"/>
    </i>
    <i r="1">
      <x v="60"/>
    </i>
    <i r="1">
      <x v="61"/>
    </i>
    <i r="1">
      <x v="62"/>
    </i>
    <i r="1">
      <x v="64"/>
    </i>
    <i r="1">
      <x v="65"/>
    </i>
    <i r="1">
      <x v="66"/>
    </i>
    <i r="1">
      <x v="67"/>
    </i>
    <i r="1">
      <x v="68"/>
    </i>
    <i r="1">
      <x v="69"/>
    </i>
    <i r="1">
      <x v="70"/>
    </i>
    <i r="1">
      <x v="71"/>
    </i>
    <i r="1">
      <x v="72"/>
    </i>
    <i r="1">
      <x v="73"/>
    </i>
    <i r="1">
      <x v="75"/>
    </i>
    <i r="1">
      <x v="76"/>
    </i>
    <i r="1">
      <x v="77"/>
    </i>
    <i r="1">
      <x v="78"/>
    </i>
    <i r="1">
      <x v="79"/>
    </i>
    <i r="1">
      <x v="80"/>
    </i>
    <i r="1">
      <x v="82"/>
    </i>
    <i r="1">
      <x v="83"/>
    </i>
    <i r="1">
      <x v="85"/>
    </i>
    <i r="1">
      <x v="87"/>
    </i>
    <i r="1">
      <x v="88"/>
    </i>
    <i r="1">
      <x v="89"/>
    </i>
    <i r="1">
      <x v="92"/>
    </i>
    <i r="1">
      <x v="93"/>
    </i>
    <i r="1">
      <x v="95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5"/>
    </i>
    <i r="1">
      <x v="107"/>
    </i>
    <i r="1">
      <x v="110"/>
    </i>
    <i r="1">
      <x v="111"/>
    </i>
    <i r="1">
      <x v="114"/>
    </i>
    <i r="1">
      <x v="116"/>
    </i>
    <i r="1">
      <x v="119"/>
    </i>
    <i r="1">
      <x v="122"/>
    </i>
    <i r="1">
      <x v="124"/>
    </i>
    <i r="1">
      <x v="125"/>
    </i>
    <i r="1">
      <x v="127"/>
    </i>
    <i r="1">
      <x v="128"/>
    </i>
    <i r="1">
      <x v="129"/>
    </i>
    <i r="1">
      <x v="131"/>
    </i>
    <i r="1">
      <x v="132"/>
    </i>
    <i r="1">
      <x v="134"/>
    </i>
    <i r="1">
      <x v="135"/>
    </i>
    <i t="default">
      <x/>
    </i>
    <i>
      <x v="1"/>
      <x v="14"/>
    </i>
    <i r="1">
      <x v="28"/>
    </i>
    <i r="1">
      <x v="30"/>
    </i>
    <i r="1">
      <x v="31"/>
    </i>
    <i r="1">
      <x v="33"/>
    </i>
    <i r="1">
      <x v="42"/>
    </i>
    <i r="1">
      <x v="45"/>
    </i>
    <i r="1">
      <x v="47"/>
    </i>
    <i r="1">
      <x v="48"/>
    </i>
    <i r="1">
      <x v="50"/>
    </i>
    <i r="1">
      <x v="51"/>
    </i>
    <i r="1">
      <x v="52"/>
    </i>
    <i r="1">
      <x v="56"/>
    </i>
    <i r="1">
      <x v="59"/>
    </i>
    <i r="1">
      <x v="60"/>
    </i>
    <i r="1">
      <x v="61"/>
    </i>
    <i r="1">
      <x v="62"/>
    </i>
    <i r="1">
      <x v="65"/>
    </i>
    <i r="1">
      <x v="66"/>
    </i>
    <i r="1">
      <x v="67"/>
    </i>
    <i r="1">
      <x v="68"/>
    </i>
    <i r="1">
      <x v="69"/>
    </i>
    <i r="1">
      <x v="71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79"/>
    </i>
    <i r="1">
      <x v="80"/>
    </i>
    <i r="1">
      <x v="89"/>
    </i>
    <i r="1">
      <x v="92"/>
    </i>
    <i r="1">
      <x v="95"/>
    </i>
    <i r="1">
      <x v="98"/>
    </i>
    <i r="1">
      <x v="105"/>
    </i>
    <i r="1">
      <x v="114"/>
    </i>
    <i r="1">
      <x v="116"/>
    </i>
    <i r="1">
      <x v="124"/>
    </i>
    <i t="default">
      <x v="1"/>
    </i>
    <i>
      <x v="2"/>
      <x/>
    </i>
    <i r="1">
      <x v="1"/>
    </i>
    <i r="1">
      <x v="3"/>
    </i>
    <i r="1">
      <x v="6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21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30"/>
    </i>
    <i r="1">
      <x v="31"/>
    </i>
    <i r="1">
      <x v="32"/>
    </i>
    <i r="1">
      <x v="33"/>
    </i>
    <i r="1">
      <x v="35"/>
    </i>
    <i r="1">
      <x v="36"/>
    </i>
    <i r="1">
      <x v="37"/>
    </i>
    <i r="1">
      <x v="38"/>
    </i>
    <i r="1">
      <x v="39"/>
    </i>
    <i r="1">
      <x v="40"/>
    </i>
    <i r="1">
      <x v="41"/>
    </i>
    <i r="1">
      <x v="42"/>
    </i>
    <i r="1">
      <x v="43"/>
    </i>
    <i r="1">
      <x v="44"/>
    </i>
    <i r="1">
      <x v="45"/>
    </i>
    <i r="1">
      <x v="46"/>
    </i>
    <i r="1">
      <x v="47"/>
    </i>
    <i r="1">
      <x v="48"/>
    </i>
    <i r="1">
      <x v="49"/>
    </i>
    <i r="1">
      <x v="50"/>
    </i>
    <i r="1">
      <x v="51"/>
    </i>
    <i r="1">
      <x v="52"/>
    </i>
    <i r="1">
      <x v="53"/>
    </i>
    <i r="1">
      <x v="54"/>
    </i>
    <i r="1">
      <x v="55"/>
    </i>
    <i r="1">
      <x v="56"/>
    </i>
    <i r="1">
      <x v="57"/>
    </i>
    <i r="1">
      <x v="58"/>
    </i>
    <i r="1">
      <x v="59"/>
    </i>
    <i r="1">
      <x v="60"/>
    </i>
    <i r="1">
      <x v="61"/>
    </i>
    <i r="1">
      <x v="62"/>
    </i>
    <i r="1">
      <x v="65"/>
    </i>
    <i r="1">
      <x v="66"/>
    </i>
    <i r="1">
      <x v="67"/>
    </i>
    <i r="1">
      <x v="68"/>
    </i>
    <i r="1">
      <x v="69"/>
    </i>
    <i r="1">
      <x v="70"/>
    </i>
    <i r="1">
      <x v="71"/>
    </i>
    <i r="1">
      <x v="72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79"/>
    </i>
    <i r="1">
      <x v="80"/>
    </i>
    <i r="1">
      <x v="81"/>
    </i>
    <i r="1">
      <x v="83"/>
    </i>
    <i r="1">
      <x v="85"/>
    </i>
    <i r="1">
      <x v="87"/>
    </i>
    <i r="1">
      <x v="88"/>
    </i>
    <i r="1">
      <x v="89"/>
    </i>
    <i r="1">
      <x v="90"/>
    </i>
    <i r="1">
      <x v="91"/>
    </i>
    <i r="1">
      <x v="92"/>
    </i>
    <i r="1">
      <x v="93"/>
    </i>
    <i r="1">
      <x v="95"/>
    </i>
    <i r="1">
      <x v="96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4"/>
    </i>
    <i r="1">
      <x v="105"/>
    </i>
    <i r="1">
      <x v="106"/>
    </i>
    <i r="1">
      <x v="107"/>
    </i>
    <i r="1">
      <x v="108"/>
    </i>
    <i r="1">
      <x v="109"/>
    </i>
    <i r="1">
      <x v="110"/>
    </i>
    <i r="1">
      <x v="112"/>
    </i>
    <i r="1">
      <x v="113"/>
    </i>
    <i r="1">
      <x v="114"/>
    </i>
    <i r="1">
      <x v="116"/>
    </i>
    <i r="1">
      <x v="117"/>
    </i>
    <i r="1">
      <x v="118"/>
    </i>
    <i r="1">
      <x v="119"/>
    </i>
    <i r="1">
      <x v="120"/>
    </i>
    <i r="1">
      <x v="121"/>
    </i>
    <i r="1">
      <x v="123"/>
    </i>
    <i r="1">
      <x v="124"/>
    </i>
    <i r="1">
      <x v="125"/>
    </i>
    <i r="1">
      <x v="126"/>
    </i>
    <i r="1">
      <x v="127"/>
    </i>
    <i r="1">
      <x v="128"/>
    </i>
    <i r="1">
      <x v="129"/>
    </i>
    <i r="1">
      <x v="130"/>
    </i>
    <i r="1">
      <x v="131"/>
    </i>
    <i r="1">
      <x v="132"/>
    </i>
    <i r="1">
      <x v="133"/>
    </i>
    <i r="1">
      <x v="134"/>
    </i>
    <i r="1">
      <x v="135"/>
    </i>
    <i t="default">
      <x v="2"/>
    </i>
    <i>
      <x v="3"/>
      <x/>
    </i>
    <i r="1">
      <x v="1"/>
    </i>
    <i r="1">
      <x v="2"/>
    </i>
    <i r="1">
      <x v="3"/>
    </i>
    <i r="1">
      <x v="6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16"/>
    </i>
    <i r="1">
      <x v="17"/>
    </i>
    <i r="1">
      <x v="18"/>
    </i>
    <i r="1">
      <x v="19"/>
    </i>
    <i r="1">
      <x v="20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30"/>
    </i>
    <i r="1">
      <x v="31"/>
    </i>
    <i r="1">
      <x v="33"/>
    </i>
    <i r="1">
      <x v="34"/>
    </i>
    <i r="1">
      <x v="37"/>
    </i>
    <i r="1">
      <x v="38"/>
    </i>
    <i r="1">
      <x v="39"/>
    </i>
    <i r="1">
      <x v="42"/>
    </i>
    <i r="1">
      <x v="45"/>
    </i>
    <i r="1">
      <x v="49"/>
    </i>
    <i r="1">
      <x v="50"/>
    </i>
    <i r="1">
      <x v="52"/>
    </i>
    <i r="1">
      <x v="54"/>
    </i>
    <i r="1">
      <x v="56"/>
    </i>
    <i r="1">
      <x v="58"/>
    </i>
    <i r="1">
      <x v="61"/>
    </i>
    <i r="1">
      <x v="62"/>
    </i>
    <i r="1">
      <x v="63"/>
    </i>
    <i r="1">
      <x v="68"/>
    </i>
    <i r="1">
      <x v="69"/>
    </i>
    <i r="1">
      <x v="70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79"/>
    </i>
    <i r="1">
      <x v="80"/>
    </i>
    <i r="1">
      <x v="81"/>
    </i>
    <i r="1">
      <x v="84"/>
    </i>
    <i r="1">
      <x v="85"/>
    </i>
    <i r="1">
      <x v="86"/>
    </i>
    <i r="1">
      <x v="87"/>
    </i>
    <i r="1">
      <x v="88"/>
    </i>
    <i r="1">
      <x v="89"/>
    </i>
    <i r="1">
      <x v="91"/>
    </i>
    <i r="1">
      <x v="92"/>
    </i>
    <i r="1">
      <x v="94"/>
    </i>
    <i r="1">
      <x v="95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5"/>
    </i>
    <i r="1">
      <x v="108"/>
    </i>
    <i r="1">
      <x v="114"/>
    </i>
    <i r="1">
      <x v="115"/>
    </i>
    <i r="1">
      <x v="116"/>
    </i>
    <i r="1">
      <x v="123"/>
    </i>
    <i r="1">
      <x v="124"/>
    </i>
    <i r="1">
      <x v="127"/>
    </i>
    <i r="1">
      <x v="131"/>
    </i>
    <i r="1">
      <x v="132"/>
    </i>
    <i t="default">
      <x v="3"/>
    </i>
    <i t="grand">
      <x/>
    </i>
  </rowItems>
  <colFields count="3">
    <field x="3"/>
    <field x="4"/>
    <field x="5"/>
  </colFields>
  <colItems count="14">
    <i>
      <x/>
      <x/>
      <x/>
    </i>
    <i r="2">
      <x v="1"/>
    </i>
    <i r="2">
      <x v="2"/>
    </i>
    <i r="1">
      <x v="1"/>
      <x v="3"/>
    </i>
    <i r="2">
      <x v="4"/>
    </i>
    <i r="2">
      <x v="5"/>
    </i>
    <i r="1">
      <x v="2"/>
      <x v="6"/>
    </i>
    <i r="2">
      <x v="7"/>
    </i>
    <i r="2">
      <x v="8"/>
    </i>
    <i r="1">
      <x v="3"/>
      <x v="9"/>
    </i>
    <i r="2">
      <x v="10"/>
    </i>
    <i r="2">
      <x v="11"/>
    </i>
    <i t="default">
      <x/>
    </i>
    <i t="grand">
      <x/>
    </i>
  </colItems>
  <pageFields count="6">
    <pageField fld="0" hier="1" name="[Business Rule].[_Rule Year].&amp;[2022]" cap="2022"/>
    <pageField fld="16" hier="319" name="[CB - Operating Unit HIER].[Operating Unit Hierarchy].[Operating Unit Effective Date].&amp;[2022-01-01T00:00:00]" cap="1/01/2022"/>
    <pageField fld="8" hier="570" name="[GL Scenario].[GL Scenario].&amp;[1]" cap="Actuals"/>
    <pageField fld="1" hier="48" name="[Business Rule].[ENT Jurisdiction].&amp;[Duke Energy Kentucky - Electric]" cap="Duke Energy Kentucky - Electric"/>
    <pageField fld="2" hier="43" name="[Business Rule].[ENT Accounting Class].[All]" cap="All"/>
    <pageField fld="67" hier="525" name="[CB - Responsibility Center HIER].[Responsibility Center Effective Date].&amp;[2022-01-01T00:00:00]" cap="1/01/2022"/>
  </pageFields>
  <dataFields count="1">
    <dataField fld="71" baseField="0" baseItem="0"/>
  </dataFields>
  <formats count="4">
    <format dxfId="7">
      <pivotArea outline="0" collapsedLevelsAreSubtotals="1" fieldPosition="0"/>
    </format>
    <format dxfId="6">
      <pivotArea field="1" type="button" dataOnly="0" labelOnly="1" outline="0" axis="axisPage" fieldPosition="3"/>
    </format>
    <format dxfId="5">
      <pivotArea dataOnly="0" outline="0" fieldPosition="0">
        <references count="1">
          <reference field="1" count="0" defaultSubtotal="1"/>
        </references>
      </pivotArea>
    </format>
    <format dxfId="4">
      <pivotArea dataOnly="0" labelOnly="1" outline="0" fieldPosition="0">
        <references count="1">
          <reference field="66" count="0"/>
        </references>
      </pivotArea>
    </format>
  </formats>
  <pivotHierarchies count="650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 multipleItemSelectionAllowed="1"/>
    <pivotHierarchy/>
    <pivotHierarchy/>
    <pivotHierarchy/>
    <pivotHierarchy multipleItemSelectionAllowed="1">
      <members count="2" level="1">
        <member name=""/>
        <member name="[Business Rule].[ENT Jurisdiction].&amp;[Duke Energy Kentucky - Electric - Special Governance]"/>
      </members>
    </pivotHierarchy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2832" level="1">
        <member name="[CB - Account].[Account CB - Description].&amp;[  - NO VALUE]"/>
        <member name="[CB - Account].[Account CB - Description].&amp;[~ - Missing]"/>
        <member name="[CB - Account].[Account CB - Description].&amp;[0001000 - Sales - TNM Nat Gas W/DETM]"/>
        <member name="[CB - Account].[Account CB - Description].&amp;[0001001 - Investment in Alliance]"/>
        <member name="[CB - Account].[Account CB - Description].&amp;[0001002 - Investments]"/>
        <member name="[CB - Account].[Account CB - Description].&amp;[0001003 - Cash - Bank Boston Operations]"/>
        <member name="[CB - Account].[Account CB - Description].&amp;[0001004 - Cash - Sec. 125]"/>
        <member name="[CB - Account].[Account CB - Description].&amp;[0001005 - Cash BankofAmerica - Commodity]"/>
        <member name="[CB - Account].[Account CB - Description].&amp;[0001006 - Project Construction - AES]"/>
        <member name="[CB - Account].[Account CB - Description].&amp;[0001007 - Accum Amort - Org Costs]"/>
        <member name="[CB - Account].[Account CB - Description].&amp;[0001008 - Accrued 401K]"/>
        <member name="[CB - Account].[Account CB - Description].&amp;[0001009 - Accrued Benefits - Duke]"/>
        <member name="[CB - Account].[Account CB - Description].&amp;[0001010 - NP - Duke Capital Short Term]"/>
        <member name="[CB - Account].[Account CB - Description].&amp;[0001011 - AP Trade]"/>
        <member name="[CB - Account].[Account CB - Description].&amp;[0001012 - State Income Payable]"/>
        <member name="[CB - Account].[Account CB - Description].&amp;[0001013 - Deferred Liability-Noncompete]"/>
        <member name="[CB - Account].[Account CB - Description].&amp;[0001014 - Accrued Sales Tax]"/>
        <member name="[CB - Account].[Account CB - Description].&amp;[0001015 - Reserves Short Term]"/>
        <member name="[CB - Account].[Account CB - Description].&amp;[0001016 - Foreign Income Tax Expense]"/>
        <member name="[CB - Account].[Account CB - Description].&amp;[0001017 - Construction NYPA Revenue]"/>
        <member name="[CB - Account].[Account CB - Description].&amp;[0001018 - Construction Revenue]"/>
        <member name="[CB - Account].[Account CB - Description].&amp;[0001019 - Electric Revenue]"/>
        <member name="[CB - Account].[Account CB - Description].&amp;[0001020 - Gas Revenue]"/>
        <member name="[CB - Account].[Account CB - Description].&amp;[0001021 - Other Revenue]"/>
        <member name="[CB - Account].[Account CB - Description].&amp;[0001022 - Consulting Revenue]"/>
        <member name="[CB - Account].[Account CB - Description].&amp;[0001023 - Direct Insurance]"/>
        <member name="[CB - Account].[Account CB - Description].&amp;[0001024 - Mobile Phone-Direct]"/>
        <member name="[CB - Account].[Account CB - Description].&amp;[0001025 - Risk Reserve]"/>
        <member name="[CB - Account].[Account CB - Description].&amp;[0001026 - Payroll Variance-Direct]"/>
        <member name="[CB - Account].[Account CB - Description].&amp;[0001027 - Recruiting-Advertising]"/>
        <member name="[CB - Account].[Account CB - Description].&amp;[0001028 - Amort - Retail]"/>
        <member name="[CB - Account].[Account CB - Description].&amp;[0001029 - Bad Debt Expense]"/>
        <member name="[CB - Account].[Account CB - Description].&amp;[0001030 - Contributions]"/>
        <member name="[CB - Account].[Account CB - Description].&amp;[0001031 - Professional Fees, Mktg/Adv]"/>
        <member name="[CB - Account].[Account CB - Description].&amp;[0001032 - Placement Fees]"/>
        <member name="[CB - Account].[Account CB - Description].&amp;[0001033 - Indirect Allocated Salaries]"/>
        <member name="[CB - Account].[Account CB - Description].&amp;[0001034 - Franchise Taxes]"/>
        <member name="[CB - Account].[Account CB - Description].&amp;[0001035 - Workman's Comp. Insurance]"/>
        <member name="[CB - Account].[Account CB - Description].&amp;[0001036 - Office Overhead]"/>
        <member name="[CB - Account].[Account CB - Description].&amp;[0001037 - Interest Expense - Amort-Acq]"/>
        <member name="[CB - Account].[Account CB - Description].&amp;[0001038 - Gas Purchases w/DETM]"/>
        <member name="[CB - Account].[Account CB - Description].&amp;[0001039 - Deferred Liablity-Severence]"/>
        <member name="[CB - Account].[Account CB - Description].&amp;[0001040 - Interco Revenue with DETM]"/>
        <member name="[CB - Account].[Account CB - Description].&amp;[0001041 - Interco Purchase with DETM]"/>
        <member name="[CB - Account].[Account CB - Description].&amp;[0001042 - Dues and Subscriptions]"/>
        <member name="[CB - Account].[Account CB - Description].&amp;[0001043 - Corp Allocation-Duke]"/>
        <member name="[CB - Account].[Account CB - Description].&amp;[0001044 - CORP ALLOCATION-IM]"/>
        <member name="[CB - Account].[Account CB - Description].&amp;[0001045 - CORP ALLOCATION-DSI]"/>
        <member name="[CB - Account].[Account CB - Description].&amp;[0001046 - Inventory Reserve]"/>
        <member name="[CB - Account].[Account CB - Description].&amp;[0001047 - Automobile Maintenance]"/>
        <member name="[CB - Account].[Account CB - Description].&amp;[0101001 - Gps-Transmission Plant]"/>
        <member name="[CB - Account].[Account CB - Description].&amp;[0101002 - GPS-Prod Extract Plant]"/>
        <member name="[CB - Account].[Account CB - Description].&amp;[0101020 - Intangible Plant - Gas]"/>
        <member name="[CB - Account].[Account CB - Description].&amp;[0101021 - Gps-Prod &amp; Gathering]"/>
        <member name="[CB - Account].[Account CB - Description].&amp;[0101023 - Gps-Underground Storage]"/>
        <member name="[CB - Account].[Account CB - Description].&amp;[0101024 - Gps-Base Load Lng &amp; Plant]"/>
        <member name="[CB - Account].[Account CB - Description].&amp;[0101025 - Gps-General Plant]"/>
        <member name="[CB - Account].[Account CB - Description].&amp;[0101026 - Gps-Reverse Ferc Retiremnt]"/>
        <member name="[CB - Account].[Account CB - Description].&amp;[0101027 - Gps-Reverse Fsal/Cst To Ret]"/>
        <member name="[CB - Account].[Account CB - Description].&amp;[0101028 - Gps-Retirements]"/>
        <member name="[CB - Account].[Account CB - Description].&amp;[0101029 - Gps-Storage]"/>
        <member name="[CB - Account].[Account CB - Description].&amp;[0101030 - Interco PPE-leased to DCI]"/>
        <member name="[CB - Account].[Account CB - Description].&amp;[0101031 - Land - Gas]"/>
        <member name="[CB - Account].[Account CB - Description].&amp;[0101032 - Trans Plant - DEGT only]"/>
        <member name="[CB - Account].[Account CB - Description].&amp;[0101033 - PP&amp;E HOLDING ACCOUNT]"/>
        <member name="[CB - Account].[Account CB - Description].&amp;[0101100 - LT Capital Lease Asset]"/>
        <member name="[CB - Account].[Account CB - Description].&amp;[0101102 - Oper Lease Right of Use asset]"/>
        <member name="[CB - Account].[Account CB - Description].&amp;[0101103 - Cap Lease Rate Base]"/>
        <member name="[CB - Account].[Account CB - Description].&amp;[0101105 - Interco Oper Lease - ROU Asset]"/>
        <member name="[CB - Account].[Account CB - Description].&amp;[0101109 - EPIS - Disallowance - NC]"/>
        <member name="[CB - Account].[Account CB - Description].&amp;[0101110 - Oper Lse Right of Use Asset RH]"/>
        <member name="[CB - Account].[Account CB - Description].&amp;[0101120 - AHFS -PROP PLANT EQUIP]"/>
        <member name="[CB - Account].[Account CB - Description].&amp;[0101125 - REG AHFSNCA_PP&amp;E]"/>
        <member name="[CB - Account].[Account CB - Description].&amp;[0101130 - CAP LEASE - NCEMC]"/>
        <member name="[CB - Account].[Account CB - Description].&amp;[0101152 - IC Lease-Cap(Acct Oper)]"/>
        <member name="[CB - Account].[Account CB - Description].&amp;[0101155 - Common Plant-Purch Acctg]"/>
        <member name="[CB - Account].[Account CB - Description].&amp;[0101200 - PROP_PLANT_EQUIP_PUR_ACCTG_ADJ]"/>
        <member name="[CB - Account].[Account CB - Description].&amp;[0101211 - Cap Lease - ORB Def Tax]"/>
        <member name="[CB - Account].[Account CB - Description].&amp;[0101350 - IC Lease-PP&amp;E]"/>
        <member name="[CB - Account].[Account CB - Description].&amp;[0101360 - Cap Lease Rate Base (I/C)]"/>
        <member name="[CB - Account].[Account CB - Description].&amp;[0101499 - Asset Retirement Obligations]"/>
        <member name="[CB - Account].[Account CB - Description].&amp;[0101503 - DENA Plant In Service]"/>
        <member name="[CB - Account].[Account CB - Description].&amp;[0101555 - ROU Asset - Oper Lessor]"/>
        <member name="[CB - Account].[Account CB - Description].&amp;[0101556 - ROU Asset - Sales Type Lease]"/>
        <member name="[CB - Account].[Account CB - Description].&amp;[0101710 - EPIS Contra ADC - RETAIL - NC]"/>
        <member name="[CB - Account].[Account CB - Description].&amp;[0101711 - EPIS-HARRIS DSLW]"/>
        <member name="[CB - Account].[Account CB - Description].&amp;[0101720 - EPIS Contra ADC - RETAIL - SC]"/>
        <member name="[CB - Account].[Account CB - Description].&amp;[0101730 - EPIS Contra ADC - WHOLESALE]"/>
        <member name="[CB - Account].[Account CB - Description].&amp;[0101740 - EPIS-RECLASSIFICATION CONTRA(A]"/>
        <member name="[CB - Account].[Account CB - Description].&amp;[0101750 - EPIS-CONTRA AFUDC]"/>
        <member name="[CB - Account].[Account CB - Description].&amp;[0101760 - CONTRA EPIS-OATT]"/>
        <member name="[CB - Account].[Account CB - Description].&amp;[0101770 - EPIS Contra ADC - PC]"/>
        <member name="[CB - Account].[Account CB - Description].&amp;[0101870 - Non-Reg Plant in Service ARO]"/>
        <member name="[CB - Account].[Account CB - Description].&amp;[0101897 - VIE - Restrict PPE Cost Land]"/>
        <member name="[CB - Account].[Account CB - Description].&amp;[0101898 - VIE-Restrict PPE Cost Other]"/>
        <member name="[CB - Account].[Account CB - Description].&amp;[0101955 - Alloc-Com Plt in Srv Prch Adj]"/>
        <member name="[CB - Account].[Account CB - Description].&amp;[0102000 - Gas Plant Purchase/Sold]"/>
        <member name="[CB - Account].[Account CB - Description].&amp;[0102100 - Electric Plant Purchased]"/>
        <member name="[CB - Account].[Account CB - Description].&amp;[0102200 - Electric Plant Sold]"/>
        <member name="[CB - Account].[Account CB - Description].&amp;[0105030 - Elect Plnt Held for Future Use]"/>
        <member name="[CB - Account].[Account CB - Description].&amp;[0105100 - Plt Held For Future Use-Wo Sys]"/>
        <member name="[CB - Account].[Account CB - Description].&amp;[0105200 - Plt Held For Future Use-Prs]"/>
        <member name="[CB - Account].[Account CB - Description].&amp;[0105250 - Plant Held For Future Use-Rsrv]"/>
        <member name="[CB - Account].[Account CB - Description].&amp;[0105300 - Comp Future Use Unclassified]"/>
        <member name="[CB - Account].[Account CB - Description].&amp;[0106005 - Ccnc-History Conversion]"/>
        <member name="[CB - Account].[Account CB - Description].&amp;[0106006 - Ccnc-Intangible Plant]"/>
        <member name="[CB - Account].[Account CB - Description].&amp;[0106007 - Ccnc-Gathering Plant]"/>
        <member name="[CB - Account].[Account CB - Description].&amp;[0106008 - Ccnc-Product Extract Plnt]"/>
        <member name="[CB - Account].[Account CB - Description].&amp;[0106009 - Ccnc-Underground Stor]"/>
        <member name="[CB - Account].[Account CB - Description].&amp;[0106010 - Ccnc-Base Load-Fasb 71]"/>
        <member name="[CB - Account].[Account CB - Description].&amp;[0106011 - Ccnc-Transmission Plant]"/>
        <member name="[CB - Account].[Account CB - Description].&amp;[0106012 - Ccnc-General Plant]"/>
        <member name="[CB - Account].[Account CB - Description].&amp;[0106013 - Ccnc-Base Load Lng&amp;Plant]"/>
        <member name="[CB - Account].[Account CB - Description].&amp;[0106014 - Intangibles General]"/>
        <member name="[CB - Account].[Account CB - Description].&amp;[0106015 - CCNC-Prod_Extract Plant]"/>
        <member name="[CB - Account].[Account CB - Description].&amp;[0106100 - INTANGIBLES_EMISSION_ALLOWANCE]"/>
        <member name="[CB - Account].[Account CB - Description].&amp;[0106101 - Comp Const Not Class-Land]"/>
        <member name="[CB - Account].[Account CB - Description].&amp;[0106200 - Intangibles gen pur acctg adj]"/>
        <member name="[CB - Account].[Account CB - Description].&amp;[0106201 - CCNC-Reg Plant-Elec GDT]"/>
        <member name="[CB - Account].[Account CB - Description].&amp;[0106301 - CCNC-Reg Plant-Oth Bldgs Impr]"/>
        <member name="[CB - Account].[Account CB - Description].&amp;[0106302 - CCNC - Assets Held for Sale]"/>
        <member name="[CB - Account].[Account CB - Description].&amp;[0106401 - CCNC-Equipment]"/>
        <member name="[CB - Account].[Account CB - Description].&amp;[0106501 - CCNC-Vehicles]"/>
        <member name="[CB - Account].[Account CB - Description].&amp;[0106601 - CCNC-Other (inc. Intangibles)]"/>
        <member name="[CB - Account].[Account CB - Description].&amp;[0106710 - CCNC Contra ADC - RETAIL - NC]"/>
        <member name="[CB - Account].[Account CB - Description].&amp;[0106720 - CCNC Contra ADC - RETAIL - SC]"/>
        <member name="[CB - Account].[Account CB - Description].&amp;[0106730 - CCNC Contra ADC - WHOLESALE]"/>
        <member name="[CB - Account].[Account CB - Description].&amp;[0106897 - VIE-Restrict PPE Cost RegPlt]"/>
        <member name="[CB - Account].[Account CB - Description].&amp;[0106980 - Comp Const Unclassified-Elect]"/>
        <member name="[CB - Account].[Account CB - Description].&amp;[0107001 - Const. Work in Progress]"/>
        <member name="[CB - Account].[Account CB - Description].&amp;[0107002 - Non-Utility CWIP-Other]"/>
        <member name="[CB - Account].[Account CB - Description].&amp;[0107003 - CWIP - Assets Held for Sale]"/>
        <member name="[CB - Account].[Account CB - Description].&amp;[0107100 - CWIP-EBIT-ROCE]"/>
        <member name="[CB - Account].[Account CB - Description].&amp;[0107160 - NR CWIP Leasehold Improvements]"/>
        <member name="[CB - Account].[Account CB - Description].&amp;[0107200 - NR CWIP]"/>
        <member name="[CB - Account].[Account CB - Description].&amp;[0107300 - Contra CWIP-Levy Wholesale]"/>
        <member name="[CB - Account].[Account CB - Description].&amp;[0107400 - Contra CWIP-Recoverable Nucl]"/>
        <member name="[CB - Account].[Account CB - Description].&amp;[0107503 - CWIP - DENA]"/>
        <member name="[CB - Account].[Account CB - Description].&amp;[0107710 - CWIP Contra ADC - RETAIL - NC]"/>
        <member name="[CB - Account].[Account CB - Description].&amp;[0107720 - CWIP Contra ADC - RETAIL - SC]"/>
        <member name="[CB - Account].[Account CB - Description].&amp;[0107730 - CWIP Contra ADC - WHOLESALE]"/>
        <member name="[CB - Account].[Account CB - Description].&amp;[0107777 - Non-Reg CWIP suspense]"/>
        <member name="[CB - Account].[Account CB - Description].&amp;[0107888 - CWIP - BU Bal Sht - Svc Co Exp]"/>
        <member name="[CB - Account].[Account CB - Description].&amp;[0107890 - CWIP - No Work Order]"/>
        <member name="[CB - Account].[Account CB - Description].&amp;[0107897 - VIE-Restricted PPE Cost CIP]"/>
        <member name="[CB - Account].[Account CB - Description].&amp;[0107980 - Cwip-Electric]"/>
        <member name="[CB - Account].[Account CB - Description].&amp;[0108001 - Accumulated DD&amp;A-Pur]"/>
        <member name="[CB - Account].[Account CB - Description].&amp;[0108002 - Dd&amp;A-Transm-Onshore]"/>
        <member name="[CB - Account].[Account CB - Description].&amp;[0108003 - DEC COR Settlement SC]"/>
        <member name="[CB - Account].[Account CB - Description].&amp;[0108004 - DEC COR Settlement - NC]"/>
        <member name="[CB - Account].[Account CB - Description].&amp;[0108009 - Accum D&amp;A Real Estate]"/>
        <member name="[CB - Account].[Account CB - Description].&amp;[0108010 - Dd&amp;A Intang Plant]"/>
        <member name="[CB - Account].[Account CB - Description].&amp;[0108011 - Dd&amp;A-Prod &amp; Gath Plant]"/>
        <member name="[CB - Account].[Account CB - Description].&amp;[0108012 - Dd&amp;A-Prod Extract Plant]"/>
        <member name="[CB - Account].[Account CB - Description].&amp;[0108013 - Dd&amp;A Lng Term &amp; Process]"/>
        <member name="[CB - Account].[Account CB - Description].&amp;[0108014 - Dd&amp;A Reverse Ferc Retire]"/>
        <member name="[CB - Account].[Account CB - Description].&amp;[0108015 - Dd&amp;A Retirement]"/>
        <member name="[CB - Account].[Account CB - Description].&amp;[0108016 - Dd&amp;A-Underground Storage]"/>
        <member name="[CB - Account].[Account CB - Description].&amp;[0108017 - Dd&amp;A-Transm-Neg Salvage]"/>
        <member name="[CB - Account].[Account CB - Description].&amp;[0108018 - Dd&amp;A Transm Mobil Commun]"/>
        <member name="[CB - Account].[Account CB - Description].&amp;[0108019 - Dd&amp;A Gen Plt Transp Equip]"/>
        <member name="[CB - Account].[Account CB - Description].&amp;[0108020 - Dd&amp;A-Genl Plt-Power Op Eq]"/>
        <member name="[CB - Account].[Account CB - Description].&amp;[0108021 - Dd&amp;A-Genl Plt-Computer Eq]"/>
        <member name="[CB - Account].[Account CB - Description].&amp;[0108022 - Dd&amp;A-Genl Plt-Airplanes]"/>
        <member name="[CB - Account].[Account CB - Description].&amp;[0108023 - Dd&amp;A-Genl Plt-Trailers]"/>
        <member name="[CB - Account].[Account CB - Description].&amp;[0108024 - Dd&amp;A Lng Term Depr Reserve]"/>
        <member name="[CB - Account].[Account CB - Description].&amp;[0108025 - Dd&amp;A Gath Neg Sal]"/>
        <member name="[CB - Account].[Account CB - Description].&amp;[0108026 - Dd&amp;A-Transm-Offshore]"/>
        <member name="[CB - Account].[Account CB - Description].&amp;[0108027 - Dd&amp;A Transm Future Use]"/>
        <member name="[CB - Account].[Account CB - Description].&amp;[0108028 - Dd&amp;A-General Plant]"/>
        <member name="[CB - Account].[Account CB - Description].&amp;[0108029 - Dd&amp;A-Prod/Gath Plt-Offshore]"/>
        <member name="[CB - Account].[Account CB - Description].&amp;[0108030 - Dd&amp;A-History Conversion]"/>
        <member name="[CB - Account].[Account CB - Description].&amp;[0108031 - Dd&amp;A-Communication]"/>
        <member name="[CB - Account].[Account CB - Description].&amp;[0108032 - DD&amp;A Trans Offshore Commun.]"/>
        <member name="[CB - Account].[Account CB - Description].&amp;[0108033 - DD&amp;A Trans-Onshore IncomeProj]"/>
        <member name="[CB - Account].[Account CB - Description].&amp;[0108034 - Retirement Work In Prog]"/>
        <member name="[CB - Account].[Account CB - Description].&amp;[0108035 - Accum Amort Intang General]"/>
        <member name="[CB - Account].[Account CB - Description].&amp;[0108036 - Acc Depr - To Be Retired]"/>
        <member name="[CB - Account].[Account CB - Description].&amp;[0108037 - Acc Depr - Retired Plants]"/>
        <member name="[CB - Account].[Account CB - Description].&amp;[0108060 - CONTRA-ACCUM DEPR OATT]"/>
        <member name="[CB - Account].[Account CB - Description].&amp;[0108087 - Accelerated Depreciation]"/>
        <member name="[CB - Account].[Account CB - Description].&amp;[0108100 - Rsrv For Deprec-Autos &amp; Trucks]"/>
        <member name="[CB - Account].[Account CB - Description].&amp;[0108102 - Acc DD&amp;A-Common Purch Acctg]"/>
        <member name="[CB - Account].[Account CB - Description].&amp;[0108109 - Acc Depr - Disallowance - NC]"/>
        <member name="[CB - Account].[Account CB - Description].&amp;[0108110 - Rsrv For Deprec-Steam Stations]"/>
        <member name="[CB - Account].[Account CB - Description].&amp;[0108111 - Rsrv For Deprec-Stm Clean]"/>
        <member name="[CB - Account].[Account CB - Description].&amp;[0108120 - Rsrv For Deprec.-Hydro Plant]"/>
        <member name="[CB - Account].[Account CB - Description].&amp;[0108121 - DD&amp;A Tangible Drilling Cost]"/>
        <member name="[CB - Account].[Account CB - Description].&amp;[0108130 - Rsrv For Deprec-Transm. Plant]"/>
        <member name="[CB - Account].[Account CB - Description].&amp;[0108140 - Rsrv For Deprec-Distrib. Plant]"/>
        <member name="[CB - Account].[Account CB - Description].&amp;[0108150 - Rsrv For Deprec-General Plant]"/>
        <member name="[CB - Account].[Account CB - Description].&amp;[0108152 - IC Lease-Cap(Act as Op) Amort]"/>
        <member name="[CB - Account].[Account CB - Description].&amp;[0108155 - FAS 143 COR CONTRA]"/>
        <member name="[CB - Account].[Account CB - Description].&amp;[0108160 - Rsrv For Deprec-Comb. Turbines]"/>
        <member name="[CB - Account].[Account CB - Description].&amp;[0108170 - SCHM Rsrv for Depr NPLSec 124A]"/>
        <member name="[CB - Account].[Account CB - Description].&amp;[0108180 - Rsrv For Deprec-Edp Equipment]"/>
        <member name="[CB - Account].[Account CB - Description].&amp;[0108190 - Rsrv For Deprec-Constr. Equip.]"/>
        <member name="[CB - Account].[Account CB - Description].&amp;[0108200 - Rsrv For Deprec-Nuclear Stat.]"/>
        <member name="[CB - Account].[Account CB - Description].&amp;[0108201 - Acc Lease Amort-Cap Lease (Op)]"/>
        <member name="[CB - Account].[Account CB - Description].&amp;[0108203 - Acc DD&amp;A-Cap Rate Base]"/>
        <member name="[CB - Account].[Account CB - Description].&amp;[0108205 - Interco Accumulated DD&amp;A - ROU]"/>
        <member name="[CB - Account].[Account CB - Description].&amp;[0108210 - Depr Lse Right of use Asset RH]"/>
        <member name="[CB - Account].[Account CB - Description].&amp;[0108211 - Acc Lease Amort-ORB Defer Tax]"/>
        <member name="[CB - Account].[Account CB - Description].&amp;[0108220 - 12/95]"/>
        <member name="[CB - Account].[Account CB - Description].&amp;[0108250 - 12/95]"/>
        <member name="[CB - Account].[Account CB - Description].&amp;[0108300 - ACCUM_DD&amp;A_PP&amp;E_PUR-ACCTG_ADJ]"/>
        <member name="[CB - Account].[Account CB - Description].&amp;[0108302 - Elec Acc Depr-AHFS]"/>
        <member name="[CB - Account].[Account CB - Description].&amp;[0108303 - Elec Acc Depr COR-AHFS]"/>
        <member name="[CB - Account].[Account CB - Description].&amp;[0108304 - RWIP FUTURE USE]"/>
        <member name="[CB - Account].[Account CB - Description].&amp;[0108305 - DEP COR Settlement- NCUC]"/>
        <member name="[CB - Account].[Account CB - Description].&amp;[0108306 - NON-RAD DECOM-W COR]"/>
        <member name="[CB - Account].[Account CB - Description].&amp;[0108307 - NON-RAD DECOM-R COR]"/>
        <member name="[CB - Account].[Account CB - Description].&amp;[0108308 - Nuclear COR]"/>
        <member name="[CB - Account].[Account CB - Description].&amp;[0108309 - NON-RAD DECOM-UNFD-W COR]"/>
        <member name="[CB - Account].[Account CB - Description].&amp;[0108310 - Fossil Dismantlement COR]"/>
        <member name="[CB - Account].[Account CB - Description].&amp;[0108320 - Final Dismantlement COR]"/>
        <member name="[CB - Account].[Account CB - Description].&amp;[0108350 - IC Lease-Acc Depr &amp; Amort]"/>
        <member name="[CB - Account].[Account CB - Description].&amp;[0108360 - Acc DD&amp;A-Cap Rate Base (I/C)]"/>
        <member name="[CB - Account].[Account CB - Description].&amp;[0108400 - Rsrv For Decommissioning-Nucle]"/>
        <member name="[CB - Account].[Account CB - Description].&amp;[0108401 - Accum Provision Fossil Dismant]"/>
        <member name="[CB - Account].[Account CB - Description].&amp;[0108402 - ACC DEPR-NON-RAD DECOM-UNFD-W]"/>
        <member name="[CB - Account].[Account CB - Description].&amp;[0108403 - Accum Prov Nuclear COR]"/>
        <member name="[CB - Account].[Account CB - Description].&amp;[0108404 - ACC DEPR-NON-RAD DECOM-R]"/>
        <member name="[CB - Account].[Account CB - Description].&amp;[0108405 - ACC DEPR-NON-RAD DECOM-W]"/>
        <member name="[CB - Account].[Account CB - Description].&amp;[0108406 - ACC DEPR HARRIS DSLW]"/>
        <member name="[CB - Account].[Account CB - Description].&amp;[0108407 - ACC DEPR-CONTRA AFUDC]"/>
        <member name="[CB - Account].[Account CB - Description].&amp;[0108408 - ACCELERATED DEPRECIATION NCUC]"/>
        <member name="[CB - Account].[Account CB - Description].&amp;[0108409 - ACCELERATED DEPRECIATION SCPSC]"/>
        <member name="[CB - Account].[Account CB - Description].&amp;[0108412 - RWIP - Assets Held for Sale]"/>
        <member name="[CB - Account].[Account CB - Description].&amp;[0108503 - Accum Depr - DENA]"/>
        <member name="[CB - Account].[Account CB - Description].&amp;[0108551 - RWIP - Reg No Work Order SC]"/>
        <member name="[CB - Account].[Account CB - Description].&amp;[0108552 - Non-Reg Plant in Svc Res Adj]"/>
        <member name="[CB - Account].[Account CB - Description].&amp;[0108555 - Accum Depr - Oper Lessor]"/>
        <member name="[CB - Account].[Account CB - Description].&amp;[0108600 - SCHM Retirement Wip]"/>
        <member name="[CB - Account].[Account CB - Description].&amp;[0108610 - RWIP-EBIT-ROCE]"/>
        <member name="[CB - Account].[Account CB - Description].&amp;[0108630 - Nuclear Decommissioning Charge]"/>
        <member name="[CB - Account].[Account CB - Description].&amp;[0108700 - ACC DEPR RATE DIFF]"/>
        <member name="[CB - Account].[Account CB - Description].&amp;[0108710 - DEPR Contra ADC - RETAIL - NC]"/>
        <member name="[CB - Account].[Account CB - Description].&amp;[0108720 - DEPR Contra ADC - RETAIL - SC]"/>
        <member name="[CB - Account].[Account CB - Description].&amp;[0108730 - DEPR Contra ADC - WHOLESALE]"/>
        <member name="[CB - Account].[Account CB - Description].&amp;[0108740 - Acc DEPR Contra ADC - PC]"/>
        <member name="[CB - Account].[Account CB - Description].&amp;[0108741 - Acc DEPR-WH RT 9/88]"/>
        <member name="[CB - Account].[Account CB - Description].&amp;[0108742 - Acc DEPR-WH RT PA]"/>
        <member name="[CB - Account].[Account CB - Description].&amp;[0108743 - Acc DEPR-WH RT Diff]"/>
        <member name="[CB - Account].[Account CB - Description].&amp;[0108744 - Acc DEPR-SC RT Diff]"/>
        <member name="[CB - Account].[Account CB - Description].&amp;[0108800 - 12/95]"/>
        <member name="[CB - Account].[Account CB - Description].&amp;[0108888 - RWIP - BU Bal Sht - Svc Co Exp]"/>
        <member name="[CB - Account].[Account CB - Description].&amp;[0108897 - VIE-Restrict PPE Accum Deprec]"/>
        <member name="[CB - Account].[Account CB - Description].&amp;[0108952 - Allocated - Common RWIP]"/>
        <member name="[CB - Account].[Account CB - Description].&amp;[0108980 - Retirement Wip-Electric]"/>
        <member name="[CB - Account].[Account CB - Description].&amp;[0108990 - Rsrv For Deprec-Suspense]"/>
        <member name="[CB - Account].[Account CB - Description].&amp;[0108999 - IC - Acc Depreciation]"/>
        <member name="[CB - Account].[Account CB - Description].&amp;[0111000 - Acc Prov A&amp;D-Intangible]"/>
        <member name="[CB - Account].[Account CB - Description].&amp;[0111001 - Acc Prov A&amp;D-Ngp&amp;Gp-Onsho]"/>
        <member name="[CB - Account].[Account CB - Description].&amp;[0111002 - Accum Amort-Other Sto]"/>
        <member name="[CB - Account].[Account CB - Description].&amp;[0111003 - Acc Prov A&amp;D Lng Cap Lease]"/>
        <member name="[CB - Account].[Account CB - Description].&amp;[0111004 - Acc Prov A&amp;D Genl Plant]"/>
        <member name="[CB - Account].[Account CB - Description].&amp;[0111005 - Accum Amort-Transmis]"/>
        <member name="[CB - Account].[Account CB - Description].&amp;[0111006 - Accum Amrt Intang Filings]"/>
        <member name="[CB - Account].[Account CB - Description].&amp;[0111007 - Accum Amrt Intang Software]"/>
        <member name="[CB - Account].[Account CB - Description].&amp;[0111008 - Accum Amrt Intang Other]"/>
        <member name="[CB - Account].[Account CB - Description].&amp;[0111200 - Acc Prov-Amor Elec Plt/Future]"/>
        <member name="[CB - Account].[Account CB - Description].&amp;[0111300 - Acc Prov-Amor Elec Plt-Softwar]"/>
        <member name="[CB - Account].[Account CB - Description].&amp;[0111400 - Franchise Reserve]"/>
        <member name="[CB - Account].[Account CB - Description].&amp;[0111500 - FEASIBILITY STUDIES RESERVE]"/>
        <member name="[CB - Account].[Account CB - Description].&amp;[0111503 - Accum Amort - DENA]"/>
        <member name="[CB - Account].[Account CB - Description].&amp;[0111600 - ACC_PRO_AMOR_EL_PLT-PUR_AC_ADJ]"/>
        <member name="[CB - Account].[Account CB - Description].&amp;[0114000 - Plant Acquisition Adj]"/>
        <member name="[CB - Account].[Account CB - Description].&amp;[0114001 - Purchase Price Adjustment]"/>
        <member name="[CB - Account].[Account CB - Description].&amp;[0114002 - Pur Acctg-Dsit]"/>
        <member name="[CB - Account].[Account CB - Description].&amp;[0114005 - Pur Acctg-Goodwill]"/>
        <member name="[CB - Account].[Account CB - Description].&amp;[0114006 - Pur Acctg-Goodwill Contra]"/>
        <member name="[CB - Account].[Account CB - Description].&amp;[0114007 - Pur Acctg-Pp&amp;E]"/>
        <member name="[CB - Account].[Account CB - Description].&amp;[0114008 - Pur Acctg-Dfit]"/>
        <member name="[CB - Account].[Account CB - Description].&amp;[0114010 - Pur Acctg-Paid-In-Capital]"/>
        <member name="[CB - Account].[Account CB - Description].&amp;[0114011 - Pur Acctng-Reserves]"/>
        <member name="[CB - Account].[Account CB - Description].&amp;[0114012 - Purch-Acctg - DEGT only]"/>
        <member name="[CB - Account].[Account CB - Description].&amp;[0114013 - Pur Acctg - Retained Earnings]"/>
        <member name="[CB - Account].[Account CB - Description].&amp;[0114014 - PA-Def Foreign Inc Tax-Other]"/>
        <member name="[CB - Account].[Account CB - Description].&amp;[0114022 - Pur Acctg-Inventory]"/>
        <member name="[CB - Account].[Account CB - Description].&amp;[0114023 - Pur Acctg-Environmental Liab]"/>
        <member name="[CB - Account].[Account CB - Description].&amp;[0114105 - Common Plant Purch Acct Adj]"/>
        <member name="[CB - Account].[Account CB - Description].&amp;[0115000 - Acc Prov Plt Acquis Adj]"/>
        <member name="[CB - Account].[Account CB - Description].&amp;[0115001 - Pur Acctg-Amort Pp&amp;E]"/>
        <member name="[CB - Account].[Account CB - Description].&amp;[0115150 - Common Accum Dep-Pur Adj]"/>
        <member name="[CB - Account].[Account CB - Description].&amp;[0116000 - Other Electric Plant Ad]"/>
        <member name="[CB - Account].[Account CB - Description].&amp;[0117000 - Storage Gas-Noncurrent Invento]"/>
        <member name="[CB - Account].[Account CB - Description].&amp;[0117101 - Storage Gas-Noncurrent Invento]"/>
        <member name="[CB - Account].[Account CB - Description].&amp;[0117201 - System Gas Current]"/>
        <member name="[CB - Account].[Account CB - Description].&amp;[0118200 - Other Utility Plant]"/>
        <member name="[CB - Account].[Account CB - Description].&amp;[0118300 - Other Utility Cwip]"/>
        <member name="[CB - Account].[Account CB - Description].&amp;[0118600 - Comp Const Water &amp; Transit]"/>
        <member name="[CB - Account].[Account CB - Description].&amp;[0118980 - Other Utility Cwip]"/>
        <member name="[CB - Account].[Account CB - Description].&amp;[0119100 - Water Plt-Acc Depreciation]"/>
        <member name="[CB - Account].[Account CB - Description].&amp;[0119200 - Inactive]"/>
        <member name="[CB - Account].[Account CB - Description].&amp;[0119300 - Other Utility-Retirement Wip]"/>
        <member name="[CB - Account].[Account CB - Description].&amp;[0119301 - Acc Depr &amp; Amort Other Util]"/>
        <member name="[CB - Account].[Account CB - Description].&amp;[0119980 - Other Utility-Retirement Wip]"/>
        <member name="[CB - Account].[Account CB - Description].&amp;[0120100 - Nuclear Fuel In Process]"/>
        <member name="[CB - Account].[Account CB - Description].&amp;[0120110 - NFIP-EBIT-ROCE]"/>
        <member name="[CB - Account].[Account CB - Description].&amp;[0120120 - Inactive]"/>
        <member name="[CB - Account].[Account CB - Description].&amp;[0120130 - Inactive]"/>
        <member name="[CB - Account].[Account CB - Description].&amp;[0120200 - Nuclear Fuel Material &amp; Assemb]"/>
        <member name="[CB - Account].[Account CB - Description].&amp;[0120210 - Inactive]"/>
        <member name="[CB - Account].[Account CB - Description].&amp;[0120220 - Inactive]"/>
        <member name="[CB - Account].[Account CB - Description].&amp;[0120300 - Nuc Fuel Assemblies In Reactor]"/>
        <member name="[CB - Account].[Account CB - Description].&amp;[0120400 - Spent Nuclear Fuel Assemblies]"/>
        <member name="[CB - Account].[Account CB - Description].&amp;[0120510 - Acc Amor-Nuc Fuel Assemblies]"/>
        <member name="[CB - Account].[Account CB - Description].&amp;[0120511 - Nuc Fuel DOE payments/Accruals]"/>
        <member name="[CB - Account].[Account CB - Description].&amp;[0120512 - Nuclear Fuel Retirements]"/>
        <member name="[CB - Account].[Account CB - Description].&amp;[0120520 - Inactive]"/>
        <member name="[CB - Account].[Account CB - Description].&amp;[0120530 - Nuc Fuel Disposal Cost-Payment]"/>
        <member name="[CB - Account].[Account CB - Description].&amp;[0120540 - Nuc Fuel Disposal Cost]"/>
        <member name="[CB - Account].[Account CB - Description].&amp;[0120550 - Acc amort-Canister-Oconee Rob]"/>
        <member name="[CB - Account].[Account CB - Description].&amp;[0120551 - Acc Amor-Canister_McGuire Brun]"/>
        <member name="[CB - Account].[Account CB - Description].&amp;[0120552 - SCHM Acc Amor-Canister-Catawba]"/>
        <member name="[CB - Account].[Account CB - Description].&amp;[0120560 - Inactive]"/>
        <member name="[CB - Account].[Account CB - Description].&amp;[0120970 - Inactive]"/>
        <member name="[CB - Account].[Account CB - Description].&amp;[0120980 - Inactive]"/>
        <member name="[CB - Account].[Account CB - Description].&amp;[0121000 - Nonutil Prop-General]"/>
        <member name="[CB - Account].[Account CB - Description].&amp;[0121001 - Non-Utility Property Svc Co]"/>
        <member name="[CB - Account].[Account CB - Description].&amp;[0121002 - Nonutil Prop-Edi Connect]"/>
        <member name="[CB - Account].[Account CB - Description].&amp;[0121003 - Nonutil Prop-Edi Connect]"/>
        <member name="[CB - Account].[Account CB - Description].&amp;[0121004 - Nonutil Prop-Dsel Hydrol]"/>
        <member name="[CB - Account].[Account CB - Description].&amp;[0121005 - Nonutil Prop-Heat Cogener]"/>
        <member name="[CB - Account].[Account CB - Description].&amp;[0121006 - Nonutil Prop-Ibm 3090]"/>
        <member name="[CB - Account].[Account CB - Description].&amp;[0121007 - Nonutil-Prop Not In Service]"/>
        <member name="[CB - Account].[Account CB - Description].&amp;[0121008 - Nonutil Prop-General Plant]"/>
        <member name="[CB - Account].[Account CB - Description].&amp;[0121009 - Nonutil-Prop Not In Service]"/>
        <member name="[CB - Account].[Account CB - Description].&amp;[0121010 - Nonutil Prop-Leasehld Imprvmnt]"/>
        <member name="[CB - Account].[Account CB - Description].&amp;[0121100 - Undevel Power Sites-NonUtil]"/>
        <member name="[CB - Account].[Account CB - Description].&amp;[0121200 - Electrc Plt Not In Use-NonUtil]"/>
        <member name="[CB - Account].[Account CB - Description].&amp;[0121220 - Non-Proj Access Areas-NonUtil]"/>
        <member name="[CB - Account].[Account CB - Description].&amp;[0121300 - Structures-NonUtil]"/>
        <member name="[CB - Account].[Account CB - Description].&amp;[0121302 - BUILDINGS]"/>
        <member name="[CB - Account].[Account CB - Description].&amp;[0121305 - MOTOR VEHICLES]"/>
        <member name="[CB - Account].[Account CB - Description].&amp;[0121310 - Structures Not In Use]"/>
        <member name="[CB - Account].[Account CB - Description].&amp;[0121320 - Structures In Use]"/>
        <member name="[CB - Account].[Account CB - Description].&amp;[0121350 - Non-Util-Furniture&amp;Fixtures]"/>
        <member name="[CB - Account].[Account CB - Description].&amp;[0121360 - Non-Util-Computer Equipment]"/>
        <member name="[CB - Account].[Account CB - Description].&amp;[0121370 - Non-Util-Communication Equip]"/>
        <member name="[CB - Account].[Account CB - Description].&amp;[0121400 - NONUTIL_PROP_GEN_PUR_ACCTG_ADJ]"/>
        <member name="[CB - Account].[Account CB - Description].&amp;[0121410 - LEASED STRUCT-NonUtil]"/>
        <member name="[CB - Account].[Account CB - Description].&amp;[0121420 - Merch. Misc. Equip.]"/>
        <member name="[CB - Account].[Account CB - Description].&amp;[0121430 - Merch. Furn. &amp; Fixtures]"/>
        <member name="[CB - Account].[Account CB - Description].&amp;[0121440 - Merch. Computer Equip.]"/>
        <member name="[CB - Account].[Account CB - Description].&amp;[0121450 - Merch. Communications Equip.]"/>
        <member name="[CB - Account].[Account CB - Description].&amp;[0121500 - Nonutility-Construction Wip]"/>
        <member name="[CB - Account].[Account CB - Description].&amp;[0121556 - Non-Util Prop Reserve Adj]"/>
        <member name="[CB - Account].[Account CB - Description].&amp;[0121600 - Comp Const Not Classified-Nonu]"/>
        <member name="[CB - Account].[Account CB - Description].&amp;[0121710 - Misc Other Nonutility Prop-Nc]"/>
        <member name="[CB - Account].[Account CB - Description].&amp;[0121720 - Nonutility Capital Lease]"/>
        <member name="[CB - Account].[Account CB - Description].&amp;[0121750 - Misc Other Nonutility Prop-Sc]"/>
        <member name="[CB - Account].[Account CB - Description].&amp;[0121810 - Forest Plantation/Tree Plnting]"/>
        <member name="[CB - Account].[Account CB - Description].&amp;[0121840 - Pulpwood-Pine]"/>
        <member name="[CB - Account].[Account CB - Description].&amp;[0121850 - Pulpwood-Hardwood]"/>
        <member name="[CB - Account].[Account CB - Description].&amp;[0121860 - Saw Timber-Pine]"/>
        <member name="[CB - Account].[Account CB - Description].&amp;[0121870 - Saw Timber-Hardwood]"/>
        <member name="[CB - Account].[Account CB - Description].&amp;[0121888 - Non-Util Prpty BU B/S SC Exp]"/>
        <member name="[CB - Account].[Account CB - Description].&amp;[0121910 - Nonutility Buses]"/>
        <member name="[CB - Account].[Account CB - Description].&amp;[0121920 - Inactive]"/>
        <member name="[CB - Account].[Account CB - Description].&amp;[0121930 - Fossil DFD Profit]"/>
        <member name="[CB - Account].[Account CB - Description].&amp;[0121940 - Nuclear DFD Profit]"/>
        <member name="[CB - Account].[Account CB - Description].&amp;[0121950 - Hydro DFD Profit]"/>
        <member name="[CB - Account].[Account CB - Description].&amp;[0121960 - Other Production DFD Profit]"/>
        <member name="[CB - Account].[Account CB - Description].&amp;[0121980 - Inactive]"/>
        <member name="[CB - Account].[Account CB - Description].&amp;[0122000 - Dd&amp;A-Nonutil Prop-Gen]"/>
        <member name="[CB - Account].[Account CB - Description].&amp;[0122001 - Dd&amp;A-Nonutil Prop-Gen]"/>
        <member name="[CB - Account].[Account CB - Description].&amp;[0122002 - Dd&amp;A-Nonutil-Ibm Epiccon]"/>
        <member name="[CB - Account].[Account CB - Description].&amp;[0122003 - Dd&amp;A-Nonutil-Hydraul]"/>
        <member name="[CB - Account].[Account CB - Description].&amp;[0122004 - Dd&amp;A-Nonutil-Cogener]"/>
        <member name="[CB - Account].[Account CB - Description].&amp;[0122005 - Dd&amp;A-Nonutil-Ibm 3090]"/>
        <member name="[CB - Account].[Account CB - Description].&amp;[0122006 - Dd&amp;A-Nonutil-Property]"/>
        <member name="[CB - Account].[Account CB - Description].&amp;[0122007 - DD&amp;A-Computer Hardware &amp; Eqmnt]"/>
        <member name="[CB - Account].[Account CB - Description].&amp;[0122008 - DD&amp;A-Furniture &amp; Fixtures]"/>
        <member name="[CB - Account].[Account CB - Description].&amp;[0122200 - Nonutility-Rwip]"/>
        <member name="[CB - Account].[Account CB - Description].&amp;[0122300 - Reserve For Depr-Plant Acctg]"/>
        <member name="[CB - Account].[Account CB - Description].&amp;[0122400 - Reserve For Merch-Gen Plant]"/>
        <member name="[CB - Account].[Account CB - Description].&amp;[0122410 - Reserve For Merch-Edp]"/>
        <member name="[CB - Account].[Account CB - Description].&amp;[0122430 - Accum Amort Of Merchandising]"/>
        <member name="[CB - Account].[Account CB - Description].&amp;[0122500 - DD&amp;A_NONUTL_PRO_GEN_PUR_AC_ADJ]"/>
        <member name="[CB - Account].[Account CB - Description].&amp;[0122910 - Inactive]"/>
        <member name="[CB - Account].[Account CB - Description].&amp;[0122920 - Inactive]"/>
        <member name="[CB - Account].[Account CB - Description].&amp;[0122980 - Inactive]"/>
        <member name="[CB - Account].[Account CB - Description].&amp;[0123000 - Inv-Sec-Maritimes Lp]"/>
        <member name="[CB - Account].[Account CB - Description].&amp;[0123001 - Inv-Equity-Maritimes Llc]"/>
        <member name="[CB - Account].[Account CB - Description].&amp;[0123002 - Inv-Equity-Anngtc]"/>
        <member name="[CB - Account].[Account CB - Description].&amp;[0123003 - Inv-Equity-Maritimes Lp]"/>
        <member name="[CB - Account].[Account CB - Description].&amp;[0123004 - Inv-Adv-Anngtc]"/>
        <member name="[CB - Account].[Account CB - Description].&amp;[0123005 - Inv-Sec-Mont Belvieu]"/>
        <member name="[CB - Account].[Account CB - Description].&amp;[0123006 - Inv-Equity-Mont Belvieu]"/>
        <member name="[CB - Account].[Account CB - Description].&amp;[0123007 - Inv-Adv-Mont Belvieu]"/>
        <member name="[CB - Account].[Account CB - Description].&amp;[0123008 - Inv-Sec-Northern Border]"/>
        <member name="[CB - Account].[Account CB - Description].&amp;[0123009 - Inv-Sec-Products P/L Olp]"/>
        <member name="[CB - Account].[Account CB - Description].&amp;[0123010 - Dukenet Communications,Inc.]"/>
        <member name="[CB - Account].[Account CB - Description].&amp;[0123011 - Inv-Sec-Anngtc]"/>
        <member name="[CB - Account].[Account CB - Description].&amp;[0123012 - Inv-Equity-Products P/L Olp]"/>
        <member name="[CB - Account].[Account CB - Description].&amp;[0123013 - Inv-Sec-Maritimes Llc]"/>
        <member name="[CB - Account].[Account CB - Description].&amp;[0123014 - Inv-Sec-Alliance Pipeline Ap]"/>
        <member name="[CB - Account].[Account CB - Description].&amp;[0123015 - Inv-Sec-Aux Sable Liq Prod Lp]"/>
        <member name="[CB - Account].[Account CB - Description].&amp;[0123016 - Inv-Sec-Gulfstream Nat Gas Sys]"/>
        <member name="[CB - Account].[Account CB - Description].&amp;[0123017 - Inv-Equity-Gulfstream Nat Gas]"/>
        <member name="[CB - Account].[Account CB - Description].&amp;[0123018 - Investment In Pantellos]"/>
        <member name="[CB - Account].[Account CB - Description].&amp;[0123019 - Inv-Sec-Gulfstream Mgmt &amp; Oper]"/>
        <member name="[CB - Account].[Account CB - Description].&amp;[0123020 - Duke Solutions]"/>
        <member name="[CB - Account].[Account CB - Description].&amp;[0123021 - Inv-Equty-Gulfstream Mgmt/Oper]"/>
        <member name="[CB - Account].[Account CB - Description].&amp;[0123022 - Inv Sec-Islander East Llc]"/>
        <member name="[CB - Account].[Account CB - Description].&amp;[0123023 - Inv Equity-Islander East Llc]"/>
        <member name="[CB - Account].[Account CB - Description].&amp;[0123024 - Inv-Sec-Saltville Gas Stor Llc]"/>
        <member name="[CB - Account].[Account CB - Description].&amp;[0123025 - Inv-Equity-Saltville Gas Stor]"/>
        <member name="[CB - Account].[Account CB - Description].&amp;[0123026 - Investmnt in affili-Vector(US)]"/>
        <member name="[CB - Account].[Account CB - Description].&amp;[0123027 - Investmnt in aff-Vector(Can)]"/>
        <member name="[CB - Account].[Account CB - Description].&amp;[0123028 - Investmnt in affil - Foothills]"/>
        <member name="[CB - Account].[Account CB - Description].&amp;[0123029 - Inv in affil - M&amp;N PMgmt Ltd]"/>
        <member name="[CB - Account].[Account CB - Description].&amp;[0123030 - Duke Water]"/>
        <member name="[CB - Account].[Account CB - Description].&amp;[0123031 - Invest in affiliates - Sulpher]"/>
        <member name="[CB - Account].[Account CB - Description].&amp;[0123032 - Invest Quips 350M Due 6/2038]"/>
        <member name="[CB - Account].[Account CB - Description].&amp;[0123033 - Inv TrustIII 250M Due 8/2009]"/>
        <member name="[CB - Account].[Account CB - Description].&amp;[0123034 - INV EQUITY SEC-SESH LLC]"/>
        <member name="[CB - Account].[Account CB - Description].&amp;[0123035 - INV SEC-SESH, LLC]"/>
        <member name="[CB - Account].[Account CB - Description].&amp;[0123036 - IIUS-Shreveport Red Rvr]"/>
        <member name="[CB - Account].[Account CB - Description].&amp;[0123037 - IIUS-Okla Arcadian]"/>
        <member name="[CB - Account].[Account CB - Description].&amp;[0123038 - IIUS-TC USFOS of Lansing]"/>
        <member name="[CB - Account].[Account CB - Description].&amp;[0123039 - IIUS-Cinti Equity]"/>
        <member name="[CB - Account].[Account CB - Description].&amp;[0123040 - IIUS-Q-Comm]"/>
        <member name="[CB - Account].[Account CB - Description].&amp;[0123041 - IIUS-Trigen JV Dev]"/>
        <member name="[CB - Account].[Account CB - Description].&amp;[0123042 - IIUS-Tuscola]"/>
        <member name="[CB - Account].[Account CB - Description].&amp;[0123043 - IIUS-Cin Rec Co LLC]"/>
        <member name="[CB - Account].[Account CB - Description].&amp;[0123044 - IIUS-CC Fund Trust I]"/>
        <member name="[CB - Account].[Account CB - Description].&amp;[0123045 - IIUS-TCS Kodak]"/>
        <member name="[CB - Account].[Account CB - Description].&amp;[0123046 - Invst Uncon Sub-Reliant]"/>
        <member name="[CB - Account].[Account CB - Description].&amp;[0123047 - Invst Uncon Sub-Ashabula]"/>
        <member name="[CB - Account].[Account CB - Description].&amp;[0123048 - IIUS-Nth Power 1]"/>
        <member name="[CB - Account].[Account CB - Description].&amp;[0123049 - Invest-Grid Assurance]"/>
        <member name="[CB - Account].[Account CB - Description].&amp;[0123050 - Inv Uncon Sub-Lattice Communi]"/>
        <member name="[CB - Account].[Account CB - Description].&amp;[0123051 - IIUS-Curr Comm Grp]"/>
        <member name="[CB - Account].[Account CB - Description].&amp;[0123052 - Invst Uncon Sub-Attiki Gas]"/>
        <member name="[CB - Account].[Account CB - Description].&amp;[0123053 - IIUS-Delta]"/>
        <member name="[CB - Account].[Account CB - Description].&amp;[0123054 - IIUS-Millen/Balt]"/>
        <member name="[CB - Account].[Account CB - Description].&amp;[0123055 - IIUS-Lascom]"/>
        <member name="[CB - Account].[Account CB - Description].&amp;[0123056 - IIUS-SHGP]"/>
        <member name="[CB - Account].[Account CB - Description].&amp;[0123057 - IIUS-Tsavo Power]"/>
        <member name="[CB - Account].[Account CB - Description].&amp;[0123058 - IIUS-LaFarge]"/>
        <member name="[CB - Account].[Account CB - Description].&amp;[0123059 - IIUS-Sweetheart]"/>
        <member name="[CB - Account].[Account CB - Description].&amp;[0123060 - Invest in Uncon Sub-ADAGE]"/>
        <member name="[CB - Account].[Account CB - Description].&amp;[0123061 - Invest Uncon Sub-ADAGE Hamiltn]"/>
        <member name="[CB - Account].[Account CB - Description].&amp;[0123062 - IIUS-CoolCo LLC 51%]"/>
        <member name="[CB - Account].[Account CB - Description].&amp;[0123063 - Investment in DACT]"/>
        <member name="[CB - Account].[Account CB - Description].&amp;[0123064 - Invst-Cinci Equity Fund II]"/>
        <member name="[CB - Account].[Account CB - Description].&amp;[0123065 - Investment in Pipelines]"/>
        <member name="[CB - Account].[Account CB - Description].&amp;[0123066 - Investment in Sabal Trail]"/>
        <member name="[CB - Account].[Account CB - Description].&amp;[0123067 - Invest in Hardy Storage - PA]"/>
        <member name="[CB - Account].[Account CB - Description].&amp;[0123068 - Invest in Cardinal Pipe - PA]"/>
        <member name="[CB - Account].[Account CB - Description].&amp;[0123069 - Invest in Pine Needle - PA]"/>
        <member name="[CB - Account].[Account CB - Description].&amp;[0123070 - Invest in Constitution - PA]"/>
        <member name="[CB - Account].[Account CB - Description].&amp;[0123071 - Investment in ACP - PA]"/>
        <member name="[CB - Account].[Account CB - Description].&amp;[0123072 - Inv in Open Energy Solutions]"/>
        <member name="[CB - Account].[Account CB - Description].&amp;[0123073 - Investment in Omnidian]"/>
        <member name="[CB - Account].[Account CB - Description].&amp;[0123090 - IIUS - Bright Automotive]"/>
        <member name="[CB - Account].[Account CB - Description].&amp;[0123100 - Investment in Subs - YTD NI]"/>
        <member name="[CB - Account].[Account CB - Description].&amp;[0123103 - LT Net Investment in Lease]"/>
        <member name="[CB - Account].[Account CB - Description].&amp;[0123105 - Investment in Subs - Historica]"/>
        <member name="[CB - Account].[Account CB - Description].&amp;[0123110 - Wateree Power Company]"/>
        <member name="[CB - Account].[Account CB - Description].&amp;[0123111 - WATEREE POWER COMPANY]"/>
        <member name="[CB - Account].[Account CB - Description].&amp;[0123115 - Inv in Sub - NCI Calc Excluded]"/>
        <member name="[CB - Account].[Account CB - Description].&amp;[0123120 - Mp Supply,Inc]"/>
        <member name="[CB - Account].[Account CB - Description].&amp;[0123125 - Intercompany Advances]"/>
        <member name="[CB - Account].[Account CB - Description].&amp;[0123130 - Property Reserve Eastover]"/>
        <member name="[CB - Account].[Account CB - Description].&amp;[0123140 - Crescent Resources,Inc.]"/>
        <member name="[CB - Account].[Account CB - Description].&amp;[0123150 - Eastover Land Company]"/>
        <member name="[CB - Account].[Account CB - Description].&amp;[0123160 - Eastover Mining Company]"/>
        <member name="[CB - Account].[Account CB - Description].&amp;[0123170 - Western Fuel Incorporated]"/>
        <member name="[CB - Account].[Account CB - Description].&amp;[0123172 - Invst-Lascom Intang]"/>
        <member name="[CB - Account].[Account CB - Description].&amp;[0123180 - Inactive]"/>
        <member name="[CB - Account].[Account CB - Description].&amp;[0123190 - Church Street Captial Corp]"/>
        <member name="[CB - Account].[Account CB - Description].&amp;[0123191 - Advance - DNGC]"/>
        <member name="[CB - Account].[Account CB - Description].&amp;[0123193 - Advances I/C Contra]"/>
        <member name="[CB - Account].[Account CB - Description].&amp;[0123194 - Advance For Dei Bu Only]"/>
        <member name="[CB - Account].[Account CB - Description].&amp;[0123195 - Advance With Related Pty]"/>
        <member name="[CB - Account].[Account CB - Description].&amp;[0123200 - Duke Energy Group,Inc]"/>
        <member name="[CB - Account].[Account CB - Description].&amp;[0123201 - CAROHOME N/R]"/>
        <member name="[CB - Account].[Account CB - Description].&amp;[0123202 - CAROHOME I/R-HGA]"/>
        <member name="[CB - Account].[Account CB - Description].&amp;[0123203 - CAROHOME I/R-GAR]"/>
        <member name="[CB - Account].[Account CB - Description].&amp;[0123210 - Nantahala Power And Light]"/>
        <member name="[CB - Account].[Account CB - Description].&amp;[0123220 - Duke Engineering &amp; Servs,Inc]"/>
        <member name="[CB - Account].[Account CB - Description].&amp;[0123230 - Claiborne Energy Services,Inc]"/>
        <member name="[CB - Account].[Account CB - Description].&amp;[0123240 - Investment In Gt&amp;W]"/>
        <member name="[CB - Account].[Account CB - Description].&amp;[0123250 - ICNetting - Advance]"/>
        <member name="[CB - Account].[Account CB - Description].&amp;[0123260 - Inv In Duke Coal Proj Serv Grp]"/>
        <member name="[CB - Account].[Account CB - Description].&amp;[0123270 - InvestTruPS-250M Due 3/31/2039]"/>
        <member name="[CB - Account].[Account CB - Description].&amp;[0123271 - INVESTTRUPS 250m DUE 3/31/2039]"/>
        <member name="[CB - Account].[Account CB - Description].&amp;[0123300 - IIUS- Conterra C]"/>
        <member name="[CB - Account].[Account CB - Description].&amp;[0123320 - Duke Energy Marketing Corp]"/>
        <member name="[CB - Account].[Account CB - Description].&amp;[0123330 - Pan Energy]"/>
        <member name="[CB - Account].[Account CB - Description].&amp;[0123340 - Advances with DE Services Inc]"/>
        <member name="[CB - Account].[Account CB - Description].&amp;[0123400 - Advance with Oakland]"/>
        <member name="[CB - Account].[Account CB - Description].&amp;[0123405 - Advance with Moro Bay]"/>
        <member name="[CB - Account].[Account CB - Description].&amp;[0123410 - Advance with South Bay]"/>
        <member name="[CB - Account].[Account CB - Description].&amp;[0123415 - Advance with Moss Landing]"/>
        <member name="[CB - Account].[Account CB - Description].&amp;[0123420 - Advance with GAD]"/>
        <member name="[CB - Account].[Account CB - Description].&amp;[0123425 - Advance with DENA]"/>
        <member name="[CB - Account].[Account CB - Description].&amp;[0123430 - Advance with Madison, LLC]"/>
        <member name="[CB - Account].[Account CB - Description].&amp;[0123435 - Advance with Vermillion, LLC]"/>
        <member name="[CB - Account].[Account CB - Description].&amp;[0123440 - Advance with DE Bridgeport,LLC]"/>
        <member name="[CB - Account].[Account CB - Description].&amp;[0123445 - Advance with DE Hidalgo, LP]"/>
        <member name="[CB - Account].[Account CB - Description].&amp;[0123450 - Advance w/DENAwSmyrnaBeach Pwr]"/>
        <member name="[CB - Account].[Account CB - Description].&amp;[0123455 - Advance w/DE Bell, LP]"/>
        <member name="[CB - Account].[Account CB - Description].&amp;[0123460 - Advance w/DE DeSoto, LLC]"/>
        <member name="[CB - Account].[Account CB - Description].&amp;[0123465 - Advance w/Caso Bay Energy Co]"/>
        <member name="[CB - Account].[Account CB - Description].&amp;[0123470 - Advance w/DE St. Lucie, LLC]"/>
        <member name="[CB - Account].[Account CB - Description].&amp;[0123475 - Advance w/DE Design Supplier]"/>
        <member name="[CB - Account].[Account CB - Description].&amp;[0123480 - Advance w/DE Kaufman, LP]"/>
        <member name="[CB - Account].[Account CB - Description].&amp;[0123485 - Advance w/Fort Drum Cogencof]"/>
        <member name="[CB - Account].[Account CB - Description].&amp;[0123490 - Advance w/Duke/UAE Ref-Fuel]"/>
        <member name="[CB - Account].[Account CB - Description].&amp;[0123495 - Advance w/National Properties]"/>
        <member name="[CB - Account].[Account CB - Description].&amp;[0123498 - Inv-JV_Steckman Ridge]"/>
        <member name="[CB - Account].[Account CB - Description].&amp;[0123499 - Inv-equity_Steckman Ridge]"/>
        <member name="[CB - Account].[Account CB - Description].&amp;[0123500 - Advance w/DE St. Francis]"/>
        <member name="[CB - Account].[Account CB - Description].&amp;[0123502 - IUS - Ashabula Purch Acct]"/>
        <member name="[CB - Account].[Account CB - Description].&amp;[0123505 - Advance w/DE Hinds, LLC]"/>
        <member name="[CB - Account].[Account CB - Description].&amp;[0123510 - Invst-Sub/Advance DEI/DEGRP]"/>
        <member name="[CB - Account].[Account CB - Description].&amp;[0123515 - Invest in Joint Venture]"/>
        <member name="[CB - Account].[Account CB - Description].&amp;[0123520 - Investment in Stock Warrant]"/>
        <member name="[CB - Account].[Account CB - Description].&amp;[0123521 - IUS - Q-Comm Purch Acctg]"/>
        <member name="[CB - Account].[Account CB - Description].&amp;[0123523 - IUS - Tuscola Purch Acctg]"/>
        <member name="[CB - Account].[Account CB - Description].&amp;[0123525 - Investment &amp; Other Assets]"/>
        <member name="[CB - Account].[Account CB - Description].&amp;[0123530 - Inv JV-Moss Landing Mut. WtrCo]"/>
        <member name="[CB - Account].[Account CB - Description].&amp;[0123535 - Invst JV-Morro Bay Mut.Wtr Co]"/>
        <member name="[CB - Account].[Account CB - Description].&amp;[0123536 - Acquisitions]"/>
        <member name="[CB - Account].[Account CB - Description].&amp;[0123538 - Invstmnt in JV-SW Pwr Partners]"/>
        <member name="[CB - Account].[Account CB - Description].&amp;[0123539 - Reserve Army Dispute - FT Drum]"/>
        <member name="[CB - Account].[Account CB - Description].&amp;[0123540 - Reserve - Black River LLP]"/>
        <member name="[CB - Account].[Account CB - Description].&amp;[0123541 - Advance w/ California Regional]"/>
        <member name="[CB - Account].[Account CB - Description].&amp;[0123542 - Advance w/DE California, LLC]"/>
        <member name="[CB - Account].[Account CB - Description].&amp;[0123543 - Adv w/DukeEnergy Genrtng, LLC]"/>
        <member name="[CB - Account].[Account CB - Description].&amp;[0123544 - Advance w/Trenton]"/>
        <member name="[CB - Account].[Account CB - Description].&amp;[0123545 - Investment in JV-VMC]"/>
        <member name="[CB - Account].[Account CB - Description].&amp;[0123546 - Advance w/ DEI]"/>
        <member name="[CB - Account].[Account CB - Description].&amp;[0123547 - Advance w/ DE Lee Holding]"/>
        <member name="[CB - Account].[Account CB - Description].&amp;[0123548 - Advance w/ DELEC]"/>
        <member name="[CB - Account].[Account CB - Description].&amp;[0123549 - Advance Defs Intra]"/>
        <member name="[CB - Account].[Account CB - Description].&amp;[0123550 - Advance For Teppco (intrest)]"/>
        <member name="[CB - Account].[Account CB - Description].&amp;[0123551 - Advance for Teppco(Defs Reimb)]"/>
        <member name="[CB - Account].[Account CB - Description].&amp;[0123552 - Advance for Teppco (Distb)]"/>
        <member name="[CB - Account].[Account CB - Description].&amp;[0123553 - IUS - Attiki Purch Acctg]"/>
        <member name="[CB - Account].[Account CB - Description].&amp;[0123557 - IIUS - Tsavo Purch Acctg]"/>
        <member name="[CB - Account].[Account CB - Description].&amp;[0123560 - Investment In Joint Venture]"/>
        <member name="[CB - Account].[Account CB - Description].&amp;[0123561 - IIUS- Conterra C]"/>
        <member name="[CB - Account].[Account CB - Description].&amp;[0123562 - IIUS- Conterra X]"/>
        <member name="[CB - Account].[Account CB - Description].&amp;[0123563 - ADVANCE W/TRENTON]"/>
        <member name="[CB - Account].[Account CB - Description].&amp;[0123564 - ADVANCE W/MAINE INDEPENDENCE]"/>
        <member name="[CB - Account].[Account CB - Description].&amp;[0123565 - ADVANCE W/ATTALA]"/>
        <member name="[CB - Account].[Account CB - Description].&amp;[0123566 - ADVANCE WITH 20045]"/>
        <member name="[CB - Account].[Account CB - Description].&amp;[0123567 - ADVANCE W/SOUTHHAVEN]"/>
        <member name="[CB - Account].[Account CB - Description].&amp;[0123568 - ADVANCE WITH DETM]"/>
        <member name="[CB - Account].[Account CB - Description].&amp;[0123569 - ADVANCE W/AUDRAIN]"/>
        <member name="[CB - Account].[Account CB - Description].&amp;[0123570 - ADVANCE W/MCCLAIN]"/>
        <member name="[CB - Account].[Account CB - Description].&amp;[0123571 - ADVANCE W/MARICOPA]"/>
        <member name="[CB - Account].[Account CB - Description].&amp;[0123572 - Advance Account 184301]"/>
        <member name="[CB - Account].[Account CB - Description].&amp;[0123573 - Advance w/30075]"/>
        <member name="[CB - Account].[Account CB - Description].&amp;[0123825 - Inv in Unconsol Sub-Pioneer Tr]"/>
        <member name="[CB - Account].[Account CB - Description].&amp;[0123897 - VIE-Restr Invest Unconsol Subs]"/>
        <member name="[CB - Account].[Account CB - Description].&amp;[0123999 - Intercompany Rollup Advance]"/>
        <member name="[CB - Account].[Account CB - Description].&amp;[0124000 - Tax: LT AFS: Purchased Cost]"/>
        <member name="[CB - Account].[Account CB - Description].&amp;[0124001 - Investmens other - DEGT only]"/>
        <member name="[CB - Account].[Account CB - Description].&amp;[0124002 - ESP Investments]"/>
        <member name="[CB - Account].[Account CB - Description].&amp;[0124003 - DIRECTORS ESP INVESTMENTS]"/>
        <member name="[CB - Account].[Account CB - Description].&amp;[0124005 - Investment in Charlotte Housin]"/>
        <member name="[CB - Account].[Account CB - Description].&amp;[0124006 - Mass Mutual CSV 1/1/86]"/>
        <member name="[CB - Account].[Account CB - Description].&amp;[0124007 - Mass Mutual CSV 1/1/84]"/>
        <member name="[CB - Account].[Account CB - Description].&amp;[0124008 - Mass Mutual CSV 12/15/84]"/>
        <member name="[CB - Account].[Account CB - Description].&amp;[0124009 - Mass Mutual CSV 9/1/85PE]"/>
        <member name="[CB - Account].[Account CB - Description].&amp;[0124010 - Mass Mutual CSV 6/1/86]"/>
        <member name="[CB - Account].[Account CB - Description].&amp;[0124011 - GEN AM LIFE CSV 9/15/82]"/>
        <member name="[CB - Account].[Account CB - Description].&amp;[0124012 - MASS MUTUAL CSV 9/1/85 TE]"/>
        <member name="[CB - Account].[Account CB - Description].&amp;[0124013 - PAC MUTUAL CSV 9/25/85]"/>
        <member name="[CB - Account].[Account CB - Description].&amp;[0124014 - PAC MUTUAL CSV 6/3/87]"/>
        <member name="[CB - Account].[Account CB - Description].&amp;[0124015 - GREAT WEST LIFE CSV 6/1/85]"/>
        <member name="[CB - Account].[Account CB - Description].&amp;[0124016 - PRUDENTIAL CSV 9/25/86]"/>
        <member name="[CB - Account].[Account CB - Description].&amp;[0124017 - TE HARTFORD CSV 5/31/88]"/>
        <member name="[CB - Account].[Account CB - Description].&amp;[0124018 - PE HARTFORD CSV 8/31/88]"/>
        <member name="[CB - Account].[Account CB - Description].&amp;[0124019 - MANU LIFE CSV 12/1/85]"/>
        <member name="[CB - Account].[Account CB - Description].&amp;[0124020 - Y&amp;O Workers Comp Bond Princ]"/>
        <member name="[CB - Account].[Account CB - Description].&amp;[0124021 - Y&amp;O Workers Comp Bond Discount]"/>
        <member name="[CB - Account].[Account CB - Description].&amp;[0124022 - Investment in Progress Point]"/>
        <member name="[CB - Account].[Account CB - Description].&amp;[0124023 - Investment in PEET]"/>
        <member name="[CB - Account].[Account CB - Description].&amp;[0124030 - Missing]"/>
        <member name="[CB - Account].[Account CB - Description].&amp;[0124040 - Mass Mutual Loan 12/28/84]"/>
        <member name="[CB - Account].[Account CB - Description].&amp;[0124041 - Mass Mutual  Loan 1/1/86]"/>
        <member name="[CB - Account].[Account CB - Description].&amp;[0124042 - Mass Mutual Loan 1/1/84]"/>
        <member name="[CB - Account].[Account CB - Description].&amp;[0124043 - Mass Mutual Loan 12/15/84]"/>
        <member name="[CB - Account].[Account CB - Description].&amp;[0124044 - Mass Mutual Loan 9/1/85]"/>
        <member name="[CB - Account].[Account CB - Description].&amp;[0124045 - Mass Mutual Loan 6/1/86]"/>
        <member name="[CB - Account].[Account CB - Description].&amp;[0124046 - GEM AM Life Loan 9/15/82]"/>
        <member name="[CB - Account].[Account CB - Description].&amp;[0124047 - Mass Mutual Loan 9/1/85 TE]"/>
        <member name="[CB - Account].[Account CB - Description].&amp;[0124048 - PAC Mutual Loan 9/25/85]"/>
        <member name="[CB - Account].[Account CB - Description].&amp;[0124049 - PAC Mutual Loan 6/3/87]"/>
        <member name="[CB - Account].[Account CB - Description].&amp;[0124050 - Great West Life Loan 6/1/85]"/>
        <member name="[CB - Account].[Account CB - Description].&amp;[0124051 - Prudential Loan 9/25/86]"/>
        <member name="[CB - Account].[Account CB - Description].&amp;[0124052 - MANU LIFE LOAN 12/1/85]"/>
        <member name="[CB - Account].[Account CB - Description].&amp;[0124060 - Sch M: LT AFS: FV Adjustments]"/>
        <member name="[CB - Account].[Account CB - Description].&amp;[0124073 - Investments in Projects]"/>
        <member name="[CB - Account].[Account CB - Description].&amp;[0124090 - Invst-Campbell Co Bus Develop]"/>
        <member name="[CB - Account].[Account CB - Description].&amp;[0124100 - Stocks &amp; Bonds In Other Co.]"/>
        <member name="[CB - Account].[Account CB - Description].&amp;[0124101 - Inv in Piedmont Venture Prtnrs]"/>
        <member name="[CB - Account].[Account CB - Description].&amp;[0124102 - Inv in NC Enterprise Fund]"/>
        <member name="[CB - Account].[Account CB - Description].&amp;[0124103 - Inv in Vaxa Capital Partners]"/>
        <member name="[CB - Account].[Account CB - Description].&amp;[0124104 - Inv in Palmetto Seed Cap Fund]"/>
        <member name="[CB - Account].[Account CB - Description].&amp;[0124105 - Inv in Kannapolis Energy Prtns]"/>
        <member name="[CB - Account].[Account CB - Description].&amp;[0124106 - Investment in T-Rex Group]"/>
        <member name="[CB - Account].[Account CB - Description].&amp;[0124107 - Investment in WestCoast Energy]"/>
        <member name="[CB - Account].[Account CB - Description].&amp;[0124108 - Investment in Microcell]"/>
        <member name="[CB - Account].[Account CB - Description].&amp;[0124109 - Investment in APOG]"/>
        <member name="[CB - Account].[Account CB - Description].&amp;[0124110 - AHFS INV AND OTHER ASSETS]"/>
        <member name="[CB - Account].[Account CB - Description].&amp;[0124111 - Investment in APOG]"/>
        <member name="[CB - Account].[Account CB - Description].&amp;[0124112 - INVESTMENT IN SANGROUP LLC]"/>
        <member name="[CB - Account].[Account CB - Description].&amp;[0124113 - INVESTMENT INFLEXION]"/>
        <member name="[CB - Account].[Account CB - Description].&amp;[0124114 - Investment in Orlagroup]"/>
        <member name="[CB - Account].[Account CB - Description].&amp;[0124120 - KINETIC VENTURES VI]"/>
        <member name="[CB - Account].[Account CB - Description].&amp;[0124121 - KINETIC VENTURES VII]"/>
        <member name="[CB - Account].[Account CB - Description].&amp;[0124130 - Invst-Blue Chip Capital]"/>
        <member name="[CB - Account].[Account CB - Description].&amp;[0124200 - INVST_LT_SEC_INV_PUR_ACCT_ADJ]"/>
        <member name="[CB - Account].[Account CB - Description].&amp;[0124201 - Invst-Nth Power Fund II]"/>
        <member name="[CB - Account].[Account CB - Description].&amp;[0124202 - Invest - Cintrifuse]"/>
        <member name="[CB - Account].[Account CB - Description].&amp;[0124203 - Invest - Cornerstone]"/>
        <member name="[CB - Account].[Account CB - Description].&amp;[0124204 - Invest - Clean Power Finance]"/>
        <member name="[CB - Account].[Account CB - Description].&amp;[0124205 - Invest - REGEN]"/>
        <member name="[CB - Account].[Account CB - Description].&amp;[0124206 - Invest- Middletown]"/>
        <member name="[CB - Account].[Account CB - Description].&amp;[0124207 - Invest - Westly Fund]"/>
        <member name="[CB - Account].[Account CB - Description].&amp;[0124208 - Invest in Port Authority Cinc]"/>
        <member name="[CB - Account].[Account CB - Description].&amp;[0124209 - Investment in Energy Impact]"/>
        <member name="[CB - Account].[Account CB - Description].&amp;[0124210 - Investment in Zero Mass Water]"/>
        <member name="[CB - Account].[Account CB - Description].&amp;[0124211 - Investment in Omnidian]"/>
        <member name="[CB - Account].[Account CB - Description].&amp;[0124250 - Invst-Lynx Capital]"/>
        <member name="[CB - Account].[Account CB - Description].&amp;[0124255 - Invest in General Compression]"/>
        <member name="[CB - Account].[Account CB - Description].&amp;[0124270 - Invst-Cincy New Markets Fund]"/>
        <member name="[CB - Account].[Account CB - Description].&amp;[0124275 - Invst-Cinci New Market Fund II]"/>
        <member name="[CB - Account].[Account CB - Description].&amp;[0124290 - Invst-Cambrdge Ventures LP]"/>
        <member name="[CB - Account].[Account CB - Description].&amp;[0124300 - Investment in Real Estate]"/>
        <member name="[CB - Account].[Account CB - Description].&amp;[0124301 - Invst-Circle Centre Mall]"/>
        <member name="[CB - Account].[Account CB - Description].&amp;[0124310 - Other Assets]"/>
        <member name="[CB - Account].[Account CB - Description].&amp;[0124311 - Inv-CSV Executive Life Plan]"/>
        <member name="[CB - Account].[Account CB - Description].&amp;[0124320 - Inactive]"/>
        <member name="[CB - Account].[Account CB - Description].&amp;[0124330 - Inactive]"/>
        <member name="[CB - Account].[Account CB - Description].&amp;[0124340 - Inactive]"/>
        <member name="[CB - Account].[Account CB - Description].&amp;[0124341 - Invst-Grantor Trusts]"/>
        <member name="[CB - Account].[Account CB - Description].&amp;[0124400 - Cash Surrender Value - Life]"/>
        <member name="[CB - Account].[Account CB - Description].&amp;[0124401 - CSV-Loans]"/>
        <member name="[CB - Account].[Account CB - Description].&amp;[0124402 - CSV-LOANS DCGP]"/>
        <member name="[CB - Account].[Account CB - Description].&amp;[0124404 - Invst - Zolo Technologies]"/>
        <member name="[CB - Account].[Account CB - Description].&amp;[0124405 - Invest - Northern Kentucky]"/>
        <member name="[CB - Account].[Account CB - Description].&amp;[0124406 - Investment in Westly Fund IV]"/>
        <member name="[CB - Account].[Account CB - Description].&amp;[0124407 - Investment in EIP Frontier)]"/>
        <member name="[CB - Account].[Account CB - Description].&amp;[0124408 - Investment in Westly Seed Fund]"/>
        <member name="[CB - Account].[Account CB - Description].&amp;[0124409 - Investment in Sparkfund]"/>
        <member name="[CB - Account].[Account CB - Description].&amp;[0124410 - Cash Surrender Value - Life]"/>
        <member name="[CB - Account].[Account CB - Description].&amp;[0124411 - Investment in EIP Elevate Fund]"/>
        <member name="[CB - Account].[Account CB - Description].&amp;[0124415 - Investment in Allumia]"/>
        <member name="[CB - Account].[Account CB - Description].&amp;[0124419 - Investment in Viatec]"/>
        <member name="[CB - Account].[Account CB - Description].&amp;[0124420 - Toli Life Insurance For]"/>
        <member name="[CB - Account].[Account CB - Description].&amp;[0124425 - Investment in CEF III]"/>
        <member name="[CB - Account].[Account CB - Description].&amp;[0124430 - Split Dollar Life Insurance]"/>
        <member name="[CB - Account].[Account CB - Description].&amp;[0124440 - Pomfret Life Ins. Policy - Exe]"/>
        <member name="[CB - Account].[Account CB - Description].&amp;[0124450 - Csv - Toli Contra]"/>
        <member name="[CB - Account].[Account CB - Description].&amp;[0124451 - Invst-Smart Synch]"/>
        <member name="[CB - Account].[Account CB - Description].&amp;[0124452 - Invest Smart Synch UCM LLC]"/>
        <member name="[CB - Account].[Account CB - Description].&amp;[0124460 - Csv - Split Dollar Contra]"/>
        <member name="[CB - Account].[Account CB - Description].&amp;[0124470 - Rabbi Trust - TEC SUPPL]"/>
        <member name="[CB - Account].[Account CB - Description].&amp;[0124471 - Rabbi Trust - TEC Def Comp]"/>
        <member name="[CB - Account].[Account CB - Description].&amp;[0124472 - Rabbi Trust - PE Exec]"/>
        <member name="[CB - Account].[Account CB - Description].&amp;[0124480 - Investment in Project Reserves]"/>
        <member name="[CB - Account].[Account CB - Description].&amp;[0124481 - FV of instruments not hedges]"/>
        <member name="[CB - Account].[Account CB - Description].&amp;[0124490 - Available for Sale-Debt Securi]"/>
        <member name="[CB - Account].[Account CB - Description].&amp;[0124491 - AFS Debt Sec Corp OCI Contra]"/>
        <member name="[CB - Account].[Account CB - Description].&amp;[0124501 - NOXs Held for Speculation]"/>
        <member name="[CB - Account].[Account CB - Description].&amp;[0124505 - Invst-Rabbi Trust]"/>
        <member name="[CB - Account].[Account CB - Description].&amp;[0124700 - Invst-Rabbi Trust NQ Def Comp]"/>
        <member name="[CB - Account].[Account CB - Description].&amp;[0125000 - Unrealized Gain mk to mkt]"/>
        <member name="[CB - Account].[Account CB - Description].&amp;[0128001 - Money Market-Chittenden Bank]"/>
        <member name="[CB - Account].[Account CB - Description].&amp;[0128003 - Partner's Share]"/>
        <member name="[CB - Account].[Account CB - Description].&amp;[0128100 - Loan Assistance Prog-Nc]"/>
        <member name="[CB - Account].[Account CB - Description].&amp;[0128200 - PC Bonds 2006 A&amp;B 10-1-2031]"/>
        <member name="[CB - Account].[Account CB - Description].&amp;[0128204 - PC Bonds 2007 A&amp;B]"/>
        <member name="[CB - Account].[Account CB - Description].&amp;[0128300 - Missing]"/>
        <member name="[CB - Account].[Account CB - Description].&amp;[0128400 - Reserve Funds For Deck]"/>
        <member name="[CB - Account].[Account CB - Description].&amp;[0128500 - Dividend Re-Investment]"/>
        <member name="[CB - Account].[Account CB - Description].&amp;[0128501 - H&amp;W Benefits Funding]"/>
        <member name="[CB - Account].[Account CB - Description].&amp;[0128600 - NC WORKERS COMP DEPOSIT]"/>
        <member name="[CB - Account].[Account CB - Description].&amp;[0128718 - Prefunded Pension]"/>
        <member name="[CB - Account].[Account CB - Description].&amp;[0128719 - Prefunded OPEB]"/>
        <member name="[CB - Account].[Account CB - Description].&amp;[0128800 - Funds DEC Qual Contr]"/>
        <member name="[CB - Account].[Account CB - Description].&amp;[0128801 - Funds DEC NQ Contr]"/>
        <member name="[CB - Account].[Account CB - Description].&amp;[0128802 - Funds DEC Qual Clean Contr]"/>
        <member name="[CB - Account].[Account CB - Description].&amp;[0128803 - Funds DEC NQ Clean Contr]"/>
        <member name="[CB - Account].[Account CB - Description].&amp;[0128804 - RABBI TRUST]"/>
        <member name="[CB - Account].[Account CB - Description].&amp;[0128805 - COLI PREPAID PREMIUM]"/>
        <member name="[CB - Account].[Account CB - Description].&amp;[0128810 - Funds DEC Qual Real Earn]"/>
        <member name="[CB - Account].[Account CB - Description].&amp;[0128811 - Funds DEC NQ Real Earn]"/>
        <member name="[CB - Account].[Account CB - Description].&amp;[0128812 - Funds DEC Qual Non Real Earn]"/>
        <member name="[CB - Account].[Account CB - Description].&amp;[0128813 - Funds DEC NQ Non Real Earn]"/>
        <member name="[CB - Account].[Account CB - Description].&amp;[0128814 - Funds DEC Qual Clean Real Earn]"/>
        <member name="[CB - Account].[Account CB - Description].&amp;[0128815 - Funds DEC Qual Clean NR Earn]"/>
        <member name="[CB - Account].[Account CB - Description].&amp;[0128816 - Funds DEC NQ Clean Real Earn]"/>
        <member name="[CB - Account].[Account CB - Description].&amp;[0128817 - Funds DEC NQ Clean NR Earn]"/>
        <member name="[CB - Account].[Account CB - Description].&amp;[0128897 - VIE-Restr Nuc Decom Trust Fund]"/>
        <member name="[CB - Account].[Account CB - Description].&amp;[0128910 - CR#3-QUAL. UNREAL GAINS/LOSSES]"/>
        <member name="[CB - Account].[Account CB - Description].&amp;[0128911 - CR#3 - NUC DECOM NONQUALIFIED]"/>
        <member name="[CB - Account].[Account CB - Description].&amp;[0128912 - CR#3-NON-QUAL.UNREAL.GAIN/L]"/>
        <member name="[CB - Account].[Account CB - Description].&amp;[0128913 - CR#3 Nuc Decom NonQualified SH]"/>
        <member name="[CB - Account].[Account CB - Description].&amp;[0128914 - CR3 ADP Qual Unreal G/L]"/>
        <member name="[CB - Account].[Account CB - Description].&amp;[0128915 - CR3 ADP Nuc Decom Qual]"/>
        <member name="[CB - Account].[Account CB - Description].&amp;[0128920 - DEP General Nonqualified Trust]"/>
        <member name="[CB - Account].[Account CB - Description].&amp;[0128921 - ROBINSON 2 QUALIFIED TRUST]"/>
        <member name="[CB - Account].[Account CB - Description].&amp;[0128922 - ROBINSON 2 NONQUALIFIED TRUST]"/>
        <member name="[CB - Account].[Account CB - Description].&amp;[0128923 - BRUNSWICK 1 QUALIFIED TRUST]"/>
        <member name="[CB - Account].[Account CB - Description].&amp;[0128924 - BRUNSWICK 1 NONQUALIFIED TRUST]"/>
        <member name="[CB - Account].[Account CB - Description].&amp;[0128925 - BRUNSWICK 2 QUALIFIED TRUST]"/>
        <member name="[CB - Account].[Account CB - Description].&amp;[0128926 - BRUNSWICK 2 NONQUALIFIED TRUST]"/>
        <member name="[CB - Account].[Account CB - Description].&amp;[0128927 - HARRIS QUALIFIED TRUST]"/>
        <member name="[CB - Account].[Account CB - Description].&amp;[0128928 - HARRIS NONQUALIFIED TRUST]"/>
        <member name="[CB - Account].[Account CB - Description].&amp;[0128929 - CR#3 - NUC DECOM QUALIFIED]"/>
        <member name="[CB - Account].[Account CB - Description].&amp;[0128930 - VEBA Earnings/Pmts]"/>
        <member name="[CB - Account].[Account CB - Description].&amp;[0129701 - Accum-Depr - Compter/Software]"/>
        <member name="[CB - Account].[Account CB - Description].&amp;[0129703 - A/Depr - Furn/Fix]"/>
        <member name="[CB - Account].[Account CB - Description].&amp;[0129705 - A/Depr - Lhld Imprv]"/>
        <member name="[CB - Account].[Account CB - Description].&amp;[0129707 - A/Depr - Of/Fld Eq]"/>
        <member name="[CB - Account].[Account CB - Description].&amp;[0129709 - A/Depr - Pricing Desk]"/>
        <member name="[CB - Account].[Account CB - Description].&amp;[0129710 - A/Depr - Project Equipment]"/>
        <member name="[CB - Account].[Account CB - Description].&amp;[0129712 - ACCUM DEPREC BUILDINGS]"/>
        <member name="[CB - Account].[Account CB - Description].&amp;[0129714 - ACCUM DEPREC MOTOR VEHICLES]"/>
        <member name="[CB - Account].[Account CB - Description].&amp;[0129716 - Prefunded Pension]"/>
        <member name="[CB - Account].[Account CB - Description].&amp;[0129717 - Prefunded pension (DE Car)]"/>
        <member name="[CB - Account].[Account CB - Description].&amp;[0131000 - Cash-Chase-Receipts]"/>
        <member name="[CB - Account].[Account CB - Description].&amp;[0131001 - Cash-Chase-Disbursemts]"/>
        <member name="[CB - Account].[Account CB - Description].&amp;[0131002 - Cash-Texas Commerce]"/>
        <member name="[CB - Account].[Account CB - Description].&amp;[0131003 - Cash-Bank Of Boston]"/>
        <member name="[CB - Account].[Account CB - Description].&amp;[0131004 - Cash-Bank of Boston-Funding]"/>
        <member name="[CB - Account].[Account CB - Description].&amp;[0131005 - Cash-Pt&amp;T]"/>
        <member name="[CB - Account].[Account CB - Description].&amp;[0131006 - Cash-Citibank]"/>
        <member name="[CB - Account].[Account CB - Description].&amp;[0131007 - Cash-Revenue Oper-Receipts]"/>
        <member name="[CB - Account].[Account CB - Description].&amp;[0131008 - Cash-Revenue Oper-Disbursement]"/>
        <member name="[CB - Account].[Account CB - Description].&amp;[0131009 - Cash-Rate Refund Reserve]"/>
        <member name="[CB - Account].[Account CB - Description].&amp;[0131010 - Cash I/C Contra]"/>
        <member name="[CB - Account].[Account CB - Description].&amp;[0131011 - Cash-BOA-Disbursements]"/>
        <member name="[CB - Account].[Account CB - Description].&amp;[0131012 - Cash-Cibc Debt Service]"/>
        <member name="[CB - Account].[Account CB - Description].&amp;[0131013 - Cash-Cibc Debt Service Res]"/>
        <member name="[CB - Account].[Account CB - Description].&amp;[0131014 - Interco Cash]"/>
        <member name="[CB - Account].[Account CB - Description].&amp;[0131015 - Temp Cash Invest-GSRI Canada]"/>
        <member name="[CB - Account].[Account CB - Description].&amp;[0131016 - Bank of NS_CAD Functional]"/>
        <member name="[CB - Account].[Account CB - Description].&amp;[0131017 - Cash Chase Disb XXXXX3490]"/>
        <member name="[CB - Account].[Account CB - Description].&amp;[0131018 - Cash Scotiabank 129890189413]"/>
        <member name="[CB - Account].[Account CB - Description].&amp;[0131019 - Cash Overdrafts to AP-FTG]"/>
        <member name="[CB - Account].[Account CB - Description].&amp;[0131020 - Cash-Loan Proceeds]"/>
        <member name="[CB - Account].[Account CB - Description].&amp;[0131021 - Cash-Receipts]"/>
        <member name="[CB - Account].[Account CB - Description].&amp;[0131022 - Cash-Loan Proceeds-Tech-Disb]"/>
        <member name="[CB - Account].[Account CB - Description].&amp;[0131023 - Cash-Loan Proceeds-Bus-Receipt]"/>
        <member name="[CB - Account].[Account CB - Description].&amp;[0131024 - Cash-Loan Proceeds-Bus-Disb]"/>
        <member name="[CB - Account].[Account CB - Description].&amp;[0131025 - Cash-Revenue]"/>
        <member name="[CB - Account].[Account CB - Description].&amp;[0131026 - Cash-Revenue-Technical-Receipt]"/>
        <member name="[CB - Account].[Account CB - Description].&amp;[0131027 - Cash-Revenue-Technical-Disb]"/>
        <member name="[CB - Account].[Account CB - Description].&amp;[0131028 - Cash-Revenue-Business-Receipt]"/>
        <member name="[CB - Account].[Account CB - Description].&amp;[0131029 - Cash-Revenue-Business-Disb]"/>
        <member name="[CB - Account].[Account CB - Description].&amp;[0131030 - Restricted Cash Long Term]"/>
        <member name="[CB - Account].[Account CB - Description].&amp;[0131031 - Cash Wells 0174 DEP]"/>
        <member name="[CB - Account].[Account CB - Description].&amp;[0131032 - Cash Wells 1182 DEF]"/>
        <member name="[CB - Account].[Account CB - Description].&amp;[0131033 - Cash Wells 1190 PGN]"/>
        <member name="[CB - Account].[Account CB - Description].&amp;[0131034 - Cash BOA 0484 DEBS]"/>
        <member name="[CB - Account].[Account CB - Description].&amp;[0131035 - Cash PeakNet]"/>
        <member name="[CB - Account].[Account CB - Description].&amp;[0131036 - Cash PeakNet Services]"/>
        <member name="[CB - Account].[Account CB - Description].&amp;[0131037 - Cash PT Holding Co.]"/>
        <member name="[CB - Account].[Account CB - Description].&amp;[0131083 - Cash Wells Fargo 1309]"/>
        <member name="[CB - Account].[Account CB - Description].&amp;[0131101 - A/P Cash GAAP Reclass]"/>
        <member name="[CB - Account].[Account CB - Description].&amp;[0131102 - Cash - Affiliate Settlement]"/>
        <member name="[CB - Account].[Account CB - Description].&amp;[0131103 - Cash - PNC - Evergreen]"/>
        <member name="[CB - Account].[Account CB - Description].&amp;[0131115 - CASH-CHASE-DETM OP PREMIUMS]"/>
        <member name="[CB - Account].[Account CB - Description].&amp;[0131117 - Cash - Scotia Bank]"/>
        <member name="[CB - Account].[Account CB - Description].&amp;[0131120 - CASH-CHASE-GENERAL II]"/>
        <member name="[CB - Account].[Account CB - Description].&amp;[0131123 - CASH-CHASE-DETM OTC MARGINS]"/>
        <member name="[CB - Account].[Account CB - Description].&amp;[0131125 - Cash PNC 3736]"/>
        <member name="[CB - Account].[Account CB - Description].&amp;[0131126 - Cash PNC 6968]"/>
        <member name="[CB - Account].[Account CB - Description].&amp;[0131127 - Cash PNC 3621]"/>
        <member name="[CB - Account].[Account CB - Description].&amp;[0131128 - Cash PNC 0813]"/>
        <member name="[CB - Account].[Account CB - Description].&amp;[0131129 - Cash PNC 8605]"/>
        <member name="[CB - Account].[Account CB - Description].&amp;[0131130 - Restricted Cash ST]"/>
        <member name="[CB - Account].[Account CB - Description].&amp;[0131131 - Cash Fifth Third 0918]"/>
        <member name="[CB - Account].[Account CB - Description].&amp;[0131132 - Cash Fifth Third 8377]"/>
        <member name="[CB - Account].[Account CB - Description].&amp;[0131133 - Cash JPM Chase 9815]"/>
        <member name="[CB - Account].[Account CB - Description].&amp;[0131134 - Cash JPM Chase 7073]"/>
        <member name="[CB - Account].[Account CB - Description].&amp;[0131135 - Cash Bank Montreal 4830]"/>
        <member name="[CB - Account].[Account CB - Description].&amp;[0131136 - Cash PNC 0739]"/>
        <member name="[CB - Account].[Account CB - Description].&amp;[0131137 - Cash PNC 3787]"/>
        <member name="[CB - Account].[Account CB - Description].&amp;[0131138 - Cash JPM 0989]"/>
        <member name="[CB - Account].[Account CB - Description].&amp;[0131139 - Cash PNC 8129]"/>
        <member name="[CB - Account].[Account CB - Description].&amp;[0131140 - Cash PNC 3795]"/>
        <member name="[CB - Account].[Account CB - Description].&amp;[0131141 - Cash PNC 2519]"/>
        <member name="[CB - Account].[Account CB - Description].&amp;[0131142 - Cash PNC 3752]"/>
        <member name="[CB - Account].[Account CB - Description].&amp;[0131143 - Cash PNC 3816]"/>
        <member name="[CB - Account].[Account CB - Description].&amp;[0131145 - Cash PNC 7885]"/>
        <member name="[CB - Account].[Account CB - Description].&amp;[0131146 - Cash PNC 5846]"/>
        <member name="[CB - Account].[Account CB - Description].&amp;[0131148 - Cash PNC 3744]"/>
        <member name="[CB - Account].[Account CB - Description].&amp;[0131149 - Cash PNC 6941]"/>
        <member name="[CB - Account].[Account CB - Description].&amp;[0131150 - Cash PNC 3701]"/>
        <member name="[CB - Account].[Account CB - Description].&amp;[0131151 - Cash JPM Chase 1276]"/>
        <member name="[CB - Account].[Account CB - Description].&amp;[0131152 - Cash Fifth Third 6113]"/>
        <member name="[CB - Account].[Account CB - Description].&amp;[0131153 - Cash JPM Chase 9823]"/>
        <member name="[CB - Account].[Account CB - Description].&amp;[0131154 - Cash Fifth Third 4725]"/>
        <member name="[CB - Account].[Account CB - Description].&amp;[0131161 - Cash PNC 1425]"/>
        <member name="[CB - Account].[Account CB - Description].&amp;[0131162 - Cash PNC 6987]"/>
        <member name="[CB - Account].[Account CB - Description].&amp;[0131163 - Cash PNC 0959]"/>
        <member name="[CB - Account].[Account CB - Description].&amp;[0131164 - Cash PNC 6282]"/>
        <member name="[CB - Account].[Account CB - Description].&amp;[0131165 - Cash Fifth Third 0865]"/>
        <member name="[CB - Account].[Account CB - Description].&amp;[0131166 - Cash CinGlobal PNC 9241]"/>
        <member name="[CB - Account].[Account CB - Description].&amp;[0131167 - Cash Delta1 PNC 6351]"/>
        <member name="[CB - Account].[Account CB - Description].&amp;[0131168 - Cash Suez PNC 6367]"/>
        <member name="[CB - Account].[Account CB - Description].&amp;[0131169 - Cash Shreve PNC 1329]"/>
        <member name="[CB - Account].[Account CB - Description].&amp;[0131170 - Cash Oklahoma PNC 1433]"/>
        <member name="[CB - Account].[Account CB - Description].&amp;[0131171 - Cash Delta2 PNC 2097]"/>
        <member name="[CB - Account].[Account CB - Description].&amp;[0131172 - Cash Shouston PNC 6375]"/>
        <member name="[CB - Account].[Account CB - Description].&amp;[0131173 - Cash CinRecv PNC 7469]"/>
        <member name="[CB - Account].[Account CB - Description].&amp;[0131174 - Cash Suez PNC wire4462]"/>
        <member name="[CB - Account].[Account CB - Description].&amp;[0131175 - Cash Shouston PNC wire7286]"/>
        <member name="[CB - Account].[Account CB - Description].&amp;[0131176 - Cash Tri-State PNC 5407]"/>
        <member name="[CB - Account].[Account CB - Description].&amp;[0131177 - Cash DETM Rec JPMChase 4430]"/>
        <member name="[CB - Account].[Account CB - Description].&amp;[0131178 - Cash PNC 3314]"/>
        <member name="[CB - Account].[Account CB - Description].&amp;[0131179 - Cash ROW PNC 679]"/>
        <member name="[CB - Account].[Account CB - Description].&amp;[0131180 - CASH SCOTIABANK XXXXXXXX1612]"/>
        <member name="[CB - Account].[Account CB - Description].&amp;[0131181 - CashJPM6747]"/>
        <member name="[CB - Account].[Account CB - Description].&amp;[0131182 - CashJPM6754]"/>
        <member name="[CB - Account].[Account CB - Description].&amp;[0131183 - Cash ROW PNC 652]"/>
        <member name="[CB - Account].[Account CB - Description].&amp;[0131184 - Cash Tuscola PNC wire9571]"/>
        <member name="[CB - Account].[Account CB - Description].&amp;[0131185 - Cash Tuscola PNC chck4008]"/>
        <member name="[CB - Account].[Account CB - Description].&amp;[0131186 - Cash Ashtabula PNC wire9635]"/>
        <member name="[CB - Account].[Account CB - Description].&amp;[0131187 - Cash Ashtabula PNC chck4059]"/>
        <member name="[CB - Account].[Account CB - Description].&amp;[0131188 - Cash Rochester PNC wire9619]"/>
        <member name="[CB - Account].[Account CB - Description].&amp;[0131189 - Cash Rochester PNC chck4024]"/>
        <member name="[CB - Account].[Account CB - Description].&amp;[0131190 - Cash Silver Grove PNC wire9598]"/>
        <member name="[CB - Account].[Account CB - Description].&amp;[0131191 - Cash Silver Grove PNC chck4016]"/>
        <member name="[CB - Account].[Account CB - Description].&amp;[0131192 - Cash GM Lansing PNC wire9627]"/>
        <member name="[CB - Account].[Account CB - Description].&amp;[0131193 - Cash GM Lansing PNC chck4032]"/>
        <member name="[CB - Account].[Account CB - Description].&amp;[0131194 - Cash DERS PNC wire9643]"/>
        <member name="[CB - Account].[Account CB - Description].&amp;[0131195 - Cash DERS PNC chck4702]"/>
        <member name="[CB - Account].[Account CB - Description].&amp;[0131196 - Cash DCAM PNC 5494]"/>
        <member name="[CB - Account].[Account CB - Description].&amp;[0131197 - Cash DCAM PNC 8126]"/>
        <member name="[CB - Account].[Account CB - Description].&amp;[0131198 - Cash - DCAM PNC 8226]"/>
        <member name="[CB - Account].[Account CB - Description].&amp;[0131200 - Cash BOA 7068]"/>
        <member name="[CB - Account].[Account CB - Description].&amp;[0131201 - Cash BOA 7071]"/>
        <member name="[CB - Account].[Account CB - Description].&amp;[0131203 - Cash BOA 1925 PEC]"/>
        <member name="[CB - Account].[Account CB - Description].&amp;[0131204 - Cash BOA 1097 PEF]"/>
        <member name="[CB - Account].[Account CB - Description].&amp;[0131205 - Cash Mellon 0469 PEC]"/>
        <member name="[CB - Account].[Account CB - Description].&amp;[0131206 - Cash Mellon 0442 PEF]"/>
        <member name="[CB - Account].[Account CB - Description].&amp;[0131207 - Cash DATC PNC wire1901]"/>
        <member name="[CB - Account].[Account CB - Description].&amp;[0131208 - Cash DATC PNC chck 6036]"/>
        <member name="[CB - Account].[Account CB - Description].&amp;[0131209 - Cash Zephyr PNC wire1928]"/>
        <member name="[CB - Account].[Account CB - Description].&amp;[0131210 - CURR ASSET HFS CASH]"/>
        <member name="[CB - Account].[Account CB - Description].&amp;[0131211 - Cash Zephyr PNC chck 6044]"/>
        <member name="[CB - Account].[Account CB - Description].&amp;[0131212 - Cash Mellon 2331 PEC]"/>
        <member name="[CB - Account].[Account CB - Description].&amp;[0131213 - Cash Mellon 2227 PEF]"/>
        <member name="[CB - Account].[Account CB - Description].&amp;[0131215 - Cash Wells 7591 PE-SVC Co]"/>
        <member name="[CB - Account].[Account CB - Description].&amp;[0131216 - Cash Wells 7792 PEF]"/>
        <member name="[CB - Account].[Account CB - Description].&amp;[0131217 - Cash Wells 1924 PEF]"/>
        <member name="[CB - Account].[Account CB - Description].&amp;[0131218 - Cash Wells 5602 PEF]"/>
        <member name="[CB - Account].[Account CB - Description].&amp;[0131219 - Cash Wells 2434 PEF]"/>
        <member name="[CB - Account].[Account CB - Description].&amp;[0131220 - Cash Wells 2450 PEF]"/>
        <member name="[CB - Account].[Account CB - Description].&amp;[0131221 - Cash Wells 6437 PEC]"/>
        <member name="[CB - Account].[Account CB - Description].&amp;[0131222 - Cash Wells 9761 PGN]"/>
        <member name="[CB - Account].[Account CB - Description].&amp;[0131223 - Cash Wells 4753 PEC]"/>
        <member name="[CB - Account].[Account CB - Description].&amp;[0131224 - Cash Wells 1605 PE-SVC Co]"/>
        <member name="[CB - Account].[Account CB - Description].&amp;[0131225 - Cash Wells 7601 PEC]"/>
        <member name="[CB - Account].[Account CB - Description].&amp;[0131226 - Cash Wells 0037 PE-SVC Co]"/>
        <member name="[CB - Account].[Account CB - Description].&amp;[0131227 - Cash Wells 0020 PEC]"/>
        <member name="[CB - Account].[Account CB - Description].&amp;[0131228 - Cash Wells 8238 PEF]"/>
        <member name="[CB - Account].[Account CB - Description].&amp;[0131229 - Cash Wells 5067 PE-SVC Co]"/>
        <member name="[CB - Account].[Account CB - Description].&amp;[0131230 - Cash Wells 9928 FL Prog Fundng]"/>
        <member name="[CB - Account].[Account CB - Description].&amp;[0131231 - Cash Wells 8148 PE-Fuels Corp]"/>
        <member name="[CB - Account].[Account CB - Description].&amp;[0131232 - Cash Wells 0637 CaroFund]"/>
        <member name="[CB - Account].[Account CB - Description].&amp;[0131233 - Cash Wells 0811 CaroHome]"/>
        <member name="[CB - Account].[Account CB - Description].&amp;[0131234 - Cash Wells 4827 PEC]"/>
        <member name="[CB - Account].[Account CB - Description].&amp;[0131235 - Cash Wells 7780 PE-SVC Co]"/>
        <member name="[CB - Account].[Account CB - Description].&amp;[0131240 - Cash BOA 0336 PNG]"/>
        <member name="[CB - Account].[Account CB - Description].&amp;[0131241 - Cash BOA 9617 PNG]"/>
        <member name="[CB - Account].[Account CB - Description].&amp;[0131242 - Cash BOA 8875 PNG]"/>
        <member name="[CB - Account].[Account CB - Description].&amp;[0131243 - Cash BOA 9620 PNG]"/>
        <member name="[CB - Account].[Account CB - Description].&amp;[0131244 - Cash BOA 0460 PNG]"/>
        <member name="[CB - Account].[Account CB - Description].&amp;[0131245 - Cash WELLS 9479 PNG]"/>
        <member name="[CB - Account].[Account CB - Description].&amp;[0131246 - CASH-BMTL-USD]"/>
        <member name="[CB - Account].[Account CB - Description].&amp;[0131247 - Cash WELLS 2258 PNG]"/>
        <member name="[CB - Account].[Account CB - Description].&amp;[0131248 - Cash BOA 9077 PNG]"/>
        <member name="[CB - Account].[Account CB - Description].&amp;[0131249 - Cash JPM 8909 PNG]"/>
        <member name="[CB - Account].[Account CB - Description].&amp;[0131250 - Cash BOA 1639 PNG]"/>
        <member name="[CB - Account].[Account CB - Description].&amp;[0131251 - Cash]"/>
        <member name="[CB - Account].[Account CB - Description].&amp;[0131252 - BNS - DE MKTG POWER]"/>
        <member name="[CB - Account].[Account CB - Description].&amp;[0131253 - BNS - DE MKTG RISK]"/>
        <member name="[CB - Account].[Account CB - Description].&amp;[0131254 - BNS - DE MKTG OPTIONS]"/>
        <member name="[CB - Account].[Account CB - Description].&amp;[0131255 - Cash BOA 7206 PNG]"/>
        <member name="[CB - Account].[Account CB - Description].&amp;[0131256 - Cash JPM 2133 PNG]"/>
        <member name="[CB - Account].[Account CB - Description].&amp;[0131260 - Cash JPM 1260 DEBS]"/>
        <member name="[CB - Account].[Account CB - Description].&amp;[0131261 - Cash JPM 4638 DERF-DEC]"/>
        <member name="[CB - Account].[Account CB - Description].&amp;[0131262 - Cash JPM 4620 CRC-DEO]"/>
        <member name="[CB - Account].[Account CB - Description].&amp;[0131263 - Cash JPM 4612 CRC-DEI]"/>
        <member name="[CB - Account].[Account CB - Description].&amp;[0131264 - Cash JPM 4604 CRC-DEK]"/>
        <member name="[CB - Account].[Account CB - Description].&amp;[0131265 - Cash JPM 4596 DEPR-DEP]"/>
        <member name="[CB - Account].[Account CB - Description].&amp;[0131266 - Cash JPM 4588 DEFR-DEF]"/>
        <member name="[CB - Account].[Account CB - Description].&amp;[0131267 - Cash JPM 4570 DEC]"/>
        <member name="[CB - Account].[Account CB - Description].&amp;[0131268 - Cash JPM 4562 DEO]"/>
        <member name="[CB - Account].[Account CB - Description].&amp;[0131269 - Cash JPM 4554 DEI]"/>
        <member name="[CB - Account].[Account CB - Description].&amp;[0131270 - Cash JPM 4547 DEK]"/>
        <member name="[CB - Account].[Account CB - Description].&amp;[0131271 - Cash JPM 4521 DEP]"/>
        <member name="[CB - Account].[Account CB - Description].&amp;[0131272 - Cash JPM 4513 DEF]"/>
        <member name="[CB - Account].[Account CB - Description].&amp;[0131292 - CASH-CHASE-DE MKTG POWER]"/>
        <member name="[CB - Account].[Account CB - Description].&amp;[0131300 - Retail Branch/Cash Collections]"/>
        <member name="[CB - Account].[Account CB - Description].&amp;[0131301 - Cash-DPCBIS-Bank of Granite-GF]"/>
        <member name="[CB - Account].[Account CB - Description].&amp;[0131302 - Cash-DPCBIS-BankofStanly-Albmr]"/>
        <member name="[CB - Account].[Account CB - Description].&amp;[0131303 - Cash-DPCBIS-1stCharter-Waxhaw]"/>
        <member name="[CB - Account].[Account CB - Description].&amp;[0131304 - Cash-DPCBIS-BB&amp;T-TreasAcct]"/>
        <member name="[CB - Account].[Account CB - Description].&amp;[0131305 - Cash-Chase-USPS]"/>
        <member name="[CB - Account].[Account CB - Description].&amp;[0131306 - Cash-DPCBIS-CCB-Durham]"/>
        <member name="[CB - Account].[Account CB - Description].&amp;[0131307 - Cash-DPCBIS-Centura-RockyMount]"/>
        <member name="[CB - Account].[Account CB - Description].&amp;[0131308 - Cash-DPCBIS-CitizensSvg-Rockwe]"/>
        <member name="[CB - Account].[Account CB - Description].&amp;[0131309 - Cash-DPCBIS-UCB 5115]"/>
        <member name="[CB - Account].[Account CB - Description].&amp;[0131310 - Cash-DPCBIS-FirstCitizens-Chlt]"/>
        <member name="[CB - Account].[Account CB - Description].&amp;[0131311 - Cash-DPCBIS-FirstNatl-Shelby]"/>
        <member name="[CB - Account].[Account CB - Description].&amp;[0131312 - Cash-DPCBIS-FrstNatlB&amp;T-A'boro]"/>
        <member name="[CB - Account].[Account CB - Description].&amp;[0131313 - Cash-DPCBIS-FrstNatlSE-Reidsvl]"/>
        <member name="[CB - Account].[Account CB - Description].&amp;[0131314 - Cash-DPCBIS-FrstComm-Taylorsvl]"/>
        <member name="[CB - Account].[Account CB - Description].&amp;[0131315 - WACHOVIA#2018680829646]"/>
        <member name="[CB - Account].[Account CB - Description].&amp;[0131316 - Cash-DPCBIS-Bank of York]"/>
        <member name="[CB - Account].[Account CB - Description].&amp;[0131317 - Cash-DPCBIS-CarolinaSt-Chesnee]"/>
        <member name="[CB - Account].[Account CB - Description].&amp;[0131318 - Cash-DPCBIS-CarolinaFrst-Lbrty]"/>
        <member name="[CB - Account].[Account CB - Description].&amp;[0131319 - Cash-DPCBIS-Clover Comm Bank]"/>
        <member name="[CB - Account].[Account CB - Description].&amp;[0131320 - Cash-DPCBIS-Commercial-HneaPth]"/>
        <member name="[CB - Account].[Account CB - Description].&amp;[0131321 - Cash-DPCBIS-FrstCitizns-Sptnb]"/>
        <member name="[CB - Account].[Account CB - Description].&amp;[0131322 - Cash-DPCBIS-PalmettoBk-Laurens]"/>
        <member name="[CB - Account].[Account CB - Description].&amp;[0131323 - Cash-DPCBIS-WoodruffStateBank]"/>
        <member name="[CB - Account].[Account CB - Description].&amp;[0131324 - Cash-DPCBIS-Chase-ACHRcpts]"/>
        <member name="[CB - Account].[Account CB - Description].&amp;[0131325 - Cash-DPCBIS-Chase-Ctwba,Wires]"/>
        <member name="[CB - Account].[Account CB - Description].&amp;[0131326 - Cash-DPCBIS-WachoviaRecpts]"/>
        <member name="[CB - Account].[Account CB - Description].&amp;[0131327 - Cash-DPCBIS-BofA-Receipts]"/>
        <member name="[CB - Account].[Account CB - Description].&amp;[0131328 - Cash-DPCBIS-Wachovia-Receipts]"/>
        <member name="[CB - Account].[Account CB - Description].&amp;[0131329 - Cash-DPCBIS-BofA-CreditCard]"/>
        <member name="[CB - Account].[Account CB - Description].&amp;[0131330 - Cash-DPCBIS-HighSt-Hickory]"/>
        <member name="[CB - Account].[Account CB - Description].&amp;[0131331 - Cash-DPCBIS-NWBank-Taylrsvil]"/>
        <member name="[CB - Account].[Account CB - Description].&amp;[0131332 - Dividends Regular]"/>
        <member name="[CB - Account].[Account CB - Description].&amp;[0131333 - Dividend Reinvestment Pending]"/>
        <member name="[CB - Account].[Account CB - Description].&amp;[0131334 - Preferred Redemption Checks]"/>
        <member name="[CB - Account].[Account CB - Description].&amp;[0131350 - Cash-Chase-MAPPS-EFT]"/>
        <member name="[CB - Account].[Account CB - Description].&amp;[0131351 - Cash-Chase-General]"/>
        <member name="[CB - Account].[Account CB - Description].&amp;[0131352 - Cash-Chase-BPM]"/>
        <member name="[CB - Account].[Account CB - Description].&amp;[0131353 - Cash-Chase-MARBS]"/>
        <member name="[CB - Account].[Account CB - Description].&amp;[0131354 - Cash-Wachovia-General]"/>
        <member name="[CB - Account].[Account CB - Description].&amp;[0131355 - Cash-Wachovia-MARBS]"/>
        <member name="[CB - Account].[Account CB - Description].&amp;[0131356 - Cash-Wachovia-GO Collections]"/>
        <member name="[CB - Account].[Account CB - Description].&amp;[0131357 - Cash-Wachovia-JUMS]"/>
        <member name="[CB - Account].[Account CB - Description].&amp;[0131358 - Wells 2000057639545]"/>
        <member name="[CB - Account].[Account CB - Description].&amp;[0131359 - Cash-BofA-GeneralAcct]"/>
        <member name="[CB - Account].[Account CB - Description].&amp;[0131360 - Cash-BofA-CustomerRefunds]"/>
        <member name="[CB - Account].[Account CB - Description].&amp;[0131361 - Cash-Wachovia-PosPay]"/>
        <member name="[CB - Account].[Account CB - Description].&amp;[0131362 - Cash-Wachovia-GeneralAcct]"/>
        <member name="[CB - Account].[Account CB - Description].&amp;[0131363 - Cash-Wachovia-ContrDisb]"/>
        <member name="[CB - Account].[Account CB - Description].&amp;[0131364 - Cash-BofA-Div-Shhldr]"/>
        <member name="[CB - Account].[Account CB - Description].&amp;[0131365 - Cash-Wachovia-PffddStxRdmptn]"/>
        <member name="[CB - Account].[Account CB - Description].&amp;[0131366 - Cash Clring Fleet Svcs Cr Card]"/>
        <member name="[CB - Account].[Account CB - Description].&amp;[0131367 - Cash - CCB Ener Products Loan]"/>
        <member name="[CB - Account].[Account CB - Description].&amp;[0131368 - Cash-ChaseCollAgentsDeposits]"/>
        <member name="[CB - Account].[Account CB - Description].&amp;[0131369 - DUKE ENERGY FDN CASH]"/>
        <member name="[CB - Account].[Account CB - Description].&amp;[0131370 - Cash-Wachovia-WesternUnion]"/>
        <member name="[CB - Account].[Account CB - Description].&amp;[0131371 - Cash-BB&amp;T-WesternUnion]"/>
        <member name="[CB - Account].[Account CB - Description].&amp;[0131372 - Cash - Chase ECNs]"/>
        <member name="[CB - Account].[Account CB - Description].&amp;[0131373 - Cash-Wachovia CAPS]"/>
        <member name="[CB - Account].[Account CB - Description].&amp;[0131374 - Cash- Wachovia-DERF]"/>
        <member name="[CB - Account].[Account CB - Description].&amp;[0131375 - CASH-CHASE-DE MKTG RISK]"/>
        <member name="[CB - Account].[Account CB - Description].&amp;[0131376 - Cash-Wachovia-DCS]"/>
        <member name="[CB - Account].[Account CB - Description].&amp;[0131377 - Cash - Chase -Control Disburs.]"/>
        <member name="[CB - Account].[Account CB - Description].&amp;[0131383 - CASH-CHASE-DE MKTG OPTIONS]"/>
        <member name="[CB - Account].[Account CB - Description].&amp;[0131400 - Gen Office Cash Collections]"/>
        <member name="[CB - Account].[Account CB - Description].&amp;[0131500 - Cash In Transit-General]"/>
        <member name="[CB - Account].[Account CB - Description].&amp;[0131510 - CASH-CHASE-DENA T&amp;M OTC MARG]"/>
        <member name="[CB - Account].[Account CB - Description].&amp;[0131520 - Cash Chase Wire XXXXX3702]"/>
        <member name="[CB - Account].[Account CB - Description].&amp;[0131521 - Cash Chase Wire XXXXX4938]"/>
        <member name="[CB - Account].[Account CB - Description].&amp;[0131600 - Cash Merchandising]"/>
        <member name="[CB - Account].[Account CB - Description].&amp;[0131601 - CASH-NPL-WACHOVIA GENERAL]"/>
        <member name="[CB - Account].[Account CB - Description].&amp;[0131602 - CASH-NPL-FUNBFRANKLIN COLLECT]"/>
        <member name="[CB - Account].[Account CB - Description].&amp;[0131603 - CASH-NPL-FIRSTCHARTER-BRYSONCT]"/>
        <member name="[CB - Account].[Account CB - Description].&amp;[0131604 - CASH-NPL-CENTURABANK_CLINTNS]"/>
        <member name="[CB - Account].[Account CB - Description].&amp;[0131605 - CASH-NPL-MACONSAVINGSBANK-ACH]"/>
        <member name="[CB - Account].[Account CB - Description].&amp;[0131606 - CASH-NPL-Wachovia-CUSDEPREFUND]"/>
        <member name="[CB - Account].[Account CB - Description].&amp;[0131607 - Cash-NPL-CarolinaCommunityBank]"/>
        <member name="[CB - Account].[Account CB - Description].&amp;[0131608 - Cash-NPL-First Citizens]"/>
        <member name="[CB - Account].[Account CB - Description].&amp;[0131609 - Cash-NPL-Macon Bank Collection]"/>
        <member name="[CB - Account].[Account CB - Description].&amp;[0131619 - CASH-BMTL-PRIMARY]"/>
        <member name="[CB - Account].[Account CB - Description].&amp;[0131668 - Petty Cash - Sandersville]"/>
        <member name="[CB - Account].[Account CB - Description].&amp;[0131669 - Cash - CA Regional Office]"/>
        <member name="[CB - Account].[Account CB - Description].&amp;[0131700 - CASH CHASE DISB WAUSAU 41836]"/>
        <member name="[CB - Account].[Account CB - Description].&amp;[0131702 - Cash - First Union Payroll]"/>
        <member name="[CB - Account].[Account CB - Description].&amp;[0131703 - Cash - BankofAmerica Disb]"/>
        <member name="[CB - Account].[Account CB - Description].&amp;[0131704 - Cash - BankofAmerica Ops]"/>
        <member name="[CB - Account].[Account CB - Description].&amp;[0131705 - Cash - BankofAmerica Pyrl]"/>
        <member name="[CB - Account].[Account CB - Description].&amp;[0131706 - Cash - NYPA]"/>
        <member name="[CB - Account].[Account CB - Description].&amp;[0131707 - Cash - Petty Cash]"/>
        <member name="[CB - Account].[Account CB - Description].&amp;[0131710 - Cash-FUNB Payroll APD]"/>
        <member name="[CB - Account].[Account CB - Description].&amp;[0131711 - Cash-BOA Payroll Checks]"/>
        <member name="[CB - Account].[Account CB - Description].&amp;[0131712 - Cash-Chase Risk Mgmt]"/>
        <member name="[CB - Account].[Account CB - Description].&amp;[0131713 - Cash-Chase Risk Mgmt (Wires)]"/>
        <member name="[CB - Account].[Account CB - Description].&amp;[0131714 - Cash-DEBS General]"/>
        <member name="[CB - Account].[Account CB - Description].&amp;[0131715 - Cash-FUNB Corvel]"/>
        <member name="[CB - Account].[Account CB - Description].&amp;[0131716 - Cash-Wach Work Comp]"/>
        <member name="[CB - Account].[Account CB - Description].&amp;[0131717 - Wstr Gen GPM Pan Gat]"/>
        <member name="[CB - Account].[Account CB - Description].&amp;[0131718 - Wstr Gen GPM Ana Gat]"/>
        <member name="[CB - Account].[Account CB - Description].&amp;[0131719 - Wstr Gen PNGCo]"/>
        <member name="[CB - Account].[Account CB - Description].&amp;[0131720 - Wstr Gen GPM Gas Trd]"/>
        <member name="[CB - Account].[Account CB - Description].&amp;[0131721 - Chase Gen GPM Gas Td]"/>
        <member name="[CB - Account].[Account CB - Description].&amp;[0131722 - Wstr Gen P Gas Co]"/>
        <member name="[CB - Account].[Account CB - Description].&amp;[0131723 - Chase Gen P Gas Co]"/>
        <member name="[CB - Account].[Account CB - Description].&amp;[0131724 - Wstr Gen GPM Gas]"/>
        <member name="[CB - Account].[Account CB - Description].&amp;[0131725 - Wstr F Cks GPM Gas]"/>
        <member name="[CB - Account].[Account CB - Description].&amp;[0131726 - Wstr Royalty GPM Gas]"/>
        <member name="[CB - Account].[Account CB - Description].&amp;[0131727 - Chase Gen GPM Gas]"/>
        <member name="[CB - Account].[Account CB - Description].&amp;[0131728 - TCB Lockbox GPM Gas]"/>
        <member name="[CB - Account].[Account CB - Description].&amp;[0131729 - Chase Gen-DEFS P Gas]"/>
        <member name="[CB - Account].[Account CB - Description].&amp;[0131730 - Cash Chase Wire 9102771343]"/>
        <member name="[CB - Account].[Account CB - Description].&amp;[0131731 - Cash Nations 3750674152]"/>
        <member name="[CB - Account].[Account CB - Description].&amp;[0131732 - Cash Chase Wire 323888895]"/>
        <member name="[CB - Account].[Account CB - Description].&amp;[0131733 - Cash Chase Disb 601807654]"/>
        <member name="[CB - Account].[Account CB - Description].&amp;[0131734 - Cash Chase Wire 9102771350]"/>
        <member name="[CB - Account].[Account CB - Description].&amp;[0131735 - Cash Chase Wire 9102771384]"/>
        <member name="[CB - Account].[Account CB - Description].&amp;[0131736 - Cash Chase Disb 601807621]"/>
        <member name="[CB - Account].[Account CB - Description].&amp;[0131737 - Cash Chase Disb 601807688]"/>
        <member name="[CB - Account].[Account CB - Description].&amp;[0131738 - Cash Chase Disb 601807696]"/>
        <member name="[CB - Account].[Account CB - Description].&amp;[0131739 - Cash Chase Wire 9102771376]"/>
        <member name="[CB - Account].[Account CB - Description].&amp;[0131740 - Cash Chase Wire 9102780500]"/>
        <member name="[CB - Account].[Account CB - Description].&amp;[0131741 - Cash Chase Wire 9102780450]"/>
        <member name="[CB - Account].[Account CB - Description].&amp;[0131742 - Cash Chase Wire 9102780476]"/>
        <member name="[CB - Account].[Account CB - Description].&amp;[0131743 - Cash Chase Wire 9102780518]"/>
        <member name="[CB - Account].[Account CB - Description].&amp;[0131744 - Cash Chase Wire 9102786689]"/>
        <member name="[CB - Account].[Account CB - Description].&amp;[0131745 - Cash Chase Disb 601816820]"/>
        <member name="[CB - Account].[Account CB - Description].&amp;[0131746 - Cash Chae Wire 9102786697]"/>
        <member name="[CB - Account].[Account CB - Description].&amp;[0131747 - Cash Chase Disb 601816812]"/>
        <member name="[CB - Account].[Account CB - Description].&amp;[0131748 - Cash Chase Disb 601825474]"/>
        <member name="[CB - Account].[Account CB - Description].&amp;[0131749 - Cash Chase Wire 323134815]"/>
        <member name="[CB - Account].[Account CB - Description].&amp;[0131750 - Cash Chase Wire 323127347]"/>
        <member name="[CB - Account].[Account CB - Description].&amp;[0131751 - Cash Chase DIsb 601826928]"/>
        <member name="[CB - Account].[Account CB - Description].&amp;[0131752 - Cash Chase Wire 323121888]"/>
        <member name="[CB - Account].[Account CB - Description].&amp;[0131753 - Cash Chase Wire 323121926]"/>
        <member name="[CB - Account].[Account CB - Description].&amp;[0131754 - Cash Chase Wire 323120644]"/>
        <member name="[CB - Account].[Account CB - Description].&amp;[0131755 - Cash Chase Disb 601825748]"/>
        <member name="[CB - Account].[Account CB - Description].&amp;[0131756 - Cash Chase Wire 323121942]"/>
        <member name="[CB - Account].[Account CB - Description].&amp;[0131757 - Cash Chase Wire 323120598]"/>
        <member name="[CB - Account].[Account CB - Description].&amp;[0131758 - Cash Chase Wire 323120571]"/>
        <member name="[CB - Account].[Account CB - Description].&amp;[0131759 - Cash Chase Disb 601825771]"/>
        <member name="[CB - Account].[Account CB - Description].&amp;[0131760 - Cash Chase Wire 323122361]"/>
        <member name="[CB - Account].[Account CB - Description].&amp;[0131761 - Cash Chase Wire 323123333]"/>
        <member name="[CB - Account].[Account CB - Description].&amp;[0131762 - Cash Chase Disb 601826365]"/>
        <member name="[CB - Account].[Account CB - Description].&amp;[0131763 - Cash BOA Wire 1291133230]"/>
        <member name="[CB - Account].[Account CB - Description].&amp;[0131764 - Cash Chase Wire 7300203588]"/>
        <member name="[CB - Account].[Account CB - Description].&amp;[0131765 - Cash BOA 3751293192]"/>
        <member name="[CB - Account].[Account CB - Description].&amp;[0131766 - Cash Nations 3750674149]"/>
        <member name="[CB - Account].[Account CB - Description].&amp;[0131767 - Cash Chase Wire 32388887]"/>
        <member name="[CB - Account].[Account CB - Description].&amp;[0131768 - Cash Chase Wire 323120474]"/>
        <member name="[CB - Account].[Account CB - Description].&amp;[0131769 - Cash Chase Wire 323079601]"/>
        <member name="[CB - Account].[Account CB - Description].&amp;[0131770 - Cash Chase Disb 601819071]"/>
        <member name="[CB - Account].[Account CB - Description].&amp;[0131771 - Cash Chase Disb 601821283]"/>
        <member name="[CB - Account].[Account CB - Description].&amp;[0131772 - Cash Chase Wire 323004679]"/>
        <member name="[CB - Account].[Account CB - Description].&amp;[0131773 - Temporary Cash Inv.-Vista Fund]"/>
        <member name="[CB - Account].[Account CB - Description].&amp;[0131774 - Petty Cash Field Off-various]"/>
        <member name="[CB - Account].[Account CB - Description].&amp;[0131775 - Cash Advances-various]"/>
        <member name="[CB - Account].[Account CB - Description].&amp;[0131776 - Cash/short term inv. DEMS-Can]"/>
        <member name="[CB - Account].[Account CB - Description].&amp;[0131777 - Cash AmSo Petty Cash - 6533949]"/>
        <member name="[CB - Account].[Account CB - Description].&amp;[0131778 - Cash Chase Wire 9102771368]"/>
        <member name="[CB - Account].[Account CB - Description].&amp;[0131779 - Chase GGG Gen Op - 323-266797]"/>
        <member name="[CB - Account].[Account CB - Description].&amp;[0131780 - PEOPLESOFT PAYABLES]"/>
        <member name="[CB - Account].[Account CB - Description].&amp;[0131781 - CHASE DEBT RESERVE 125000.2]"/>
        <member name="[CB - Account].[Account CB - Description].&amp;[0131782 - CHASE OP RESERVE 125000.1]"/>
        <member name="[CB - Account].[Account CB - Description].&amp;[0131783 - Amegy Bank  XXXXXX0632]"/>
        <member name="[CB - Account].[Account CB - Description].&amp;[0131784 - Amegy Bank  XXXXXXX8763]"/>
        <member name="[CB - Account].[Account CB - Description].&amp;[0131785 - SW BANK OF TEXAS 444401339]"/>
        <member name="[CB - Account].[Account CB - Description].&amp;[0131786 - SW BANK OF TEXAS 158771]"/>
        <member name="[CB - Account].[Account CB - Description].&amp;[0131787 - SW BANK OF TEXAS 158798]"/>
        <member name="[CB - Account].[Account CB - Description].&amp;[0131788 - PNC BANK 50-0085-4025]"/>
        <member name="[CB - Account].[Account CB - Description].&amp;[0131789 - PNC BANK 50-0316-5284]"/>
        <member name="[CB - Account].[Account CB - Description].&amp;[0131790 - Bank 1 ACCT for EMPLEE EXP]"/>
        <member name="[CB - Account].[Account CB - Description].&amp;[0131791 - Wells Fargo #10780800 (VEBA)]"/>
        <member name="[CB - Account].[Account CB - Description].&amp;[0131792 - CASH-MEMBERSOURCE CU]"/>
        <member name="[CB - Account].[Account CB - Description].&amp;[0131793 - DEGS Tax Deposits]"/>
        <member name="[CB - Account].[Account CB - Description].&amp;[0131794 - Petty Cash - Hinds]"/>
        <member name="[CB - Account].[Account CB - Description].&amp;[0131795 - Petty Cash - Murry]"/>
        <member name="[CB - Account].[Account CB - Description].&amp;[0131796 - Petty Cash - Arlington]"/>
        <member name="[CB - Account].[Account CB - Description].&amp;[0131797 - Petty Cash - Morro Bay]"/>
        <member name="[CB - Account].[Account CB - Description].&amp;[0131798 - Petty Cash - Moss Landing]"/>
        <member name="[CB - Account].[Account CB - Description].&amp;[0131799 - Petty Cash - Oakland]"/>
        <member name="[CB - Account].[Account CB - Description].&amp;[0131800 - Petty Cash - South Bay]"/>
        <member name="[CB - Account].[Account CB - Description].&amp;[0131801 - Petty Cash - Enterprise]"/>
        <member name="[CB - Account].[Account CB - Description].&amp;[0131802 - Petty Cash - Hot Springs]"/>
        <member name="[CB - Account].[Account CB - Description].&amp;[0131803 - Petty Cash - Lee Merchant]"/>
        <member name="[CB - Account].[Account CB - Description].&amp;[0131804 - Petty Cash - Marshall Merchant]"/>
        <member name="[CB - Account].[Account CB - Description].&amp;[0131805 - Petty Cash - New Albany]"/>
        <member name="[CB - Account].[Account CB - Description].&amp;[0131806 - Petty Cash - South Haven]"/>
        <member name="[CB - Account].[Account CB - Description].&amp;[0131807 - Petty Cash - Washington]"/>
        <member name="[CB - Account].[Account CB - Description].&amp;[0131808 - Petty Cash - Bridgeport]"/>
        <member name="[CB - Account].[Account CB - Description].&amp;[0131809 - Petty Cash - Maine]"/>
        <member name="[CB - Account].[Account CB - Description].&amp;[0131810 - Cash-Chase-General Acct]"/>
        <member name="[CB - Account].[Account CB - Description].&amp;[0131811 - Cash-Chase-Loan Acct]"/>
        <member name="[CB - Account].[Account CB - Description].&amp;[0131812 - Cash-BofMontreal-Canadian Acct]"/>
        <member name="[CB - Account].[Account CB - Description].&amp;[0131813 - Cash-DCP Securities]"/>
        <member name="[CB - Account].[Account CB - Description].&amp;[0131814 - CASH CHASE TORONTO 0732306500]"/>
        <member name="[CB - Account].[Account CB - Description].&amp;[0131815 - Cash Chase TX Disb Jonah]"/>
        <member name="[CB - Account].[Account CB - Description].&amp;[0131816 - Cash Chase TX Wire Jonah]"/>
        <member name="[CB - Account].[Account CB - Description].&amp;[0131817 - Cash Chase Wire 323374476]"/>
        <member name="[CB - Account].[Account CB - Description].&amp;[0131818 - Cash Chase Disb 601850399]"/>
        <member name="[CB - Account].[Account CB - Description].&amp;[0131819 - Cash Chase Wire]"/>
        <member name="[CB - Account].[Account CB - Description].&amp;[0131820 - Cash Chase Disb]"/>
        <member name="[CB - Account].[Account CB - Description].&amp;[0131821 - Wells Fargo #41775581166]"/>
        <member name="[CB - Account].[Account CB - Description].&amp;[0131822 - Cash Chase TX Disb Chaparral]"/>
        <member name="[CB - Account].[Account CB - Description].&amp;[0131823 - Cash Chase TX Wire Chaparrel]"/>
        <member name="[CB - Account].[Account CB - Description].&amp;[0131824 - JP Morgan Escrow #201594.2]"/>
        <member name="[CB - Account].[Account CB - Description].&amp;[0131825 - Cash Chase TX Disb Quanah]"/>
        <member name="[CB - Account].[Account CB - Description].&amp;[0131826 - Cash Chase TX Wire Quanah]"/>
        <member name="[CB - Account].[Account CB - Description].&amp;[0131827 - Chase Disbursement]"/>
        <member name="[CB - Account].[Account CB - Description].&amp;[0131828 - Cash Chase TX Wire Midstream]"/>
        <member name="[CB - Account].[Account CB - Description].&amp;[0131829 - Cash Chase Wire 9102771319]"/>
        <member name="[CB - Account].[Account CB - Description].&amp;[0131830 - Cash Chase TX Wire Val Verde]"/>
        <member name="[CB - Account].[Account CB - Description].&amp;[0131831 - Cash Chase TX Disb Val Verde]"/>
        <member name="[CB - Account].[Account CB - Description].&amp;[0131832 - CASH Duke ProjectServGroup]"/>
        <member name="[CB - Account].[Account CB - Description].&amp;[0131833 - Petty Cash - LUNA]"/>
        <member name="[CB - Account].[Account CB - Description].&amp;[0131834 - Petty Cash - NOAPA]"/>
        <member name="[CB - Account].[Account CB - Description].&amp;[0131835 - Petty Cash - Fayette]"/>
        <member name="[CB - Account].[Account CB - Description].&amp;[0131836 - Cash Main Operating Acct(US$)]"/>
        <member name="[CB - Account].[Account CB - Description].&amp;[0131837 - Cash Capital Expend Facility]"/>
        <member name="[CB - Account].[Account CB - Description].&amp;[0131838 - Cash-Bank Debt Service]"/>
        <member name="[CB - Account].[Account CB - Description].&amp;[0131839 - Cash-Bond Debt Service]"/>
        <member name="[CB - Account].[Account CB - Description].&amp;[0131840 - Cash-Bank Debt Reserve]"/>
        <member name="[CB - Account].[Account CB - Description].&amp;[0131841 - Cash-Bond Debt Reserve]"/>
        <member name="[CB - Account].[Account CB - Description].&amp;[0131842 - Cash-Escrow]"/>
        <member name="[CB - Account].[Account CB - Description].&amp;[0131843 - Cash-Casualty]"/>
        <member name="[CB - Account].[Account CB - Description].&amp;[0131844 - Cash-Constr Oper-Receipts]"/>
        <member name="[CB - Account].[Account CB - Description].&amp;[0131845 - Cash-AR Check Clearing]"/>
        <member name="[CB - Account].[Account CB - Description].&amp;[0131846 - Temporary Cash Invest-TEPPCO]"/>
        <member name="[CB - Account].[Account CB - Description].&amp;[0131847 - GSRI Petty Cash]"/>
        <member name="[CB - Account].[Account CB - Description].&amp;[0131848 - Cash Nova Scotia Disb 90009415]"/>
        <member name="[CB - Account].[Account CB - Description].&amp;[0131849 - WausDent/Flex M&amp;Ixxxx-91174]"/>
        <member name="[CB - Account].[Account CB - Description].&amp;[0131850 - CHASE ESCR 103409257]"/>
        <member name="[CB - Account].[Account CB - Description].&amp;[0131851 - Cash Chase Wire XXXXXX4785]"/>
        <member name="[CB - Account].[Account CB - Description].&amp;[0131852 - CASH CHASE WIRE XXXXXX5057]"/>
        <member name="[CB - Account].[Account CB - Description].&amp;[0131853 - CASH CHASE WIRE XXXXXX5065]"/>
        <member name="[CB - Account].[Account CB - Description].&amp;[0131854 - CASH CHASE WIRE XXXXXX5073]"/>
        <member name="[CB - Account].[Account CB - Description].&amp;[0131855 - CASH CHASE DISB XXXXXX6773]"/>
        <member name="[CB - Account].[Account CB - Description].&amp;[0131856 - CASH CHASE WIRE XXXXXX7467]"/>
        <member name="[CB - Account].[Account CB - Description].&amp;[0131857 - DCP-Chase-ROW-8209]"/>
        <member name="[CB - Account].[Account CB - Description].&amp;[0131858 - DCP-Chase-ROW-8209]"/>
        <member name="[CB - Account].[Account CB - Description].&amp;[0131859 - Chase Wire XXXXX7773]"/>
        <member name="[CB - Account].[Account CB - Description].&amp;[0131860 - DCP-Chase-Wire 3698]"/>
        <member name="[CB - Account].[Account CB - Description].&amp;[0131861 - JPMorgan ESC - 10225928.1]"/>
        <member name="[CB - Account].[Account CB - Description].&amp;[0131862 - CASH-CAPEX DEBT RESERVE]"/>
        <member name="[CB - Account].[Account CB - Description].&amp;[0131863 - DCP MIDSTM OP, LP-MMDA 2991]"/>
        <member name="[CB - Account].[Account CB - Description].&amp;[0131864 - DCP-GSR LLC 51101]"/>
        <member name="[CB - Account].[Account CB - Description].&amp;[0131865 - GSR Hldg, Inc 69101]"/>
        <member name="[CB - Account].[Account CB - Description].&amp;[0131866 - DCP Mdstm Op, LP 95204]"/>
        <member name="[CB - Account].[Account CB - Description].&amp;[0131867 - DEFS, LP 95196]"/>
        <member name="[CB - Account].[Account CB - Description].&amp;[0131870 - Cash-Wells Fargo 9545]"/>
        <member name="[CB - Account].[Account CB - Description].&amp;[0131871 - Cash JPM 5003 DE1 Lockbox]"/>
        <member name="[CB - Account].[Account CB - Description].&amp;[0131872 - Cash JPM 5276 DE1 Operating]"/>
        <member name="[CB - Account].[Account CB - Description].&amp;[0131873 - Cash JPM 0971 DERC Lockbox]"/>
        <member name="[CB - Account].[Account CB - Description].&amp;[0131896 - CASH-CHASE-DETM]"/>
        <member name="[CB - Account].[Account CB - Description].&amp;[0131897 - VIE - Restricted Cash of VIE]"/>
        <member name="[CB - Account].[Account CB - Description].&amp;[0131898 - VIE - Restricted Cash LT]"/>
        <member name="[CB - Account].[Account CB - Description].&amp;[0134000 - Funds on Deposit with Trustee]"/>
        <member name="[CB - Account].[Account CB - Description].&amp;[0134001 - Winston-Salem City Street Exc]"/>
        <member name="[CB - Account].[Account CB - Description].&amp;[0134002 - Special Deposits - Nashville]"/>
        <member name="[CB - Account].[Account CB - Description].&amp;[0134003 - Sec Dep - Carolinas Stadium]"/>
        <member name="[CB - Account].[Account CB - Description].&amp;[0134004 - Special Deposit- Ballantyne CC]"/>
        <member name="[CB - Account].[Account CB - Description].&amp;[0134100 - Transmission Related Deposits]"/>
        <member name="[CB - Account].[Account CB - Description].&amp;[0134101 - Restricted Cash ST]"/>
        <member name="[CB - Account].[Account CB - Description].&amp;[0134102 - Backleverage Restricted Cash]"/>
        <member name="[CB - Account].[Account CB - Description].&amp;[0134103 - Project Res / Escrow / Deposit]"/>
        <member name="[CB - Account].[Account CB - Description].&amp;[0134110 - Fnd Dep w/Trustee Rel of Mtg]"/>
        <member name="[CB - Account].[Account CB - Description].&amp;[0134120 - Merrill Lynch Revenue 7078]"/>
        <member name="[CB - Account].[Account CB - Description].&amp;[0134200 - Misc Special Deposits]"/>
        <member name="[CB - Account].[Account CB - Description].&amp;[0134210 - Sale Proceeds Held by Intermed]"/>
        <member name="[CB - Account].[Account CB - Description].&amp;[0134220 - Inactive]"/>
        <member name="[CB - Account].[Account CB - Description].&amp;[0134230 - Inactive]"/>
        <member name="[CB - Account].[Account CB - Description].&amp;[0134300 - Inactive]"/>
        <member name="[CB - Account].[Account CB - Description].&amp;[0134550 - Rst Dep LTD Iss 04 B&amp;C Deut]"/>
        <member name="[CB - Account].[Account CB - Description].&amp;[0134650 - Rst Dep LTD Iss 04 A Deut]"/>
        <member name="[CB - Account].[Account CB - Description].&amp;[0134700 - Rst Dep LTD Iss 05 B&amp;C BONY]"/>
        <member name="[CB - Account].[Account CB - Description].&amp;[0134710 - ML Debt Service Reserve A 7076]"/>
        <member name="[CB - Account].[Account CB - Description].&amp;[0134720 - ML Debt Service Reserve B 7146]"/>
        <member name="[CB - Account].[Account CB - Description].&amp;[0134730 - ML Fixed Debt Reserve A 7181]"/>
        <member name="[CB - Account].[Account CB - Description].&amp;[0134864 - Rst Dep PCRB Ser 2000A 5/1/35]"/>
        <member name="[CB - Account].[Account CB - Description].&amp;[0134865 - Rst Dep 23M IDFA Ser 2002A 3/1]"/>
        <member name="[CB - Account].[Account CB - Description].&amp;[0134866 - Rst Dep IDFA 2004C 77.125 12/1]"/>
        <member name="[CB - Account].[Account CB - Description].&amp;[0134867 - RstDepIDFA2004B 77.125 12/1/39]"/>
        <member name="[CB - Account].[Account CB - Description].&amp;[0134868 - Rst Dep PSI PCB 2005C]"/>
        <member name="[CB - Account].[Account CB - Description].&amp;[0134869 - Rst Dep ULHP PCB 06A]"/>
        <member name="[CB - Account].[Account CB - Description].&amp;[0135000 - Cash-Working Funds-Chase Acct]"/>
        <member name="[CB - Account].[Account CB - Description].&amp;[0135001 - Oper Work Fund-Mellon Bank]"/>
        <member name="[CB - Account].[Account CB - Description].&amp;[0135002 - Employee Cash Advance]"/>
        <member name="[CB - Account].[Account CB - Description].&amp;[0135100 - Wk Funds-Individuals]"/>
        <member name="[CB - Account].[Account CB - Description].&amp;[0135101 - Oth Dep - Petty Cash Fund]"/>
        <member name="[CB - Account].[Account CB - Description].&amp;[0135200 - Wk Funds-Branch Managers]"/>
        <member name="[CB - Account].[Account CB - Description].&amp;[0135300 - Wk Funds-Nsf Checks]"/>
        <member name="[CB - Account].[Account CB - Description].&amp;[0135400 - 12/95]"/>
        <member name="[CB - Account].[Account CB - Description].&amp;[0135500 - Inactive]"/>
        <member name="[CB - Account].[Account CB - Description].&amp;[0135700 - Wk Funds-Departmental Accts]"/>
        <member name="[CB - Account].[Account CB - Description].&amp;[0135800 - Inactive]"/>
        <member name="[CB - Account].[Account CB - Description].&amp;[0135810 - Inactive]"/>
        <member name="[CB - Account].[Account CB - Description].&amp;[0135820 - Inactive]"/>
        <member name="[CB - Account].[Account CB - Description].&amp;[0135900 - Inactive]"/>
        <member name="[CB - Account].[Account CB - Description].&amp;[0136100 - Tax: AFS: Purchased Cost Basis]"/>
        <member name="[CB - Account].[Account CB - Description].&amp;[0136101 - Tax AFS Beg Bal FV Adjt to inc]"/>
        <member name="[CB - Account].[Account CB - Description].&amp;[0136102 - Sch M: AFS: YTD Income mirror]"/>
        <member name="[CB - Account].[Account CB - Description].&amp;[0136103 - Sch M: AFS: OCI mirror]"/>
        <member name="[CB - Account].[Account CB - Description].&amp;[0136104 - Sch M AFS Real gains or losses]"/>
        <member name="[CB - Account].[Account CB - Description].&amp;[0136105 - Tax AFS Purch cost recls to LT]"/>
        <member name="[CB - Account].[Account CB - Description].&amp;[0136106 - Sch M: AFS: FV reclass to LT]"/>
        <member name="[CB - Account].[Account CB - Description].&amp;[0136197 - VIE-Restricted ST Investments]"/>
        <member name="[CB - Account].[Account CB - Description].&amp;[0136200 - Short-Term Investment]"/>
        <member name="[CB - Account].[Account CB - Description].&amp;[0136300 - Auction Rate Security]"/>
        <member name="[CB - Account].[Account CB - Description].&amp;[0137118 - Cash - Scotia Bank Options]"/>
        <member name="[CB - Account].[Account CB - Description].&amp;[0141000 - Notes Receivables]"/>
        <member name="[CB - Account].[Account CB - Description].&amp;[0141001 - Note Rec - Uae Ref - Fuel]"/>
        <member name="[CB - Account].[Account CB - Description].&amp;[0141010 - Notes Rec-Payroll Deduction]"/>
        <member name="[CB - Account].[Account CB - Description].&amp;[0141020 - Notes Rec-Lynnwood Foundation]"/>
        <member name="[CB - Account].[Account CB - Description].&amp;[0141030 - Notes Receivable]"/>
        <member name="[CB - Account].[Account CB - Description].&amp;[0141040 - Notes Receivable - 3rd Party]"/>
        <member name="[CB - Account].[Account CB - Description].&amp;[0141050 - Note Receivable - Macon County]"/>
        <member name="[CB - Account].[Account CB - Description].&amp;[0141060 - Notes Receivable Allowance]"/>
        <member name="[CB - Account].[Account CB - Description].&amp;[0141070 - Notes Receivable Allow LT]"/>
        <member name="[CB - Account].[Account CB - Description].&amp;[0141080 - VIE - Restricted Notes Rec]"/>
        <member name="[CB - Account].[Account CB - Description].&amp;[0141200 - Notes Receivable 3rd Party]"/>
        <member name="[CB - Account].[Account CB - Description].&amp;[0141201 - Notes Receivable - IC]"/>
        <member name="[CB - Account].[Account CB - Description].&amp;[0141202 - LT-Notes Receivable 3rd Party]"/>
        <member name="[CB - Account].[Account CB - Description].&amp;[0141203 - LT-Notes Receivable Affiliates]"/>
        <member name="[CB - Account].[Account CB - Description].&amp;[0141204 - LT NR W/CRI1 30076]"/>
        <member name="[CB - Account].[Account CB - Description].&amp;[0141205 - LT NR W. DE POWER GEN 30072]"/>
        <member name="[CB - Account].[Account CB - Description].&amp;[0141250 - Assets Held For Sale]"/>
        <member name="[CB - Account].[Account CB - Description].&amp;[0141257 - VIE-Restricted Noncurrent AHFS]"/>
        <member name="[CB - Account].[Account CB - Description].&amp;[0141299 - Contra NR - Chicopee &amp; Gwenco]"/>
        <member name="[CB - Account].[Account CB - Description].&amp;[0141300 - Note Rec Related Pty]"/>
        <member name="[CB - Account].[Account CB - Description].&amp;[0142000 - Ar-Transport Int Rec]"/>
        <member name="[CB - Account].[Account CB - Description].&amp;[0142001 - A/R NON-REG]"/>
        <member name="[CB - Account].[Account CB - Description].&amp;[0142002 - A/R-NC MUNI PWR AGENCY 1-TRANS]"/>
        <member name="[CB - Account].[Account CB - Description].&amp;[0142004 - AR Rev Control - Related Party]"/>
        <member name="[CB - Account].[Account CB - Description].&amp;[0142005 - Acct Rec Related Party]"/>
        <member name="[CB - Account].[Account CB - Description].&amp;[0142006 - RPT AR Trade - COP]"/>
        <member name="[CB - Account].[Account CB - Description].&amp;[0142007 - RPT AR Trade - Other]"/>
        <member name="[CB - Account].[Account CB - Description].&amp;[0142008 - RPT Crossbill Gross-up AssetDk]"/>
        <member name="[CB - Account].[Account CB - Description].&amp;[0142009 - RPT Crossbill Gross-up AssetOt]"/>
        <member name="[CB - Account].[Account CB - Description].&amp;[0142010 - Accounts Receivable]"/>
        <member name="[CB - Account].[Account CB - Description].&amp;[0142012 - Unrecovered RECs]"/>
        <member name="[CB - Account].[Account CB - Description].&amp;[0142013 - I&amp;D Insurance Proceeds-Current]"/>
        <member name="[CB - Account].[Account CB - Description].&amp;[0142014 - Accum Prov Nuclear COR]"/>
        <member name="[CB - Account].[Account CB - Description].&amp;[0142015 - Insurance premium receivable]"/>
        <member name="[CB - Account].[Account CB - Description].&amp;[0142020 - Anderson Water Payments]"/>
        <member name="[CB - Account].[Account CB - Description].&amp;[0142050 - Transmission Billing]"/>
        <member name="[CB - Account].[Account CB - Description].&amp;[0142080 - Accounts Rec.-Assigned]"/>
        <member name="[CB - Account].[Account CB - Description].&amp;[0142090 - 12/95]"/>
        <member name="[CB - Account].[Account CB - Description].&amp;[0142102 - DEP Receivable - NG Sales]"/>
        <member name="[CB - Account].[Account CB - Description].&amp;[0142103 - DEF Receivable - NG Sales]"/>
        <member name="[CB - Account].[Account CB - Description].&amp;[0142104 - DEP Receivable - NG Transport]"/>
        <member name="[CB - Account].[Account CB - Description].&amp;[0142105 - DEF Receivable - NG Transport]"/>
        <member name="[CB - Account].[Account CB - Description].&amp;[0142106 - DEP Rec - NG Fin Transact]"/>
        <member name="[CB - Account].[Account CB - Description].&amp;[0142107 - DEF Rec - NG Fin Transact]"/>
        <member name="[CB - Account].[Account CB - Description].&amp;[0142110 - CURR ASSET HFS ACCT REC]"/>
        <member name="[CB - Account].[Account CB - Description].&amp;[0142150 - Rider 73 Deferral]"/>
        <member name="[CB - Account].[Account CB - Description].&amp;[0142160 - Subrogation recoverable]"/>
        <member name="[CB - Account].[Account CB - Description].&amp;[0142210 - Acct Rec - D/FD EPP]"/>
        <member name="[CB - Account].[Account CB - Description].&amp;[0142211 - A/R-Cert Supply-C/R-Sold Acct]"/>
        <member name="[CB - Account].[Account CB - Description].&amp;[0142220 - A/R-Certified Supplier]"/>
        <member name="[CB - Account].[Account CB - Description].&amp;[0142221 - A/R-Certified Supplier PAR Ele]"/>
        <member name="[CB - Account].[Account CB - Description].&amp;[0142231 - Current BPM Sharing Receivable]"/>
        <member name="[CB - Account].[Account CB - Description].&amp;[0142243 - AR Margin EDF MANN]"/>
        <member name="[CB - Account].[Account CB - Description].&amp;[0142248 - AR Margin Prudential]"/>
        <member name="[CB - Account].[Account CB - Description].&amp;[0142250 - Accounts Rec O/S Deposits]"/>
        <member name="[CB - Account].[Account CB - Description].&amp;[0142300 - Cust Acct-Cash Not Posted-Edp]"/>
        <member name="[CB - Account].[Account CB - Description].&amp;[0142310 - Draft Exceptions]"/>
        <member name="[CB - Account].[Account CB - Description].&amp;[0142320 - Aggregate(Summary Billing)Susp]"/>
        <member name="[CB - Account].[Account CB - Description].&amp;[0142390 - Other Products &amp; Svcs.-Clearin]"/>
        <member name="[CB - Account].[Account CB - Description].&amp;[0142400 - Cst Acct-Instal Cntrct Not Due]"/>
        <member name="[CB - Account].[Account CB - Description].&amp;[0142430 - A/R Wholesale Billed]"/>
        <member name="[CB - Account].[Account CB - Description].&amp;[0142450 - A/R - Cogeneration]"/>
        <member name="[CB - Account].[Account CB - Description].&amp;[0142490 - Customer Strategy Financing]"/>
        <member name="[CB - Account].[Account CB - Description].&amp;[0142500 - AR Other Reg Asset]"/>
        <member name="[CB - Account].[Account CB - Description].&amp;[0142600 - Cst Acc-Csh Unposted/Spec Bill]"/>
        <member name="[CB - Account].[Account CB - Description].&amp;[0142650 - Customer Receivable PIPP]"/>
        <member name="[CB - Account].[Account CB - Description].&amp;[0142662 - Payments-PIPP Cust ODOD]"/>
        <member name="[CB - Account].[Account CB - Description].&amp;[0142665 - C/R-ODOD]"/>
        <member name="[CB - Account].[Account CB - Description].&amp;[0142700 - Inactive]"/>
        <member name="[CB - Account].[Account CB - Description].&amp;[0142710 - Inactive]"/>
        <member name="[CB - Account].[Account CB - Description].&amp;[0142720 - Inactive]"/>
        <member name="[CB - Account].[Account CB - Description].&amp;[0142750 - Inactive]"/>
        <member name="[CB - Account].[Account CB - Description].&amp;[0142800 - Cst Acc-Cis Internal Clearing]"/>
        <member name="[CB - Account].[Account CB - Description].&amp;[0142802 - A/R - Gas]"/>
        <member name="[CB - Account].[Account CB - Description].&amp;[0142850 - MISO-Unbilled]"/>
        <member name="[CB - Account].[Account CB - Description].&amp;[0142880 - Sale of Customer Receivables]"/>
        <member name="[CB - Account].[Account CB - Description].&amp;[0142900 - Cst Acc-Merc Sales Unposted]"/>
        <member name="[CB - Account].[Account CB - Description].&amp;[0142910 - Direct Loans Receivable]"/>
        <member name="[CB - Account].[Account CB - Description].&amp;[0142920 - Employee Heat Pump Financing]"/>
        <member name="[CB - Account].[Account CB - Description].&amp;[0142950 - Inactive]"/>
        <member name="[CB - Account].[Account CB - Description].&amp;[0142960 - AR Trade Off System]"/>
        <member name="[CB - Account].[Account CB - Description].&amp;[0142961 - Nantahala Receivable]"/>
        <member name="[CB - Account].[Account CB - Description].&amp;[0142970 - A/R - ENRB Holding Account]"/>
        <member name="[CB - Account].[Account CB - Description].&amp;[0142979 - Def Rev Rec - TDSIC2]"/>
        <member name="[CB - Account].[Account CB - Description].&amp;[0142980 - Def Rev Rec-EA]"/>
        <member name="[CB - Account].[Account CB - Description].&amp;[0142981 - Def Rev Rec - Renew Proj Rr 73]"/>
        <member name="[CB - Account].[Account CB - Description].&amp;[0142983 - Def Rev Rec - Markland]"/>
        <member name="[CB - Account].[Account CB - Description].&amp;[0142984 - Def Rev Rec - Crane]"/>
        <member name="[CB - Account].[Account CB - Description].&amp;[0142985 - Def Rev Rec - Unbilled EA]"/>
        <member name="[CB - Account].[Account CB - Description].&amp;[0142986 - CCR Def Rev Rec]"/>
        <member name="[CB - Account].[Account CB - Description].&amp;[0142987 - Def Rev Rec - IGCC]"/>
        <member name="[CB - Account].[Account CB - Description].&amp;[0142988 - Def Rev Rec - Fed Mandate]"/>
        <member name="[CB - Account].[Account CB - Description].&amp;[0142989 - Def Rev Rec - TDSIC]"/>
        <member name="[CB - Account].[Account CB - Description].&amp;[0142990 - Def Rev Rec-Fuel]"/>
        <member name="[CB - Account].[Account CB - Description].&amp;[0142991 - Def Rev Rec - Credit Adj Rr 67]"/>
        <member name="[CB - Account].[Account CB - Description].&amp;[0142992 - Def Rev Rec - Credit Rr 67 Eqt]"/>
        <member name="[CB - Account].[Account CB - Description].&amp;[0142993 - Def Rev Rec-MISO Rr 68]"/>
        <member name="[CB - Account].[Account CB - Description].&amp;[0142994 - Wholesale - MISO Deferred Rec]"/>
        <member name="[CB - Account].[Account CB - Description].&amp;[0142995 - Native Deferred MTM Asset]"/>
        <member name="[CB - Account].[Account CB - Description].&amp;[0142996 - Def Rev Rec-Clean Coal Rr 71]"/>
        <member name="[CB - Account].[Account CB - Description].&amp;[0142998 - AR Other Than Electric]"/>
        <member name="[CB - Account].[Account CB - Description].&amp;[0142999 - A/R  - Estimate Unbilled]"/>
        <member name="[CB - Account].[Account CB - Description].&amp;[0143000 - Ar-Oil &amp; Gas Revenue]"/>
        <member name="[CB - Account].[Account CB - Description].&amp;[0143001 - A/R-Joint Venture]"/>
        <member name="[CB - Account].[Account CB - Description].&amp;[0143002 - Ar-Reimbursable Wo'S]"/>
        <member name="[CB - Account].[Account CB - Description].&amp;[0143003 - Ar- Iowa Gas Proc]"/>
        <member name="[CB - Account].[Account CB - Description].&amp;[0143004 - Ar-Other-Plant Acctg]"/>
        <member name="[CB - Account].[Account CB - Description].&amp;[0143005 - A/R-Other-Maritimes Llc]"/>
        <member name="[CB - Account].[Account CB - Description].&amp;[0143006 - Ar-Owp'S Billed]"/>
        <member name="[CB - Account].[Account CB - Description].&amp;[0143007 - A/r-Transco]"/>
        <member name="[CB - Account].[Account CB - Description].&amp;[0143008 - Test]"/>
        <member name="[CB - Account].[Account CB - Description].&amp;[0143010 - Aetna-Supplemental-Payroll Ded]"/>
        <member name="[CB - Account].[Account CB - Description].&amp;[0143011 - A/R-Other-Gen Acctg]"/>
        <member name="[CB - Account].[Account CB - Description].&amp;[0143012 - COLLECTIONS FOR SAFETY APPAREL]"/>
        <member name="[CB - Account].[Account CB - Description].&amp;[0143013 - Ar-Value Added Tax]"/>
        <member name="[CB - Account].[Account CB - Description].&amp;[0143014 - AR-Tax Rec-Contra]"/>
        <member name="[CB - Account].[Account CB - Description].&amp;[0143015 - Reinsurace recoverable-current]"/>
        <member name="[CB - Account].[Account CB - Description].&amp;[0143016 - Dividends Receivable]"/>
        <member name="[CB - Account].[Account CB - Description].&amp;[0143017 - LT Tax Interest Rec-Spectra]"/>
        <member name="[CB - Account].[Account CB - Description].&amp;[0143018 - A/R OIL HEDGING]"/>
        <member name="[CB - Account].[Account CB - Description].&amp;[0143019 - PA Billed &amp; Def Net Rec-F2G]"/>
        <member name="[CB - Account].[Account CB - Description].&amp;[0143020 - Vision - Payroll Deductions]"/>
        <member name="[CB - Account].[Account CB - Description].&amp;[0143021 - A/R Byproducts - Ash]"/>
        <member name="[CB - Account].[Account CB - Description].&amp;[0143022 - A/R Byproducts]"/>
        <member name="[CB - Account].[Account CB - Description].&amp;[0143023 - A/R Byproducts - Gypsum]"/>
        <member name="[CB - Account].[Account CB - Description].&amp;[0143024 - Line Ext. 3rd Party Billings]"/>
        <member name="[CB - Account].[Account CB - Description].&amp;[0143025 - LT Tax Rec - External]"/>
        <member name="[CB - Account].[Account CB - Description].&amp;[0143026 - Non-Income Tax Receivable]"/>
        <member name="[CB - Account].[Account CB - Description].&amp;[0143027 - PURCPA Accounts Receivable]"/>
        <member name="[CB - Account].[Account CB - Description].&amp;[0143030 - AD&amp;D Covrg - Supplmntl-P/R Ded]"/>
        <member name="[CB - Account].[Account CB - Description].&amp;[0143040 - John Hancock-Ltc-Payroll Ded]"/>
        <member name="[CB - Account].[Account CB - Description].&amp;[0143050 - A/R from CCB]"/>
        <member name="[CB - Account].[Account CB - Description].&amp;[0143051 - State Interconnect Receiv ST]"/>
        <member name="[CB - Account].[Account CB - Description].&amp;[0143052 - State Interconnect Receivab LT]"/>
        <member name="[CB - Account].[Account CB - Description].&amp;[0143055 - A/R-Duplicate Payments]"/>
        <member name="[CB - Account].[Account CB - Description].&amp;[0143068 - Parking Funding Receivable]"/>
        <member name="[CB - Account].[Account CB - Description].&amp;[0143080 - VIE - Restricted AR Trade]"/>
        <member name="[CB - Account].[Account CB - Description].&amp;[0143090 - A/R DUKE ENERGY IND ASSET DEV]"/>
        <member name="[CB - Account].[Account CB - Description].&amp;[0143100 - Reinsurace recoverable-long-te]"/>
        <member name="[CB - Account].[Account CB - Description].&amp;[0143105 - Reinsurace recoverable LT-affi]"/>
        <member name="[CB - Account].[Account CB - Description].&amp;[0143110 - Misc Acct Rec-Clearing]"/>
        <member name="[CB - Account].[Account CB - Description].&amp;[0143120 - Misc Acct Rec-Branches]"/>
        <member name="[CB - Account].[Account CB - Description].&amp;[0143130 - Misc Accts Rec-Stores]"/>
        <member name="[CB - Account].[Account CB - Description].&amp;[0143140 - Home Energy Asst Program]"/>
        <member name="[CB - Account].[Account CB - Description].&amp;[0143150 - Emp Rec'ble Stock Option Tax]"/>
        <member name="[CB - Account].[Account CB - Description].&amp;[0143160 - Accounts Receivable-Cobra]"/>
        <member name="[CB - Account].[Account CB - Description].&amp;[0143170 - Emp Portion-Med Ins Prem]"/>
        <member name="[CB - Account].[Account CB - Description].&amp;[0143175 - Curr Lease Receivables]"/>
        <member name="[CB - Account].[Account CB - Description].&amp;[0143190 - Med,Den,Life Ins-Dir Collect]"/>
        <member name="[CB - Account].[Account CB - Description].&amp;[0143200 - Emp Part/Life Ins-Payroll Ded]"/>
        <member name="[CB - Account].[Account CB - Description].&amp;[0143210 - Opeb 401(H) Payments]"/>
        <member name="[CB - Account].[Account CB - Description].&amp;[0143211 - Medicare Part D]"/>
        <member name="[CB - Account].[Account CB - Description].&amp;[0143220 - Pole Att Rental]"/>
        <member name="[CB - Account].[Account CB - Description].&amp;[0143221 - LT Asset: Interest Receivable]"/>
        <member name="[CB - Account].[Account CB - Description].&amp;[0143222 - LT Tax Reclass Acct Fed Dr]"/>
        <member name="[CB - Account].[Account CB - Description].&amp;[0143223 - LT Tax Reclass Acct State Dr]"/>
        <member name="[CB - Account].[Account CB - Description].&amp;[0143224 - LT Tax Reclass Acct Intl Dr]"/>
        <member name="[CB - Account].[Account CB - Description].&amp;[0143225 - LT GC Receivable: Spectra]"/>
        <member name="[CB - Account].[Account CB - Description].&amp;[0143226 - LT Asset: DOE Settlement Recei]"/>
        <member name="[CB - Account].[Account CB - Description].&amp;[0143240 - Emp Part Den Ins Payroll Ded]"/>
        <member name="[CB - Account].[Account CB - Description].&amp;[0143250 - Salary Adv-Monthly Payroll]"/>
        <member name="[CB - Account].[Account CB - Description].&amp;[0143260 - A/R Pole Attach-JUMS]"/>
        <member name="[CB - Account].[Account CB - Description].&amp;[0143270 - Misc Accounts Rec - Fuel]"/>
        <member name="[CB - Account].[Account CB - Description].&amp;[0143271 - Misc Accts Rec Fuel]"/>
        <member name="[CB - Account].[Account CB - Description].&amp;[0143273 - A/R-Gas Stored Current]"/>
        <member name="[CB - Account].[Account CB - Description].&amp;[0143275 - Misc Accts Rec - REC]"/>
        <member name="[CB - Account].[Account CB - Description].&amp;[0143280 - Dependent Care Spending Acc'T]"/>
        <member name="[CB - Account].[Account CB - Description].&amp;[0143285 - A/R Group Insurance]"/>
        <member name="[CB - Account].[Account CB - Description].&amp;[0143290 - Misc Coal A/R]"/>
        <member name="[CB - Account].[Account CB - Description].&amp;[0143295 - Misc Fuel Oil A/R]"/>
        <member name="[CB - Account].[Account CB - Description].&amp;[0143300 - Sales Held by Intermediary]"/>
        <member name="[CB - Account].[Account CB - Description].&amp;[0143310 - Other Accounts Receivable-NPL]"/>
        <member name="[CB - Account].[Account CB - Description].&amp;[0143330 - Collections Of Mar-Edp]"/>
        <member name="[CB - Account].[Account CB - Description].&amp;[0143331 - AR - CVO]"/>
        <member name="[CB - Account].[Account CB - Description].&amp;[0143340 - Cash Collections Suspense-Edp]"/>
        <member name="[CB - Account].[Account CB - Description].&amp;[0143341 - Accounts Receivable - Joint Ow]"/>
        <member name="[CB - Account].[Account CB - Description].&amp;[0143350 - Mar Billed-Suspense]"/>
        <member name="[CB - Account].[Account CB - Description].&amp;[0143400 - A/R Energy Delivery Solutions]"/>
        <member name="[CB - Account].[Account CB - Description].&amp;[0143420 - ACCTS RECEIVABLE - GRID SOUTH]"/>
        <member name="[CB - Account].[Account CB - Description].&amp;[0143421 - A/R - Gibson 5 WVPA]"/>
        <member name="[CB - Account].[Account CB - Description].&amp;[0143425 - A/R-Wabash River 1 WVPA]"/>
        <member name="[CB - Account].[Account CB - Description].&amp;[0143426 - A/R - Vermillion WVPA]"/>
        <member name="[CB - Account].[Account CB - Description].&amp;[0143430 - Wholesale Revenue - Billed]"/>
        <member name="[CB - Account].[Account CB - Description].&amp;[0143431 - A/R - Gibson 5 IMPA]"/>
        <member name="[CB - Account].[Account CB - Description].&amp;[0143440 - ISO/DETM Keepwhole fm DENA AR]"/>
        <member name="[CB - Account].[Account CB - Description].&amp;[0143450 - Interest Rate Swaps]"/>
        <member name="[CB - Account].[Account CB - Description].&amp;[0143500 - Insurance claims receivable-Zu]"/>
        <member name="[CB - Account].[Account CB - Description].&amp;[0143501 - A/R-WVPA T/D Agree]"/>
        <member name="[CB - Account].[Account CB - Description].&amp;[0143540 - Insurance Receivable - Other]"/>
        <member name="[CB - Account].[Account CB - Description].&amp;[0143550 - INS PROP/BI CLAIMS AR - BISON]"/>
        <member name="[CB - Account].[Account CB - Description].&amp;[0143551 - A/R-IMPA T/D Agree]"/>
        <member name="[CB - Account].[Account CB - Description].&amp;[0143600 - AR GST Tax]"/>
        <member name="[CB - Account].[Account CB - Description].&amp;[0143602 - AR QST Tax]"/>
        <member name="[CB - Account].[Account CB - Description].&amp;[0143605 - A/R-DPL CD/CCD Operations]"/>
        <member name="[CB - Account].[Account CB - Description].&amp;[0143610 - A/R-CSP CD/CCD Operations]"/>
        <member name="[CB - Account].[Account CB - Description].&amp;[0143615 - Receivable from FE for LGR-A]"/>
        <member name="[CB - Account].[Account CB - Description].&amp;[0143623 - A/R - DPL Transmission]"/>
        <member name="[CB - Account].[Account CB - Description].&amp;[0143640 - RCBP Admin AR]"/>
        <member name="[CB - Account].[Account CB - Description].&amp;[0143650 - Stimulus Accounts Receivable]"/>
        <member name="[CB - Account].[Account CB - Description].&amp;[0143651 - A/R-DPL CD/CCDcapex]"/>
        <member name="[CB - Account].[Account CB - Description].&amp;[0143653 - A/R - CSP Transmission]"/>
        <member name="[CB - Account].[Account CB - Description].&amp;[0143660 - A/R-CSP CD/CCDcapex]"/>
        <member name="[CB - Account].[Account CB - Description].&amp;[0143710 - Accrued Power Agency Rec]"/>
        <member name="[CB - Account].[Account CB - Description].&amp;[0143711 - Accrued NCEMPA Rec. - Contra]"/>
        <member name="[CB - Account].[Account CB - Description].&amp;[0143712 - NCEMPA Rec. Other]"/>
        <member name="[CB - Account].[Account CB - Description].&amp;[0143720 - Accrued Power Agency Rec IA]"/>
        <member name="[CB - Account].[Account CB - Description].&amp;[0143730 - Accrued Ncemc Receivable]"/>
        <member name="[CB - Account].[Account CB - Description].&amp;[0143731 - Other AR - EA Penalties]"/>
        <member name="[CB - Account].[Account CB - Description].&amp;[0143735 - A/R CJO Special Projects]"/>
        <member name="[CB - Account].[Account CB - Description].&amp;[0143740 - Accrued Ncemc Receivable - IA]"/>
        <member name="[CB - Account].[Account CB - Description].&amp;[0143750 - Accrued Saluda River Rec]"/>
        <member name="[CB - Account].[Account CB - Description].&amp;[0143751 - A/R-InterchangPwrCMS]"/>
        <member name="[CB - Account].[Account CB - Description].&amp;[0143760 - Accrued Saluda River Rec - IA]"/>
        <member name="[CB - Account].[Account CB - Description].&amp;[0143770 - Accrued Pmpa Receivable]"/>
        <member name="[CB - Account].[Account CB - Description].&amp;[0143780 - Accrued PMPA Rec IA]"/>
        <member name="[CB - Account].[Account CB - Description].&amp;[0143810 - Central Csh Remittance Posting]"/>
        <member name="[CB - Account].[Account CB - Description].&amp;[0143820 - Ccr Clearing]"/>
        <member name="[CB - Account].[Account CB - Description].&amp;[0143830 - Ccr Ret Cks]"/>
        <member name="[CB - Account].[Account CB - Description].&amp;[0143840 - Southern Rec Cherokee]"/>
        <member name="[CB - Account].[Account CB - Description].&amp;[0143910 - Inactive]"/>
        <member name="[CB - Account].[Account CB - Description].&amp;[0143920 - Rec For Outside Serv:Non-De&amp;S]"/>
        <member name="[CB - Account].[Account CB - Description].&amp;[0143921 - Allowance for Doubtful Account]"/>
        <member name="[CB - Account].[Account CB - Description].&amp;[0143927 - Employee Receivables]"/>
        <member name="[CB - Account].[Account CB - Description].&amp;[0143950 - A/R-Retail and Transp]"/>
        <member name="[CB - Account].[Account CB - Description].&amp;[0143955 - A/R-Sold]"/>
        <member name="[CB - Account].[Account CB - Description].&amp;[0143970 - State Tax Refunds - External]"/>
        <member name="[CB - Account].[Account CB - Description].&amp;[0143980 - Franchise Tax Rec - Ext]"/>
        <member name="[CB - Account].[Account CB - Description].&amp;[0143985 - LT Franchise Tax Rec - Ext]"/>
        <member name="[CB - Account].[Account CB - Description].&amp;[0143990 - AR ENRB Holding Account]"/>
        <member name="[CB - Account].[Account CB - Description].&amp;[0143992 - Fed Tax Receivable - Audit]"/>
        <member name="[CB - Account].[Account CB - Description].&amp;[0143994 - State Tax Receivable - Audit]"/>
        <member name="[CB - Account].[Account CB - Description].&amp;[0143995 - Wholesale Rev - Est Unbilled]"/>
        <member name="[CB - Account].[Account CB - Description].&amp;[0143997 - A\R-Brokering Activity]"/>
        <member name="[CB - Account].[Account CB - Description].&amp;[0143998 - ST Receivable: Spectra]"/>
        <member name="[CB - Account].[Account CB - Description].&amp;[0143999 - AR Duke/Spectra]"/>
        <member name="[CB - Account].[Account CB - Description].&amp;[0144001 - Acc Prov Uncoll Whsle Acct FP]"/>
        <member name="[CB - Account].[Account CB - Description].&amp;[0144080 - SCHM Uncollectible Accrual VIE]"/>
        <member name="[CB - Account].[Account CB - Description].&amp;[0144081 - Allowance Credit Loss - VIE]"/>
        <member name="[CB - Account].[Account CB - Description].&amp;[0144090 - Disc on sale of AR (factoring)]"/>
        <member name="[CB - Account].[Account CB - Description].&amp;[0144101 - Allowance Credit Loss]"/>
        <member name="[CB - Account].[Account CB - Description].&amp;[0144110 - SCHM Uncollectible Accr NCElec]"/>
        <member name="[CB - Account].[Account CB - Description].&amp;[0144120 - SCHM Uncollectible Accr SCElec]"/>
        <member name="[CB - Account].[Account CB - Description].&amp;[0144130 - CURR ASSET HFS AFDA]"/>
        <member name="[CB - Account].[Account CB - Description].&amp;[0144140 - HGA-ALLOWANCE FOR DOUBTFUL ACC]"/>
        <member name="[CB - Account].[Account CB - Description].&amp;[0144200 - SCHM Uncollectible Accr Water]"/>
        <member name="[CB - Account].[Account CB - Description].&amp;[0144210 - SCHM Uncollectible Acc NCWater]"/>
        <member name="[CB - Account].[Account CB - Description].&amp;[0144220 - SCHM Uncollectible Acc SCWater]"/>
        <member name="[CB - Account].[Account CB - Description].&amp;[0144250 - Acc Prov Uncoll Cert Sup]"/>
        <member name="[CB - Account].[Account CB - Description].&amp;[0144300 - Uncollectible Accrual Merch]"/>
        <member name="[CB - Account].[Account CB - Description].&amp;[0144310 - SCHM Uncollectible Acc NCmerch]"/>
        <member name="[CB - Account].[Account CB - Description].&amp;[0144320 - SCHM Uncollectible Acc SCmerch]"/>
        <member name="[CB - Account].[Account CB - Description].&amp;[0144340 - Allowance - Service Plus]"/>
        <member name="[CB - Account].[Account CB - Description].&amp;[0144400 - SCHM Uncollectible Acc Ht Pump]"/>
        <member name="[CB - Account].[Account CB - Description].&amp;[0144410 - SCHM Uncollectible Acc NCHt Pm]"/>
        <member name="[CB - Account].[Account CB - Description].&amp;[0144420 - SCHM Uncollectible Acc SCHt Pm]"/>
        <member name="[CB - Account].[Account CB - Description].&amp;[0144500 - Prov for BPM Uncollectibles]"/>
        <member name="[CB - Account].[Account CB - Description].&amp;[0144510 - NC BPM Uncollectibles]"/>
        <member name="[CB - Account].[Account CB - Description].&amp;[0144520 - SC BPM Uncollectibles]"/>
        <member name="[CB - Account].[Account CB - Description].&amp;[0144600 - UNCOLLECT ACCRI-PROD/SERV]"/>
        <member name="[CB - Account].[Account CB - Description].&amp;[0144610 - UNCOLLECTIBLES-PROD/SERV-NC]"/>
        <member name="[CB - Account].[Account CB - Description].&amp;[0144620 - UNCOLLECTIBLES-PROD/SERV-SC]"/>
        <member name="[CB - Account].[Account CB - Description].&amp;[0144960 - Disc on Purch A/R]"/>
        <member name="[CB - Account].[Account CB - Description].&amp;[0145001 - LT-NR with DCC]"/>
        <member name="[CB - Account].[Account CB - Description].&amp;[0145002 - Notes Rec Current I/C Contra]"/>
        <member name="[CB - Account].[Account CB - Description].&amp;[0145003 - Notes Rec Long Term I/C Contra]"/>
        <member name="[CB - Account].[Account CB - Description].&amp;[0145005 - LT INTERCOMPANY NOTE]"/>
        <member name="[CB - Account].[Account CB - Description].&amp;[0145006 - Non-current Lease Receivable]"/>
        <member name="[CB - Account].[Account CB - Description].&amp;[0145890 - N/R - Rp Cin Receivables]"/>
        <member name="[CB - Account].[Account CB - Description].&amp;[0146001 - Missing]"/>
        <member name="[CB - Account].[Account CB - Description].&amp;[0146003 - Accounts Receivable I/C Contra]"/>
        <member name="[CB - Account].[Account CB - Description].&amp;[0146004 - Interest Receivable I/C Contra]"/>
        <member name="[CB - Account].[Account CB - Description].&amp;[0146006 - IC Moneypool - Interest Receiv]"/>
        <member name="[CB - Account].[Account CB - Description].&amp;[0146007 - Int Rec/Pay Dei Bu Only]"/>
        <member name="[CB - Account].[Account CB - Description].&amp;[0146008 - Intercompany Receivables]"/>
        <member name="[CB - Account].[Account CB - Description].&amp;[0146020 - AR DUKE ENERGY TRANSPORT]"/>
        <member name="[CB - Account].[Account CB - Description].&amp;[0146022 - Interco Notes Receivable LT]"/>
        <member name="[CB - Account].[Account CB - Description].&amp;[0146025 - LT Tax Rec - Interco]"/>
        <member name="[CB - Account].[Account CB - Description].&amp;[0146070 - I/C A/R with 10276]"/>
        <member name="[CB - Account].[Account CB - Description].&amp;[0146080 - AR CALIFORNIA COMPANIES]"/>
        <member name="[CB - Account].[Account CB - Description].&amp;[0146090 - AR DUKE ENER IND ASSET DEV]"/>
        <member name="[CB - Account].[Account CB - Description].&amp;[0146100 - A/R Maintenance]"/>
        <member name="[CB - Account].[Account CB - Description].&amp;[0146104 - I/C AR - Joint Dispatch]"/>
        <member name="[CB - Account].[Account CB - Description].&amp;[0146110 - Inactive]"/>
        <member name="[CB - Account].[Account CB - Description].&amp;[0146115 - Ins prem receivable-affiliate]"/>
        <member name="[CB - Account].[Account CB - Description].&amp;[0146116 - Reinsurace recoverable current]"/>
        <member name="[CB - Account].[Account CB - Description].&amp;[0146120 - A/R - Demc]"/>
        <member name="[CB - Account].[Account CB - Description].&amp;[0146130 - A/R - De&amp;S Northwest, Inc.]"/>
        <member name="[CB - Account].[Account CB - Description].&amp;[0146140 - A/R-Duke Solutions]"/>
        <member name="[CB - Account].[Account CB - Description].&amp;[0146150 - A/R-Pan Energy]"/>
        <member name="[CB - Account].[Account CB - Description].&amp;[0146160 - A/R - Houston Westchase Office]"/>
        <member name="[CB - Account].[Account CB - Description].&amp;[0146170 - A/R - Houston - Global Assets]"/>
        <member name="[CB - Account].[Account CB - Description].&amp;[0146180 - A/R - Denver]"/>
        <member name="[CB - Account].[Account CB - Description].&amp;[0146190 - Church Street Capital Corp]"/>
        <member name="[CB - Account].[Account CB - Description].&amp;[0146200 - A/R-Crescent Resources]"/>
        <member name="[CB - Account].[Account CB - Description].&amp;[0146210 - Accounts Receivable - Tetco]"/>
        <member name="[CB - Account].[Account CB - Description].&amp;[0146220 - A/R Interco w/TE Bermuda]"/>
        <member name="[CB - Account].[Account CB - Description].&amp;[0146230 - Intercompany w/ Electric]"/>
        <member name="[CB - Account].[Account CB - Description].&amp;[0146250 - IC Netting - Accts Receivable]"/>
        <member name="[CB - Account].[Account CB - Description].&amp;[0146260 - AR DUKE COMMUNICATION SERVICE]"/>
        <member name="[CB - Account].[Account CB - Description].&amp;[0146270 - AR PANENERGY RESOURCE MGT]"/>
        <member name="[CB - Account].[Account CB - Description].&amp;[0146300 - Eastover Mining]"/>
        <member name="[CB - Account].[Account CB - Description].&amp;[0146302 - Intraco Rec - Commodity]"/>
        <member name="[CB - Account].[Account CB - Description].&amp;[0146303 - Interco Rec - DETM]"/>
        <member name="[CB - Account].[Account CB - Description].&amp;[0146304 - Intraco Rec - Canada]"/>
        <member name="[CB - Account].[Account CB - Description].&amp;[0146305 - Intraco Rec - Techtrol]"/>
        <member name="[CB - Account].[Account CB - Description].&amp;[0146306 - Intraco Rec - Energy Invest]"/>
        <member name="[CB - Account].[Account CB - Description].&amp;[0146309 - Intraco Rec - DukeSolutions US]"/>
        <member name="[CB - Account].[Account CB - Description].&amp;[0146310 - Interco Rec-DS w/FIMCO]"/>
        <member name="[CB - Account].[Account CB - Description].&amp;[0146311 - Interco Rec-DS w/DENA]"/>
        <member name="[CB - Account].[Account CB - Description].&amp;[0146400 - Eastover Land]"/>
        <member name="[CB - Account].[Account CB - Description].&amp;[0146401 - Collateral Asset]"/>
        <member name="[CB - Account].[Account CB - Description].&amp;[0146500 - Gt&amp;W]"/>
        <member name="[CB - Account].[Account CB - Description].&amp;[0146501 - Intercompany Gas True-Up]"/>
        <member name="[CB - Account].[Account CB - Description].&amp;[0146600 - Inactive]"/>
        <member name="[CB - Account].[Account CB - Description].&amp;[0146641 - Intercompany CPRE Unbilled]"/>
        <member name="[CB - Account].[Account CB - Description].&amp;[0146642 - Intercompany CPRE Billed]"/>
        <member name="[CB - Account].[Account CB - Description].&amp;[0146700 - A/R-De&amp;S]"/>
        <member name="[CB - Account].[Account CB - Description].&amp;[0146710 - A/R-Dukenet Communications]"/>
        <member name="[CB - Account].[Account CB - Description].&amp;[0146720 - A/R-Duke Merchandising]"/>
        <member name="[CB - Account].[Account CB - Description].&amp;[0146730 - 5/14/96]"/>
        <member name="[CB - Account].[Account CB - Description].&amp;[0146740 - Intera Receivables]"/>
        <member name="[CB - Account].[Account CB - Description].&amp;[0146750 - A/R-D/Fd]"/>
        <member name="[CB - Account].[Account CB - Description].&amp;[0146760 - A/R-Duke Coal]"/>
        <member name="[CB - Account].[Account CB - Description].&amp;[0146770 - De&amp;S Resources, Inc Receivable]"/>
        <member name="[CB - Account].[Account CB - Description].&amp;[0146777 - AR Intercompany Crossbill]"/>
        <member name="[CB - Account].[Account CB - Description].&amp;[0146800 - Nantahala Power And Light]"/>
        <member name="[CB - Account].[Account CB - Description].&amp;[0146830 - DETM/DENA Keepwhole Rec'ble]"/>
        <member name="[CB - Account].[Account CB - Description].&amp;[0146888 - AR-Crossbill DEFS]"/>
        <member name="[CB - Account].[Account CB - Description].&amp;[0146900 - A/R-Duke Energy Group]"/>
        <member name="[CB - Account].[Account CB - Description].&amp;[0146950 - AR with DEI]"/>
        <member name="[CB - Account].[Account CB - Description].&amp;[0146955 - AR with DETM-US]"/>
        <member name="[CB - Account].[Account CB - Description].&amp;[0146956 - Intco AR w/DEFS JV]"/>
        <member name="[CB - Account].[Account CB - Description].&amp;[0146957 - Interco Receivable w/Evendale]"/>
        <member name="[CB - Account].[Account CB - Description].&amp;[0146958 - Interco Receivable w/GNE]"/>
        <member name="[CB - Account].[Account CB - Description].&amp;[0146959 - Interco Rec w/Huntington Beach]"/>
        <member name="[CB - Account].[Account CB - Description].&amp;[0146960 - A/R Non Prop/BI Interco]"/>
        <member name="[CB - Account].[Account CB - Description].&amp;[0146961 - Interco REC w/ E-Business]"/>
        <member name="[CB - Account].[Account CB - Description].&amp;[0146962 - Accts Receivable w/ 30274]"/>
        <member name="[CB - Account].[Account CB - Description].&amp;[0146963 - Accts Receivable w/ 30274]"/>
        <member name="[CB - Account].[Account CB - Description].&amp;[0146970 - AR-Contra]"/>
        <member name="[CB - Account].[Account CB - Description].&amp;[0146971 - AR-Estimate]"/>
        <member name="[CB - Account].[Account CB - Description].&amp;[0146972 - AR-Revenue Control]"/>
        <member name="[CB - Account].[Account CB - Description].&amp;[0146973 - Insurance Claim Receivable]"/>
        <member name="[CB - Account].[Account CB - Description].&amp;[0146974 - A/R - Affiliates]"/>
        <member name="[CB - Account].[Account CB - Description].&amp;[0146975 - Interest Receivable-Affiliates]"/>
        <member name="[CB - Account].[Account CB - Description].&amp;[0146976 - A/R Duke Fuels]"/>
        <member name="[CB - Account].[Account CB - Description].&amp;[0146977 - AR/AP-Unconsol]"/>
        <member name="[CB - Account].[Account CB - Description].&amp;[0146978 - Royalty/Mgmt fee rec]"/>
        <member name="[CB - Account].[Account CB - Description].&amp;[0146979 - Royalty/Mgmt Fee pay]"/>
        <member name="[CB - Account].[Account CB - Description].&amp;[0146980 - AR CONTROLLED SUSPENSE]"/>
        <member name="[CB - Account].[Account CB - Description].&amp;[0146985 - Deferred aquisition costs-affi]"/>
        <member name="[CB - Account].[Account CB - Description].&amp;[0146986 - Due From Affiliates]"/>
        <member name="[CB - Account].[Account CB - Description].&amp;[0146991 - LT Franchise Tax Rec - Interco]"/>
        <member name="[CB - Account].[Account CB - Description].&amp;[0146995 - AR Est Affiliate Non-Consol]"/>
        <member name="[CB - Account].[Account CB - Description].&amp;[0146996 - Franchise Tax - Interco]"/>
        <member name="[CB - Account].[Account CB - Description].&amp;[0146998 - Franchise Tax - Interco - P/Y]"/>
        <member name="[CB - Account].[Account CB - Description].&amp;[0146999 - Interunit unconsolidated bus]"/>
        <member name="[CB - Account].[Account CB - Description].&amp;[0149133 - FAS 133 Short Term Asset]"/>
        <member name="[CB - Account].[Account CB - Description].&amp;[0149420 - UNRLZGAIN ON MKT TO MKT TRADNG]"/>
        <member name="[CB - Account].[Account CB - Description].&amp;[0149421 - IC MTM CURRENT ASSETS]"/>
        <member name="[CB - Account].[Account CB - Description].&amp;[0149500 - IUB A/R Actual]"/>
        <member name="[CB - Account].[Account CB - Description].&amp;[0149501 - Interco A/R Estimate]"/>
        <member name="[CB - Account].[Account CB - Description].&amp;[0149502 - A/R-NGL Processing]"/>
        <member name="[CB - Account].[Account CB - Description].&amp;[0149503 - 3rd Party Deriv Asset Current]"/>
        <member name="[CB - Account].[Account CB - Description].&amp;[0149504 - Intco Deriv Asset Current]"/>
        <member name="[CB - Account].[Account CB - Description].&amp;[0150000 - Trading MTM Inventory-3rdParty]"/>
        <member name="[CB - Account].[Account CB - Description].&amp;[0150001 - Intercompany Inventory]"/>
        <member name="[CB - Account].[Account CB - Description].&amp;[0151100 - Oremulsion Fuel Stock]"/>
        <member name="[CB - Account].[Account CB - Description].&amp;[0151110 - Heavy Fuel Oil]"/>
        <member name="[CB - Account].[Account CB - Description].&amp;[0151120 - Other Fuel Stock]"/>
        <member name="[CB - Account].[Account CB - Description].&amp;[0151125 - Other Fuel Inventory]"/>
        <member name="[CB - Account].[Account CB - Description].&amp;[0151126 - Fuel Stock - Propane]"/>
        <member name="[CB - Account].[Account CB - Description].&amp;[0151133 - FAS 133 Long Term Asset]"/>
        <member name="[CB - Account].[Account CB - Description].&amp;[0151135 - Oil]"/>
        <member name="[CB - Account].[Account CB - Description].&amp;[0151150 - Jet Fuel]"/>
        <member name="[CB - Account].[Account CB - Description].&amp;[0151160 - Inactive]"/>
        <member name="[CB - Account].[Account CB - Description].&amp;[0151170 - Oil Stock In Transit]"/>
        <member name="[CB - Account].[Account CB - Description].&amp;[0151190 - L-T UNREALIZED GAINS MTM]"/>
        <member name="[CB - Account].[Account CB - Description].&amp;[0151191 - IC MTM NONCURRENT ASSETS]"/>
        <member name="[CB - Account].[Account CB - Description].&amp;[0151200 - COAL STOCKS-PURCH_ACCTG ADJ]"/>
        <member name="[CB - Account].[Account CB - Description].&amp;[0151210 - Biomass Inventory]"/>
        <member name="[CB - Account].[Account CB - Description].&amp;[0151222 - Test Fuel Stock]"/>
        <member name="[CB - Account].[Account CB - Description].&amp;[0151260 - Test Wood Inventory]"/>
        <member name="[CB - Account].[Account CB - Description].&amp;[0151700 - Propane Inventory]"/>
        <member name="[CB - Account].[Account CB - Description].&amp;[0153000 - Exch Imbal &amp; Invent (NGL)]"/>
        <member name="[CB - Account].[Account CB - Description].&amp;[0153005 - Inventory in Transit]"/>
        <member name="[CB - Account].[Account CB - Description].&amp;[0153010 - Inventory-Natural Gas]"/>
        <member name="[CB - Account].[Account CB - Description].&amp;[0153011 - Inventory - Iowa Plant]"/>
        <member name="[CB - Account].[Account CB - Description].&amp;[0153015 - INVENTORY- REFINED PRODUCTS]"/>
        <member name="[CB - Account].[Account CB - Description].&amp;[0154000 - Plant M&amp;S-Suspense]"/>
        <member name="[CB - Account].[Account CB - Description].&amp;[0154001 - Plant M&amp;S-Over/Under]"/>
        <member name="[CB - Account].[Account CB - Description].&amp;[0154002 - Materials &amp; Supplies-Stg Field]"/>
        <member name="[CB - Account].[Account CB - Description].&amp;[0154003 - INVENTORY - RECS]"/>
        <member name="[CB - Account].[Account CB - Description].&amp;[0154004 - INVENTORY-RESERVE]"/>
        <member name="[CB - Account].[Account CB - Description].&amp;[0154010 - M&amp;S Air Pollution Units 1-4]"/>
        <member name="[CB - Account].[Account CB - Description].&amp;[0154020 - M&amp;S-AirPoll GIB5 (scrubber)]"/>
        <member name="[CB - Account].[Account CB - Description].&amp;[0154030 - M&amp;S Waste Poll GIB5 (scrubber)]"/>
        <member name="[CB - Account].[Account CB - Description].&amp;[0154050 - M&amp;S GIB5 (scrubber)]"/>
        <member name="[CB - Account].[Account CB - Description].&amp;[0154060 - M&amp;S Waste Pollution Units 1-4]"/>
        <member name="[CB - Account].[Account CB - Description].&amp;[0154070 - M&amp;S GIB 4&amp;5 (scrubber-50)]"/>
        <member name="[CB - Account].[Account CB - Description].&amp;[0154080 - M&amp;S AirPoll GIB 4&amp;5 (scrub-50)]"/>
        <member name="[CB - Account].[Account CB - Description].&amp;[0154101 - Inventory Estimate]"/>
        <member name="[CB - Account].[Account CB - Description].&amp;[0154102 - Common M&amp;S]"/>
        <member name="[CB - Account].[Account CB - Description].&amp;[0154103 - M&amp;S_Inventory-WVPA,IMPA_contra]"/>
        <member name="[CB - Account].[Account CB - Description].&amp;[0154105 - M&amp;S Waste Pollution]"/>
        <member name="[CB - Account].[Account CB - Description].&amp;[0154106 - M&amp;S Air Pollution]"/>
        <member name="[CB - Account].[Account CB - Description].&amp;[0154110 - M&amp;S Supply Inv - Joint Owner]"/>
        <member name="[CB - Account].[Account CB - Description].&amp;[0154115 - CURR ASSET HFS INV]"/>
        <member name="[CB - Account].[Account CB - Description].&amp;[0154120 - Catawba Stm Station Stk Contra]"/>
        <member name="[CB - Account].[Account CB - Description].&amp;[0154121 - Joint Owner Share of Parts]"/>
        <member name="[CB - Account].[Account CB - Description].&amp;[0154122 - Limestone In Transit Inventory]"/>
        <member name="[CB - Account].[Account CB - Description].&amp;[0154123 - Ammonia In Transit Inventory]"/>
        <member name="[CB - Account].[Account CB - Description].&amp;[0154130 - Catawba C&amp;Md Stock Contra]"/>
        <member name="[CB - Account].[Account CB - Description].&amp;[0154141 - In-Transit Transfers - AAT]"/>
        <member name="[CB - Account].[Account CB - Description].&amp;[0154145 - Invty - Long Term]"/>
        <member name="[CB - Account].[Account CB - Description].&amp;[0154150 - Spent Fuel Canisters]"/>
        <member name="[CB - Account].[Account CB - Description].&amp;[0154190 - Material For Future Lines]"/>
        <member name="[CB - Account].[Account CB - Description].&amp;[0154201 - Limestone Inventory JO]"/>
        <member name="[CB - Account].[Account CB - Description].&amp;[0154210 - Trona Inventory]"/>
        <member name="[CB - Account].[Account CB - Description].&amp;[0154300 - Inactive]"/>
        <member name="[CB - Account].[Account CB - Description].&amp;[0154400 - 12/95]"/>
        <member name="[CB - Account].[Account CB - Description].&amp;[0154401 - Ammonia Inventory]"/>
        <member name="[CB - Account].[Account CB - Description].&amp;[0154406 - Dibasic Acid Inventory]"/>
        <member name="[CB - Account].[Account CB - Description].&amp;[0154450 - M&amp;S 100% CD]"/>
        <member name="[CB - Account].[Account CB - Description].&amp;[0154500 - Part Share M&amp;S CR3]"/>
        <member name="[CB - Account].[Account CB - Description].&amp;[0154501 - Part Share M&amp;S IP11]"/>
        <member name="[CB - Account].[Account CB - Description].&amp;[0154550 - M&amp;S Gas Turbine]"/>
        <member name="[CB - Account].[Account CB - Description].&amp;[0154750 - M&amp;S Mechanical &amp; Electrical]"/>
        <member name="[CB - Account].[Account CB - Description].&amp;[0154760 - M&amp;S  Coal Yard]"/>
        <member name="[CB - Account].[Account CB - Description].&amp;[0154897 - VIE - Restricted Inventory]"/>
        <member name="[CB - Account].[Account CB - Description].&amp;[0154900 - Reserve for loss on inventory]"/>
        <member name="[CB - Account].[Account CB - Description].&amp;[0155100 - Resale Appliance]"/>
        <member name="[CB - Account].[Account CB - Description].&amp;[0155200 - Inactive]"/>
        <member name="[CB - Account].[Account CB - Description].&amp;[0155300 - Inactive]"/>
        <member name="[CB - Account].[Account CB - Description].&amp;[0155400 - Appliance Repair Parts]"/>
        <member name="[CB - Account].[Account CB - Description].&amp;[0156000 - M&amp;S-Company Gifts]"/>
        <member name="[CB - Account].[Account CB - Description].&amp;[0156001 - Fuel Inventory]"/>
        <member name="[CB - Account].[Account CB - Description].&amp;[0156010 - Other M&amp;S / Inventory]"/>
        <member name="[CB - Account].[Account CB - Description].&amp;[0157100 - Inactive]"/>
        <member name="[CB - Account].[Account CB - Description].&amp;[0157200 - Inactive]"/>
        <member name="[CB - Account].[Account CB - Description].&amp;[0157300 - Inactive]"/>
        <member name="[CB - Account].[Account CB - Description].&amp;[0158110 - INTANGIBLES_EMISSION_ALLOW]"/>
        <member name="[CB - Account].[Account CB - Description].&amp;[0158111 - Coal, Gas &amp; Power Contracts]"/>
        <member name="[CB - Account].[Account CB - Description].&amp;[0158112 - Intangibles_Other]"/>
        <member name="[CB - Account].[Account CB - Description].&amp;[0158113 - RECS Intangible Asset Non Curr]"/>
        <member name="[CB - Account].[Account CB - Description].&amp;[0158115 - IC Allowance Inventory]"/>
        <member name="[CB - Account].[Account CB - Description].&amp;[0158120 - RECs - DE Carolinas - NC]"/>
        <member name="[CB - Account].[Account CB - Description].&amp;[0158125 - REC's - Intercompany]"/>
        <member name="[CB - Account].[Account CB - Description].&amp;[0158130 - RECs - DE Ohio]"/>
        <member name="[CB - Account].[Account CB - Description].&amp;[0158135 - RECs - DE Kentucky]"/>
        <member name="[CB - Account].[Account CB - Description].&amp;[0158151 - SO2 RSP Non-Current Vintage]"/>
        <member name="[CB - Account].[Account CB - Description].&amp;[0158153 - SO2 Non-Current Vintage]"/>
        <member name="[CB - Account].[Account CB - Description].&amp;[0158160 - SO2 Current Vintage Step-up]"/>
        <member name="[CB - Account].[Account CB - Description].&amp;[0158161 - SO2 RSP NonCurrnt Vint Step-up]"/>
        <member name="[CB - Account].[Account CB - Description].&amp;[0158163 - SO2 NonCurrent Vintage Step-up]"/>
        <member name="[CB - Account].[Account CB - Description].&amp;[0158172 - Annual NOx Non-Current Vintage]"/>
        <member name="[CB - Account].[Account CB - Description].&amp;[0158180 - Reg EA-SO2 Native Current]"/>
        <member name="[CB - Account].[Account CB - Description].&amp;[0158181 - Seasonal NOx Curr Vint Step Up]"/>
        <member name="[CB - Account].[Account CB - Description].&amp;[0158182 - Seasonal NOx NnCurr Vnt StepUp]"/>
        <member name="[CB - Account].[Account CB - Description].&amp;[0158184 - Seasonal NOx Non-Current]"/>
        <member name="[CB - Account].[Account CB - Description].&amp;[0158185 - Reg EA-SO2 NonNative Current]"/>
        <member name="[CB - Account].[Account CB - Description].&amp;[0158190 - Reg EA-SO2 Native NonCurrent]"/>
        <member name="[CB - Account].[Account CB - Description].&amp;[0158195 - Reg EA-SO2 NonNative NonCurent]"/>
        <member name="[CB - Account].[Account CB - Description].&amp;[0158200 - ALLOW INV_PURCH_ACCTG_ADJ]"/>
        <member name="[CB - Account].[Account CB - Description].&amp;[0158250 - Seasonal NOx Current]"/>
        <member name="[CB - Account].[Account CB - Description].&amp;[0158252 - Seasonal NOx Non-Current]"/>
        <member name="[CB - Account].[Account CB - Description].&amp;[0158260 - Seasonal NOx Curr Vint Step Up]"/>
        <member name="[CB - Account].[Account CB - Description].&amp;[0158262 - NOx NonCurrent Vintage Step Up]"/>
        <member name="[CB - Account].[Account CB - Description].&amp;[0158270 - Annual NOx Current]"/>
        <member name="[CB - Account].[Account CB - Description].&amp;[0158272 - Annual NOx Non-Current]"/>
        <member name="[CB - Account].[Account CB - Description].&amp;[0158280 - Reg EA-NOx Native Current]"/>
        <member name="[CB - Account].[Account CB - Description].&amp;[0158285 - Reg EA-NOx NonNative Current]"/>
        <member name="[CB - Account].[Account CB - Description].&amp;[0158290 - Reg EA-NOx Native NonCurrent]"/>
        <member name="[CB - Account].[Account CB - Description].&amp;[0158295 - Reg EA-NOx NonNative NonCurent]"/>
        <member name="[CB - Account].[Account CB - Description].&amp;[0162000 - NYMEX FUTURES]"/>
        <member name="[CB - Account].[Account CB - Description].&amp;[0162001 - NYMEX OPTIONS]"/>
        <member name="[CB - Account].[Account CB - Description].&amp;[0162002 - ST UNREALIZED GAINS]"/>
        <member name="[CB - Account].[Account CB - Description].&amp;[0162005 - OTC CRUDE DEFERRED]"/>
        <member name="[CB - Account].[Account CB - Description].&amp;[0162006 - BROKER COMMISSION]"/>
        <member name="[CB - Account].[Account CB - Description].&amp;[0162009 - Risk Deferred Activity]"/>
        <member name="[CB - Account].[Account CB - Description].&amp;[0162012 - Phy Options Exp]"/>
        <member name="[CB - Account].[Account CB - Description].&amp;[0163000 - COMMODITY COST]"/>
        <member name="[CB - Account].[Account CB - Description].&amp;[0163010 - Merchandising Stores Expense]"/>
        <member name="[CB - Account].[Account CB - Description].&amp;[0163110 - Stores Expense]"/>
        <member name="[CB - Account].[Account CB - Description].&amp;[0163111 - Stores_Exp-WVPA,IMPA_contra]"/>
        <member name="[CB - Account].[Account CB - Description].&amp;[0163120 - Stores Expense - Joint Owner]"/>
        <member name="[CB - Account].[Account CB - Description].&amp;[0163130 - 1/96]"/>
        <member name="[CB - Account].[Account CB - Description].&amp;[0163150 - Inactive]"/>
        <member name="[CB - Account].[Account CB - Description].&amp;[0163160 - Stores Exp Distribution-Credit]"/>
        <member name="[CB - Account].[Account CB - Description].&amp;[0163170 - Stores Exp-Cr Dist Of Pur Cost]"/>
        <member name="[CB - Account].[Account CB - Description].&amp;[0163180 - Freight And Express]"/>
        <member name="[CB - Account].[Account CB - Description].&amp;[0163190 - Gas Storage]"/>
        <member name="[CB - Account].[Account CB - Description].&amp;[0163200 - ST Gas Park &amp; Loan]"/>
        <member name="[CB - Account].[Account CB - Description].&amp;[0163210 - Gas Imbalance]"/>
        <member name="[CB - Account].[Account CB - Description].&amp;[0163230 - Inactive]"/>
        <member name="[CB - Account].[Account CB - Description].&amp;[0163290 - Inactive]"/>
        <member name="[CB - Account].[Account CB - Description].&amp;[0163340 - 12/95]"/>
        <member name="[CB - Account].[Account CB - Description].&amp;[0163400 - Overages, Shortages &amp; Damages]"/>
        <member name="[CB - Account].[Account CB - Description].&amp;[0163401 - Inventory]"/>
        <member name="[CB - Account].[Account CB - Description].&amp;[0163888 - Stores Expense-BU B/S Svc Exp]"/>
        <member name="[CB - Account].[Account CB - Description].&amp;[0164000 - COMMODITY TPROT]"/>
        <member name="[CB - Account].[Account CB - Description].&amp;[0164100 - Storage Gas-Current Inventory]"/>
        <member name="[CB - Account].[Account CB - Description].&amp;[0164101 - Line Pack]"/>
        <member name="[CB - Account].[Account CB - Description].&amp;[0164105 - Storage - Gas - Current Invent]"/>
        <member name="[CB - Account].[Account CB - Description].&amp;[0164200 - STOR_GAS_CURR_INV_PUR_ACCT_ADJ]"/>
        <member name="[CB - Account].[Account CB - Description].&amp;[0164201 - Lng-Storage - In Stock]"/>
        <member name="[CB - Account].[Account CB - Description].&amp;[0165000 - Other Current Assets]"/>
        <member name="[CB - Account].[Account CB - Description].&amp;[0165001 - ISO/DETM Keepwhole fm DENA OCA]"/>
        <member name="[CB - Account].[Account CB - Description].&amp;[0165002 - State Tax Refunds Receivable]"/>
        <member name="[CB - Account].[Account CB - Description].&amp;[0165003 - Fed Tax Receivable - Audit]"/>
        <member name="[CB - Account].[Account CB - Description].&amp;[0165004 - State Tax Receivable - Audit]"/>
        <member name="[CB - Account].[Account CB - Description].&amp;[0165005 - Deferred reinsurance]"/>
        <member name="[CB - Account].[Account CB - Description].&amp;[0165006 - BARTOW LTSA]"/>
        <member name="[CB - Account].[Account CB - Description].&amp;[0165007 - HINES LTSA]"/>
        <member name="[CB - Account].[Account CB - Description].&amp;[0165008 - LTSA PREPAID RICHMOND]"/>
        <member name="[CB - Account].[Account CB - Description].&amp;[0165009 - Prepaid Inv - Solar Recs]"/>
        <member name="[CB - Account].[Account CB - Description].&amp;[0165010 - Ppd Ins-Property-Captive]"/>
        <member name="[CB - Account].[Account CB - Description].&amp;[0165012 - Ppd-Software - Sybase]"/>
        <member name="[CB - Account].[Account CB - Description].&amp;[0165013 - IBM Quarterly Advance]"/>
        <member name="[CB - Account].[Account CB - Description].&amp;[0165014 - Ppd-Comdisco]"/>
        <member name="[CB - Account].[Account CB - Description].&amp;[0165015 - IBM Monthly Advance]"/>
        <member name="[CB - Account].[Account CB - Description].&amp;[0165016 - Pre Paid Ad Valorem Tax]"/>
        <member name="[CB - Account].[Account CB - Description].&amp;[0165017 - Prepaid Franchise Tax]"/>
        <member name="[CB - Account].[Account CB - Description].&amp;[0165018 - MW - Prepaid Expenses ST]"/>
        <member name="[CB - Account].[Account CB - Description].&amp;[0165019 - St. Gross Receipts-TN]"/>
        <member name="[CB - Account].[Account CB - Description].&amp;[0165020 - Deferred Reinsurance - Affilia]"/>
        <member name="[CB - Account].[Account CB - Description].&amp;[0165021 - Prepayments (sch M)]"/>
        <member name="[CB - Account].[Account CB - Description].&amp;[0165022 - Non-Current Prepaid Expenses]"/>
        <member name="[CB - Account].[Account CB - Description].&amp;[0165023 - CITRUS COUNTY LTSA]"/>
        <member name="[CB - Account].[Account CB - Description].&amp;[0165024 - FHOF SOLAR LEASE]"/>
        <member name="[CB - Account].[Account CB - Description].&amp;[0165033 - GEN AM LIFE PREPAID INT]"/>
        <member name="[CB - Account].[Account CB - Description].&amp;[0165034 - PAC MUTUAL PREPAID INT 9/25/85]"/>
        <member name="[CB - Account].[Account CB - Description].&amp;[0165036 - GR WEST LIFE PREPD INT 6/1/85]"/>
        <member name="[CB - Account].[Account CB - Description].&amp;[0165037 - ST ASSET-PHYS FIRM COMMIT]"/>
        <member name="[CB - Account].[Account CB - Description].&amp;[0165050 - Other Assets-Affiliate]"/>
        <member name="[CB - Account].[Account CB - Description].&amp;[0165100 - Unexpired Insurance]"/>
        <member name="[CB - Account].[Account CB - Description].&amp;[0165110 - Unexpired Ins-Catawba Contra]"/>
        <member name="[CB - Account].[Account CB - Description].&amp;[0165120 - UNEXPIRED INSURANCE- NUCLEAR]"/>
        <member name="[CB - Account].[Account CB - Description].&amp;[0165130 - Deferred acquisition costs]"/>
        <member name="[CB - Account].[Account CB - Description].&amp;[0165200 - SCHM Retirement Plan PreFundng]"/>
        <member name="[CB - Account].[Account CB - Description].&amp;[0165210 - NYMEX Options 01-01-2004]"/>
        <member name="[CB - Account].[Account CB - Description].&amp;[0165211 - Broker Fees]"/>
        <member name="[CB - Account].[Account CB - Description].&amp;[0165220 - Park &amp; Loan for Oth Cur Assets]"/>
        <member name="[CB - Account].[Account CB - Description].&amp;[0165230 - FX G/L for Other Cur Assets]"/>
        <member name="[CB - Account].[Account CB - Description].&amp;[0165300 - SCHM DPC RETIREMENT PLAN]"/>
        <member name="[CB - Account].[Account CB - Description].&amp;[0165301 - IC SCHM DPLLC Ret Pln (Prfndg)]"/>
        <member name="[CB - Account].[Account CB - Description].&amp;[0165401 - Prepaid NRC License Fees]"/>
        <member name="[CB - Account].[Account CB - Description].&amp;[0165402 - Prepaid EPRI Dues]"/>
        <member name="[CB - Account].[Account CB - Description].&amp;[0165403 - Res Assurance Prods-PPD Exp]"/>
        <member name="[CB - Account].[Account CB - Description].&amp;[0165404 - Prepaid Net Worth Tax]"/>
        <member name="[CB - Account].[Account CB - Description].&amp;[0165410 - LT ASSET-PHYS FIRM COMMIT]"/>
        <member name="[CB - Account].[Account CB - Description].&amp;[0165420 - Prepaid License Agreement]"/>
        <member name="[CB - Account].[Account CB - Description].&amp;[0165450 - Deferred Insurance Premium -LT]"/>
        <member name="[CB - Account].[Account CB - Description].&amp;[0165500 - SCHM Prepd Taxes-Huntersville]"/>
        <member name="[CB - Account].[Account CB - Description].&amp;[0165501 - Prepaid Interest]"/>
        <member name="[CB - Account].[Account CB - Description].&amp;[0165502 - Accrued Gas Cost]"/>
        <member name="[CB - Account].[Account CB - Description].&amp;[0165510 - NYMEX Margin]"/>
        <member name="[CB - Account].[Account CB - Description].&amp;[0165511 - Deposits]"/>
        <member name="[CB - Account].[Account CB - Description].&amp;[0165512 - Prepaid Commissions]"/>
        <member name="[CB - Account].[Account CB - Description].&amp;[0165513 - Prepaid Expense - Misc.]"/>
        <member name="[CB - Account].[Account CB - Description].&amp;[0165514 - Prepaid Rent/Deposit]"/>
        <member name="[CB - Account].[Account CB - Description].&amp;[0165515 - Prepay-Dominion]"/>
        <member name="[CB - Account].[Account CB - Description].&amp;[0165518 - MW - Prepaid Expenses LT]"/>
        <member name="[CB - Account].[Account CB - Description].&amp;[0165521 - Prepayments - NEI]"/>
        <member name="[CB - Account].[Account CB - Description].&amp;[0165538 - LTSA - Long Term Portion FTG]"/>
        <member name="[CB - Account].[Account CB - Description].&amp;[0165550 - Imarex Margin Account]"/>
        <member name="[CB - Account].[Account CB - Description].&amp;[0165555 - Prepaid Inv - Solar Recs]"/>
        <member name="[CB - Account].[Account CB - Description].&amp;[0165600 - Prepaid Interest]"/>
        <member name="[CB - Account].[Account CB - Description].&amp;[0165601 - Prepaid Tariff&gt; 1 yr]"/>
        <member name="[CB - Account].[Account CB - Description].&amp;[0165602 - Prepaid Pension Costs-Partners]"/>
        <member name="[CB - Account].[Account CB - Description].&amp;[0165650 - ResSol HomeServ Acquisition]"/>
        <member name="[CB - Account].[Account CB - Description].&amp;[0165700 - Prepaid Capital Lease]"/>
        <member name="[CB - Account].[Account CB - Description].&amp;[0165800 - Short Term Asset Held for Sale]"/>
        <member name="[CB - Account].[Account CB - Description].&amp;[0165897 - VIE - Restricted Current AHFS]"/>
        <member name="[CB - Account].[Account CB - Description].&amp;[0165900 - Prepaid Insurance IC Contra]"/>
        <member name="[CB - Account].[Account CB - Description].&amp;[0165910 - Prepayment - Fuel]"/>
        <member name="[CB - Account].[Account CB - Description].&amp;[0165970 - State Tax Prepayments]"/>
        <member name="[CB - Account].[Account CB - Description].&amp;[0165980 - Foreign Taxes Receivable]"/>
        <member name="[CB - Account].[Account CB - Description].&amp;[0165981 - Current Tax Reclass Intl Dr]"/>
        <member name="[CB - Account].[Account CB - Description].&amp;[0165990 - Federal Tax Prepayments]"/>
        <member name="[CB - Account].[Account CB - Description].&amp;[0165999 - Inter-Co Prepaid Insurance]"/>
        <member name="[CB - Account].[Account CB - Description].&amp;[0168351 - Missing]"/>
        <member name="[CB - Account].[Account CB - Description].&amp;[0171001 - Int Rec Other - Nonreg]"/>
        <member name="[CB - Account].[Account CB - Description].&amp;[0171002 - ALLOW FOR INTEREST RECEIVABLE]"/>
        <member name="[CB - Account].[Account CB - Description].&amp;[0171050 - Interco Interest Receivable]"/>
        <member name="[CB - Account].[Account CB - Description].&amp;[0171100 - SCHM Interest Receivable]"/>
        <member name="[CB - Account].[Account CB - Description].&amp;[0171101 - Contra Interest Receivable]"/>
        <member name="[CB - Account].[Account CB - Description].&amp;[0171102 - Int Rec Related Pty]"/>
        <member name="[CB - Account].[Account CB - Description].&amp;[0171103 - Accrued investment income]"/>
        <member name="[CB - Account].[Account CB - Description].&amp;[0171104 - Cur Asset: Interest Receiv]"/>
        <member name="[CB - Account].[Account CB - Description].&amp;[0171200 - 12/95]"/>
        <member name="[CB - Account].[Account CB - Description].&amp;[0172000 - Rents Receivable]"/>
        <member name="[CB - Account].[Account CB - Description].&amp;[0172001 - Rent Receivable-IMPA]"/>
        <member name="[CB - Account].[Account CB - Description].&amp;[0172002 - Rent Receivable-WVPA]"/>
        <member name="[CB - Account].[Account CB - Description].&amp;[0172003 - Rent Receivable - CERT]"/>
        <member name="[CB - Account].[Account CB - Description].&amp;[0172005 - Lease Receivable]"/>
        <member name="[CB - Account].[Account CB - Description].&amp;[0173080 - VIE - Unbilled Revenue Rec]"/>
        <member name="[CB - Account].[Account CB - Description].&amp;[0173101 - Fenb - Nypa]"/>
        <member name="[CB - Account].[Account CB - Description].&amp;[0173102 - Fenb De&amp;S]"/>
        <member name="[CB - Account].[Account CB - Description].&amp;[0173103 - Fenb Ds]"/>
        <member name="[CB - Account].[Account CB - Description].&amp;[0173104 - FENB/FBNE DS/DE&amp;S Reserve]"/>
        <member name="[CB - Account].[Account CB - Description].&amp;[0173105 - FENB DS - Long Term]"/>
        <member name="[CB - Account].[Account CB - Description].&amp;[0173106 - Work in Progress]"/>
        <member name="[CB - Account].[Account CB - Description].&amp;[0173107 - Unbilled Lease Revenue-Current]"/>
        <member name="[CB - Account].[Account CB - Description].&amp;[0173108 - Unbilled Lease Revenue - LT]"/>
        <member name="[CB - Account].[Account CB - Description].&amp;[0173109 - Allowance for Doubtful FENB]"/>
        <member name="[CB - Account].[Account CB - Description].&amp;[0173110 - Accounts Receivable Sold]"/>
        <member name="[CB - Account].[Account CB - Description].&amp;[0173111 - FL Accr Util Rev - Wholesale]"/>
        <member name="[CB - Account].[Account CB - Description].&amp;[0174000 - Imbalance-Shipper]"/>
        <member name="[CB - Account].[Account CB - Description].&amp;[0174001 - INTERCO DERIV ASSET_CURRENT]"/>
        <member name="[CB - Account].[Account CB - Description].&amp;[0174002 - 3RD PARTY DERIV ASSET CURRENT]"/>
        <member name="[CB - Account].[Account CB - Description].&amp;[0174003 - Purchased Options Current]"/>
        <member name="[CB - Account].[Account CB - Description].&amp;[0174004 - ST FAS Contra - Asset]"/>
        <member name="[CB - Account].[Account CB - Description].&amp;[0174005 - NON-HEDGE PURCH OPTION CURRENT]"/>
        <member name="[CB - Account].[Account CB - Description].&amp;[0174006 - PA 253 Billing Net Rec-F2G]"/>
        <member name="[CB - Account].[Account CB - Description].&amp;[0174014 - Bal Agree Imbalance-Post-OBA]"/>
        <member name="[CB - Account].[Account CB - Description].&amp;[0174021 - Imbalance Receivable-OBA]"/>
        <member name="[CB - Account].[Account CB - Description].&amp;[0174022 - Imbalance Receivable-Exchange]"/>
        <member name="[CB - Account].[Account CB - Description].&amp;[0174023 - Imbalance-System Gas]"/>
        <member name="[CB - Account].[Account CB - Description].&amp;[0174024 - Imbalance Receivable-Park/Lend]"/>
        <member name="[CB - Account].[Account CB - Description].&amp;[0174025 - Imbalance Receivable-TFO]"/>
        <member name="[CB - Account].[Account CB - Description].&amp;[0174026 - Imbalance Receivable-Related P]"/>
        <member name="[CB - Account].[Account CB - Description].&amp;[0174030 - Fuel Reimbursement Quantity]"/>
        <member name="[CB - Account].[Account CB - Description].&amp;[0174031 - Gas Purchase- ASA/SBA]"/>
        <member name="[CB - Account].[Account CB - Description].&amp;[0174032 - Cashout- ASA/SBA]"/>
        <member name="[CB - Account].[Account CB - Description].&amp;[0174033 - Construction Gas- ASA/SBA]"/>
        <member name="[CB - Account].[Account CB - Description].&amp;[0174034 - Other Charges- ASA/SBA]"/>
        <member name="[CB - Account].[Account CB - Description].&amp;[0174035 - Surcharge Recovery- ASA/SBA]"/>
        <member name="[CB - Account].[Account CB - Description].&amp;[0174036 - Transporters Use- SBA]"/>
        <member name="[CB - Account].[Account CB - Description].&amp;[0174037 - Fuel Tracker- Carrying Charge]"/>
        <member name="[CB - Account].[Account CB - Description].&amp;[0174038 - Cashout Tracker]"/>
        <member name="[CB - Account].[Account CB - Description].&amp;[0174039 - Electric Power Cost Deferral]"/>
        <member name="[CB - Account].[Account CB - Description].&amp;[0174040 - EPC Deferral- Time Project]"/>
        <member name="[CB - Account].[Account CB - Description].&amp;[0174041 - EPC Deferral- Franklin]"/>
        <member name="[CB - Account].[Account CB - Description].&amp;[0174042 - CY IT REVENUE DEFERRALS ASSET]"/>
        <member name="[CB - Account].[Account CB - Description].&amp;[0174043 - PY IT REVENUE DEFERRALS ASSET]"/>
        <member name="[CB - Account].[Account CB - Description].&amp;[0174044 - CY PROPTAX DEFERRALS ASSET]"/>
        <member name="[CB - Account].[Account CB - Description].&amp;[0174045 - PY PROPTAX DEFERRALS ASSET]"/>
        <member name="[CB - Account].[Account CB - Description].&amp;[0174046 - CY INCOME TAX DEFERRASL ASSET]"/>
        <member name="[CB - Account].[Account CB - Description].&amp;[0174047 - PY INCOME TAX DEFERRALS ASSET]"/>
        <member name="[CB - Account].[Account CB - Description].&amp;[0174048 - CY INTEREST DEFERRALS ASSET]"/>
        <member name="[CB - Account].[Account CB - Description].&amp;[0174049 - PY INTEREST DEFERRALS ASSET]"/>
        <member name="[CB - Account].[Account CB - Description].&amp;[0174050 - CY OTHER DEFERRASL ASSET]"/>
        <member name="[CB - Account].[Account CB - Description].&amp;[0174051 - PY OTHER DEFERRAKS ASSET]"/>
        <member name="[CB - Account].[Account CB - Description].&amp;[0174052 - Other Curr Asset Related Pty]"/>
        <member name="[CB - Account].[Account CB - Description].&amp;[0174061 - Relocation - NEI]"/>
        <member name="[CB - Account].[Account CB - Description].&amp;[0174100 - Other Current Assets]"/>
        <member name="[CB - Account].[Account CB - Description].&amp;[0174103 - Current Net Invest in Lease]"/>
        <member name="[CB - Account].[Account CB - Description].&amp;[0174105 - Deferred ST MTM Assets]"/>
        <member name="[CB - Account].[Account CB - Description].&amp;[0174110 - CURR ASSET HFS OTHER]"/>
        <member name="[CB - Account].[Account CB - Description].&amp;[0174120 - Current TN Incentive Plan]"/>
        <member name="[CB - Account].[Account CB - Description].&amp;[0174160 - Current Assets of VIEs]"/>
        <member name="[CB - Account].[Account CB - Description].&amp;[0174200 - Intercompany Imbalance - Rec]"/>
        <member name="[CB - Account].[Account CB - Description].&amp;[0174273 - Gas Stored Current]"/>
        <member name="[CB - Account].[Account CB - Description].&amp;[0174355 - Current Other Reg Asset - CAIR]"/>
        <member name="[CB - Account].[Account CB - Description].&amp;[0175003 - IC Deriv Assets-Non-CF-S-T]"/>
        <member name="[CB - Account].[Account CB - Description].&amp;[0175004 - IC Deriv Assets-Non-CF-L-T]"/>
        <member name="[CB - Account].[Account CB - Description].&amp;[0175005 - ERM-Option Prem-Pwr-Current]"/>
        <member name="[CB - Account].[Account CB - Description].&amp;[0175006 - FV Hedge - Noncash - Current]"/>
        <member name="[CB - Account].[Account CB - Description].&amp;[0175007 - FV Hedge -Noncash -Non-Current]"/>
        <member name="[CB - Account].[Account CB - Description].&amp;[0175010 - NDTF Derivative Options]"/>
        <member name="[CB - Account].[Account CB - Description].&amp;[0175110 - CURR ASSET HFS UNR GAIN]"/>
        <member name="[CB - Account].[Account CB - Description].&amp;[0175401 - EA Risk Mgmt Asset -Noncurrent]"/>
        <member name="[CB - Account].[Account CB - Description].&amp;[0176001 - 3RD PTY DERIV ASSET CURRENT]"/>
        <member name="[CB - Account].[Account CB - Description].&amp;[0176002 - 3RD PTY DERIV ASSET LONG TERM]"/>
        <member name="[CB - Account].[Account CB - Description].&amp;[0176003 - Accrued Interest Recv - Swaps]"/>
        <member name="[CB - Account].[Account CB - Description].&amp;[0176004 - 3rd Party Deriv Int Receivebl]"/>
        <member name="[CB - Account].[Account CB - Description].&amp;[0176897 - 3rd Party Deriv Asset Cur VIE]"/>
        <member name="[CB - Account].[Account CB - Description].&amp;[0176898 - 3rd Party Deriv Asset LT VIE]"/>
        <member name="[CB - Account].[Account CB - Description].&amp;[0181000 - Unamrt Dde-8% 2002]"/>
        <member name="[CB - Account].[Account CB - Description].&amp;[0181001 - Unamrt Dde-100Mm Med]"/>
        <member name="[CB - Account].[Account CB - Description].&amp;[0181002 - Unamrt Dde-8.25% 2004]"/>
        <member name="[CB - Account].[Account CB - Description].&amp;[0181003 - Unamrt Dde-9.13% 2003]"/>
        <member name="[CB - Account].[Account CB - Description].&amp;[0181004 - Unamrt Dde-Pec Tax Exempt Bond]"/>
        <member name="[CB - Account].[Account CB - Description].&amp;[0181005 - Unamrt Dde-8.625%]"/>
        <member name="[CB - Account].[Account CB - Description].&amp;[0181006 - Unamrt Dde-9.9%]"/>
        <member name="[CB - Account].[Account CB - Description].&amp;[0181007 - Unamrt Dde-7%]"/>
        <member name="[CB - Account].[Account CB - Description].&amp;[0181008 - Unamrt Dde-7.25%]"/>
        <member name="[CB - Account].[Account CB - Description].&amp;[0181009 - Unamrt Dde-7.38% Due 09/2003]"/>
        <member name="[CB - Account].[Account CB - Description].&amp;[0181010 - $300m Var DERF Due 9/2005]"/>
        <member name="[CB - Account].[Account CB - Description].&amp;[0181011 - Unamrt DDE-Bond Indenture]"/>
        <member name="[CB - Account].[Account CB - Description].&amp;[0181012 - Unamrt DDE-Credit Agreement]"/>
        <member name="[CB - Account].[Account CB - Description].&amp;[0181013 - Unamrt Dde-5.69% 2012]"/>
        <member name="[CB - Account].[Account CB - Description].&amp;[0181014 - Unamrt Dde-5.71% 2012]"/>
        <member name="[CB - Account].[Account CB - Description].&amp;[0181015 - Unamrt-Dde-5.25% 2007]"/>
        <member name="[CB - Account].[Account CB - Description].&amp;[0181016 - $500M 7.00% FMB due 11/15/2018]"/>
        <member name="[CB - Account].[Account CB - Description].&amp;[0181017 - Unamrt DDE-8.25% due 2005]"/>
        <member name="[CB - Account].[Account CB - Description].&amp;[0181018 - DEF 650M 2.40% 12/15/2031]"/>
        <member name="[CB - Account].[Account CB - Description].&amp;[0181019 - DEF 500M 3.00% 12/15/2051]"/>
        <member name="[CB - Account].[Account CB - Description].&amp;[0181020 - $250m SR FLOATING 12/8/2005]"/>
        <member name="[CB - Account].[Account CB - Description].&amp;[0181022 - Unamrt Dde-7.30%2010]"/>
        <member name="[CB - Account].[Account CB - Description].&amp;[0181023 - Unamort Prem Bonds Pay - 2003]"/>
        <member name="[CB - Account].[Account CB - Description].&amp;[0181024 - Bond 6.75% 2/15/2032]"/>
        <member name="[CB - Account].[Account CB - Description].&amp;[0181025 - Bond 6.25% 2/15/2013]"/>
        <member name="[CB - Account].[Account CB - Description].&amp;[0181026 - Global 7.5% 10/1/2009]"/>
        <member name="[CB - Account].[Account CB - Description].&amp;[0181027 - Global 7.25% 10/1/2004]"/>
        <member name="[CB - Account].[Account CB - Description].&amp;[0181028 - Global 8% 10/1/2019]"/>
        <member name="[CB - Account].[Account CB - Description].&amp;[0181029 - Notes 4.302% 3/1/2009]"/>
        <member name="[CB - Account].[Account CB - Description].&amp;[0181030 - Maxes Due 12/03/12]"/>
        <member name="[CB - Account].[Account CB - Description].&amp;[0181031 - Notes 5.5% 3/1/2004]"/>
        <member name="[CB - Account].[Account CB - Description].&amp;[0181032 - Unamrt Dde 5.56% due 2015]"/>
        <member name="[CB - Account].[Account CB - Description].&amp;[0181033 - Unamrt Dde 6.19% due 2025]"/>
        <member name="[CB - Account].[Account CB - Description].&amp;[0181034 - Purch Acctg Contra DDE]"/>
        <member name="[CB - Account].[Account CB - Description].&amp;[0181035 - Unamort Debt Exp - Insurance]"/>
        <member name="[CB - Account].[Account CB - Description].&amp;[0181036 - Unamort Debt Expense]"/>
        <member name="[CB - Account].[Account CB - Description].&amp;[0181037 - $300M 5.1% FMB due 4/15/2018]"/>
        <member name="[CB - Account].[Account CB - Description].&amp;[0181038 - $600M 6.05% FMB due 4/15/2038]"/>
        <member name="[CB - Account].[Account CB - Description].&amp;[0181039 - DEFR AR Securitization 225M]"/>
        <member name="[CB - Account].[Account CB - Description].&amp;[0181040 - York Co. Pc Bonds-1990 Series]"/>
        <member name="[CB - Account].[Account CB - Description].&amp;[0181041 - DEC Unamort Debt Storm Funding]"/>
        <member name="[CB - Account].[Account CB - Description].&amp;[0181042 - DEP Unamort Debt Storm Funding]"/>
        <member name="[CB - Account].[Account CB - Description].&amp;[0181043 - DEP 500M 4.15% 12/1/44]"/>
        <member name="[CB - Account].[Account CB - Description].&amp;[0181044 - $650M 2.00% FMB due 8/15/31]"/>
        <member name="[CB - Account].[Account CB - Description].&amp;[0181045 - DEF Long Term Debt Q4]"/>
        <member name="[CB - Account].[Account CB - Description].&amp;[0181046 - DEF DDE 600M 3.80% 7/15/28]"/>
        <member name="[CB - Account].[Account CB - Description].&amp;[0181047 - DEF DDE 400M 4.20%]"/>
        <member name="[CB - Account].[Account CB - Description].&amp;[0181050 - 6 3/8% Series Due 2008]"/>
        <member name="[CB - Account].[Account CB - Description].&amp;[0181051 - DEP 500M 3.25% 8/15/2025]"/>
        <member name="[CB - Account].[Account CB - Description].&amp;[0181052 - DEP 700M 4.20% 8/15/2045]"/>
        <member name="[CB - Account].[Account CB - Description].&amp;[0181053 - DEP DDE 450M 3.70% 10/15/46]"/>
        <member name="[CB - Account].[Account CB - Description].&amp;[0181054 - DEP 300M Floating 9/08/20]"/>
        <member name="[CB - Account].[Account CB - Description].&amp;[0181055 - $500M 3.90% FMB due 6/15/21]"/>
        <member name="[CB - Account].[Account CB - Description].&amp;[0181057 - VIE Unamortized Debt Exp-CLTD]"/>
        <member name="[CB - Account].[Account CB - Description].&amp;[0181058 - DEP DDE 500M 3.60%  9/15/47]"/>
        <member name="[CB - Account].[Account CB - Description].&amp;[0181059 - DEP 300M 3.375% 9/1/2023]"/>
        <member name="[CB - Account].[Account CB - Description].&amp;[0181060 - 7.5% Series B Due 2025]"/>
        <member name="[CB - Account].[Account CB - Description].&amp;[0181061 - $450M 2.90% FMB due 8/15/51]"/>
        <member name="[CB - Account].[Account CB - Description].&amp;[0181062 - $650M 4% FMB due 09/30/2042]"/>
        <member name="[CB - Account].[Account CB - Description].&amp;[0181063 - Unamrt Dde (Interest/Due Date)]"/>
        <member name="[CB - Account].[Account CB - Description].&amp;[0181064 - Unamrt Dde (Interest/Due Date)]"/>
        <member name="[CB - Account].[Account CB - Description].&amp;[0181065 - DEP 500M 3.70% 09/1/2028]"/>
        <member name="[CB - Account].[Account CB - Description].&amp;[0181070 - Inactive]"/>
        <member name="[CB - Account].[Account CB - Description].&amp;[0181072 - DDE DEI 50M 4 95 2009C 10/1/40]"/>
        <member name="[CB - Account].[Account CB - Description].&amp;[0181073 - DEP DDE $200M 3.30% Series 202]"/>
        <member name="[CB - Account].[Account CB - Description].&amp;[0181074 - DEPDDE$210M 3.70% Series2022A2]"/>
        <member name="[CB - Account].[Account CB - Description].&amp;[0181075 - DEP 400M 4.375% 3/30/2044]"/>
        <member name="[CB - Account].[Account CB - Description].&amp;[0181076 - DEP 250M Floating 3/6/2017]"/>
        <member name="[CB - Account].[Account CB - Description].&amp;[0181078 - Term Loan - Fall 2023]"/>
        <member name="[CB - Account].[Account CB - Description].&amp;[0181079 - DEP DDE $41.7M 4.00% Series 20]"/>
        <member name="[CB - Account].[Account CB - Description].&amp;[0181080 - Mort Bonds 7% Due 2000]"/>
        <member name="[CB - Account].[Account CB - Description].&amp;[0181081 - Un Dde-500M 2.85% FMB 3/1/2032]"/>
        <member name="[CB - Account].[Account CB - Description].&amp;[0181082 - Un Dde-$650M 3.55%FMB 3/1/2052]"/>
        <member name="[CB - Account].[Account CB - Description].&amp;[0181083 - $500M 3.40% FMB due 4/1/32]"/>
        <member name="[CB - Account].[Account CB - Description].&amp;[0181084 - $400M 4.00% FMB due 4/1/52]"/>
        <member name="[CB - Account].[Account CB - Description].&amp;[0181085 - DEF 500M 5.95% 11/15/2052]"/>
        <member name="[CB - Account].[Account CB - Description].&amp;[0181089 - 2020 DEFUnamt disc - FMB]"/>
        <member name="[CB - Account].[Account CB - Description].&amp;[0181090 - 7.375% Sr Unsecur Nts due 3/10]"/>
        <member name="[CB - Account].[Account CB - Description].&amp;[0181091 - DEF 600M DDE 3.4% 10/1/46]"/>
        <member name="[CB - Account].[Account CB - Description].&amp;[0181092 - DEF 650M 3.20% 1/15/27]"/>
        <member name="[CB - Account].[Account CB - Description].&amp;[0181093 - DEF DDE 650M 3.20% 1/15/27]"/>
        <member name="[CB - Account].[Account CB - Description].&amp;[0181094 - $550M 3.7% FMB due 12/1/2047]"/>
        <member name="[CB - Account].[Account CB - Description].&amp;[0181095 - DEF DDE 400M 2.1% 12/15/19]"/>
        <member name="[CB - Account].[Account CB - Description].&amp;[0181096 - $500M 3.05% FMB due 3/15/2023]"/>
        <member name="[CB - Account].[Account CB - Description].&amp;[0181097 - $500M 3.95% FMB due 3/15/2048]"/>
        <member name="[CB - Account].[Account CB - Description].&amp;[0181098 - 2019 DEFUnamt disc - fixed rat]"/>
        <member name="[CB - Account].[Account CB - Description].&amp;[0181099 - DEF Unamt discount - Float rat]"/>
        <member name="[CB - Account].[Account CB - Description].&amp;[0181100 - Unamor Debt Expense-Clearing]"/>
        <member name="[CB - Account].[Account CB - Description].&amp;[0181101 - DEF 800M FLOAT 4/21/2024]"/>
        <member name="[CB - Account].[Account CB - Description].&amp;[0181110 - Floating Senior due 1-15-2005]"/>
        <member name="[CB - Account].[Account CB - Description].&amp;[0181120 - Gaston Co 1999 Ser due 10/1/12]"/>
        <member name="[CB - Account].[Account CB - Description].&amp;[0181130 - $200M Ret Notes 6.6%-12/31/38]"/>
        <member name="[CB - Account].[Account CB - Description].&amp;[0181140 - Core Bond 11/30/07 4.611%]"/>
        <member name="[CB - Account].[Account CB - Description].&amp;[0181150 - $300M 6.0% Sr Nte due 12/1/28]"/>
        <member name="[CB - Account].[Account CB - Description].&amp;[0181153 - DEK 3.7% 5-YearPut Due 2027]"/>
        <member name="[CB - Account].[Account CB - Description].&amp;[0181170 - Unamort Exp TruPS$250M Due2039]"/>
        <member name="[CB - Account].[Account CB - Description].&amp;[0181180 - 6.25% Senior due 1-15-2012]"/>
        <member name="[CB - Account].[Account CB - Description].&amp;[0181181 - $400M 5.75% FMB due 11/15/2013]"/>
        <member name="[CB - Account].[Account CB - Description].&amp;[0181190 - Inactive]"/>
        <member name="[CB - Account].[Account CB - Description].&amp;[0181200 - Inactive]"/>
        <member name="[CB - Account].[Account CB - Description].&amp;[0181210 - $500M FMB 3.75% DUE 3-5-08]"/>
        <member name="[CB - Account].[Account CB - Description].&amp;[0181220 - Inactive]"/>
        <member name="[CB - Account].[Account CB - Description].&amp;[0181230 - $200M FMB 4.5% DUE 4-1-2010]"/>
        <member name="[CB - Account].[Account CB - Description].&amp;[0181240 - Sr Unsecured Bds due 10/15/32]"/>
        <member name="[CB - Account].[Account CB - Description].&amp;[0181250 - 7% Fst/Ref Mort Bonds Due 7/33]"/>
        <member name="[CB - Account].[Account CB - Description].&amp;[0181260 - $300M SR NT 4.2% 10/1/08]"/>
        <member name="[CB - Account].[Account CB - Description].&amp;[0181270 - $500M FMB 5.3% 10/1/2015]"/>
        <member name="[CB - Account].[Account CB - Description].&amp;[0181280 - $770M Sr Conv Bonds Due5-15-23]"/>
        <member name="[CB - Account].[Account CB - Description].&amp;[0181281 - $500M 2.45% FMB due 2/1/30]"/>
        <member name="[CB - Account].[Account CB - Description].&amp;[0181282 - $550M 2.55% FMB due 4/15/31]"/>
        <member name="[CB - Account].[Account CB - Description].&amp;[0181283 - $450M 3.45% FMB due 4/15/51]"/>
        <member name="[CB - Account].[Account CB - Description].&amp;[0181284 - $650M 4.25% FMB due 12/15/41]"/>
        <member name="[CB - Account].[Account CB - Description].&amp;[0181285 - $750M 5.3% FMB due 2/15/2040]"/>
        <member name="[CB - Account].[Account CB - Description].&amp;[0181286 - $450M 4.3% FMB due 6/15/2020]"/>
        <member name="[CB - Account].[Account CB - Description].&amp;[0181287 - $350M 3.35% FMB due 5/15/22]"/>
        <member name="[CB - Account].[Account CB - Description].&amp;[0181288 - $650M 3.95% FMB due 11/15/28]"/>
        <member name="[CB - Account].[Account CB - Description].&amp;[0181289 - $450M 2.45% FMB due 8/15/29]"/>
        <member name="[CB - Account].[Account CB - Description].&amp;[0181290 - 8.27% Medium Term Notes Due]"/>
        <member name="[CB - Account].[Account CB - Description].&amp;[0181291 - $750M 3.20% FMB due 8/15/49]"/>
        <member name="[CB - Account].[Account CB - Description].&amp;[0181300 - 5.8% Oconee Pc Due 2014]"/>
        <member name="[CB - Account].[Account CB - Description].&amp;[0181320 - Inactive]"/>
        <member name="[CB - Account].[Account CB - Description].&amp;[0181330 - 6.125% Mtn Bonds Due 7/2003]"/>
        <member name="[CB - Account].[Account CB - Description].&amp;[0181335 - UnamDebtExp 100M 4 65 DEK Debs]"/>
        <member name="[CB - Account].[Account CB - Description].&amp;[0181340 - Oconee Co 1999 SerA due 2/1/17]"/>
        <member name="[CB - Account].[Account CB - Description].&amp;[0181350 - $250M Retail Bonds Due 4/1/22]"/>
        <member name="[CB - Account].[Account CB - Description].&amp;[0181360 - 12/95]"/>
        <member name="[CB - Account].[Account CB - Description].&amp;[0181370 - Sen Unsecured Notes 11/30/12]"/>
        <member name="[CB - Account].[Account CB - Description].&amp;[0181380 - 8.95% Grnsbor Transit Due 2027]"/>
        <member name="[CB - Account].[Account CB - Description].&amp;[0181390 - Oconee Co 1999 SerB due 2/1/17]"/>
        <member name="[CB - Account].[Account CB - Description].&amp;[0181410 - 8.00% Series Due 2004]"/>
        <member name="[CB - Account].[Account CB - Description].&amp;[0181420 - 8.625 Series Due 2022]"/>
        <member name="[CB - Account].[Account CB - Description].&amp;[0181460 - PNG DDE 100M 6.0% MTN 12/19/33]"/>
        <member name="[CB - Account].[Account CB - Description].&amp;[0181461 - PNG DDE 55M 7.4% MTN 10/3/25]"/>
        <member name="[CB - Account].[Account CB - Description].&amp;[0181462 - PNG DDE 60M 7.95% MTN 9/14/29]"/>
        <member name="[CB - Account].[Account CB - Description].&amp;[0181463 - PNG 250M 4.10% SR NT 9/18/34]"/>
        <member name="[CB - Account].[Account CB - Description].&amp;[0181464 - PNG DDE 40M 7.5% MTN 10/9/26]"/>
        <member name="[CB - Account].[Account CB - Description].&amp;[0181466 - PNG DDE 45M 6.87% MTN 10/6/23]"/>
        <member name="[CB - Account].[Account CB - Description].&amp;[0181467 - PNG DDE 40M 8.45% MTN 9/19/24]"/>
        <member name="[CB - Account].[Account CB - Description].&amp;[0181468 - PNG 100M 3.47% SR NT 7/16/27]"/>
        <member name="[CB - Account].[Account CB - Description].&amp;[0181469 - PNG 160M 4.24% SR NT 6/6/21]"/>
        <member name="[CB - Account].[Account CB - Description].&amp;[0181470 - PNG 200M 3.57% SR NT 7/16/27]"/>
        <member name="[CB - Account].[Account CB - Description].&amp;[0181471 - PNG 300M 4.65% SR NT 8/1/43]"/>
        <member name="[CB - Account].[Account CB - Description].&amp;[0181472 - PNG 150M 3.60% SR NT 9/1/25]"/>
        <member name="[CB - Account].[Account CB - Description].&amp;[0181473 - PNG DDE 40M 2.92% SR NT 6/16]"/>
        <member name="[CB - Account].[Account CB - Description].&amp;[0181474 - PNG 300M 3.64% SR NT 11/1/46]"/>
        <member name="[CB - Account].[Account CB - Description].&amp;[0181475 - PNG 2017 Term Loan DDE]"/>
        <member name="[CB - Account].[Account CB - Description].&amp;[0181476 - PNG 2018 Financing DDE]"/>
        <member name="[CB - Account].[Account CB - Description].&amp;[0181477 - PNG DDE 600M 3.5% SR NT 6/1/29]"/>
        <member name="[CB - Account].[Account CB - Description].&amp;[0181478 - PNG 400M 3.35% SR NT 6/1/50]"/>
        <member name="[CB - Account].[Account CB - Description].&amp;[0181479 - PNG 350M 2.50% SR NT 3/15/31]"/>
        <member name="[CB - Account].[Account CB - Description].&amp;[0181480 - PNG 400M 5.05% SR NT 5/15/52]"/>
        <member name="[CB - Account].[Account CB - Description].&amp;[0181501 - PGN DDE  1.25B 7.10% 2011]"/>
        <member name="[CB - Account].[Account CB - Description].&amp;[0181502 - PGN DDE 650M 7.75% 1/1/31]"/>
        <member name="[CB - Account].[Account CB - Description].&amp;[0181503 - PGN DDE 400M 7% 10/30/31]"/>
        <member name="[CB - Account].[Account CB - Description].&amp;[0181504 - PGN DDE 450M 3.15% 4/1/22]"/>
        <member name="[CB - Account].[Account CB - Description].&amp;[0181506 - PGN DDE 300M 5.625% 1/15/16]"/>
        <member name="[CB - Account].[Account CB - Description].&amp;[0181507 - PGN DDE 300M 6.05% 3/15/14]"/>
        <member name="[CB - Account].[Account CB - Description].&amp;[0181508 - PGN DDE 450M  7.05% 3/15/19]"/>
        <member name="[CB - Account].[Account CB - Description].&amp;[0181509 - PGN DDE 350M 4.875% 12/1/19]"/>
        <member name="[CB - Account].[Account CB - Description].&amp;[0181510 - 8 3/4% Series Due 2021]"/>
        <member name="[CB - Account].[Account CB - Description].&amp;[0181511 - DEF DDE 150M 6.75% 2/1/28]"/>
        <member name="[CB - Account].[Account CB - Description].&amp;[0181512 - PEC DDE 500M 6.5% NOTES]"/>
        <member name="[CB - Account].[Account CB - Description].&amp;[0181513 - PGN DDE 500M 4.4% 1/15/21]"/>
        <member name="[CB - Account].[Account CB - Description].&amp;[0181514 - PGN DDE 600M 6.0% 12/1/39]"/>
        <member name="[CB - Account].[Account CB - Description].&amp;[0181520 - Medium Term Notes]"/>
        <member name="[CB - Account].[Account CB - Description].&amp;[0181531 - DEF DDE PCB 108.55M 2002A]"/>
        <member name="[CB - Account].[Account CB - Description].&amp;[0181532 - DEF DDE PCB 100.115M 2002B]"/>
        <member name="[CB - Account].[Account CB - Description].&amp;[0181533 - DEF DDE PCB 32.2M 2002C]"/>
        <member name="[CB - Account].[Account CB - Description].&amp;[0181534 - DEF DDE 425M 4.8% 3/1/13]"/>
        <member name="[CB - Account].[Account CB - Description].&amp;[0181535 - DEF DDE 225M 5.9% 3/1/33]"/>
        <member name="[CB - Account].[Account CB - Description].&amp;[0181536 - DEF DDE 300M 5.1% 12/1/15]"/>
        <member name="[CB - Account].[Account CB - Description].&amp;[0181537 - DEF DDE 500M 6.35% 9/15/37]"/>
        <member name="[CB - Account].[Account CB - Description].&amp;[0181538 - DEF DDE 250M 5.80% 9/15/17]"/>
        <member name="[CB - Account].[Account CB - Description].&amp;[0181539 - DEF DDE 500M 5.65% 6/15/18]"/>
        <member name="[CB - Account].[Account CB - Description].&amp;[0181540 - Unamortized Debt Exp-Pollution]"/>
        <member name="[CB - Account].[Account CB - Description].&amp;[0181541 - DEF DDE 250M 4.55% 4/1/20]"/>
        <member name="[CB - Account].[Account CB - Description].&amp;[0181542 - DEF DDE 350M 5.65% 4/1/40]"/>
        <member name="[CB - Account].[Account CB - Description].&amp;[0181543 - DEP DDE 300M 5.15% 2015]"/>
        <member name="[CB - Account].[Account CB - Description].&amp;[0181544 - DEP DDE 200M 5.70% 2035]"/>
        <member name="[CB - Account].[Account CB - Description].&amp;[0181545 - DEP DDE 400M 5.25% 2015]"/>
        <member name="[CB - Account].[Account CB - Description].&amp;[0181546 - DEP DDE 325M 6.30% 2038]"/>
        <member name="[CB - Account].[Account CB - Description].&amp;[0181547 - DEP DDE 600M 5.30% 2019]"/>
        <member name="[CB - Account].[Account CB - Description].&amp;[0181548 - DEP DDE  400M 5.125% 2013]"/>
        <member name="[CB - Account].[Account CB - Description].&amp;[0181549 - DEP DDE  200M 6.125% 2033]"/>
        <member name="[CB - Account].[Account CB - Description].&amp;[0181551 - DEP DDE PCB 72.6M WAKE  94A]"/>
        <member name="[CB - Account].[Account CB - Description].&amp;[0181552 - DEP DDE PCB 50M WAKE  94B]"/>
        <member name="[CB - Account].[Account CB - Description].&amp;[0181553 - DEP DDE PCBFMB 67.3M WAKE 00A]"/>
        <member name="[CB - Account].[Account CB - Description].&amp;[0181554 - DEP DDE PCBFMB 55.64M PERS 00A]"/>
        <member name="[CB - Account].[Account CB - Description].&amp;[0181555 - DEP DDE PCBFMB 50M WAKE 2000B]"/>
        <member name="[CB - Account].[Account CB - Description].&amp;[0181556 - DEP DDE WAKE 2000C]"/>
        <member name="[CB - Account].[Account CB - Description].&amp;[0181557 - DEP DDE PCBFMB 41.7M WAKE 00D]"/>
        <member name="[CB - Account].[Account CB - Description].&amp;[0181558 - DEP DDE PCBFMB 50M WAKE 2000E]"/>
        <member name="[CB - Account].[Account CB - Description].&amp;[0181559 - DEP DDE PCBFMB 50M WAKE 2000F]"/>
        <member name="[CB - Account].[Account CB - Description].&amp;[0181560 - Inactive]"/>
        <member name="[CB - Account].[Account CB - Description].&amp;[0181561 - DEP DDE PCBFMB 87.4M WAKE 00G]"/>
        <member name="[CB - Account].[Account CB - Description].&amp;[0181562 - DEP DDE PERSON 2000B]"/>
        <member name="[CB - Account].[Account CB - Description].&amp;[0181563 - DEP DDE 48.485M WAKE 2002]"/>
        <member name="[CB - Account].[Account CB - Description].&amp;[0181564 - DEF DDE 300M 3.10% 08/15/2021]"/>
        <member name="[CB - Account].[Account CB - Description].&amp;[0181565 - DEF DDE 1B 6.40% 06/15/38]"/>
        <member name="[CB - Account].[Account CB - Description].&amp;[0181566 - DEP DDE 100M 8 5/8% 9/15/21]"/>
        <member name="[CB - Account].[Account CB - Description].&amp;[0181567 - DEP 500M 3.00% 9/15/21]"/>
        <member name="[CB - Account].[Account CB - Description].&amp;[0181568 - DEP 500M 2.80% 5/15/22]"/>
        <member name="[CB - Account].[Account CB - Description].&amp;[0181569 - DEF DDE 400M 3.85% 11/15/42]"/>
        <member name="[CB - Account].[Account CB - Description].&amp;[0181570 - Pollution Control Due 2017]"/>
        <member name="[CB - Account].[Account CB - Description].&amp;[0181571 - DEF DDE 250M .65% 11/15/15]"/>
        <member name="[CB - Account].[Account CB - Description].&amp;[0181572 - DEP DDE 500M 4.10% 5/15/42]"/>
        <member name="[CB - Account].[Account CB - Description].&amp;[0181573 - DEP DDE 500M 4.10% 3/15/43]"/>
        <member name="[CB - Account].[Account CB - Description].&amp;[0181574 - DEP DDE 48M Wake2002Refn2013]"/>
        <member name="[CB - Account].[Account CB - Description].&amp;[0181575 - FMB issuing 2013 - Debt Exp]"/>
        <member name="[CB - Account].[Account CB - Description].&amp;[0181576 - FMB issuing 2013-Debt Exp Vari]"/>
        <member name="[CB - Account].[Account CB - Description].&amp;[0181577 - FMB issuing 2013 - Debt Exp]"/>
        <member name="[CB - Account].[Account CB - Description].&amp;[0181578 - FMB issuing 2013-Debt Exp Vari]"/>
        <member name="[CB - Account].[Account CB - Description].&amp;[0181579 - FMB issuing May 2016 Debt Exp]"/>
        <member name="[CB - Account].[Account CB - Description].&amp;[0181580 - DEO DDE 250M FMB 3.70% 6/15/46]"/>
        <member name="[CB - Account].[Account CB - Description].&amp;[0181581 - DEP 700M Trm Loan-Fltg12/31/20]"/>
        <member name="[CB - Account].[Account CB - Description].&amp;[0181582 - DEO Fixed Rate FMB]"/>
        <member name="[CB - Account].[Account CB - Description].&amp;[0181583 - DE OH Fixed rate FMB]"/>
        <member name="[CB - Account].[Account CB - Description].&amp;[0181584 - DEP 600M 3.45% 3/15/2029]"/>
        <member name="[CB - Account].[Account CB - Description].&amp;[0181585 - FMB Issuing Sep 2019 $500M 30Y]"/>
        <member name="[CB - Account].[Account CB - Description].&amp;[0181586 - FMB issuing MAR 2020]"/>
        <member name="[CB - Account].[Account CB - Description].&amp;[0181587 - DEO Unamort Debt Exp 20]"/>
        <member name="[CB - Account].[Account CB - Description].&amp;[0181588 - DEP 600M 2.5% 8/15/50]"/>
        <member name="[CB - Account].[Account CB - Description].&amp;[0181589 - DExp DEP 700M Floater 2/18/22]"/>
        <member name="[CB - Account].[Account CB - Description].&amp;[0181590 - Inactive]"/>
        <member name="[CB - Account].[Account CB - Description].&amp;[0181600 - 6.875% 1St Mortg Bonds - 8/23]"/>
        <member name="[CB - Account].[Account CB - Description].&amp;[0181610 - PC Bonds 2006 A 10-1-2031]"/>
        <member name="[CB - Account].[Account CB - Description].&amp;[0181620 - PC Bonds 2006 B 10-1-2031]"/>
        <member name="[CB - Account].[Account CB - Description].&amp;[0181650 - Unamort Fees-2004 Revolver]"/>
        <member name="[CB - Account].[Account CB - Description].&amp;[0181680 - Oconee PC Var Due 2/1/2017]"/>
        <member name="[CB - Account].[Account CB - Description].&amp;[0181685 - Oconee PC Bonds 3.6% 2/1/2017]"/>
        <member name="[CB - Account].[Account CB - Description].&amp;[0181710 - Unamort. Debt - MMutual - NPL]"/>
        <member name="[CB - Account].[Account CB - Description].&amp;[0181720 - Unamort. Debt TIAA - NPL]"/>
        <member name="[CB - Account].[Account CB - Description].&amp;[0181730 - Unamort. Debt - NY Life - NPL]"/>
        <member name="[CB - Account].[Account CB - Description].&amp;[0181731 - Unamort Debt-Capitalized Costs]"/>
        <member name="[CB - Account].[Account CB - Description].&amp;[0181800 - DDE-BondsCG&amp;EB 5 45SerB 1 1 24]"/>
        <member name="[CB - Account].[Account CB - Description].&amp;[0181801 - $500M 6.1% Sr Nte due 6/1/37-A]"/>
        <member name="[CB - Account].[Account CB - Description].&amp;[0181802 - $400M 5.25% FMB due 1/15/18]"/>
        <member name="[CB - Account].[Account CB - Description].&amp;[0181803 - $500M 6.0% FMB due 1/15/38]"/>
        <member name="[CB - Account].[Account CB - Description].&amp;[0181804 - PC Bonds 2008A  11/1/2040]"/>
        <member name="[CB - Account].[Account CB - Description].&amp;[0181805 - PC Bonds 2008B 11/1/2040]"/>
        <member name="[CB - Account].[Account CB - Description].&amp;[0181806 - DDE-42MCG&amp;E OAQDSer2002A9/1/37]"/>
        <member name="[CB - Account].[Account CB - Description].&amp;[0181807 - DDE-42MCG&amp;E OAQDSer2002B9/1/37]"/>
        <member name="[CB - Account].[Account CB - Description].&amp;[0181808 - DDE-PutBondCG&amp;EOAQD 1995A 9130]"/>
        <member name="[CB - Account].[Account CB - Description].&amp;[0181809 - DDE-PutBondCG&amp;EOAQD1995B9/1/30]"/>
        <member name="[CB - Account].[Account CB - Description].&amp;[0181810 - DDE-BondsCG&amp;E SerA 5 45 1,1,24]"/>
        <member name="[CB - Account].[Account CB - Description].&amp;[0181811 - DDE-6 4 CG&amp;EDebs4/1/08]"/>
        <member name="[CB - Account].[Account CB - Description].&amp;[0181812 - DDE-LiqAsstNote Coup Ex10-1-07]"/>
        <member name="[CB - Account].[Account CB - Description].&amp;[0181813 - DDE-6 5 ULHPDebs4/30/08]"/>
        <member name="[CB - Account].[Account CB - Description].&amp;[0181814 - DDE-7 875 SnrUnsecDebs 9/15/09]"/>
        <member name="[CB - Account].[Account CB - Description].&amp;[0181815 - DDE-JrMaturingPrincipleSec]"/>
        <member name="[CB - Account].[Account CB - Description].&amp;[0181816 - DDE-PCRB - Ser 2000B 4/1/22]"/>
        <member name="[CB - Account].[Account CB - Description].&amp;[0181817 - DDE-55 M Var PCB 2004 A 8/1/39]"/>
        <member name="[CB - Account].[Account CB - Description].&amp;[0181818 - DDE-23M IDFA Ser 2002A 3/1/31]"/>
        <member name="[CB - Account].[Account CB - Description].&amp;[0181819 - DDE-24 6M IDFA Ser2002B 3/1/19]"/>
        <member name="[CB - Account].[Account CB - Description].&amp;[0181820 - DDE-35M IDFA Serie 2003 4/1/22]"/>
        <member name="[CB - Account].[Account CB - Description].&amp;[0181821 - DDE-PCRB - Ser 2000A 5/1/35]"/>
        <member name="[CB - Account].[Account CB - Description].&amp;[0181822 - DDE-PSI FMB Ser BBB 07/15/09]"/>
        <member name="[CB - Account].[Account CB - Description].&amp;[0181823 - DDE-PSI FMB Ser DDD 09/01/32]"/>
        <member name="[CB - Account].[Account CB - Description].&amp;[0181824 - DDE-PSI FMB Ser CCC 01/15/22]"/>
        <member name="[CB - Account].[Account CB - Description].&amp;[0181825 - DDE-Senior Notes 6 52 3/15/09]"/>
        <member name="[CB - Account].[Account CB - Description].&amp;[0181826 - DDE-7 85 PSI Debs 10/15/07]"/>
        <member name="[CB - Account].[Account CB - Description].&amp;[0181827 - DDE-Medium Term Notes - A]"/>
        <member name="[CB - Account].[Account CB - Description].&amp;[0181828 - DDE-40 25MVarRatePCBSerA 12138]"/>
        <member name="[CB - Account].[Account CB - Description].&amp;[0181829 - DDE-40 25MVarRatePCBSerB 12138]"/>
        <member name="[CB - Account].[Account CB - Description].&amp;[0181830 - DDE-Medium Term Notes - B]"/>
        <member name="[CB - Account].[Account CB - Description].&amp;[0181831 - DDE-400M 5 0 PSIDebs 9/15/13]"/>
        <member name="[CB - Account].[Account CB - Description].&amp;[0181832 - DDE-6 20 CGR DebsDue11/3/08]"/>
        <member name="[CB - Account].[Account CB - Description].&amp;[0181833 - DDE-CORP DEB 6 53 12/16/08]"/>
        <member name="[CB - Account].[Account CB - Description].&amp;[0181835 - DDE-PSI PCB 2005A]"/>
        <member name="[CB - Account].[Account CB - Description].&amp;[0181836 - DDE-PSI 350M 10/35]"/>
        <member name="[CB - Account].[Account CB - Description].&amp;[0181837 - DDE-PSI PCB 2005B]"/>
        <member name="[CB - Account].[Account CB - Description].&amp;[0181838 - DDE-PSI PCB 2005C]"/>
        <member name="[CB - Account].[Account CB - Description].&amp;[0181839 - DDE-ULHP 50M 5 75 3/10/16]"/>
        <member name="[CB - Account].[Account CB - Description].&amp;[0181841 - DDE-PSI 325M 6 05 06/15/16]"/>
        <member name="[CB - Account].[Account CB - Description].&amp;[0181842 - DDE-ULHP PCB 06A]"/>
        <member name="[CB - Account].[Account CB - Description].&amp;[0181845 - DDE-5 0 Debs 12/15/14]"/>
        <member name="[CB - Account].[Account CB - Description].&amp;[0181846 - DDE-OAQD 2004 Ser A 11/1/39]"/>
        <member name="[CB - Account].[Account CB - Description].&amp;[0181847 - DDE-OAQD 2004 Ser B 11/1/39]"/>
        <member name="[CB - Account].[Account CB - Description].&amp;[0181848 - DDE-Corp Revolver 2006]"/>
        <member name="[CB - Account].[Account CB - Description].&amp;[0181849 - DDE-IDFA 2004C 77 12512/1/2039]"/>
        <member name="[CB - Account].[Account CB - Description].&amp;[0181850 - DEI FMB Ser UUU $250M 3/15/42]"/>
        <member name="[CB - Account].[Account CB - Description].&amp;[0181851 - DDE-5 375CG&amp;ESer, 2003B6/15/33]"/>
        <member name="[CB - Account].[Account CB - Description].&amp;[0181852 - DDE-5 40CG&amp;E Ser 2003A 6/15/33]"/>
        <member name="[CB - Account].[Account CB - Description].&amp;[0181853 - CLT Metro Debt]"/>
        <member name="[CB - Account].[Account CB - Description].&amp;[0181854 - DDE-500MCG&amp;EDeb5 7Due9/15/12]"/>
        <member name="[CB - Account].[Account CB - Description].&amp;[0181855 - DDE-Debs CG&amp;E 6 906-1-25]"/>
        <member name="[CB - Account].[Account CB - Description].&amp;[0181856 - Unamrt Debt 3.75% due 6/1/2045]"/>
        <member name="[CB - Account].[Account CB - Description].&amp;[0181857 - Unamort Debt 2.5% due 3/15/23]"/>
        <member name="[CB - Account].[Account CB - Description].&amp;[0181858 - Unamrt Debt 3.875% due 3/15/46]"/>
        <member name="[CB - Account].[Account CB - Description].&amp;[0181859 - Unamort Debt 2.95% due 12/1/26]"/>
        <member name="[CB - Account].[Account CB - Description].&amp;[0181860 - DDE DEI 2008 $500M due 8/15/38]"/>
        <member name="[CB - Account].[Account CB - Description].&amp;[0181861 - DDE DEI 2010 $500M DUE 7/2020]"/>
        <member name="[CB - Account].[Account CB - Description].&amp;[0181862 - LOC FEE KY PCB 08A]"/>
        <member name="[CB - Account].[Account CB - Description].&amp;[0181863 - Other Unamortized Debt Fees]"/>
        <member name="[CB - Account].[Account CB - Description].&amp;[0181864 - PCRB - Ser 2000A 5/1/35]"/>
        <member name="[CB - Account].[Account CB - Description].&amp;[0181865 - 23M IDFA Ser 2002A 3/1/31]"/>
        <member name="[CB - Account].[Account CB - Description].&amp;[0181866 - IDFA 2004C 77.25 12/1/39]"/>
        <member name="[CB - Account].[Account CB - Description].&amp;[0181867 - IDFA 2004B 77.25 12/1/39]"/>
        <member name="[CB - Account].[Account CB - Description].&amp;[0181868 - PSI PCB 2005C]"/>
        <member name="[CB - Account].[Account CB - Description].&amp;[0181870 - DDE IDFA 50M 2009A5]"/>
        <member name="[CB - Account].[Account CB - Description].&amp;[0181871 - DDE IDFA 55M 2004A]"/>
        <member name="[CB - Account].[Account CB - Description].&amp;[0181872 - DDE IDFA 77 25M 2009A3]"/>
        <member name="[CB - Account].[Account CB - Description].&amp;[0181873 - DDE IDFA 77 25M 2009A4]"/>
        <member name="[CB - Account].[Account CB - Description].&amp;[0181875 - DDE DEI 450M 6.45% MMM 04/39]"/>
        <member name="[CB - Account].[Account CB - Description].&amp;[0181880 - DDE DEO 450M 5.45% due 2019]"/>
        <member name="[CB - Account].[Account CB - Description].&amp;[0181885 - DEO DDE 250M 2 10 DUE 2013]"/>
        <member name="[CB - Account].[Account CB - Description].&amp;[0181886 - LOC FEE IND PCB 2009A5]"/>
        <member name="[CB - Account].[Account CB - Description].&amp;[0181887 - LOC FEE IND PCB 2009A3]"/>
        <member name="[CB - Account].[Account CB - Description].&amp;[0181888 - LOC FEE IND PCB 2009A4]"/>
        <member name="[CB - Account].[Account CB - Description].&amp;[0181889 - LOC FEE IND PCB 2009A2]"/>
        <member name="[CB - Account].[Account CB - Description].&amp;[0181890 - LOC FEE IND PCB 2009A1]"/>
        <member name="[CB - Account].[Account CB - Description].&amp;[0181897 - VIE - Restrict Deferred Debt E]"/>
        <member name="[CB - Account].[Account CB - Description].&amp;[0181910 - Inactive]"/>
        <member name="[CB - Account].[Account CB - Description].&amp;[0181950 - DDE-PA-BondsCG&amp;EB 5 45SerB1124]"/>
        <member name="[CB - Account].[Account CB - Description].&amp;[0181951 - DDE-PA5 375CG&amp;ESer2003B6/15/33]"/>
        <member name="[CB - Account].[Account CB - Description].&amp;[0181952 - DDE-PA5 40CG&amp;ESer2003A 6/15/33]"/>
        <member name="[CB - Account].[Account CB - Description].&amp;[0181953 - DDE-PA500M CG&amp;EDebent5 7 91512]"/>
        <member name="[CB - Account].[Account CB - Description].&amp;[0181954 - DDE-PA-Debs CG&amp;E 6 90Due6-1-25]"/>
        <member name="[CB - Account].[Account CB - Description].&amp;[0181955 - DDE-PA-BondsCG&amp;ESerA 5 45 1124]"/>
        <member name="[CB - Account].[Account CB - Description].&amp;[0181956 - DDE-PA-6 4 CG&amp;EDebent 04012008]"/>
        <member name="[CB - Account].[Account CB - Description].&amp;[0181957 - DDE-PA-6 20 CGRDebsDue11/03/08]"/>
        <member name="[CB - Account].[Account CB - Description].&amp;[0181958 - DDE-PA-CORP DEB 6 53 12/16/08]"/>
        <member name="[CB - Account].[Account CB - Description].&amp;[0181959 - DDE-IDFA2004B77125Due12/1/2039]"/>
        <member name="[CB - Account].[Account CB - Description].&amp;[0181960 - DDE-LT Debt - Delta Twp Util]"/>
        <member name="[CB - Account].[Account CB - Description].&amp;[0181961 - DDE-PAPrefTrustSec6 9Due2007FP]"/>
        <member name="[CB - Account].[Account CB - Description].&amp;[0181962 - DDE-Corp Revolver 2005]"/>
        <member name="[CB - Account].[Account CB - Description].&amp;[0181963 - DDE-Feline Prides Remkt]"/>
        <member name="[CB - Account].[Account CB - Description].&amp;[0181964 - DDE-DEO 2007A 25 3]"/>
        <member name="[CB - Account].[Account CB - Description].&amp;[0181965 - DDE-DEO 2007A 21 4]"/>
        <member name="[CB - Account].[Account CB - Description].&amp;[0181966 - DDE-DEO OAQD REV 2007A]"/>
        <member name="[CB - Account].[Account CB - Description].&amp;[0181967 - DDE-DEO OAQD REV 2007B]"/>
        <member name="[CB - Account].[Account CB - Description].&amp;[0181968 - DDE-CST GP 25M]"/>
        <member name="[CB - Account].[Account CB - Description].&amp;[0181969 - DDE-Accum Exp rel to 8M LTD]"/>
        <member name="[CB - Account].[Account CB - Description].&amp;[0181970 - DDE-CORP 2004A Revolver]"/>
        <member name="[CB - Account].[Account CB - Description].&amp;[0181971 - DDE-2005 Canadian Revolver]"/>
        <member name="[CB - Account].[Account CB - Description].&amp;[0182000 - PNG Cur Reg Asset - Derivative]"/>
        <member name="[CB - Account].[Account CB - Description].&amp;[0182001 - Mapping Failure Suspense]"/>
        <member name="[CB - Account].[Account CB - Description].&amp;[0182002 - Mapping Monitoring Suspense]"/>
        <member name="[CB - Account].[Account CB - Description].&amp;[0182003 - Suspense-Jnl Lines In Error]"/>
        <member name="[CB - Account].[Account CB - Description].&amp;[0182004 - DanRiver Cliff 6 Def Cost]"/>
        <member name="[CB - Account].[Account CB - Description].&amp;[0182005 - Dan River Cliff 6 Defferal]"/>
        <member name="[CB - Account].[Account CB - Description].&amp;[0182006 - Passport Suspense]"/>
        <member name="[CB - Account].[Account CB - Description].&amp;[0182007 - Current Deferred O&amp;M]"/>
        <member name="[CB - Account].[Account CB - Description].&amp;[0182008 - RATE CASE COST TN CUR]"/>
        <member name="[CB - Account].[Account CB - Description].&amp;[0182009 - ENCNG Accum Int - Deferred O&amp;M]"/>
        <member name="[CB - Account].[Account CB - Description].&amp;[0182010 - Amort of Pipeline Integ Mgmt]"/>
        <member name="[CB - Account].[Account CB - Description].&amp;[0182011 - NC PIM - Transmission]"/>
        <member name="[CB - Account].[Account CB - Description].&amp;[0182012 - Deferred Expenses-TN Flood]"/>
        <member name="[CB - Account].[Account CB - Description].&amp;[0182013 - Unrecovered Costs - Robeson]"/>
        <member name="[CB - Account].[Account CB - Description].&amp;[0182014 - Rate Case Cost TN LT]"/>
        <member name="[CB - Account].[Account CB - Description].&amp;[0182015 - Smartgrid 2021 Rate Case]"/>
        <member name="[CB - Account].[Account CB - Description].&amp;[0182016 - Rate Case Cost SC LT]"/>
        <member name="[CB - Account].[Account CB - Description].&amp;[0182017 - Storm Secur Srvc/Admin - ST]"/>
        <member name="[CB - Account].[Account CB - Description].&amp;[0182018 - Storm Secur Srvc/Admin - LT]"/>
        <member name="[CB - Account].[Account CB - Description].&amp;[0182023 - AMRP 2001 Plast Carry Costs]"/>
        <member name="[CB - Account].[Account CB - Description].&amp;[0182025 - AMRP 2001 Services Carry Costs]"/>
        <member name="[CB - Account].[Account CB - Description].&amp;[0182031 - AMRP 2002 Steel Carry Costs]"/>
        <member name="[CB - Account].[Account CB - Description].&amp;[0182033 - AMRP 2002 Plast Carry Costs]"/>
        <member name="[CB - Account].[Account CB - Description].&amp;[0182035 - AMRP 2002 Services Carry Costs]"/>
        <member name="[CB - Account].[Account CB - Description].&amp;[0182036 - Deferred Gas Riverside Costs]"/>
        <member name="[CB - Account].[Account CB - Description].&amp;[0182040 - SC Long-Term Deferred Fuel]"/>
        <member name="[CB - Account].[Account CB - Description].&amp;[0182041 - AMRP 2003 Steel Carry Costs]"/>
        <member name="[CB - Account].[Account CB - Description].&amp;[0182043 - AMRP 2003 Plastic Carry Costs]"/>
        <member name="[CB - Account].[Account CB - Description].&amp;[0182045 - AMRP 2003 Services Carry Costs]"/>
        <member name="[CB - Account].[Account CB - Description].&amp;[0182051 - AMRP 2004 Steel Carry Costs]"/>
        <member name="[CB - Account].[Account CB - Description].&amp;[0182053 - AMRP 2004 Plastic Carry Costs]"/>
        <member name="[CB - Account].[Account CB - Description].&amp;[0182055 - AMRP 2004 Services Carry Costs]"/>
        <member name="[CB - Account].[Account CB - Description].&amp;[0182061 - AMRP 2005 Steel Carry Costs]"/>
        <member name="[CB - Account].[Account CB - Description].&amp;[0182062 - AMRP 2005 Plastic Carry Costs]"/>
        <member name="[CB - Account].[Account CB - Description].&amp;[0182063 - AMRP 2005 Services Carry Costs]"/>
        <member name="[CB - Account].[Account CB - Description].&amp;[0182071 - AMRP 2006 Steel Carry Costs]"/>
        <member name="[CB - Account].[Account CB - Description].&amp;[0182072 - AMRP 2006 Plastic Carry Costs]"/>
        <member name="[CB - Account].[Account CB - Description].&amp;[0182073 - AMRP 2006 Services Carry Costs]"/>
        <member name="[CB - Account].[Account CB - Description].&amp;[0182081 - AMRP 2007 Steel Carry Costs]"/>
        <member name="[CB - Account].[Account CB - Description].&amp;[0182082 - AMRP 2007 Plastic Carry Costs]"/>
        <member name="[CB - Account].[Account CB - Description].&amp;[0182083 - AMRP 2007 Services Carry Costs]"/>
        <member name="[CB - Account].[Account CB - Description].&amp;[0182091 - AMRP_2008_STEEL_CARRY_COSTS]"/>
        <member name="[CB - Account].[Account CB - Description].&amp;[0182092 - AMRP_2008_PLASTIC_CARRY_COSTS]"/>
        <member name="[CB - Account].[Account CB - Description].&amp;[0182093 - AMRP_2008_SERVICES_CARRY_COSTS]"/>
        <member name="[CB - Account].[Account CB - Description].&amp;[0182094 - AMRP 2008 Risers Carry Costs]"/>
        <member name="[CB - Account].[Account CB - Description].&amp;[0182100 - Extraordinary Property Loss]"/>
        <member name="[CB - Account].[Account CB - Description].&amp;[0182101 - AMRP 2009 Steel Carry Costs]"/>
        <member name="[CB - Account].[Account CB - Description].&amp;[0182102 - AMRP 2009 Plastic Carry Costs]"/>
        <member name="[CB - Account].[Account CB - Description].&amp;[0182103 - AMRP 2009 Service Carry Costs]"/>
        <member name="[CB - Account].[Account CB - Description].&amp;[0182104 - AMRP 2009 Risers Carry Costs]"/>
        <member name="[CB - Account].[Account CB - Description].&amp;[0182110 - Inactive]"/>
        <member name="[CB - Account].[Account CB - Description].&amp;[0182111 - Post In Service Afudc NOx]"/>
        <member name="[CB - Account].[Account CB - Description].&amp;[0182113 - Post In Serv NOx Post 8/03]"/>
        <member name="[CB - Account].[Account CB - Description].&amp;[0182114 - PISCC Phase 1]"/>
        <member name="[CB - Account].[Account CB - Description].&amp;[0182116 - AMRP 2010 Steel Carry Costs]"/>
        <member name="[CB - Account].[Account CB - Description].&amp;[0182117 - AMRP 2010 Plastic Carry Costs]"/>
        <member name="[CB - Account].[Account CB - Description].&amp;[0182118 - AMRP 2010 Service Carry Costs]"/>
        <member name="[CB - Account].[Account CB - Description].&amp;[0182119 - AMRP 2010 Risers Carry Costs]"/>
        <member name="[CB - Account].[Account CB - Description].&amp;[0182120 - AMRP 2011 Steel Carry Costs]"/>
        <member name="[CB - Account].[Account CB - Description].&amp;[0182121 - AMRP 2011 PLASTIC CARRY COSTS]"/>
        <member name="[CB - Account].[Account CB - Description].&amp;[0182122 - AMRP 2011 SERVICE CARRY COSTS]"/>
        <member name="[CB - Account].[Account CB - Description].&amp;[0182123 - AMRP 2011 Risers Carry Costs]"/>
        <member name="[CB - Account].[Account CB - Description].&amp;[0182124 - AMRP 2012 Steel Carry Costs]"/>
        <member name="[CB - Account].[Account CB - Description].&amp;[0182125 - AMRP 2012 Plastic Carry Costs]"/>
        <member name="[CB - Account].[Account CB - Description].&amp;[0182126 - AMRP 2012 Service Carry Costs]"/>
        <member name="[CB - Account].[Account CB - Description].&amp;[0182127 - AMRP 2012 Risers Carry Costs]"/>
        <member name="[CB - Account].[Account CB - Description].&amp;[0182128 - AMRP 2013 Steel Carry Costs]"/>
        <member name="[CB - Account].[Account CB - Description].&amp;[0182129 - AMRP 2013 Plastic Carry Costs]"/>
        <member name="[CB - Account].[Account CB - Description].&amp;[0182130 - AMRP 2013 Serv Carrying Costs]"/>
        <member name="[CB - Account].[Account CB - Description].&amp;[0182131 - AMRP 2013 Riser Carrying Cost]"/>
        <member name="[CB - Account].[Account CB - Description].&amp;[0182135 - McGuire Uprate Deferred Deprec]"/>
        <member name="[CB - Account].[Account CB - Description].&amp;[0182136 - Oconee HELB Deferred Deprec]"/>
        <member name="[CB - Account].[Account CB - Description].&amp;[0182140 - Post In Service Nblsvlle Repwr]"/>
        <member name="[CB - Account].[Account CB - Description].&amp;[0182141 - Post Serv Nblsv Rpr Post 8/03]"/>
        <member name="[CB - Account].[Account CB - Description].&amp;[0182150 - Def Depr Nblsvl Repower]"/>
        <member name="[CB - Account].[Account CB - Description].&amp;[0182151 - Def Depr Nblsvl Rpr Post 8/03]"/>
        <member name="[CB - Account].[Account CB - Description].&amp;[0182161 - EXTRAORDINARY PROP LOSS]"/>
        <member name="[CB - Account].[Account CB - Description].&amp;[0182162 - AMRP 2014 Steel Carry Costs]"/>
        <member name="[CB - Account].[Account CB - Description].&amp;[0182163 - AMRP 2014 Plastic Carry Costs]"/>
        <member name="[CB - Account].[Account CB - Description].&amp;[0182164 - AMRP 2014 Service Carry Costs]"/>
        <member name="[CB - Account].[Account CB - Description].&amp;[0182165 - AMRP 2014 Riser Carry Costs]"/>
        <member name="[CB - Account].[Account CB - Description].&amp;[0182200 - DEFERRED_ASSET_PUR_ACCTG_ADJ]"/>
        <member name="[CB - Account].[Account CB - Description].&amp;[0182201 - Retail Purchased Power]"/>
        <member name="[CB - Account].[Account CB - Description].&amp;[0182202 - Regulatory Asset-Gallagher 1&amp;3]"/>
        <member name="[CB - Account].[Account CB - Description].&amp;[0182203 - Unrecovered Plant]"/>
        <member name="[CB - Account].[Account CB - Description].&amp;[0182204 - BRUNS DESIGN BASIS DEFERRAL]"/>
        <member name="[CB - Account].[Account CB - Description].&amp;[0182205 - BRUNS DESIGN BASIS DEF-AMORT]"/>
        <member name="[CB - Account].[Account CB - Description].&amp;[0182206 - ROB DESIGN BASIS DEFERRAL]"/>
        <member name="[CB - Account].[Account CB - Description].&amp;[0182207 - MAYO 2 AMORTIZATION-WH]"/>
        <member name="[CB - Account].[Account CB - Description].&amp;[0182208 - ROB DESIGN BASIS DEF- AMORT]"/>
        <member name="[CB - Account].[Account CB - Description].&amp;[0182209 - DEF CR3 NCR-Reg Asset Base Rat]"/>
        <member name="[CB - Account].[Account CB - Description].&amp;[0182210 - 2014 Smart Grid Other Def O&amp;M]"/>
        <member name="[CB - Account].[Account CB - Description].&amp;[0182211 - Defer Deprec NOx]"/>
        <member name="[CB - Account].[Account CB - Description].&amp;[0182212 - Lee Fossil - Retail]"/>
        <member name="[CB - Account].[Account CB - Description].&amp;[0182214 - 2004 Rate Stab Plan Debt Ret]"/>
        <member name="[CB - Account].[Account CB - Description].&amp;[0182215 - Cape Fear Fossil - Retail]"/>
        <member name="[CB - Account].[Account CB - Description].&amp;[0182216 - Cape Fear Fossil - Wholesale]"/>
        <member name="[CB - Account].[Account CB - Description].&amp;[0182217 - Robinson Fossil - Retail]"/>
        <member name="[CB - Account].[Account CB - Description].&amp;[0182218 - Cape Fear CT - Retail]"/>
        <member name="[CB - Account].[Account CB - Description].&amp;[0182219 - Cape Fear CT - Wholesale]"/>
        <member name="[CB - Account].[Account CB - Description].&amp;[0182220 - 2014 Smart Grid PISCC]"/>
        <member name="[CB - Account].[Account CB - Description].&amp;[0182221 - Post In Serv MAD/CAD Post 8/03]"/>
        <member name="[CB - Account].[Account CB - Description].&amp;[0182222 - Post In Service MAD/CAD]"/>
        <member name="[CB - Account].[Account CB - Description].&amp;[0182223 - Nuclear COLA - Wholesale]"/>
        <member name="[CB - Account].[Account CB - Description].&amp;[0182224 - Nuclear COLA - Retail]"/>
        <member name="[CB - Account].[Account CB - Description].&amp;[0182225 - 2017 Smart Grid Other Def O&amp;M]"/>
        <member name="[CB - Account].[Account CB - Description].&amp;[0182226 - Nuclear COLA - SC]"/>
        <member name="[CB - Account].[Account CB - Description].&amp;[0182227 - Roxboro WWT NC]"/>
        <member name="[CB - Account].[Account CB - Description].&amp;[0182230 - 2014 Smart Grid Def Depr]"/>
        <member name="[CB - Account].[Account CB - Description].&amp;[0182231 - Def Deprec MAD/CAD Post 8/03]"/>
        <member name="[CB - Account].[Account CB - Description].&amp;[0182232 - Def Deprec MAD/CAD]"/>
        <member name="[CB - Account].[Account CB - Description].&amp;[0182233 - AMRP 2015 Plastic Carry Cost]"/>
        <member name="[CB - Account].[Account CB - Description].&amp;[0182234 - AMRP 2015 Service Carry Cost]"/>
        <member name="[CB - Account].[Account CB - Description].&amp;[0182235 - AMRP 2015 Steel Carry Cost]"/>
        <member name="[CB - Account].[Account CB - Description].&amp;[0182236 - Early Retired Plant]"/>
        <member name="[CB - Account].[Account CB - Description].&amp;[0182238 - Early Retired Plant-SC]"/>
        <member name="[CB - Account].[Account CB - Description].&amp;[0182239 - Roxboro WWT - WS]"/>
        <member name="[CB - Account].[Account CB - Description].&amp;[0182240 - Early Retired Plant Wholesale)]"/>
        <member name="[CB - Account].[Account CB - Description].&amp;[0182241 - Post in Service - DSI system]"/>
        <member name="[CB - Account].[Account CB - Description].&amp;[0182242 - 2015 Smart Grid Other Def O&amp;M]"/>
        <member name="[CB - Account].[Account CB - Description].&amp;[0182244 - DEO Gas CEP - Def Depr 2020]"/>
        <member name="[CB - Account].[Account CB - Description].&amp;[0182245 - Transactions Costs - Wheatland]"/>
        <member name="[CB - Account].[Account CB - Description].&amp;[0182246 - 2016 Smart Grid Other Def O&amp;M]"/>
        <member name="[CB - Account].[Account CB - Description].&amp;[0182247 - 2016 Smart Grid PISCC]"/>
        <member name="[CB - Account].[Account CB - Description].&amp;[0182248 - 2016 Smart Grid Def Depr]"/>
        <member name="[CB - Account].[Account CB - Description].&amp;[0182250 - PSI MISO Cost Adder]"/>
        <member name="[CB - Account].[Account CB - Description].&amp;[0182251 - 2018 Smart Grid Other Def O&amp;M]"/>
        <member name="[CB - Account].[Account CB - Description].&amp;[0182252 - 2015 Smart Grid PISCC]"/>
        <member name="[CB - Account].[Account CB - Description].&amp;[0182253 - 2018 Smart Grid PISCC]"/>
        <member name="[CB - Account].[Account CB - Description].&amp;[0182254 - 2019 Smart Grid PISCC]"/>
        <member name="[CB - Account].[Account CB - Description].&amp;[0182255 - Weatherspoon Fossil - Retail]"/>
        <member name="[CB - Account].[Account CB - Description].&amp;[0182256 - Weatherspoon Fossil-Wholesale]"/>
        <member name="[CB - Account].[Account CB - Description].&amp;[0182257 - 2017 Smart Grid PISCC]"/>
        <member name="[CB - Account].[Account CB - Description].&amp;[0182258 - 2017 Smart Grid Def Depr]"/>
        <member name="[CB - Account].[Account CB - Description].&amp;[0182259 - 2018 Smart Grid Def Depr]"/>
        <member name="[CB - Account].[Account CB - Description].&amp;[0182260 - Def Depr - Wheatland]"/>
        <member name="[CB - Account].[Account CB - Description].&amp;[0182261 - 2019 Smart Grid Other Def O&amp;M]"/>
        <member name="[CB - Account].[Account CB - Description].&amp;[0182262 - 2015 Smart Grid Def Depr]"/>
        <member name="[CB - Account].[Account CB - Description].&amp;[0182263 - Morehead City CT - Retail]"/>
        <member name="[CB - Account].[Account CB - Description].&amp;[0182264 - Morehead City CT - Wholesale]"/>
        <member name="[CB - Account].[Account CB - Description].&amp;[0182265 - Sutton Fossil - Retail]"/>
        <member name="[CB - Account].[Account CB - Description].&amp;[0182266 - Sutton Fossil - Wholesale]"/>
        <member name="[CB - Account].[Account CB - Description].&amp;[0182267 - Robinson Fossil - Wholesale]"/>
        <member name="[CB - Account].[Account CB - Description].&amp;[0182268 - 2018 Smart Grid Def Depr]"/>
        <member name="[CB - Account].[Account CB - Description].&amp;[0182269 - DEO Gas CEP - Def Depr 2018]"/>
        <member name="[CB - Account].[Account CB - Description].&amp;[0182270 - Hydro Loss Recovery - NC]"/>
        <member name="[CB - Account].[Account CB - Description].&amp;[0182271 - DEO Gas CEP - PISCC 2017]"/>
        <member name="[CB - Account].[Account CB - Description].&amp;[0182272 - DEO Gas CEP - PISCC 2018]"/>
        <member name="[CB - Account].[Account CB - Description].&amp;[0182273 - DEO Gas CEP - Prop tax 2018]"/>
        <member name="[CB - Account].[Account CB - Description].&amp;[0182274 - DEO Gas CEP - Def Dept 2019]"/>
        <member name="[CB - Account].[Account CB - Description].&amp;[0182275 - DEO Gas CEP - Def Depr 2021]"/>
        <member name="[CB - Account].[Account CB - Description].&amp;[0182276 - DEO Gas CEP - PISCC 2021]"/>
        <member name="[CB - Account].[Account CB - Description].&amp;[0182277 - DEO Gas CEP - Prop tax 2021]"/>
        <member name="[CB - Account].[Account CB - Description].&amp;[0182278 - DEO Gas CEP - Def Depr 2017]"/>
        <member name="[CB - Account].[Account CB - Description].&amp;[0182279 - DEO Gas CEP - Prop tax 2017]"/>
        <member name="[CB - Account].[Account CB - Description].&amp;[0182280 - Lee CT - Retail]"/>
        <member name="[CB - Account].[Account CB - Description].&amp;[0182282 - DEO Gas CEP - PISCC 2019]"/>
        <member name="[CB - Account].[Account CB - Description].&amp;[0182283 - DEO Gas CEP - Prop tax 2019]"/>
        <member name="[CB - Account].[Account CB - Description].&amp;[0182285 - Lee CT - Wholesale]"/>
        <member name="[CB - Account].[Account CB - Description].&amp;[0182286 - Lee Fossil - Wholesale]"/>
        <member name="[CB - Account].[Account CB - Description].&amp;[0182292 - DEO Gas CEP - PISCC 2020]"/>
        <member name="[CB - Account].[Account CB - Description].&amp;[0182293 - DEO Gas CEP - Prop tax 2020]"/>
        <member name="[CB - Account].[Account CB - Description].&amp;[0182296 - 2020 Smart Grid Other Def O&amp;M]"/>
        <member name="[CB - Account].[Account CB - Description].&amp;[0182297 - 2020 Smart Grid PISCC]"/>
        <member name="[CB - Account].[Account CB - Description].&amp;[0182298 - 2020 Smart Grid Def Depr]"/>
        <member name="[CB - Account].[Account CB - Description].&amp;[0182300 - Pension Deferred Costs]"/>
        <member name="[CB - Account].[Account CB - Description].&amp;[0182301 - Buck Bridge Return Deferral]"/>
        <member name="[CB - Account].[Account CB - Description].&amp;[0182302 - Load Factor Adj Defer - Asset]"/>
        <member name="[CB - Account].[Account CB - Description].&amp;[0182303 - Severance Costs Current NC]"/>
        <member name="[CB - Account].[Account CB - Description].&amp;[0182304 - Storm Reg Asset - Upfront Cost]"/>
        <member name="[CB - Account].[Account CB - Description].&amp;[0182305 - NC NBV Retired Plant]"/>
        <member name="[CB - Account].[Account CB - Description].&amp;[0182306 - OH Dist Decoupling Rider]"/>
        <member name="[CB - Account].[Account CB - Description].&amp;[0182307 - Deferred Levy Contra Equity]"/>
        <member name="[CB - Account].[Account CB - Description].&amp;[0182308 - INTEREST ON TAX DEFICIENCIES]"/>
        <member name="[CB - Account].[Account CB - Description].&amp;[0182309 - Amort Load Management Switches]"/>
        <member name="[CB - Account].[Account CB - Description].&amp;[0182310 - McGuire Uprates Equity Reserve]"/>
        <member name="[CB - Account].[Account CB - Description].&amp;[0182311 - Accrued Environmental Recovery]"/>
        <member name="[CB - Account].[Account CB - Description].&amp;[0182312 - OPEB FAS 106 - Medical]"/>
        <member name="[CB - Account].[Account CB - Description].&amp;[0182313 - Deferred ECRC]"/>
        <member name="[CB - Account].[Account CB - Description].&amp;[0182314 - Buck Bridgewater Deferred Cost]"/>
        <member name="[CB - Account].[Account CB - Description].&amp;[0182316 - Deferred Rate Case Exp - Flori]"/>
        <member name="[CB - Account].[Account CB - Description].&amp;[0182317 - Deferred Depreciation - 2010 R]"/>
        <member name="[CB - Account].[Account CB - Description].&amp;[0182319 - Closed Def Int Hedge-Asset]"/>
        <member name="[CB - Account].[Account CB - Description].&amp;[0182321 - REG ASSET-DERIV MTM OIL]"/>
        <member name="[CB - Account].[Account CB - Description].&amp;[0182322 - ST Closed Def Int Hedge-Asset]"/>
        <member name="[CB - Account].[Account CB - Description].&amp;[0182323 - RATE CASE COST NC CUR]"/>
        <member name="[CB - Account].[Account CB - Description].&amp;[0182324 - Bad Debt To Be Recovered]"/>
        <member name="[CB - Account].[Account CB - Description].&amp;[0182325 - Current Regulatory Asset - VIE]"/>
        <member name="[CB - Account].[Account CB - Description].&amp;[0182326 - Power Future Initiatives]"/>
        <member name="[CB - Account].[Account CB - Description].&amp;[0182327 - Reg Asset - EV Rebate for C&amp;I]"/>
        <member name="[CB - Account].[Account CB - Description].&amp;[0182328 - DEF Retail Final Dism Deferral]"/>
        <member name="[CB - Account].[Account CB - Description].&amp;[0182329 - Reg Asset Section 124 Asset]"/>
        <member name="[CB - Account].[Account CB - Description].&amp;[0182331 - Deferred GPIF - FL Fuel Reg As]"/>
        <member name="[CB - Account].[Account CB - Description].&amp;[0182332 - SC 2014 Ice Storm]"/>
        <member name="[CB - Account].[Account CB - Description].&amp;[0182333 - SFAS158 Reg Asset]"/>
        <member name="[CB - Account].[Account CB - Description].&amp;[0182334 - Pension settlement charges]"/>
        <member name="[CB - Account].[Account CB - Description].&amp;[0182335 - Deferred Levy - NCRC]"/>
        <member name="[CB - Account].[Account CB - Description].&amp;[0182336 - Deferred CR3 DCS Contra Equity]"/>
        <member name="[CB - Account].[Account CB - Description].&amp;[0182337 - 2012 Smart Grid PISCC]"/>
        <member name="[CB - Account].[Account CB - Description].&amp;[0182338 - Storm Cost Regulatory Asset]"/>
        <member name="[CB - Account].[Account CB - Description].&amp;[0182339 - Deferred CR3 - Dep &amp; Prop Tax]"/>
        <member name="[CB - Account].[Account CB - Description].&amp;[0182340 - Sch M: Vac Accrual Reg Asset]"/>
        <member name="[CB - Account].[Account CB - Description].&amp;[0182341 - 2013 Smart Grid Other Def O&amp;M]"/>
        <member name="[CB - Account].[Account CB - Description].&amp;[0182343 - 2013 Smart Grid PISCC]"/>
        <member name="[CB - Account].[Account CB - Description].&amp;[0182344 - 2013 Smart Grid Def Depr]"/>
        <member name="[CB - Account].[Account CB - Description].&amp;[0182345 - MISO MTEP - Regulatory Asset]"/>
        <member name="[CB - Account].[Account CB - Description].&amp;[0182346 - MISO MTEP - Rider Collections]"/>
        <member name="[CB - Account].[Account CB - Description].&amp;[0182347 - Deferred CR3 - Depr &amp; Prop Tax]"/>
        <member name="[CB - Account].[Account CB - Description].&amp;[0182348 - Deferred Levy - 2010 Reg Asset]"/>
        <member name="[CB - Account].[Account CB - Description].&amp;[0182349 - NDT - Nonqual Unreal Losses]"/>
        <member name="[CB - Account].[Account CB - Description].&amp;[0182350 - Storm Reg Asset - ST]"/>
        <member name="[CB - Account].[Account CB - Description].&amp;[0182351 - Storm Reg Asset - LT]"/>
        <member name="[CB - Account].[Account CB - Description].&amp;[0182352 - DEO Gas CEP - Def Depr 2022]"/>
        <member name="[CB - Account].[Account CB - Description].&amp;[0182353 - Deferred CIS O&amp;M Current]"/>
        <member name="[CB - Account].[Account CB - Description].&amp;[0182354 - Accrued SPP Recovery]"/>
        <member name="[CB - Account].[Account CB - Description].&amp;[0182355 - Black &amp; Veatch Reg Asset]"/>
        <member name="[CB - Account].[Account CB - Description].&amp;[0182356 - IGCC Crbn Capture FS Reg Asset]"/>
        <member name="[CB - Account].[Account CB - Description].&amp;[0182357 - DEO Gas CEP - PISCC 2022]"/>
        <member name="[CB - Account].[Account CB - Description].&amp;[0182358 - Smartgrid 2021 Rate Case]"/>
        <member name="[CB - Account].[Account CB - Description].&amp;[0182360 - Storm Contra Equity ST]"/>
        <member name="[CB - Account].[Account CB - Description].&amp;[0182361 - SC Energy Efficiency Reg Asset]"/>
        <member name="[CB - Account].[Account CB - Description].&amp;[0182362 - DEO Gas CEP - Prop tax 2022]"/>
        <member name="[CB - Account].[Account CB - Description].&amp;[0182363 - 2008 SmartGrid PISCC]"/>
        <member name="[CB - Account].[Account CB - Description].&amp;[0182364 - Storm Contra Equity LT]"/>
        <member name="[CB - Account].[Account CB - Description].&amp;[0182365 - Def Depr - Gallagher]"/>
        <member name="[CB - Account].[Account CB - Description].&amp;[0182367 - DEO SSO Auction Deferral ST]"/>
        <member name="[CB - Account].[Account CB - Description].&amp;[0182368 - 2009 SmartGrid PISCC]"/>
        <member name="[CB - Account].[Account CB - Description].&amp;[0182369 - 2009 SmartGrid Def Depr]"/>
        <member name="[CB - Account].[Account CB - Description].&amp;[0182371 - Reg Asset - Pro Co formation]"/>
        <member name="[CB - Account].[Account CB - Description].&amp;[0182372 - 2010 SmartGrid PISCC]"/>
        <member name="[CB - Account].[Account CB - Description].&amp;[0182373 - SC Storm Reserve Fund]"/>
        <member name="[CB - Account].[Account CB - Description].&amp;[0182374 - Duke Generated REC Certificate]"/>
        <member name="[CB - Account].[Account CB - Description].&amp;[0182375 - Int Rate Lock - Regulatory]"/>
        <member name="[CB - Account].[Account CB - Description].&amp;[0182376 - Deferred Project Costs]"/>
        <member name="[CB - Account].[Account CB - Description].&amp;[0182377 - 2011 SmartGrid Other Def O&amp;M]"/>
        <member name="[CB - Account].[Account CB - Description].&amp;[0182378 - 2011 SmartGrid PISCC]"/>
        <member name="[CB - Account].[Account CB - Description].&amp;[0182379 - 2011 SmartGrid Def Depr]"/>
        <member name="[CB - Account].[Account CB - Description].&amp;[0182380 - Storm Reg Asset - ST]"/>
        <member name="[CB - Account].[Account CB - Description].&amp;[0182381 - NC Energy Efficiency Reg Asset]"/>
        <member name="[CB - Account].[Account CB - Description].&amp;[0182382 - Cliffside Deferral Account]"/>
        <member name="[CB - Account].[Account CB - Description].&amp;[0182383 - IN Core EE Deferred Costs]"/>
        <member name="[CB - Account].[Account CB - Description].&amp;[0182384 - Cliffside Return Deferral]"/>
        <member name="[CB - Account].[Account CB - Description].&amp;[0182385 - Camera Costs AMRP - Reg Asset]"/>
        <member name="[CB - Account].[Account CB - Description].&amp;[0182386 - DEO Econ Dev Reg Asset]"/>
        <member name="[CB - Account].[Account CB - Description].&amp;[0182387 - MGP Reg Asset - Reserve]"/>
        <member name="[CB - Account].[Account CB - Description].&amp;[0182388 - MGP Reg Asset - Incurred Exp]"/>
        <member name="[CB - Account].[Account CB - Description].&amp;[0182389 - MGP Reg Asset - Insurance Proc]"/>
        <member name="[CB - Account].[Account CB - Description].&amp;[0182390 - SC GridSouth Reg Asset]"/>
        <member name="[CB - Account].[Account CB - Description].&amp;[0182391 - NPL Extraordinary Repairs]"/>
        <member name="[CB - Account].[Account CB - Description].&amp;[0182392 - Gridsouth-Wholesale Reg Asset]"/>
        <member name="[CB - Account].[Account CB - Description].&amp;[0182393 - Deferred VOP Costs]"/>
        <member name="[CB - Account].[Account CB - Description].&amp;[0182394 - Bad Debt To be Recovered - GEN]"/>
        <member name="[CB - Account].[Account CB - Description].&amp;[0182395 - Deferred SPP]"/>
        <member name="[CB - Account].[Account CB - Description].&amp;[0182396 - Coastal Wind Equity Reserve]"/>
        <member name="[CB - Account].[Account CB - Description].&amp;[0182397 - VIE-Restrict Reg Asset Inc Tax]"/>
        <member name="[CB - Account].[Account CB - Description].&amp;[0182398 - Load Management Switches]"/>
        <member name="[CB - Account].[Account CB - Description].&amp;[0182399 - ARO Regulatory Asset]"/>
        <member name="[CB - Account].[Account CB - Description].&amp;[0182400 - Deferred Capacity - Florida Re]"/>
        <member name="[CB - Account].[Account CB - Description].&amp;[0182403 - Gas ARO Other Regulatory Asset]"/>
        <member name="[CB - Account].[Account CB - Description].&amp;[0182404 - DEO SSO Auction Deferral LT]"/>
        <member name="[CB - Account].[Account CB - Description].&amp;[0182405 - Reg Asset Reclass]"/>
        <member name="[CB - Account].[Account CB - Description].&amp;[0182406 - DEF CR3 Uprate-2012 Reg Asset]"/>
        <member name="[CB - Account].[Account CB - Description].&amp;[0182407 - Rider 70 Deferral]"/>
        <member name="[CB - Account].[Account CB - Description].&amp;[0182408 - NC RETAIL DEFER FUEL CLAUSE]"/>
        <member name="[CB - Account].[Account CB - Description].&amp;[0182409 - BTR Deferral - Asset]"/>
        <member name="[CB - Account].[Account CB - Description].&amp;[0182411 - DEFERRED FUEL EXP-CURRENT YEAR]"/>
        <member name="[CB - Account].[Account CB - Description].&amp;[0182412 - DEFERRED FUEL EXP - PRIOR YEAR]"/>
        <member name="[CB - Account].[Account CB - Description].&amp;[0182413 - DEF CAPACITY EXP-CURRENT YEAR]"/>
        <member name="[CB - Account].[Account CB - Description].&amp;[0182414 - DEFERRED FUEL EXP - WHOLESALE]"/>
        <member name="[CB - Account].[Account CB - Description].&amp;[0182415 - REGULATORY ASSET - COR]"/>
        <member name="[CB - Account].[Account CB - Description].&amp;[0182416 - PISCC-EQUITY-NOBLEVILE]"/>
        <member name="[CB - Account].[Account CB - Description].&amp;[0182417 - PISCC-EQUITY-Amortized NOX]"/>
        <member name="[CB - Account].[Account CB - Description].&amp;[0182418 - PISCC-EQUITY-NOX&amp;COMPLIANCE]"/>
        <member name="[CB - Account].[Account CB - Description].&amp;[0182419 - PISCC-EQUITY-MADISON&amp;CADIZ]"/>
        <member name="[CB - Account].[Account CB - Description].&amp;[0182420 - Deferred Fuel Retail]"/>
        <member name="[CB - Account].[Account CB - Description].&amp;[0182421 - PISCC-EQUITY-DSI]"/>
        <member name="[CB - Account].[Account CB - Description].&amp;[0182422 - PISCC-EQUITY-IGCC CARBON CAPT]"/>
        <member name="[CB - Account].[Account CB - Description].&amp;[0182423 - Wayne Deferred Cost]"/>
        <member name="[CB - Account].[Account CB - Description].&amp;[0182424 - Wayne return on Deferral]"/>
        <member name="[CB - Account].[Account CB - Description].&amp;[0182425 - Post in Serv carrying Cst-IGCC]"/>
        <member name="[CB - Account].[Account CB - Description].&amp;[0182426 - PISCC-EQUITY-IGCC]"/>
        <member name="[CB - Account].[Account CB - Description].&amp;[0182427 - SC Wayne Deferred Cost]"/>
        <member name="[CB - Account].[Account CB - Description].&amp;[0182428 - NC Nuclear Levelization]"/>
        <member name="[CB - Account].[Account CB - Description].&amp;[0182429 - SC Nuclear Levelization]"/>
        <member name="[CB - Account].[Account CB - Description].&amp;[0182430 - Coal Inventory Rider NC]"/>
        <member name="[CB - Account].[Account CB - Description].&amp;[0182431 - NC Nuclear Levelize Cur]"/>
        <member name="[CB - Account].[Account CB - Description].&amp;[0182432 - Wayne Deferred Cost Current]"/>
        <member name="[CB - Account].[Account CB - Description].&amp;[0182433 - RATE CASE COST NC LT]"/>
        <member name="[CB - Account].[Account CB - Description].&amp;[0182434 - DCI Deferral Asset]"/>
        <member name="[CB - Account].[Account CB - Description].&amp;[0182435 - SFAS158 Reg Asset OPEB]"/>
        <member name="[CB - Account].[Account CB - Description].&amp;[0182436 - SFAS158 Reg Asset Qual]"/>
        <member name="[CB - Account].[Account CB - Description].&amp;[0182437 - Env Phase III Recovery-DE Ind]"/>
        <member name="[CB - Account].[Account CB - Description].&amp;[0182438 - Billing System Deferral - Ltg]"/>
        <member name="[CB - Account].[Account CB - Description].&amp;[0182439 - Reg Asset - Accrued Vacation]"/>
        <member name="[CB - Account].[Account CB - Description].&amp;[0182440 - Sutton Deferred Cost-SC]"/>
        <member name="[CB - Account].[Account CB - Description].&amp;[0182441 - Sutton Return on Deferral]"/>
        <member name="[CB - Account].[Account CB - Description].&amp;[0182442 - ST Portion of EE Programs]"/>
        <member name="[CB - Account].[Account CB - Description].&amp;[0182443 - SC Sutton Deferred Cost]"/>
        <member name="[CB - Account].[Account CB - Description].&amp;[0182444 - GreenEdge Tariff Deferral ST]"/>
        <member name="[CB - Account].[Account CB - Description].&amp;[0182445 - SC Nuclear Levelization]"/>
        <member name="[CB - Account].[Account CB - Description].&amp;[0182446 - Rate Case Cost SC CUR]"/>
        <member name="[CB - Account].[Account CB - Description].&amp;[0182447 - DEO Gas CEP - PISCC 2016]"/>
        <member name="[CB - Account].[Account CB - Description].&amp;[0182448 - Fukushima CyberSecurity Equity]"/>
        <member name="[CB - Account].[Account CB - Description].&amp;[0182449 - Fukushima CyberSecurity Def-SC]"/>
        <member name="[CB - Account].[Account CB - Description].&amp;[0182450 - PISCC - CCR 60% EQ]"/>
        <member name="[CB - Account].[Account CB - Description].&amp;[0182451 - GreenEdge Tariff Deferral LT]"/>
        <member name="[CB - Account].[Account CB - Description].&amp;[0182452 - Rate Case Cost SC LT]"/>
        <member name="[CB - Account].[Account CB - Description].&amp;[0182453 - DEI Env. Phase II PISCC Equity]"/>
        <member name="[CB - Account].[Account CB - Description].&amp;[0182454 - Early Plant Retirement]"/>
        <member name="[CB - Account].[Account CB - Description].&amp;[0182455 - DEI Env.Phase III PISCC Equity]"/>
        <member name="[CB - Account].[Account CB - Description].&amp;[0182456 - DEI Env.Phase III PISCC]"/>
        <member name="[CB - Account].[Account CB - Description].&amp;[0182457 - DEI Env. Phase II PISCC]"/>
        <member name="[CB - Account].[Account CB - Description].&amp;[0182458 - NC Long-Term Deferred Fuel]"/>
        <member name="[CB - Account].[Account CB - Description].&amp;[0182459 - Supplier Cost Recovery - Asset]"/>
        <member name="[CB - Account].[Account CB - Description].&amp;[0182460 - Deferred Audit Costs]"/>
        <member name="[CB - Account].[Account CB - Description].&amp;[0182461 - OH Elec Choice Supplier Site]"/>
        <member name="[CB - Account].[Account CB - Description].&amp;[0182462 - DEO Gas CEP - Prop Tax 2015]"/>
        <member name="[CB - Account].[Account CB - Description].&amp;[0182463 - DEO Gas CEP - Def Depr 2015]"/>
        <member name="[CB - Account].[Account CB - Description].&amp;[0182464 - DEO Gas CEP - PISCC 2015]"/>
        <member name="[CB - Account].[Account CB - Description].&amp;[0182465 - DEO Gas CEP - Prop tax 2014]"/>
        <member name="[CB - Account].[Account CB - Description].&amp;[0182466 - DEO Gas CEP - Def Depr 2014]"/>
        <member name="[CB - Account].[Account CB - Description].&amp;[0182467 - DEO Gas CEP - PISCC 2014]"/>
        <member name="[CB - Account].[Account CB - Description].&amp;[0182468 - DEO Gas CEP - Def Depr 2016]"/>
        <member name="[CB - Account].[Account CB - Description].&amp;[0182469 - DEO Gas CEP - Prop tax 2016]"/>
        <member name="[CB - Account].[Account CB - Description].&amp;[0182470 - Coal Ash Spend - Retail SC&amp;FL]"/>
        <member name="[CB - Account].[Account CB - Description].&amp;[0182472 - Coal Ash Spend - Wholesale]"/>
        <member name="[CB - Account].[Account CB - Description].&amp;[0182473 - PISCC EQUITY - FED MANDATE]"/>
        <member name="[CB - Account].[Account CB - Description].&amp;[0182474 - NCEMPA Purchase Collection- SC]"/>
        <member name="[CB - Account].[Account CB - Description].&amp;[0182475 - PISCC - Federal Mandate - 20%]"/>
        <member name="[CB - Account].[Account CB - Description].&amp;[0182476 - PISCC EQ - FED MANDATE 20%]"/>
        <member name="[CB - Account].[Account CB - Description].&amp;[0182477 - Post in Service - Fed Mandate]"/>
        <member name="[CB - Account].[Account CB - Description].&amp;[0182478 - NCEMPA Purchase Collection- NC]"/>
        <member name="[CB - Account].[Account CB - Description].&amp;[0182479 - NCEMPA Purchase Deferral NC]"/>
        <member name="[CB - Account].[Account CB - Description].&amp;[0182480 - NCEMPA Purchase Deferral SC]"/>
        <member name="[CB - Account].[Account CB - Description].&amp;[0182481 - Asheville CC Current]"/>
        <member name="[CB - Account].[Account CB - Description].&amp;[0182482 - Reg Asset Contra Equity ST]"/>
        <member name="[CB - Account].[Account CB - Description].&amp;[0182483 - Rotable Fleet Spare Reg Asset]"/>
        <member name="[CB - Account].[Account CB - Description].&amp;[0182484 - NC Regulatory Fee]"/>
        <member name="[CB - Account].[Account CB - Description].&amp;[0182485 - NCEMPA Short-Term Reg Asset]"/>
        <member name="[CB - Account].[Account CB - Description].&amp;[0182486 - DE Ind Env Phase III Recovery]"/>
        <member name="[CB - Account].[Account CB - Description].&amp;[0182487 - PIPP SSO Auction]"/>
        <member name="[CB - Account].[Account CB - Description].&amp;[0182488 - CR3 Non-NCRC EPU Contra Equity]"/>
        <member name="[CB - Account].[Account CB - Description].&amp;[0182489 - Osprey Outage O&amp;M Deferral]"/>
        <member name="[CB - Account].[Account CB - Description].&amp;[0182490 - DEP SC COR Giveback]"/>
        <member name="[CB - Account].[Account CB - Description].&amp;[0182491 - POLLUTION CONTROL SC DEFERRAL]"/>
        <member name="[CB - Account].[Account CB - Description].&amp;[0182492 - DEI-Env Phase II Recovery]"/>
        <member name="[CB - Account].[Account CB - Description].&amp;[0182494 - Deferred Asset - SC DERP]"/>
        <member name="[CB - Account].[Account CB - Description].&amp;[0182495 - SC Non-AMI Meter NBV]"/>
        <member name="[CB - Account].[Account CB - Description].&amp;[0182496 - SC AMI Meter Deferred Costs]"/>
        <member name="[CB - Account].[Account CB - Description].&amp;[0182497 - SC AMI Deferred Costs - Equity]"/>
        <member name="[CB - Account].[Account CB - Description].&amp;[0182498 - Current Environmental Costs TN]"/>
        <member name="[CB - Account].[Account CB - Description].&amp;[0182499 - Current NCNG Pension and OPEB]"/>
        <member name="[CB - Account].[Account CB - Description].&amp;[0182500 - Current Nashville Franch Renew]"/>
        <member name="[CB - Account].[Account CB - Description].&amp;[0182501 - Current Environmental Costs NC]"/>
        <member name="[CB - Account].[Account CB - Description].&amp;[0182502 - Current Environmental Costs SC]"/>
        <member name="[CB - Account].[Account CB - Description].&amp;[0182503 - PISCC - CCR 40% EQ]"/>
        <member name="[CB - Account].[Account CB - Description].&amp;[0182504 - PISCC Fed Man 100% Equity]"/>
        <member name="[CB - Account].[Account CB - Description].&amp;[0182505 - PISCC Fed Man 100%]"/>
        <member name="[CB - Account].[Account CB - Description].&amp;[0182508 - Spend RA Amort. (SC Rate Base)]"/>
        <member name="[CB - Account].[Account CB - Description].&amp;[0182509 - Sutton SC Deferred Cost Curren]"/>
        <member name="[CB - Account].[Account CB - Description].&amp;[0182510 - Wayne SC Deferred Cost Current]"/>
        <member name="[CB - Account].[Account CB - Description].&amp;[0182511 - SC Pollution Control Current]"/>
        <member name="[CB - Account].[Account CB - Description].&amp;[0182512 - Mayo Deferred Cost Current]"/>
        <member name="[CB - Account].[Account CB - Description].&amp;[0182513 - Severance Costs Current]"/>
        <member name="[CB - Account].[Account CB - Description].&amp;[0182514 - Misc ST Reg Assets]"/>
        <member name="[CB - Account].[Account CB - Description].&amp;[0182515 - NCEMPA ST Purchase Deferral SC]"/>
        <member name="[CB - Account].[Account CB - Description].&amp;[0182516 - LT Deferred Fuel]"/>
        <member name="[CB - Account].[Account CB - Description].&amp;[0182517 - Non-CCR Coal Ash Spend]"/>
        <member name="[CB - Account].[Account CB - Description].&amp;[0182519 - NITS Deferral]"/>
        <member name="[CB - Account].[Account CB - Description].&amp;[0182520 - Current NC PIM - Transmission]"/>
        <member name="[CB - Account].[Account CB - Description].&amp;[0182521 - Deferred Expense TN Flood]"/>
        <member name="[CB - Account].[Account CB - Description].&amp;[0182522 - Misc Current Reg Assets]"/>
        <member name="[CB - Account].[Account CB - Description].&amp;[0182523 - NC CustomerConnect Deferral ST]"/>
        <member name="[CB - Account].[Account CB - Description].&amp;[0182524 - NC CustomerConnect Deferral LT]"/>
        <member name="[CB - Account].[Account CB - Description].&amp;[0182528 - CPRE Rider]"/>
        <member name="[CB - Account].[Account CB - Description].&amp;[0182529 - Emission Allowances]"/>
        <member name="[CB - Account].[Account CB - Description].&amp;[0182530 - Hydro Loss Recovery - SC]"/>
        <member name="[CB - Account].[Account CB - Description].&amp;[0182531 - Lee CC - NC]"/>
        <member name="[CB - Account].[Account CB - Description].&amp;[0182532 - Lee CC - SC]"/>
        <member name="[CB - Account].[Account CB - Description].&amp;[0182533 - Lee CC - NC Contra Equity]"/>
        <member name="[CB - Account].[Account CB - Description].&amp;[0182534 - Lee CC - SC Contra Equity]"/>
        <member name="[CB - Account].[Account CB - Description].&amp;[0182535 - Deferred Reg Fee Current]"/>
        <member name="[CB - Account].[Account CB - Description].&amp;[0182536 - PPA BUYOUT REG ASSET]"/>
        <member name="[CB - Account].[Account CB - Description].&amp;[0182537 - Extended Amortizaiton Asset]"/>
        <member name="[CB - Account].[Account CB - Description].&amp;[0182538 - DEO Veg Mgmt Rider]"/>
        <member name="[CB - Account].[Account CB - Description].&amp;[0182539 - RIDGEGEN PPA BUYOUT REG ASSET]"/>
        <member name="[CB - Account].[Account CB - Description].&amp;[0182540 - Deferred PIP Uncollectible-Gas]"/>
        <member name="[CB - Account].[Account CB - Description].&amp;[0182541 - Customer Connect SC LT]"/>
        <member name="[CB - Account].[Account CB - Description].&amp;[0182542 - Customer Connect SC EQ ST]"/>
        <member name="[CB - Account].[Account CB - Description].&amp;[0182543 - Customer Connect SC EQ LT]"/>
        <member name="[CB - Account].[Account CB - Description].&amp;[0182544 - ABSAT Projects Deferred Costs]"/>
        <member name="[CB - Account].[Account CB - Description].&amp;[0182545 - Nuclear COLA - Retail SC]"/>
        <member name="[CB - Account].[Account CB - Description].&amp;[0182546 - ABSAT Proj Deferred Costs-SC]"/>
        <member name="[CB - Account].[Account CB - Description].&amp;[0182547 - Contra Eq-ABSAT Proj Def Costs]"/>
        <member name="[CB - Account].[Account CB - Description].&amp;[0182548 - Con Eq-ABSAT Proj Def Costs SC]"/>
        <member name="[CB - Account].[Account CB - Description].&amp;[0182549 - Contra Eq-CWDC Def Costs SC]"/>
        <member name="[CB - Account].[Account CB - Description].&amp;[0182550 - COR Settement - SC]"/>
        <member name="[CB - Account].[Account CB - Description].&amp;[0182551 - COR Settlement]"/>
        <member name="[CB - Account].[Account CB - Description].&amp;[0182552 - CWDC Deferred Costs - SC]"/>
        <member name="[CB - Account].[Account CB - Description].&amp;[0182553 - Depreciation Deferral - SC]"/>
        <member name="[CB - Account].[Account CB - Description].&amp;[0182554 - Customer Connect SC ST]"/>
        <member name="[CB - Account].[Account CB - Description].&amp;[0182556 - Customer Connect NC EQ ST]"/>
        <member name="[CB - Account].[Account CB - Description].&amp;[0182557 - Customer Connect NC EQ LT]"/>
        <member name="[CB - Account].[Account CB - Description].&amp;[0182558 - PISCC Equity Phase 1]"/>
        <member name="[CB - Account].[Account CB - Description].&amp;[0182559 - DEO Rider PSR - OVEC]"/>
        <member name="[CB - Account].[Account CB - Description].&amp;[0182560 - NC Solar Rebate Program Costs]"/>
        <member name="[CB - Account].[Account CB - Description].&amp;[0182561 - Grid Deferral - SC]"/>
        <member name="[CB - Account].[Account CB - Description].&amp;[0182562 - Grid Deferral - SC Contra EQ]"/>
        <member name="[CB - Account].[Account CB - Description].&amp;[0182563 - NC Solar Amort &amp; Returns]"/>
        <member name="[CB - Account].[Account CB - Description].&amp;[0182564 - NC Storm Deferred Cost]"/>
        <member name="[CB - Account].[Account CB - Description].&amp;[0182565 - SC Deferred Storm Costs]"/>
        <member name="[CB - Account].[Account CB - Description].&amp;[0182566 - Deferred Storm Equity Reserve]"/>
        <member name="[CB - Account].[Account CB - Description].&amp;[0182567 - Job Retention Rider Asset]"/>
        <member name="[CB - Account].[Account CB - Description].&amp;[0182568 - CR South Reg Asset - Current]"/>
        <member name="[CB - Account].[Account CB - Description].&amp;[0182569 - Crystal River South Reg Asset]"/>
        <member name="[CB - Account].[Account CB - Description].&amp;[0182570 - Continue of AFUDC-Future Recov]"/>
        <member name="[CB - Account].[Account CB - Description].&amp;[0182571 - WH Storm Deferred Costs]"/>
        <member name="[CB - Account].[Account CB - Description].&amp;[0182572 - SC H3659 Implementation]"/>
        <member name="[CB - Account].[Account CB - Description].&amp;[0182573 - DEO 19 Veg Mgmt Rider]"/>
        <member name="[CB - Account].[Account CB - Description].&amp;[0182575 - SC Grid Amort - Deferral]"/>
        <member name="[CB - Account].[Account CB - Description].&amp;[0182576 - SC Grid-Return on Equity Defer]"/>
        <member name="[CB - Account].[Account CB - Description].&amp;[0182577 - CertainTeed - ST Amortization]"/>
        <member name="[CB - Account].[Account CB - Description].&amp;[0182578 - CertainTeed - LT Amortization]"/>
        <member name="[CB - Account].[Account CB - Description].&amp;[0182579 - SC Grid LT Deferral]"/>
        <member name="[CB - Account].[Account CB - Description].&amp;[0182580 - Deferred Depreciation-Future R]"/>
        <member name="[CB - Account].[Account CB - Description].&amp;[0182581 - Current NC PIM - Distribution]"/>
        <member name="[CB - Account].[Account CB - Description].&amp;[0182582 - NC PIM - Distribution]"/>
        <member name="[CB - Account].[Account CB - Description].&amp;[0182583 - DEO Veg Mgmt Rider - Addl 19]"/>
        <member name="[CB - Account].[Account CB - Description].&amp;[0182584 - Credit Card Program]"/>
        <member name="[CB - Account].[Account CB - Description].&amp;[0182585 - DEO 20 Veg Mgmt Rider]"/>
        <member name="[CB - Account].[Account CB - Description].&amp;[0182586 - Greenhat Default Deferral]"/>
        <member name="[CB - Account].[Account CB - Description].&amp;[0182587 - Deferred Severance Charges]"/>
        <member name="[CB - Account].[Account CB - Description].&amp;[0182588 - DEK Rate Case COVID]"/>
        <member name="[CB - Account].[Account CB - Description].&amp;[0182589 - COVID-19 Deferral]"/>
        <member name="[CB - Account].[Account CB - Description].&amp;[0182590 - COVID Contra RA]"/>
        <member name="[CB - Account].[Account CB - Description].&amp;[0182591 - DEO 21 Veg Mgmt Rider]"/>
        <member name="[CB - Account].[Account CB - Description].&amp;[0182592 - 2022 DEO VEG MGMT DEFERRAL]"/>
        <member name="[CB - Account].[Account CB - Description].&amp;[0182593 - TN ARM Deferrals - 2022]"/>
        <member name="[CB - Account].[Account CB - Description].&amp;[0182594 - TN ARM Contra Equity Rtn 2022]"/>
        <member name="[CB - Account].[Account CB - Description].&amp;[0182598 - DEP ST Int Hedge-Asset]"/>
        <member name="[CB - Account].[Account CB - Description].&amp;[0182599 - DEP LT Int Hedge Asset]"/>
        <member name="[CB - Account].[Account CB - Description].&amp;[0182600 - Merger CTA-Future Recovery-FER]"/>
        <member name="[CB - Account].[Account CB - Description].&amp;[0182602 - PISCC - CCR 40%]"/>
        <member name="[CB - Account].[Account CB - Description].&amp;[0182606 - Managment Penalty Amortization]"/>
        <member name="[CB - Account].[Account CB - Description].&amp;[0182608 - CCR Deferred Depreciation - 40]"/>
        <member name="[CB - Account].[Account CB - Description].&amp;[0182609 - CCR Deferred O&amp;M - 20%]"/>
        <member name="[CB - Account].[Account CB - Description].&amp;[0182610 - CCR Plan Develop - 80%]"/>
        <member name="[CB - Account].[Account CB - Description].&amp;[0182611 - CCR Plan Develop - 20%]"/>
        <member name="[CB - Account].[Account CB - Description].&amp;[0182612 - PISCC - CCR 60%]"/>
        <member name="[CB - Account].[Account CB - Description].&amp;[0182613 - Plan Dev Def Costs 316b-80%]"/>
        <member name="[CB - Account].[Account CB - Description].&amp;[0182614 - Plan Dev Def Costs 316b-20%]"/>
        <member name="[CB - Account].[Account CB - Description].&amp;[0182616 - Purdue CHP Def O&amp;M Expense]"/>
        <member name="[CB - Account].[Account CB - Description].&amp;[0182617 - Purdue CHP Def Depreciation]"/>
        <member name="[CB - Account].[Account CB - Description].&amp;[0182620 - Crane Deferred Expenses]"/>
        <member name="[CB - Account].[Account CB - Description].&amp;[0182625 - IGCC Def Expenses]"/>
        <member name="[CB - Account].[Account CB - Description].&amp;[0182627 - Current TN Deferred Pension]"/>
        <member name="[CB - Account].[Account CB - Description].&amp;[0182628 - CCR Carrying Costs - 20%]"/>
        <member name="[CB - Account].[Account CB - Description].&amp;[0182629 - CCR Carrying Costs - 20% EQ]"/>
        <member name="[CB - Account].[Account CB - Description].&amp;[0182632 - IGCC 10 Def Expenses]"/>
        <member name="[CB - Account].[Account CB - Description].&amp;[0182640 - Fed Mandate Def Expenses]"/>
        <member name="[CB - Account].[Account CB - Description].&amp;[0182641 - Fed Mandate Carrying Costs]"/>
        <member name="[CB - Account].[Account CB - Description].&amp;[0182642 - Fed Mand Carry Costs - Equity]"/>
        <member name="[CB - Account].[Account CB - Description].&amp;[0182643 - Fed Mandate Def Depreciation]"/>
        <member name="[CB - Account].[Account CB - Description].&amp;[0182644 - TDSIC2 - Carrying Cost - EQ]"/>
        <member name="[CB - Account].[Account CB - Description].&amp;[0182645 - TDSIC2 - Carrying Costs DBT]"/>
        <member name="[CB - Account].[Account CB - Description].&amp;[0182646 - TDSIC2 - Def Depreciation]"/>
        <member name="[CB - Account].[Account CB - Description].&amp;[0182647 - TDSIC2 - Def Expenses]"/>
        <member name="[CB - Account].[Account CB - Description].&amp;[0182650 - TDSIC Def Expenses]"/>
        <member name="[CB - Account].[Account CB - Description].&amp;[0182651 - TDSIC Carrying Costs]"/>
        <member name="[CB - Account].[Account CB - Description].&amp;[0182652 - TDSIC Carrying Costs - Equity]"/>
        <member name="[CB - Account].[Account CB - Description].&amp;[0182653 - PISCC TDSIC 100% EQ (T2 &amp; T3)]"/>
        <member name="[CB - Account].[Account CB - Description].&amp;[0182654 - PISCC TDSIC 100% Equity]"/>
        <member name="[CB - Account].[Account CB - Description].&amp;[0182655 - TDSIC AMI - Def Depreciation]"/>
        <member name="[CB - Account].[Account CB - Description].&amp;[0182656 - TDSIC Def Depreciation]"/>
        <member name="[CB - Account].[Account CB - Description].&amp;[0182657 - Demand Discount]"/>
        <member name="[CB - Account].[Account CB - Description].&amp;[0182658 - Rider 73 O&amp;M Expenses]"/>
        <member name="[CB - Account].[Account CB - Description].&amp;[0182659 - Rider 73 Deferred Depreciation]"/>
        <member name="[CB - Account].[Account CB - Description].&amp;[0182660 - PSI Environ Comp Case]"/>
        <member name="[CB - Account].[Account CB - Description].&amp;[0182670 - AFUDC Continuation-Retail Reco]"/>
        <member name="[CB - Account].[Account CB - Description].&amp;[0182671 - PISCC - TDSIC 80% (T2 &amp; T3)]"/>
        <member name="[CB - Account].[Account CB - Description].&amp;[0182672 - PISCC - TDSIC 80% EQ (T2 &amp; T3)]"/>
        <member name="[CB - Account].[Account CB - Description].&amp;[0182673 - PISCC - TDSIC 20% (T2 &amp; T3)]"/>
        <member name="[CB - Account].[Account CB - Description].&amp;[0182674 - PISCC - TDSIC 20% EQ (T2 &amp; T3)]"/>
        <member name="[CB - Account].[Account CB - Description].&amp;[0182675 - PT Carrying Costs - equity]"/>
        <member name="[CB - Account].[Account CB - Description].&amp;[0182676 - TDSIC Equity - 100%]"/>
        <member name="[CB - Account].[Account CB - Description].&amp;[0182677 - Customer Connect Equity - 100%]"/>
        <member name="[CB - Account].[Account CB - Description].&amp;[0182678 - ARO Equity - 100%]"/>
        <member name="[CB - Account].[Account CB - Description].&amp;[0182680 - Defer Depr-Retail Recovery]"/>
        <member name="[CB - Account].[Account CB - Description].&amp;[0182695 - 2004 CGE Electric Rate Case]"/>
        <member name="[CB - Account].[Account CB - Description].&amp;[0182701 - 2009 Ice Storm costs]"/>
        <member name="[CB - Account].[Account CB - Description].&amp;[0182708 - SC Storm - Matthew]"/>
        <member name="[CB - Account].[Account CB - Description].&amp;[0182709 - SC Deferred Storm Costs Equity]"/>
        <member name="[CB - Account].[Account CB - Description].&amp;[0182710 - NC Storm - Matthew]"/>
        <member name="[CB - Account].[Account CB - Description].&amp;[0182711 - Distribution Storm Rider-Asset]"/>
        <member name="[CB - Account].[Account CB - Description].&amp;[0182712 - Bill Format CRES Logo Deferral]"/>
        <member name="[CB - Account].[Account CB - Description].&amp;[0182713 - Dist Storm Rider Carrying Cost]"/>
        <member name="[CB - Account].[Account CB - Description].&amp;[0182716 - Ohio Gas Integrity Deferral Co]"/>
        <member name="[CB - Account].[Account CB - Description].&amp;[0182717 - ESP IV Rate Case Def Costs]"/>
        <member name="[CB - Account].[Account CB - Description].&amp;[0182718 - DEI 2019 Rate Case]"/>
        <member name="[CB - Account].[Account CB - Description].&amp;[0182719 - 2019 Distr Storm Rider - Asset]"/>
        <member name="[CB - Account].[Account CB - Description].&amp;[0182720 - 2020 Distr Storm Rider - Asset]"/>
        <member name="[CB - Account].[Account CB - Description].&amp;[0182750 - 2005 Merger Transaction Costs]"/>
        <member name="[CB - Account].[Account CB - Description].&amp;[0182751 - Cust. Connect Deferral LT]"/>
        <member name="[CB - Account].[Account CB - Description].&amp;[0182752 - Cust. Connect Equity Resrv LT]"/>
        <member name="[CB - Account].[Account CB - Description].&amp;[0182754 - Cust. Connect Def Depreciation]"/>
        <member name="[CB - Account].[Account CB - Description].&amp;[0182755 - DEI Distrib. Veg Mgmt - Asset]"/>
        <member name="[CB - Account].[Account CB - Description].&amp;[0182756 - 316a/316b/NPDES Study Cost-20%]"/>
        <member name="[CB - Account].[Account CB - Description].&amp;[0182757 - Crane Solar Deferral]"/>
        <member name="[CB - Account].[Account CB - Description].&amp;[0182759 - Major Outage Deferral]"/>
        <member name="[CB - Account].[Account CB - Description].&amp;[0182803 - Pen Post Ret P Acctg-FAS 112]"/>
        <member name="[CB - Account].[Account CB - Description].&amp;[0182888 - Oth Reg Assets-BU B/S SvcExp]"/>
        <member name="[CB - Account].[Account CB - Description].&amp;[0182897 - VIE -Restr Reg Asset Debit Oth]"/>
        <member name="[CB - Account].[Account CB - Description].&amp;[0182900 - RTC Elec Retail Reg Asset]"/>
        <member name="[CB - Account].[Account CB - Description].&amp;[0182902 - RTC Elec Retail]"/>
        <member name="[CB - Account].[Account CB - Description].&amp;[0182903 - RTC Elec Retail Trans Mgt]"/>
        <member name="[CB - Account].[Account CB - Description].&amp;[0182904 - RTC Elec Retail Amort]"/>
        <member name="[CB - Account].[Account CB - Description].&amp;[0182905 - RTC Elec Retail Purch Pwr]"/>
        <member name="[CB - Account].[Account CB - Description].&amp;[0182907 - RTC Elec Retail Excise Tax Def]"/>
        <member name="[CB - Account].[Account CB - Description].&amp;[0182910 - LERP Delayed Cash Costs]"/>
        <member name="[CB - Account].[Account CB - Description].&amp;[0182911 - PISCC - TDSIC 80%]"/>
        <member name="[CB - Account].[Account CB - Description].&amp;[0182912 - PISCC - TDSIC 80% EQ]"/>
        <member name="[CB - Account].[Account CB - Description].&amp;[0182913 - PISCC - TDSIC 20%]"/>
        <member name="[CB - Account].[Account CB - Description].&amp;[0182914 - PISCC - TDSIC 20% EQ]"/>
        <member name="[CB - Account].[Account CB - Description].&amp;[0182915 - PISCC - TDSIC AMI]"/>
        <member name="[CB - Account].[Account CB - Description].&amp;[0182916 - PISCC - CRANE SOLAR]"/>
        <member name="[CB - Account].[Account CB - Description].&amp;[0182917 - PISCC EQ - CRANE SOLAR]"/>
        <member name="[CB - Account].[Account CB - Description].&amp;[0182918 - PISCC - MARKLAND]"/>
        <member name="[CB - Account].[Account CB - Description].&amp;[0182919 - PISCC Crane Solar 100%]"/>
        <member name="[CB - Account].[Account CB - Description].&amp;[0182920 - PISCC - MARKLAND EQ]"/>
        <member name="[CB - Account].[Account CB - Description].&amp;[0182921 - OH EL Economic Comp Fund]"/>
        <member name="[CB - Account].[Account CB - Description].&amp;[0182922 - Equity 100% PISCC]"/>
        <member name="[CB - Account].[Account CB - Description].&amp;[0182923 - PISCC CCR 100%]"/>
        <member name="[CB - Account].[Account CB - Description].&amp;[0182924 - PISCC Markland 100%]"/>
        <member name="[CB - Account].[Account CB - Description].&amp;[0182925 - PISCC Markland 100% Equity]"/>
        <member name="[CB - Account].[Account CB - Description].&amp;[0182926 - PISCC CCR 100% Equity]"/>
        <member name="[CB - Account].[Account CB - Description].&amp;[0182927 - PISCC - ATTERBURY NAAB]"/>
        <member name="[CB - Account].[Account CB - Description].&amp;[0182928 - PISCC EQ - ATTER NAAB]"/>
        <member name="[CB - Account].[Account CB - Description].&amp;[0182929 - PISCC Atterbury Naab 100%]"/>
        <member name="[CB - Account].[Account CB - Description].&amp;[0182930 - PSI 2002 Electric Rate Case]"/>
        <member name="[CB - Account].[Account CB - Description].&amp;[0182931 - PISCC EQ - CUSTOMER CONNECT]"/>
        <member name="[CB - Account].[Account CB - Description].&amp;[0182932 - PISCC - CUSTOMER CONNECT]"/>
        <member name="[CB - Account].[Account CB - Description].&amp;[0182933 - PISCC CUSTOMER CONNECT 100%]"/>
        <member name="[CB - Account].[Account CB - Description].&amp;[0182934 - PISCC - PURDUE]"/>
        <member name="[CB - Account].[Account CB - Description].&amp;[0182935 - PISCC EQ - PURDUE]"/>
        <member name="[CB - Account].[Account CB - Description].&amp;[0182936 - PISCC PURDUE  100%]"/>
        <member name="[CB - Account].[Account CB - Description].&amp;[0182940 - ULHP 2006 Electric Rate Case]"/>
        <member name="[CB - Account].[Account CB - Description].&amp;[0182947 - DEO Hillcrest Proj Reg Asset]"/>
        <member name="[CB - Account].[Account CB - Description].&amp;[0182950 - ULHP 2005 Gas Rate Case]"/>
        <member name="[CB - Account].[Account CB - Description].&amp;[0182952 - DEO 2012 Elec Dist Rate Case]"/>
        <member name="[CB - Account].[Account CB - Description].&amp;[0182956 - DEO 2007 Gas Rate Case]"/>
        <member name="[CB - Account].[Account CB - Description].&amp;[0182957 - DEO 2007 Gas Rate Case SC]"/>
        <member name="[CB - Account].[Account CB - Description].&amp;[0182958 - DEO 2012 Gas Rate Case]"/>
        <member name="[CB - Account].[Account CB - Description].&amp;[0182960 - Retail Recovery-Dynegy]"/>
        <member name="[CB - Account].[Account CB - Description].&amp;[0182961 - South Carolina Hedging Program]"/>
        <member name="[CB - Account].[Account CB - Description].&amp;[0182962 - North Carolina Hedging Program]"/>
        <member name="[CB - Account].[Account CB - Description].&amp;[0182963 - TN Hedging Open Positions]"/>
        <member name="[CB - Account].[Account CB - Description].&amp;[0182964 - Retired Plant]"/>
        <member name="[CB - Account].[Account CB - Description].&amp;[0182975 - AMRP Study Costs]"/>
        <member name="[CB - Account].[Account CB - Description].&amp;[0183000 - Prelim Survey &amp; Investigation]"/>
        <member name="[CB - Account].[Account CB - Description].&amp;[0183200 - Prelim Survey &amp; Invstigate-Oth]"/>
        <member name="[CB - Account].[Account CB - Description].&amp;[0183300 - Deferred Energy Conservation]"/>
        <member name="[CB - Account].[Account CB - Description].&amp;[0183362 - Smart Grid-Prelim Survey &amp; Inv]"/>
        <member name="[CB - Account].[Account CB - Description].&amp;[0183775 - Prelim Survey- IGCC Proj Costs]"/>
        <member name="[CB - Account].[Account CB - Description].&amp;[0183825 - PS&amp;I]"/>
        <member name="[CB - Account].[Account CB - Description].&amp;[0183888 - PrelimSrvyInvest-BU B/S-SvcExp]"/>
        <member name="[CB - Account].[Account CB - Description].&amp;[0183980 - Inactive]"/>
        <member name="[CB - Account].[Account CB - Description].&amp;[0184001 - Treasury Cash Clearing]"/>
        <member name="[CB - Account].[Account CB - Description].&amp;[0184007 - Misc Clear-Corp Gen Acctg]"/>
        <member name="[CB - Account].[Account CB - Description].&amp;[0184008 - Misc Clear - Accounts Payable]"/>
        <member name="[CB - Account].[Account CB - Description].&amp;[0184009 - Lease Receivables]"/>
        <member name="[CB - Account].[Account CB - Description].&amp;[0184010 - Misc Clear-Transfer Of Funds]"/>
        <member name="[CB - Account].[Account CB - Description].&amp;[0184011 - Misc Clear-Freight]"/>
        <member name="[CB - Account].[Account CB - Description].&amp;[0184012 - Misc Clear-Rv Bil]"/>
        <member name="[CB - Account].[Account CB - Description].&amp;[0184013 - Misc Clear-Rv Bil-Nhc]"/>
        <member name="[CB - Account].[Account CB - Description].&amp;[0184014 - Misc Clear-Rv Bil-Cgc]"/>
        <member name="[CB - Account].[Account CB - Description].&amp;[0184015 - Misc Clear-Rv Bil-Pan Gas]"/>
        <member name="[CB - Account].[Account CB - Description].&amp;[0184016 - DOE Stimulus Funds AR]"/>
        <member name="[CB - Account].[Account CB - Description].&amp;[0184017 - Misc Clear-Payroll]"/>
        <member name="[CB - Account].[Account CB - Description].&amp;[0184018 - Clear-Rev Bill-Scheduling]"/>
        <member name="[CB - Account].[Account CB - Description].&amp;[0184020 - Misc Clear-Amex-Mm]"/>
        <member name="[CB - Account].[Account CB - Description].&amp;[0184021 - Misc Clear-Lease Vehicles]"/>
        <member name="[CB - Account].[Account CB - Description].&amp;[0184022 - Customer Ops Expense Pool]"/>
        <member name="[CB - Account].[Account CB - Description].&amp;[0184050 - Mapping Table Suspense]"/>
        <member name="[CB - Account].[Account CB - Description].&amp;[0184100 - Fringe Benefits Clearing]"/>
        <member name="[CB - Account].[Account CB - Description].&amp;[0184101 - Def Dr-Clearing]"/>
        <member name="[CB - Account].[Account CB - Description].&amp;[0184102 - Other Current Assets Clearing]"/>
        <member name="[CB - Account].[Account CB - Description].&amp;[0184103 - Other Current Liab Clearing]"/>
        <member name="[CB - Account].[Account CB - Description].&amp;[0184201 - Indirect Overheads]"/>
        <member name="[CB - Account].[Account CB - Description].&amp;[0184202 - Technical Services Dept]"/>
        <member name="[CB - Account].[Account CB - Description].&amp;[0184203 - Power Generation-PEC Clearing]"/>
        <member name="[CB - Account].[Account CB - Description].&amp;[0184204 - NED Supv Indirect Costs]"/>
        <member name="[CB - Account].[Account CB - Description].&amp;[0184205 - Fossil Fuel Dept - Admin]"/>
        <member name="[CB - Account].[Account CB - Description].&amp;[0184206 - Env Svcs-Carolina Supply]"/>
        <member name="[CB - Account].[Account CB - Description].&amp;[0184207 - NGG VP Nuc Opers Indirect Cost]"/>
        <member name="[CB - Account].[Account CB - Description].&amp;[0184208 - Power Gen Svcs Fossil Clearing]"/>
        <member name="[CB - Account].[Account CB - Description].&amp;[0184301 - Clearing-Credit Union]"/>
        <member name="[CB - Account].[Account CB - Description].&amp;[0184420 - Transportation Exp Clearing]"/>
        <member name="[CB - Account].[Account CB - Description].&amp;[0184450 - Charges To Be Tranferred(Go On]"/>
        <member name="[CB - Account].[Account CB - Description].&amp;[0184451 - FERC to GAAP 184 clearing (new]"/>
        <member name="[CB - Account].[Account CB - Description].&amp;[0184452 - Interest Rate Swap Clearing]"/>
        <member name="[CB - Account].[Account CB - Description].&amp;[0184453 - UNAPPLIED CASH-MARBS]"/>
        <member name="[CB - Account].[Account CB - Description].&amp;[0184454 - SCHM Int Rate Swap Gain Cancel]"/>
        <member name="[CB - Account].[Account CB - Description].&amp;[0184456 - Fleet Transport Cross-Charging]"/>
        <member name="[CB - Account].[Account CB - Description].&amp;[0184460 - Captive Insurance Receivable]"/>
        <member name="[CB - Account].[Account CB - Description].&amp;[0184470 - SCHM Corp Gov Houston Rel Chgs]"/>
        <member name="[CB - Account].[Account CB - Description].&amp;[0184480 - Commerical Paper Interest -]"/>
        <member name="[CB - Account].[Account CB - Description].&amp;[0184490 - SCHM Defd Tax Consulting Fees]"/>
        <member name="[CB - Account].[Account CB - Description].&amp;[0184495 - RAIL CAR LEASING CLEARING]"/>
        <member name="[CB - Account].[Account CB - Description].&amp;[018450 - Mapping Table Suspense]"/>
        <member name="[CB - Account].[Account CB - Description].&amp;[0184500 - Departmental &amp; Other Clearing]"/>
        <member name="[CB - Account].[Account CB - Description].&amp;[0184501 - Depart/Other Clearing-Fleet]"/>
        <member name="[CB - Account].[Account CB - Description].&amp;[0184502 - NES Nuclear Material Control]"/>
        <member name="[CB - Account].[Account CB - Description].&amp;[0184503 - ENV SVCS-Florida Supply]"/>
        <member name="[CB - Account].[Account CB - Description].&amp;[0184504 - RCO FPC Term Contracts]"/>
        <member name="[CB - Account].[Account CB - Description].&amp;[0184505 - Power Generation-PEF Clearing]"/>
        <member name="[CB - Account].[Account CB - Description].&amp;[0184506 - RCO Power Trading]"/>
        <member name="[CB - Account].[Account CB - Description].&amp;[0184507 - NGG VP Nuc Oversight Ind Cost]"/>
        <member name="[CB - Account].[Account CB - Description].&amp;[0184508 - NED-NUCLEAR FUEL ADMIN COSTS]"/>
        <member name="[CB - Account].[Account CB - Description].&amp;[0184509 - FOSSIL GEN DEPT-MAINT SUPPORT]"/>
        <member name="[CB - Account].[Account CB - Description].&amp;[0184510 - FGD DEPT STAFF]"/>
        <member name="[CB - Account].[Account CB - Description].&amp;[0184511 - GRID MOD DUKE CAPITAL ALLOC]"/>
        <member name="[CB - Account].[Account CB - Description].&amp;[0184512 - NUCLEAR SECURITY INDIRECTS]"/>
        <member name="[CB - Account].[Account CB - Description].&amp;[0184600 - Joint Operations]"/>
        <member name="[CB - Account].[Account CB - Description].&amp;[0184601 - Ind Labor Non-Union Clearing]"/>
        <member name="[CB - Account].[Account CB - Description].&amp;[0184610 - Ind Labor Union Clearing]"/>
        <member name="[CB - Account].[Account CB - Description].&amp;[0184620 - Unit Train Exp Clearing]"/>
        <member name="[CB - Account].[Account CB - Description].&amp;[0184670 - Aerial Patrol Expense]"/>
        <member name="[CB - Account].[Account CB - Description].&amp;[0184888 - Clearing Acct-BU B/S-SvcCo Exp]"/>
        <member name="[CB - Account].[Account CB - Description].&amp;[0184900 - IT SCH M:DECOM CON QUAL FUNDS]"/>
        <member name="[CB - Account].[Account CB - Description].&amp;[0184901 - IT SCH M: MEALS &amp; ENTERTAIN 20]"/>
        <member name="[CB - Account].[Account CB - Description].&amp;[0184902 - IT SCH M: MEALS &amp; ENTERTAIN 50]"/>
        <member name="[CB - Account].[Account CB - Description].&amp;[0184903 - IT SCH M: MEALS &amp; ENTERTN 100]"/>
        <member name="[CB - Account].[Account CB - Description].&amp;[0184904 - IT SCH M: TAX EXEMPT INT]"/>
        <member name="[CB - Account].[Account CB - Description].&amp;[0184905 - IT SCH M: CATWBA EXMPT INT INC]"/>
        <member name="[CB - Account].[Account CB - Description].&amp;[0184906 - IT SCH M: PARKING DECK-CURRENT]"/>
        <member name="[CB - Account].[Account CB - Description].&amp;[0184907 - IT SCH M: PARKING DECK-LT]"/>
        <member name="[CB - Account].[Account CB - Description].&amp;[0184908 - IT SCH M: CAP PROP TX REAL PRP]"/>
        <member name="[CB - Account].[Account CB - Description].&amp;[0184909 - IT SCH M: CIAC ACCRUAL]"/>
        <member name="[CB - Account].[Account CB - Description].&amp;[0184910 - IT SCH M: COST OF REMOVAL]"/>
        <member name="[CB - Account].[Account CB - Description].&amp;[0184911 - IT SCH M: DECOM CON N-Q FUNDS]"/>
        <member name="[CB - Account].[Account CB - Description].&amp;[0184912 - IT SCH M: PENSION PYMTS]"/>
        <member name="[CB - Account].[Account CB - Description].&amp;[0184913 - IT SCH M: PREPAID INSURANCE]"/>
        <member name="[CB - Account].[Account CB - Description].&amp;[0184914 - IT SCH M: LOW LVEL RADIO WASTE]"/>
        <member name="[CB - Account].[Account CB - Description].&amp;[0184915 - IT SCH M: HYDRO FACILITY RENT]"/>
        <member name="[CB - Account].[Account CB - Description].&amp;[0184916 - ARO Asset]"/>
        <member name="[CB - Account].[Account CB - Description].&amp;[0184917 - IT SCH M: DUES]"/>
        <member name="[CB - Account].[Account CB - Description].&amp;[0184918 - IT SCH M:Frankln Plant Repairs]"/>
        <member name="[CB - Account].[Account CB - Description].&amp;[0184919 - IT SCH M:NPL Generator Rewing]"/>
        <member name="[CB - Account].[Account CB - Description].&amp;[0184920 - IT SCH M:Oil Clean-Up]"/>
        <member name="[CB - Account].[Account CB - Description].&amp;[0184921 - IT SCH M:Painting Costs]"/>
        <member name="[CB - Account].[Account CB - Description].&amp;[0184922 - IT SCH M:Snowstorm Costs 03/93]"/>
        <member name="[CB - Account].[Account CB - Description].&amp;[0184923 - IT SCH M:Snowstorm Costs 12/93]"/>
        <member name="[CB - Account].[Account CB - Description].&amp;[0184924 - IT SCH M:Opal Storm Costs]"/>
        <member name="[CB - Account].[Account CB - Description].&amp;[0184925 - IT SCH M:Thrp Generator Rewind]"/>
        <member name="[CB - Account].[Account CB - Description].&amp;[0184926 - IT SCH M:Section 124 Depr]"/>
        <member name="[CB - Account].[Account CB - Description].&amp;[0184927 - IT SCH M:Section 124A Depr]"/>
        <member name="[CB - Account].[Account CB - Description].&amp;[0184928 - IT SCH M:Catawba Reserve]"/>
        <member name="[CB - Account].[Account CB - Description].&amp;[0184929 - IT SCH M: Lobbing Expense]"/>
        <member name="[CB - Account].[Account CB - Description].&amp;[0184930 - IT SCH M: Charitable Donations]"/>
        <member name="[CB - Account].[Account CB - Description].&amp;[0184931 - IT SCH M: Flyash Reserve]"/>
        <member name="[CB - Account].[Account CB - Description].&amp;[0184932 - IT SCH M: Reserve-Long Term]"/>
        <member name="[CB - Account].[Account CB - Description].&amp;[0184933 - IT SCH M: Misc Income]"/>
        <member name="[CB - Account].[Account CB - Description].&amp;[0184934 - IT SCH M: Operating Expense]"/>
        <member name="[CB - Account].[Account CB - Description].&amp;[0184935 - IT SCH M: MiscPrepaid&amp;EmpExp]"/>
        <member name="[CB - Account].[Account CB - Description].&amp;[0184936 - IT SCH M: Admin Expense]"/>
        <member name="[CB - Account].[Account CB - Description].&amp;[0184937 - IT SCHM: Nuclear Insurance Res]"/>
        <member name="[CB - Account].[Account CB - Description].&amp;[0184938 - IT SCHM:NPL Inj and Damages]"/>
        <member name="[CB - Account].[Account CB - Description].&amp;[0184939 - It Sch M:Spousal Travel]"/>
        <member name="[CB - Account].[Account CB - Description].&amp;[0184940 - IT SCH M: DOE Clean up Fees]"/>
        <member name="[CB - Account].[Account CB - Description].&amp;[0184999 - IT SCH M: TAX OFF SET]"/>
        <member name="[CB - Account].[Account CB - Description].&amp;[0185261 - Grid Deferral - SC]"/>
        <member name="[CB - Account].[Account CB - Description].&amp;[0185888 - Temp Facil - BU B/S-SvcCoExp]"/>
        <member name="[CB - Account].[Account CB - Description].&amp;[0186000 - NC Environmental Expense]"/>
        <member name="[CB - Account].[Account CB - Description].&amp;[0186001 - Unfunded Dsit-Gaap]"/>
        <member name="[CB - Account].[Account CB - Description].&amp;[0186002 - Reserve-Misc Def Debits]"/>
        <member name="[CB - Account].[Account CB - Description].&amp;[0186003 - SC Environmental Expense]"/>
        <member name="[CB - Account].[Account CB - Description].&amp;[0186004 - TN Environmental Expense]"/>
        <member name="[CB - Account].[Account CB - Description].&amp;[0186005 - Def Dr-Sable Island-C]"/>
        <member name="[CB - Account].[Account CB - Description].&amp;[0186006 - Def Dr -Development Costs]"/>
        <member name="[CB - Account].[Account CB - Description].&amp;[0186007 - Accum Amort Dev Costs]"/>
        <member name="[CB - Account].[Account CB - Description].&amp;[0186008 - Ferc Annual Budget 2001]"/>
        <member name="[CB - Account].[Account CB - Description].&amp;[0186009 - Def Dr-Comm. Fees]"/>
        <member name="[CB - Account].[Account CB - Description].&amp;[0186010 - Deferred Billings-Transmission]"/>
        <member name="[CB - Account].[Account CB - Description].&amp;[0186011 - Def Dr-Pngts Tax]"/>
        <member name="[CB - Account].[Account CB - Description].&amp;[0186012 - Ferc Annual Budget 2002]"/>
        <member name="[CB - Account].[Account CB - Description].&amp;[0186013 - Def Dr-Net Exchange Imbalance]"/>
        <member name="[CB - Account].[Account CB - Description].&amp;[0186014 - Def Dr-Storage Imbalance]"/>
        <member name="[CB - Account].[Account CB - Description].&amp;[0186015 - FERC Annual Budget 2003]"/>
        <member name="[CB - Account].[Account CB - Description].&amp;[0186016 - Other Well Connect Assets]"/>
        <member name="[CB - Account].[Account CB - Description].&amp;[0186017 - FERC Annual Budget 2004]"/>
        <member name="[CB - Account].[Account CB - Description].&amp;[0186018 - FERC Annual Budget 2005]"/>
        <member name="[CB - Account].[Account CB - Description].&amp;[0186019 - FERC Annual Budget 2006]"/>
        <member name="[CB - Account].[Account CB - Description].&amp;[0186020 - Vision Florida Def O&amp;M]"/>
        <member name="[CB - Account].[Account CB - Description].&amp;[0186021 - Vision Florida Capital]"/>
        <member name="[CB - Account].[Account CB - Description].&amp;[0186022 - ST Asset Closed Def Int Hedge]"/>
        <member name="[CB - Account].[Account CB - Description].&amp;[0186023 - Coal Mine Safety-OCA F2G]"/>
        <member name="[CB - Account].[Account CB - Description].&amp;[0186024 - Misc Def Debits-OCL FTG]"/>
        <member name="[CB - Account].[Account CB - Description].&amp;[0186025 - Misc Deferred Debits Sch M]"/>
        <member name="[CB - Account].[Account CB - Description].&amp;[0186026 - Life Insurance/Policy Loans]"/>
        <member name="[CB - Account].[Account CB - Description].&amp;[0186027 - KO Transmission 2015-2016 Rate]"/>
        <member name="[CB - Account].[Account CB - Description].&amp;[0186029 - Misc Def Debit MISO Activity]"/>
        <member name="[CB - Account].[Account CB - Description].&amp;[0186030 - Corp Svcs Work in Progress]"/>
        <member name="[CB - Account].[Account CB - Description].&amp;[0186031 - Gas Pipeline Charges-ST]"/>
        <member name="[CB - Account].[Account CB - Description].&amp;[0186032 - Off System Support-Not billed]"/>
        <member name="[CB - Account].[Account CB - Description].&amp;[0186033 - Deferred Study Costs]"/>
        <member name="[CB - Account].[Account CB - Description].&amp;[0186034 - Environmental Mitigation Proj]"/>
        <member name="[CB - Account].[Account CB - Description].&amp;[0186035 - NCEMPA NC Equity Reserve]"/>
        <member name="[CB - Account].[Account CB - Description].&amp;[0186037 - NC CustConnect - Equity Rsv ST]"/>
        <member name="[CB - Account].[Account CB - Description].&amp;[0186038 - NC CustConnect - Equity Rsv LT]"/>
        <member name="[CB - Account].[Account CB - Description].&amp;[0186039 - East Bend CO2 Capture System]"/>
        <member name="[CB - Account].[Account CB - Description].&amp;[0186040 - LT BPM Sharing]"/>
        <member name="[CB - Account].[Account CB - Description].&amp;[0186041 - Def Dr-Gas Acctg]"/>
        <member name="[CB - Account].[Account CB - Description].&amp;[0186042 - Deferred Fuel Reimbursement]"/>
        <member name="[CB - Account].[Account CB - Description].&amp;[0186043 - Deferred Debit-Oakford]"/>
        <member name="[CB - Account].[Account CB - Description].&amp;[0186044 - Deferred Debit-Leidy]"/>
        <member name="[CB - Account].[Account CB - Description].&amp;[0186045 - Suspense cash 0484 BOA DEBS]"/>
        <member name="[CB - Account].[Account CB - Description].&amp;[0186046 - ORS Avoided Cost Cnslt]"/>
        <member name="[CB - Account].[Account CB - Description].&amp;[0186047 - Oth Def Debit - Inc Tax]"/>
        <member name="[CB - Account].[Account CB - Description].&amp;[0186048 - Plan and Dev - New Generation]"/>
        <member name="[CB - Account].[Account CB - Description].&amp;[0186050 - Owner Controlled Ins Program]"/>
        <member name="[CB - Account].[Account CB - Description].&amp;[0186051 - Joint Owner Misc Deferred Exp]"/>
        <member name="[CB - Account].[Account CB - Description].&amp;[0186052 - PIPP arrearage forgiveness]"/>
        <member name="[CB - Account].[Account CB - Description].&amp;[0186053 - PIPP arrearage forgiveness 2]"/>
        <member name="[CB - Account].[Account CB - Description].&amp;[0186055 - NCEMPA SC Equity Reserve]"/>
        <member name="[CB - Account].[Account CB - Description].&amp;[0186056 - NCEMPA SC Equity Reserve - ST]"/>
        <member name="[CB - Account].[Account CB - Description].&amp;[0186060 - I&amp;D Insurance Receivable]"/>
        <member name="[CB - Account].[Account CB - Description].&amp;[0186061 - Allowance IandD Insur. Rec]"/>
        <member name="[CB - Account].[Account CB - Description].&amp;[0186070 - Inactive]"/>
        <member name="[CB - Account].[Account CB - Description].&amp;[0186071 - CertainTeed stlmnt SC retail]"/>
        <member name="[CB - Account].[Account CB - Description].&amp;[0186072 - CertainTeed stlmnt Wholesale]"/>
        <member name="[CB - Account].[Account CB - Description].&amp;[0186075 - Smart Grid OCA]"/>
        <member name="[CB - Account].[Account CB - Description].&amp;[0186080 - Intercompany Deferred Debit]"/>
        <member name="[CB - Account].[Account CB - Description].&amp;[0186090 - I&amp;D O/S Svcs Receivable]"/>
        <member name="[CB - Account].[Account CB - Description].&amp;[0186100 - Balancing Gas - Union Gas]"/>
        <member name="[CB - Account].[Account CB - Description].&amp;[0186101 - DEF CR3 NCR-Reg Asst Base Rate]"/>
        <member name="[CB - Account].[Account CB - Description].&amp;[0186102 - DEF CR3 Dry Cask Storage]"/>
        <member name="[CB - Account].[Account CB - Description].&amp;[0186103 - DEO 2016 Electric Rate Case Ex]"/>
        <member name="[CB - Account].[Account CB - Description].&amp;[0186104 - DEFERRED ASSET-EXIT COSTS]"/>
        <member name="[CB - Account].[Account CB - Description].&amp;[0186105 - Current Regulatory Asset - VIE]"/>
        <member name="[CB - Account].[Account CB - Description].&amp;[0186106 - 2017 ESP Case Expenses]"/>
        <member name="[CB - Account].[Account CB - Description].&amp;[0186107 - DEK 2022 Rate Case - Electric]"/>
        <member name="[CB - Account].[Account CB - Description].&amp;[0186109 - DEF DCS Contra Equity]"/>
        <member name="[CB - Account].[Account CB - Description].&amp;[0186111 - Cust Connect Def O&amp;M]"/>
        <member name="[CB - Account].[Account CB - Description].&amp;[0186112 - Goodwill]"/>
        <member name="[CB - Account].[Account CB - Description].&amp;[0186114 - Intercompany Goodwill]"/>
        <member name="[CB - Account].[Account CB - Description].&amp;[0186115 - DEK 2021 Rate Case - Gas]"/>
        <member name="[CB - Account].[Account CB - Description].&amp;[0186116 - DEO 2021 Rate Case Distrib]"/>
        <member name="[CB - Account].[Account CB - Description].&amp;[0186117 - DEO 2022 Rate Case - Gas]"/>
        <member name="[CB - Account].[Account CB - Description].&amp;[0186120 - Misc. Wip-Fp Dist. Wids]"/>
        <member name="[CB - Account].[Account CB - Description].&amp;[0186130 - LT_NOTEREC_CERT]"/>
        <member name="[CB - Account].[Account CB - Description].&amp;[0186140 - INTERCO DERIV ASSET NONCURRENT]"/>
        <member name="[CB - Account].[Account CB - Description].&amp;[0186141 - SCHM 3rd Pty Deriv Asst Noncur]"/>
        <member name="[CB - Account].[Account CB - Description].&amp;[0186144 - LT FAS Contra - Asset]"/>
        <member name="[CB - Account].[Account CB - Description].&amp;[0186150 - NonCurr Underecovery Fuel Cost]"/>
        <member name="[CB - Account].[Account CB - Description].&amp;[0186160 - Long Term Assets of VIEs]"/>
        <member name="[CB - Account].[Account CB - Description].&amp;[0186170 - Reg Asset FAS 158 OCI Qual]"/>
        <member name="[CB - Account].[Account CB - Description].&amp;[0186171 - Reg Asset FAS 158 OCI NQ]"/>
        <member name="[CB - Account].[Account CB - Description].&amp;[0186172 - Reg Asset FAS 158 OCI OPEB]"/>
        <member name="[CB - Account].[Account CB - Description].&amp;[0186175 - LT Lease Receivables]"/>
        <member name="[CB - Account].[Account CB - Description].&amp;[0186176 - Deferred lease expense]"/>
        <member name="[CB - Account].[Account CB - Description].&amp;[0186177 - Reg asset - Leases]"/>
        <member name="[CB - Account].[Account CB - Description].&amp;[0186180 - COR Settlement - SC]"/>
        <member name="[CB - Account].[Account CB - Description].&amp;[0186181 - COR Settlement - NC]"/>
        <member name="[CB - Account].[Account CB - Description].&amp;[0186195 - DEFERRED RATE CASE EXPENSE]"/>
        <member name="[CB - Account].[Account CB - Description].&amp;[0186200 - CONTRA_UNAMOR_DEBT_PURCH_ACCTG]"/>
        <member name="[CB - Account].[Account CB - Description].&amp;[0186201 - Def Project/Acq Exp]"/>
        <member name="[CB - Account].[Account CB - Description].&amp;[0186202 - Accrual Pwr Deals with a Value]"/>
        <member name="[CB - Account].[Account CB - Description].&amp;[0186204 - Intang Assets Gas Purch Acctg]"/>
        <member name="[CB - Account].[Account CB - Description].&amp;[0186206 - Fuel-EA-Derv Intangible Assets]"/>
        <member name="[CB - Account].[Account CB - Description].&amp;[0186207 - Intang Assets Rate Stabiliz]"/>
        <member name="[CB - Account].[Account CB - Description].&amp;[0186208 - Intangible Asset Pwr Trdg Cont]"/>
        <member name="[CB - Account].[Account CB - Description].&amp;[0186209 - Intangible Assets OVEC Inv]"/>
        <member name="[CB - Account].[Account CB - Description].&amp;[0186210 - Westmoreland Contracts]"/>
        <member name="[CB - Account].[Account CB - Description].&amp;[0186213 - Intang Assets-Naming Rights]"/>
        <member name="[CB - Account].[Account CB - Description].&amp;[0186214 - Intang Assets-Customer Incent]"/>
        <member name="[CB - Account].[Account CB - Description].&amp;[0186215 - Def GASCO - Intangible Asset]"/>
        <member name="[CB - Account].[Account CB - Description].&amp;[0186216 - Intang Assets-Noncompete Agmnt]"/>
        <member name="[CB - Account].[Account CB - Description].&amp;[0186220 - SCHM Deferred Dsm Costs-Nc]"/>
        <member name="[CB - Account].[Account CB - Description].&amp;[0186221 - NonCurrent BPM Sharing Recvbl]"/>
        <member name="[CB - Account].[Account CB - Description].&amp;[0186222 - Reserve Equity BPM Sharing AR]"/>
        <member name="[CB - Account].[Account CB - Description].&amp;[0186230 - SCHM Deferred Dsm Costs_Sc]"/>
        <member name="[CB - Account].[Account CB - Description].&amp;[0186232 - Accum_Amort_Intang_Assets]"/>
        <member name="[CB - Account].[Account CB - Description].&amp;[0186233 - Accrl Pwr Deals w/Value Amort]"/>
        <member name="[CB - Account].[Account CB - Description].&amp;[0186236 - Accum_Amort_Intang_Pur_Acct]"/>
        <member name="[CB - Account].[Account CB - Description].&amp;[0186237 - Acc_Amort_Emission_Allow]"/>
        <member name="[CB - Account].[Account CB - Description].&amp;[0186238 - Acc_Amort_Coal,Gas&amp;Power]"/>
        <member name="[CB - Account].[Account CB - Description].&amp;[0186239 - Acc_Amort_Other]"/>
        <member name="[CB - Account].[Account CB - Description].&amp;[0186240 - SCHM Deferred Dsm Incentive_Nc]"/>
        <member name="[CB - Account].[Account CB - Description].&amp;[0186241 - Intng Asst Pwr Trdg Cont Amort]"/>
        <member name="[CB - Account].[Account CB - Description].&amp;[0186242 - Intang Assets OVEC Inv Amort]"/>
        <member name="[CB - Account].[Account CB - Description].&amp;[0186243 - Intang Asset-Name Rights Amort]"/>
        <member name="[CB - Account].[Account CB - Description].&amp;[0186244 - Intang Asset-Cust Incent Amort]"/>
        <member name="[CB - Account].[Account CB - Description].&amp;[0186245 - Def GASCO-Intang Asset Amort]"/>
        <member name="[CB - Account].[Account CB - Description].&amp;[0186246 - Intang Asset-Noncmp Agmt Amort]"/>
        <member name="[CB - Account].[Account CB - Description].&amp;[0186247 - Fuel/EA Derv Intng Asset Amort]"/>
        <member name="[CB - Account].[Account CB - Description].&amp;[0186248 - Amort-Wind Intangibles]"/>
        <member name="[CB - Account].[Account CB - Description].&amp;[0186249 - Coal Ash Deferred Spend]"/>
        <member name="[CB - Account].[Account CB - Description].&amp;[0186250 - SCHM Deferred Dsm Incentive-Sc]"/>
        <member name="[CB - Account].[Account CB - Description].&amp;[0186251 - Contra Equty Coal Ash Spend RA]"/>
        <member name="[CB - Account].[Account CB - Description].&amp;[0186260 - Coastal Wind Deferrals]"/>
        <member name="[CB - Account].[Account CB - Description].&amp;[0186270 - 12/95]"/>
        <member name="[CB - Account].[Account CB - Description].&amp;[0186280 - DEFERRED VACATION PAY ACCRUAL]"/>
        <member name="[CB - Account].[Account CB - Description].&amp;[0186281 - Accrued Coal Capacity Exp]"/>
        <member name="[CB - Account].[Account CB - Description].&amp;[0186282 - SMART GRID DEFERRED COSTS]"/>
        <member name="[CB - Account].[Account CB - Description].&amp;[0186283 - Hedge Asset Pre-Tax]"/>
        <member name="[CB - Account].[Account CB - Description].&amp;[0186284 - Estimated Payroll]"/>
        <member name="[CB - Account].[Account CB - Description].&amp;[0186290 - Oth Deferred Charges-Operation]"/>
        <member name="[CB - Account].[Account CB - Description].&amp;[0186295 - Deferred Storm Expenses]"/>
        <member name="[CB - Account].[Account CB - Description].&amp;[0186296 - Contra Deferred Storm Costs]"/>
        <member name="[CB - Account].[Account CB - Description].&amp;[0186300 - Purch Capacity - Curr Portion]"/>
        <member name="[CB - Account].[Account CB - Description].&amp;[0186301 - Lease Receivable]"/>
        <member name="[CB - Account].[Account CB - Description].&amp;[0186310 - Bond Issue Expense]"/>
        <member name="[CB - Account].[Account CB - Description].&amp;[0186315 - Life Ins-Defd Comp Agreement]"/>
        <member name="[CB - Account].[Account CB - Description].&amp;[0186316 - Coal Ash Spend - NC Retail]"/>
        <member name="[CB - Account].[Account CB - Description].&amp;[0186317 - Coal Ash Spend - SC Retail]"/>
        <member name="[CB - Account].[Account CB - Description].&amp;[0186318 - Coal AshSpend - Wholesale]"/>
        <member name="[CB - Account].[Account CB - Description].&amp;[0186320 - Common Stock Expense]"/>
        <member name="[CB - Account].[Account CB - Description].&amp;[0186330 - Preferred Stock Expense]"/>
        <member name="[CB - Account].[Account CB - Description].&amp;[0186340 - Inactive]"/>
        <member name="[CB - Account].[Account CB - Description].&amp;[0186341 - Unearned Income]"/>
        <member name="[CB - Account].[Account CB - Description].&amp;[0186350 - Pollution Cont'L Financing Exp]"/>
        <member name="[CB - Account].[Account CB - Description].&amp;[0186351 - DEO 2012 Gas Rate Case]"/>
        <member name="[CB - Account].[Account CB - Description].&amp;[0186352 - DEO 2012 Elec Dist Rate Case]"/>
        <member name="[CB - Account].[Account CB - Description].&amp;[0186353 - DEK 2011 Gas Rate Case]"/>
        <member name="[CB - Account].[Account CB - Description].&amp;[0186355 - Other Reg Asset - CAIR]"/>
        <member name="[CB - Account].[Account CB - Description].&amp;[0186356 - DEK 2011 Electric Rate Case]"/>
        <member name="[CB - Account].[Account CB - Description].&amp;[0186357 - DEK 2009 Gas Rate Case Reg]"/>
        <member name="[CB - Account].[Account CB - Description].&amp;[0186358 - DE Indiana Rate Case 2010]"/>
        <member name="[CB - Account].[Account CB - Description].&amp;[0186360 - Note Issue Expense]"/>
        <member name="[CB - Account].[Account CB - Description].&amp;[0186361 - Save A Watt Misc Def Deb]"/>
        <member name="[CB - Account].[Account CB - Description].&amp;[0186362 - Smart Grid Misc Def Deb]"/>
        <member name="[CB - Account].[Account CB - Description].&amp;[0186370 - Inactive]"/>
        <member name="[CB - Account].[Account CB - Description].&amp;[0186375 - Interest Rate Lock - Regulator]"/>
        <member name="[CB - Account].[Account CB - Description].&amp;[0186390 - Deferred Rate Activity Exp-07]"/>
        <member name="[CB - Account].[Account CB - Description].&amp;[0186391 - Deferred Rate Activity Exp-09]"/>
        <member name="[CB - Account].[Account CB - Description].&amp;[0186392 - Deferred Rate Case Exp -  NC]"/>
        <member name="[CB - Account].[Account CB - Description].&amp;[0186393 - Deferred Rate Activity Exp-12]"/>
        <member name="[CB - Account].[Account CB - Description].&amp;[018640 - ARO Liability - Ash Mgmt]"/>
        <member name="[CB - Account].[Account CB - Description].&amp;[0186400 - SECI-Lakeland Intercon Upgrade]"/>
        <member name="[CB - Account].[Account CB - Description].&amp;[0186405 - Def Debits Billed to Partners]"/>
        <member name="[CB - Account].[Account CB - Description].&amp;[0186410 - Error Suspense- Accts Payable]"/>
        <member name="[CB - Account].[Account CB - Description].&amp;[0186420 - Error Suspense-Customer Acct'G]"/>
        <member name="[CB - Account].[Account CB - Description].&amp;[0186430 - Error Suspense - Capital Acctg]"/>
        <member name="[CB - Account].[Account CB - Description].&amp;[0186431 - Split Dollar Insurance]"/>
        <member name="[CB - Account].[Account CB - Description].&amp;[0186440 - Error Suspense - Fssg]"/>
        <member name="[CB - Account].[Account CB - Description].&amp;[0186450 - Error Suspense - Other Product]"/>
        <member name="[CB - Account].[Account CB - Description].&amp;[0186460 - Error Suspense- Mapps(Invoice)]"/>
        <member name="[CB - Account].[Account CB - Description].&amp;[0186471 - GALLAGHER_WHOLESALE PORTION]"/>
        <member name="[CB - Account].[Account CB - Description].&amp;[0186472 - GALLAGHER_WHOLESALE CONTRA]"/>
        <member name="[CB - Account].[Account CB - Description].&amp;[0186480 - MISC DEBITS TO BE CLEARED]"/>
        <member name="[CB - Account].[Account CB - Description].&amp;[0186490 - DEFERRED FUEL COST]"/>
        <member name="[CB - Account].[Account CB - Description].&amp;[0186500 - Other Long Term Receivable]"/>
        <member name="[CB - Account].[Account CB - Description].&amp;[0186505 - Fixed Gas deferred O&amp;M costs]"/>
        <member name="[CB - Account].[Account CB - Description].&amp;[0186506 - Deferred Coal and Oil Costs]"/>
        <member name="[CB - Account].[Account CB - Description].&amp;[0186550 - Odd Cent Adj-Plt In Ser]"/>
        <member name="[CB - Account].[Account CB - Description].&amp;[0186560 - Odd Cent Adj-General Ledger]"/>
        <member name="[CB - Account].[Account CB - Description].&amp;[0186570 - Inactive]"/>
        <member name="[CB - Account].[Account CB - Description].&amp;[0186580 - Error-Suspense]"/>
        <member name="[CB - Account].[Account CB - Description].&amp;[0186581 - Misc Def Debit-Ohio Excise Tax]"/>
        <member name="[CB - Account].[Account CB - Description].&amp;[0186600 - Misc Reg Asset - FAS 87Q]"/>
        <member name="[CB - Account].[Account CB - Description].&amp;[0186601 - Contra Misc Regulatory Asset]"/>
        <member name="[CB - Account].[Account CB - Description].&amp;[0186602 - Reg Asset - FAS 87 NQ]"/>
        <member name="[CB - Account].[Account CB - Description].&amp;[0186603 - Reg Asset - FAS 106]"/>
        <member name="[CB - Account].[Account CB - Description].&amp;[0186604 - Reg Asset -  FAS 112]"/>
        <member name="[CB - Account].[Account CB - Description].&amp;[0186605 - MISC DEFER DEBIT WORKERS COMP]"/>
        <member name="[CB - Account].[Account CB - Description].&amp;[0186606 - OTHER MISC DEBIT-GOV IMPOSIT]"/>
        <member name="[CB - Account].[Account CB - Description].&amp;[0186610 - PEC UNRECOVERED PLANT]"/>
        <member name="[CB - Account].[Account CB - Description].&amp;[0186620 - Intag Asset Assoc-Misc Re]"/>
        <member name="[CB - Account].[Account CB - Description].&amp;[0186625 - Intang Asset Fas87-Qual Pen]"/>
        <member name="[CB - Account].[Account CB - Description].&amp;[0186630 - LT Closed Def Int Hedge]"/>
        <member name="[CB - Account].[Account CB - Description].&amp;[0186632 - Open Def Int Hedge Pre-Tax]"/>
        <member name="[CB - Account].[Account CB - Description].&amp;[0186650 - MISC GAAP ADJ]"/>
        <member name="[CB - Account].[Account CB - Description].&amp;[0186660 - Solar - Deferred Cost]"/>
        <member name="[CB - Account].[Account CB - Description].&amp;[0186661 - Reserve Equity  - Solar]"/>
        <member name="[CB - Account].[Account CB - Description].&amp;[0186700 - DEC Unrecovered Plant]"/>
        <member name="[CB - Account].[Account CB - Description].&amp;[0186710 - SCHM Def Catawba Pur Cap-Nc]"/>
        <member name="[CB - Account].[Account CB - Description].&amp;[0186720 - Roxboro WWT Defer]"/>
        <member name="[CB - Account].[Account CB - Description].&amp;[0186730 - SCHM Def Catawba Pur Cap-Whsle]"/>
        <member name="[CB - Account].[Account CB - Description].&amp;[0186770 - Misc Deferred Debits Debt]"/>
        <member name="[CB - Account].[Account CB - Description].&amp;[0186801 - Other Work In Progress]"/>
        <member name="[CB - Account].[Account CB - Description].&amp;[0186802 - Accr Pen FAS158 - Qual]"/>
        <member name="[CB - Account].[Account CB - Description].&amp;[0186803 - Pen Post Ret FAS158-FAS 106]"/>
        <member name="[CB - Account].[Account CB - Description].&amp;[0186804 - Pen Post Ret P Acctg-Qual]"/>
        <member name="[CB - Account].[Account CB - Description].&amp;[0186805 - Pen PostRet FAS158-FAS 87 NQ]"/>
        <member name="[CB - Account].[Account CB - Description].&amp;[0186810 - SCHM Ret On Def Cat Pur Cap-Nc]"/>
        <member name="[CB - Account].[Account CB - Description].&amp;[0186820 - SCHM Ret On Def Cat Pur Cap-Sc]"/>
        <member name="[CB - Account].[Account CB - Description].&amp;[0186830 - SCHM Ret On Def Cat Pur Cap-Wh]"/>
        <member name="[CB - Account].[Account CB - Description].&amp;[0186888 - Misc Def Dbt - BU B/S-SvcCoExp]"/>
        <member name="[CB - Account].[Account CB - Description].&amp;[0186889 - Asset Recovery Deferred]"/>
        <member name="[CB - Account].[Account CB - Description].&amp;[0186910 - Deferred Benefit Plan- AS]"/>
        <member name="[CB - Account].[Account CB - Description].&amp;[0186915 - Acc Exp - Debt Issuances]"/>
        <member name="[CB - Account].[Account CB - Description].&amp;[0186920 - Deferred Debit - Energy Bank]"/>
        <member name="[CB - Account].[Account CB - Description].&amp;[0186922 - Intercompany Deferred Debits]"/>
        <member name="[CB - Account].[Account CB - Description].&amp;[0186930 - Def Debit - Ret Plan Executive]"/>
        <member name="[CB - Account].[Account CB - Description].&amp;[0186931 - Def Debit - Ret Plan Employees]"/>
        <member name="[CB - Account].[Account CB - Description].&amp;[0186932 - Notes Rec - LT]"/>
        <member name="[CB - Account].[Account CB - Description].&amp;[0186933 - Restricted LT Receivable VIEs]"/>
        <member name="[CB - Account].[Account CB - Description].&amp;[0186940 - Unproductive Loading]"/>
        <member name="[CB - Account].[Account CB - Description].&amp;[0186950 - Unproductive Vacation]"/>
        <member name="[CB - Account].[Account CB - Description].&amp;[0186958 - DEO 2008 Elec Rate Case Exp]"/>
        <member name="[CB - Account].[Account CB - Description].&amp;[0186959 - Ohio SSO / MRO Exp]"/>
        <member name="[CB - Account].[Account CB - Description].&amp;[0186960 - MISO MTEP - PJM Mkt Trnsfr Exp]"/>
        <member name="[CB - Account].[Account CB - Description].&amp;[0186963 - Risk Deferred Activity - LT]"/>
        <member name="[CB - Account].[Account CB - Description].&amp;[0186979 - Covid Deferrals]"/>
        <member name="[CB - Account].[Account CB - Description].&amp;[0186980 - COVID Contra RA]"/>
        <member name="[CB - Account].[Account CB - Description].&amp;[0186981 - Deferred Debits w/ElectGrp Ops]"/>
        <member name="[CB - Account].[Account CB - Description].&amp;[0186982 - Project Construction]"/>
        <member name="[CB - Account].[Account CB - Description].&amp;[0186983 - Risk Deferred Activity - LT]"/>
        <member name="[CB - Account].[Account CB - Description].&amp;[0186984 - Other Long Term Assets]"/>
        <member name="[CB - Account].[Account CB - Description].&amp;[0186985 - Loss on Commodity Operations]"/>
        <member name="[CB - Account].[Account CB - Description].&amp;[0186986 - Impairment of Engage Investmen]"/>
        <member name="[CB - Account].[Account CB - Description].&amp;[0186987 - Office Lease Cancellation]"/>
        <member name="[CB - Account].[Account CB - Description].&amp;[0186988 - Ash Management Suspense]"/>
        <member name="[CB - Account].[Account CB - Description].&amp;[0186989 - Unrealized Gain - DETM]"/>
        <member name="[CB - Account].[Account CB - Description].&amp;[0186990 - Suspense-DE&amp;S]"/>
        <member name="[CB - Account].[Account CB - Description].&amp;[0186991 - FV of hedges-Financial Hedges]"/>
        <member name="[CB - Account].[Account CB - Description].&amp;[0186992 - FV of hedges-Commodity Hedges]"/>
        <member name="[CB - Account].[Account CB - Description].&amp;[0186993 - Bison Reins Recover Reserve]"/>
        <member name="[CB - Account].[Account CB - Description].&amp;[0186994 - Non-Reg intang non-unitized]"/>
        <member name="[CB - Account].[Account CB - Description].&amp;[0186995 - Non-Reg intang unitized]"/>
        <member name="[CB - Account].[Account CB - Description].&amp;[0186996 - Intang Asset net of Amort]"/>
        <member name="[CB - Account].[Account CB - Description].&amp;[0186997 - VIE-Restrictd Intangibles, Net]"/>
        <member name="[CB - Account].[Account CB - Description].&amp;[0186998 - FUKUSHIMA POOLED INVENTORY OPT]"/>
        <member name="[CB - Account].[Account CB - Description].&amp;[0188001 - GRI Defer Costs Trackable]"/>
        <member name="[CB - Account].[Account CB - Description].&amp;[0188100 - Inactive]"/>
        <member name="[CB - Account].[Account CB - Description].&amp;[0188200 - Inactive]"/>
        <member name="[CB - Account].[Account CB - Description].&amp;[0188300 - Unamortized Investment-Les]"/>
        <member name="[CB - Account].[Account CB - Description].&amp;[0188470 - Missing]"/>
        <member name="[CB - Account].[Account CB - Description].&amp;[0189000 - SCHM UNAMT LOSS REAQ DT PRE SC]"/>
        <member name="[CB - Account].[Account CB - Description].&amp;[0189001 - Unamrt-Deb-12.75% 2008]"/>
        <member name="[CB - Account].[Account CB - Description].&amp;[0189002 - Unamrt-Deb-13% 2009]"/>
        <member name="[CB - Account].[Account CB - Description].&amp;[0189003 - Unamrt-Deb-13.25% 2010]"/>
        <member name="[CB - Account].[Account CB - Description].&amp;[0189004 - Unamrt-Deb-12% Due 2010]"/>
        <member name="[CB - Account].[Account CB - Description].&amp;[0189005 - Unamrt-Deb-10 1/8% 2011]"/>
        <member name="[CB - Account].[Account CB - Description].&amp;[0189006 - Unamrt-Deb-10% 2011]"/>
        <member name="[CB - Account].[Account CB - Description].&amp;[0189007 - ST UNAMT LOSS REACQDEBT-TOTAL]"/>
        <member name="[CB - Account].[Account CB - Description].&amp;[0189101 - Schm Unamt Loss Reaq DT-MAXES]"/>
        <member name="[CB - Account].[Account CB - Description].&amp;[0190000 - ADIT: Assets]"/>
        <member name="[CB - Account].[Account CB - Description].&amp;[0190003 - Deferred Foreign Tax Assets-LT]"/>
        <member name="[CB - Account].[Account CB - Description].&amp;[0190004 - Deferred Foreign Tax Assets-St]"/>
        <member name="[CB - Account].[Account CB - Description].&amp;[0190005 - DEF for Tax Assets-Valuation]"/>
        <member name="[CB - Account].[Account CB - Description].&amp;[0190006 - Deferred Tax - Foreign NOL]"/>
        <member name="[CB - Account].[Account CB - Description].&amp;[0190007 - PA_DEFD_FOREIGN_INC_TAX_LT]"/>
        <member name="[CB - Account].[Account CB - Description].&amp;[0190008 - Defferred Federal Tax Asset-Cu]"/>
        <member name="[CB - Account].[Account CB - Description].&amp;[0190009 - Deferred SIT - Current]"/>
        <member name="[CB - Account].[Account CB - Description].&amp;[0190010 - LT FIN48 NONCURRENT DTA-FED]"/>
        <member name="[CB - Account].[Account CB - Description].&amp;[0190011 - LT FIN48 NONCURRENT DTA-NC]"/>
        <member name="[CB - Account].[Account CB - Description].&amp;[0190012 - LT FIN48 NONCURRENT DTA-SC]"/>
        <member name="[CB - Account].[Account CB - Description].&amp;[0190014 - LT Def Tax Asset: State-190]"/>
        <member name="[CB - Account].[Account CB - Description].&amp;[0190015 - LT Def Cred For State Liab-190]"/>
        <member name="[CB - Account].[Account CB - Description].&amp;[0190016 - LT Def Tax Asset: Fed]"/>
        <member name="[CB - Account].[Account CB - Description].&amp;[0190017 - LT Def Tax Asset: State]"/>
        <member name="[CB - Account].[Account CB - Description].&amp;[0190018 - LT Def Credit For State Liab]"/>
        <member name="[CB - Account].[Account CB - Description].&amp;[0190019 - LT Def Tax Asset: Fed]"/>
        <member name="[CB - Account].[Account CB - Description].&amp;[0190020 - LT Def Tax Asset: State]"/>
        <member name="[CB - Account].[Account CB - Description].&amp;[0190021 - LT Def Credit For State Liab]"/>
        <member name="[CB - Account].[Account CB - Description].&amp;[0190022 - Curr Tax Asset: Federal]"/>
        <member name="[CB - Account].[Account CB - Description].&amp;[0190023 - Curr Tax Asset: State]"/>
        <member name="[CB - Account].[Account CB - Description].&amp;[0190024 - Curr Tax Asset: Federal]"/>
        <member name="[CB - Account].[Account CB - Description].&amp;[0190025 - Curr Tax Asset: State]"/>
        <member name="[CB - Account].[Account CB - Description].&amp;[0190026 - Curr Def Tax Asset: Fed]"/>
        <member name="[CB - Account].[Account CB - Description].&amp;[0190027 - Curr Def Tax Asset: State]"/>
        <member name="[CB - Account].[Account CB - Description].&amp;[0190051 - Accum Deferred FIT-OCI]"/>
        <member name="[CB - Account].[Account CB - Description].&amp;[0190052 - Accum Deferred SIT-OCI]"/>
        <member name="[CB - Account].[Account CB - Description].&amp;[0190053 - Accum Deferred FIT-Plant]"/>
        <member name="[CB - Account].[Account CB - Description].&amp;[0190054 - Accum Deferred SIT-Plant]"/>
        <member name="[CB - Account].[Account CB - Description].&amp;[019008 - Deferred Federal Tax Asset-Cur]"/>
        <member name="[CB - Account].[Account CB - Description].&amp;[0190100 - ADIT: Acct 190 FAS109]"/>
        <member name="[CB - Account].[Account CB - Description].&amp;[0190120 - ADIT: Reg Liab: Federal]"/>
        <member name="[CB - Account].[Account CB - Description].&amp;[0190121 - ADIT: Reg Liab: State]"/>
        <member name="[CB - Account].[Account CB - Description].&amp;[0190130 - ADIT: SARs]"/>
        <member name="[CB - Account].[Account CB - Description].&amp;[0190140 - ADIT: Restricted Stock]"/>
        <member name="[CB - Account].[Account CB - Description].&amp;[0190150 - ADIT:EPS]"/>
        <member name="[CB - Account].[Account CB - Description].&amp;[0190151 - Travel Advances]"/>
        <member name="[CB - Account].[Account CB - Description].&amp;[0190156 - Deferred Tax-State NOLs]"/>
        <member name="[CB - Account].[Account CB - Description].&amp;[0190157 - Current Federal Tax NOL]"/>
        <member name="[CB - Account].[Account CB - Description].&amp;[0190158 - Current State Tax NOL]"/>
        <member name="[CB - Account].[Account CB - Description].&amp;[0190160 - MANAGEMENT FEE RECEIVABLE]"/>
        <member name="[CB - Account].[Account CB - Description].&amp;[0190350 - Accum Deferred SIT FIN-48 UTP]"/>
        <member name="[CB - Account].[Account CB - Description].&amp;[0191400 - Unrecovered Purch Gas Cost]"/>
        <member name="[CB - Account].[Account CB - Description].&amp;[0191800 - Unrec Purch Gas - Unbilled Rev]"/>
        <member name="[CB - Account].[Account CB - Description].&amp;[0191990 - Unrec Purch Gas-Manual Reclass]"/>
        <member name="[CB - Account].[Account CB - Description].&amp;[0195001 - Goodwill - EI Acquisition]"/>
        <member name="[CB - Account].[Account CB - Description].&amp;[0195002 - Goodwill - Tech Acq]"/>
        <member name="[CB - Account].[Account CB - Description].&amp;[0195003 - Noncompete Agreement]"/>
        <member name="[CB - Account].[Account CB - Description].&amp;[0195004 - Goodwill]"/>
        <member name="[CB - Account].[Account CB - Description].&amp;[0195005 - Organizational Costs]"/>
        <member name="[CB - Account].[Account CB - Description].&amp;[0195006 - FirmTransp Agrmt w/TETCO]"/>
        <member name="[CB - Account].[Account CB - Description].&amp;[0195007 - Gas Contracts]"/>
        <member name="[CB - Account].[Account CB - Description].&amp;[0195010 - Gas Well Rights]"/>
        <member name="[CB - Account].[Account CB - Description].&amp;[0195011 - NHC Plant Modifications]"/>
        <member name="[CB - Account].[Account CB - Description].&amp;[0195897 - VIE - Restricted Goodwill]"/>
        <member name="[CB - Account].[Account CB - Description].&amp;[0196002 - Accum Amorit Goodwill]"/>
        <member name="[CB - Account].[Account CB - Description].&amp;[0196005 - Accum Amorit Noncompete]"/>
        <member name="[CB - Account].[Account CB - Description].&amp;[0196006 - AccuAmort - Trans Agmt w/TETCO]"/>
        <member name="[CB - Account].[Account CB - Description].&amp;[0196010 - Amortization Engage]"/>
        <member name="[CB - Account].[Account CB - Description].&amp;[0196011 - Accum Amorit Gas Contracts]"/>
        <member name="[CB - Account].[Account CB - Description].&amp;[0201000 - Common Stock Issued]"/>
        <member name="[CB - Account].[Account CB - Description].&amp;[0204000 - Pref Stock]"/>
        <member name="[CB - Account].[Account CB - Description].&amp;[0204001 - Pref Stock-W Sink Fund]"/>
        <member name="[CB - Account].[Account CB - Description].&amp;[0204002 - Gpb Int-Corp Subord Notes]"/>
        <member name="[CB - Account].[Account CB - Description].&amp;[0204003 - Unamort. Dis. TOPrS Trust I]"/>
        <member name="[CB - Account].[Account CB - Description].&amp;[0204004 - Unamort. Dis. QuIPS Trust II]"/>
        <member name="[CB - Account].[Account CB - Description].&amp;[0204005 - Unamort Discount - Trust III]"/>
        <member name="[CB - Account].[Account CB - Description].&amp;[0204006 - Interco Preferred Stock Issued]"/>
        <member name="[CB - Account].[Account CB - Description].&amp;[0204007 - Pref Stock Series A 2019]"/>
        <member name="[CB - Account].[Account CB - Description].&amp;[0204008 - Pref Stock Series B 2019]"/>
        <member name="[CB - Account].[Account CB - Description].&amp;[0204070 - Pref Cap Stk 1992 Series 5.95%]"/>
        <member name="[CB - Account].[Account CB - Description].&amp;[0204080 - Pref Cap Stk Series 6.10%]"/>
        <member name="[CB - Account].[Account CB - Description].&amp;[0204090 - Pref Cap Stk 1992 Series 6.20%]"/>
        <member name="[CB - Account].[Account CB - Description].&amp;[0204100 - Pref Capital Stock-Series W]"/>
        <member name="[CB - Account].[Account CB - Description].&amp;[0204110 - Pref Stk A 1993 Series 6.375%]"/>
        <member name="[CB - Account].[Account CB - Description].&amp;[0204120 - Inactive]"/>
        <member name="[CB - Account].[Account CB - Description].&amp;[0204130 - Pref Capital Stock-Series C]"/>
        <member name="[CB - Account].[Account CB - Description].&amp;[0204140 - Pref Capital Stock-Series D]"/>
        <member name="[CB - Account].[Account CB - Description].&amp;[0204150 - Pref Capital Stock-Series E]"/>
        <member name="[CB - Account].[Account CB - Description].&amp;[0204160 - Inactive]"/>
        <member name="[CB - Account].[Account CB - Description].&amp;[0204170 - Inactive]"/>
        <member name="[CB - Account].[Account CB - Description].&amp;[0204180 - Inactive]"/>
        <member name="[CB - Account].[Account CB - Description].&amp;[0204190 - Inactive]"/>
        <member name="[CB - Account].[Account CB - Description].&amp;[0204200 - Preferred Stock Series R]"/>
        <member name="[CB - Account].[Account CB - Description].&amp;[0204210 - Pref Capital Stock-Series X]"/>
        <member name="[CB - Account].[Account CB - Description].&amp;[0204220 - Pref Capital Stock-Series Y]"/>
        <member name="[CB - Account].[Account CB - Description].&amp;[0204225 - PrefCapital Stock Series X]"/>
        <member name="[CB - Account].[Account CB - Description].&amp;[0204230 - Inactive]"/>
        <member name="[CB - Account].[Account CB - Description].&amp;[0204240 - Pref Capital Stock-Series Q]"/>
        <member name="[CB - Account].[Account CB - Description].&amp;[0204250 - Pfd. Stk - Auction Series A]"/>
        <member name="[CB - Account].[Account CB - Description].&amp;[0204260 - Inactive]"/>
        <member name="[CB - Account].[Account CB - Description].&amp;[0204270 - Pref Cap Stk-Series A-Adj Rate]"/>
        <member name="[CB - Account].[Account CB - Description].&amp;[0204280 - Pref Capital Stock-Series S]"/>
        <member name="[CB - Account].[Account CB - Description].&amp;[0204290 - Pref Capital Stk A-1992 Series]"/>
        <member name="[CB - Account].[Account CB - Description].&amp;[0204300 - Preferred Stock Series T]"/>
        <member name="[CB - Account].[Account CB - Description].&amp;[0204310 - Preferred Stock Series U]"/>
        <member name="[CB - Account].[Account CB - Description].&amp;[0204320 - Preferred Stock Series V]"/>
        <member name="[CB - Account].[Account CB - Description].&amp;[0204400 - 0204400 - Redeem Pref Stock]"/>
        <member name="[CB - Account].[Account CB - Description].&amp;[0204401 - Quips Pref Sec Outside]"/>
        <member name="[CB - Account].[Account CB - Description].&amp;[0207001 - Premium on Common Stock]"/>
        <member name="[CB - Account].[Account CB - Description].&amp;[0207002 - Add'l PIC - EI Acq]"/>
        <member name="[CB - Account].[Account CB - Description].&amp;[0207003 - Add'l PIC - DS]"/>
        <member name="[CB - Account].[Account CB - Description].&amp;[0207004 - Add'l PIC - Techtrol Acq]"/>
        <member name="[CB - Account].[Account CB - Description].&amp;[0207005 - Add'l PIC - Retail]"/>
        <member name="[CB - Account].[Account CB - Description].&amp;[0207006 - Add'l PIC - Irvine]"/>
        <member name="[CB - Account].[Account CB - Description].&amp;[0207007 - Add'l PIC - DE&amp;S]"/>
        <member name="[CB - Account].[Account CB - Description].&amp;[0207008 - Additional Paid In Capital]"/>
        <member name="[CB - Account].[Account CB - Description].&amp;[0207009 - Contract Adjust - Eq Units]"/>
        <member name="[CB - Account].[Account CB - Description].&amp;[0207012 - APIC - Preferred Interest]"/>
        <member name="[CB - Account].[Account CB - Description].&amp;[0207020 - APIC - Contributions]"/>
        <member name="[CB - Account].[Account CB - Description].&amp;[0207021 - APIC - Distrib &amp; Dividends]"/>
        <member name="[CB - Account].[Account CB - Description].&amp;[0208001 - Donations From Stckholder-DENA]"/>
        <member name="[CB - Account].[Account CB - Description].&amp;[0208010 - Donat Recvd From Stkhld Tax]"/>
        <member name="[CB - Account].[Account CB - Description].&amp;[0210000 - Paid In Capital - CS]"/>
        <member name="[CB - Account].[Account CB - Description].&amp;[0210001 - Gain-Reacq Capt Stk]"/>
        <member name="[CB - Account].[Account CB - Description].&amp;[0210100 - Inactive]"/>
        <member name="[CB - Account].[Account CB - Description].&amp;[0211000 - Miscellaneous Paid-In Capital]"/>
        <member name="[CB - Account].[Account CB - Description].&amp;[0211001 - Accum Oth Compr Ind-Duke Power]"/>
        <member name="[CB - Account].[Account CB - Description].&amp;[0211002 - Accum Oth Compreh Inc-Subs]"/>
        <member name="[CB - Account].[Account CB - Description].&amp;[0211004 - Misc PIC Purch Acctg]"/>
        <member name="[CB - Account].[Account CB - Description].&amp;[0211005 - Misc PIC Premerger Equity]"/>
        <member name="[CB - Account].[Account CB - Description].&amp;[0211006 - Other Misc Paid in Cap]"/>
        <member name="[CB - Account].[Account CB - Description].&amp;[0211007 - Misc PIC Premerg RE for Div]"/>
        <member name="[CB - Account].[Account CB - Description].&amp;[0211008 - Misc PIC Pushdown Adj RE]"/>
        <member name="[CB - Account].[Account CB - Description].&amp;[0211009 - APIC - Transaction Costs]"/>
        <member name="[CB - Account].[Account CB - Description].&amp;[0211010 - Partner Equity - DEGS]"/>
        <member name="[CB - Account].[Account CB - Description].&amp;[0211011 - Acc Oth Comp Inc-Tax Effect]"/>
        <member name="[CB - Account].[Account CB - Description].&amp;[0211012 - Partner Equity - Partner 3]"/>
        <member name="[CB - Account].[Account CB - Description].&amp;[0211013 - Partner Equity - Partner 2]"/>
        <member name="[CB - Account].[Account CB - Description].&amp;[0211014 - Partner Equity - Partner 1]"/>
        <member name="[CB - Account].[Account CB - Description].&amp;[0211015 - APIC - NCI Calc Excluded]"/>
        <member name="[CB - Account].[Account CB - Description].&amp;[0211016 - OCI - Current Year Activity]"/>
        <member name="[CB - Account].[Account CB - Description].&amp;[0211017 - OCI - Tax Effect]"/>
        <member name="[CB - Account].[Account CB - Description].&amp;[0211018 - MISC PAID-IN CAP-STK OPTIONS]"/>
        <member name="[CB - Account].[Account CB - Description].&amp;[0211019 - MISC PAID IN CAP - PSSP]"/>
        <member name="[CB - Account].[Account CB - Description].&amp;[0211020 - MISC PAID IN CAP - RSU]"/>
        <member name="[CB - Account].[Account CB - Description].&amp;[0211021 - DON REC FROM STOCKHOLDERS]"/>
        <member name="[CB - Account].[Account CB - Description].&amp;[0211022 - RED IN PAR OF COMMON STOCK]"/>
        <member name="[CB - Account].[Account CB - Description].&amp;[0211031 - Accum Distrib - Partner 1]"/>
        <member name="[CB - Account].[Account CB - Description].&amp;[0211032 - Accum Distrib - Partner 2]"/>
        <member name="[CB - Account].[Account CB - Description].&amp;[0211033 - Accum Distrib - Partner 3]"/>
        <member name="[CB - Account].[Account CB - Description].&amp;[0211034 - Accum Distributions - Duke]"/>
        <member name="[CB - Account].[Account CB - Description].&amp;[0214000 - Capt Stk Exp-$5 Par Common]"/>
        <member name="[CB - Account].[Account CB - Description].&amp;[0214100 - Inactive]"/>
        <member name="[CB - Account].[Account CB - Description].&amp;[0214200 - Inactive]"/>
        <member name="[CB - Account].[Account CB - Description].&amp;[0214215 - Current Electric Earnings]"/>
        <member name="[CB - Account].[Account CB - Description].&amp;[0214216 - Historical Electric Earnings]"/>
        <member name="[CB - Account].[Account CB - Description].&amp;[0214218 - OCI - Electric Earnings]"/>
        <member name="[CB - Account].[Account CB - Description].&amp;[0215000 - Inactive]"/>
        <member name="[CB - Account].[Account CB - Description].&amp;[0215100 - Approp. Retained Earnings --]"/>
        <member name="[CB - Account].[Account CB - Description].&amp;[0216000 - Unapprop Retained Earnings]"/>
        <member name="[CB - Account].[Account CB - Description].&amp;[0216001 - Ret Earn-Mgt/Intel Prop Chrg]"/>
        <member name="[CB - Account].[Account CB - Description].&amp;[0216002 - Ret Earn-MGT/INTEL PROP CHRG-G]"/>
        <member name="[CB - Account].[Account CB - Description].&amp;[0216003 - Cum Affect of Chg in Acctg]"/>
        <member name="[CB - Account].[Account CB - Description].&amp;[0216004 - CEA-UTP State]"/>
        <member name="[CB - Account].[Account CB - Description].&amp;[0216005 - CEA-UTP Pre-Tax]"/>
        <member name="[CB - Account].[Account CB - Description].&amp;[0216006 - Cumm Effect Change in Acct Tax]"/>
        <member name="[CB - Account].[Account CB - Description].&amp;[0216007 - Cumm Effect Acct Princ PreTax]"/>
        <member name="[CB - Account].[Account CB - Description].&amp;[0216100 - Unappr Undistr Subsid Earnings]"/>
        <member name="[CB - Account].[Account CB - Description].&amp;[0216101 - Foreign Currency Translation]"/>
        <member name="[CB - Account].[Account CB - Description].&amp;[0216102 - Retained Earn Pr Yr DE&amp;S]"/>
        <member name="[CB - Account].[Account CB - Description].&amp;[0216103 - Retained Earn Pr Yr Tech A]"/>
        <member name="[CB - Account].[Account CB - Description].&amp;[0216104 - Retained Earn Pr Yr EI Acq]"/>
        <member name="[CB - Account].[Account CB - Description].&amp;[0216105 - Electric Foreign Currncy Rllup]"/>
        <member name="[CB - Account].[Account CB - Description].&amp;[0216106 - Ret Earn - Dividend]"/>
        <member name="[CB - Account].[Account CB - Description].&amp;[0216111 - For Curr Trans - Tax Effect]"/>
        <member name="[CB - Account].[Account CB - Description].&amp;[0216112 - FX, NET INVESTMENT HEDGE]"/>
        <member name="[CB - Account].[Account CB - Description].&amp;[0216113 - FX, NET INVEST HEDG, TAX IMPAC]"/>
        <member name="[CB - Account].[Account CB - Description].&amp;[0216400 - Minority Interest]"/>
        <member name="[CB - Account].[Account CB - Description].&amp;[0217100 - Reacquired Cap - Stock]"/>
        <member name="[CB - Account].[Account CB - Description].&amp;[0217110 - Reacquired Common Stock]"/>
        <member name="[CB - Account].[Account CB - Description].&amp;[0217120 - Inactive]"/>
        <member name="[CB - Account].[Account CB - Description].&amp;[0218000 - Partner's Distributions]"/>
        <member name="[CB - Account].[Account CB - Description].&amp;[0218001 - Partner's Contributions]"/>
        <member name="[CB - Account].[Account CB - Description].&amp;[0218002 - Partner's Earnings]"/>
        <member name="[CB - Account].[Account CB - Description].&amp;[0218003 - Partner's Share]"/>
        <member name="[CB - Account].[Account CB - Description].&amp;[0218004 - Prtnshp Earn-Chambers Co]"/>
        <member name="[CB - Account].[Account CB - Description].&amp;[0218005 - Prtnshp Earn-Conoco Mb]"/>
        <member name="[CB - Account].[Account CB - Description].&amp;[0218006 - Prtnshp Earn-Ds Mt Belv]"/>
        <member name="[CB - Account].[Account CB - Description].&amp;[0218007 - Prtnshp Earn-Enterprise]"/>
        <member name="[CB - Account].[Account CB - Description].&amp;[0218008 - Prtnshp Earn-Arco Mtb Cor]"/>
        <member name="[CB - Account].[Account CB - Description].&amp;[0218009 - Prtnshp Earn-Mtb Land]"/>
        <member name="[CB - Account].[Account CB - Description].&amp;[0218010 - Prtnshp Earn-Warren Petr]"/>
        <member name="[CB - Account].[Account CB - Description].&amp;[0218011 - Prtnshp Earn-Belvex Inc]"/>
        <member name="[CB - Account].[Account CB - Description].&amp;[0218012 - Non-Ownrship-Exxon Pipeline]"/>
        <member name="[CB - Account].[Account CB - Description].&amp;[0218013 - Non-Ownrship-Shell]"/>
        <member name="[CB - Account].[Account CB - Description].&amp;[0218014 - Non-Ownrship-Gulf Coast]"/>
        <member name="[CB - Account].[Account CB - Description].&amp;[0218015 - Non-Ownrship-Vista Chem]"/>
        <member name="[CB - Account].[Account CB - Description].&amp;[0218016 - Non-Ownrship-Santa Fe]"/>
        <member name="[CB - Account].[Account CB - Description].&amp;[0218017 - Non-Ownrship-Seminole]"/>
        <member name="[CB - Account].[Account CB - Description].&amp;[0218018 - Non-Ownrship-Dow Pipeline]"/>
        <member name="[CB - Account].[Account CB - Description].&amp;[0218019 - Non-Ownrship-Cities Serv]"/>
        <member name="[CB - Account].[Account CB - Description].&amp;[0218020 - Non-Ownrship-Dixie Pipeline]"/>
        <member name="[CB - Account].[Account CB - Description].&amp;[0219001 - OTHER COMPR INCOME]"/>
        <member name="[CB - Account].[Account CB - Description].&amp;[0219002 - OCI -Commodity Hedges]"/>
        <member name="[CB - Account].[Account CB - Description].&amp;[0219003 - OCI -Interest Rate Hedges]"/>
        <member name="[CB - Account].[Account CB - Description].&amp;[0219004 - OCI-TAX EFFECT- COMMODITY]"/>
        <member name="[CB - Account].[Account CB - Description].&amp;[0219005 - OCI-TAX EFFECT- INTEREST RATE]"/>
        <member name="[CB - Account].[Account CB - Description].&amp;[0219006 - AOCI -Interest Rate Hedges]"/>
        <member name="[CB - Account].[Account CB - Description].&amp;[0219007 - AOCI-TAX EFFECT]"/>
        <member name="[CB - Account].[Account CB - Description].&amp;[0219008 - OCI-MINIMUM PENSION LIABILITY]"/>
        <member name="[CB - Account].[Account CB - Description].&amp;[0219009 - Tax: OCI on AFS Securities]"/>
        <member name="[CB - Account].[Account CB - Description].&amp;[0219010 - OCI-TAX EFFECT-PENSION]"/>
        <member name="[CB - Account].[Account CB - Description].&amp;[0219011 - OCI-TAX EFFECT AVAIL SEC]"/>
        <member name="[CB - Account].[Account CB - Description].&amp;[0219012 - OCI- CASH COMMODITY HEDGES]"/>
        <member name="[CB - Account].[Account CB - Description].&amp;[0219013 - OCI-CASH INT RATE HEDGES]"/>
        <member name="[CB - Account].[Account CB - Description].&amp;[0219014 - FAS 87 Prior Service Cost]"/>
        <member name="[CB - Account].[Account CB - Description].&amp;[0219015 - FAS 87 Actuarial Gain/Loss]"/>
        <member name="[CB - Account].[Account CB - Description].&amp;[0219016 - NQ 87 Prior Service Cost]"/>
        <member name="[CB - Account].[Account CB - Description].&amp;[0219017 - NQ 87 Actuarial Gain/Loss]"/>
        <member name="[CB - Account].[Account CB - Description].&amp;[0219018 - Fed Tax effect - FAS 112 AOCI]"/>
        <member name="[CB - Account].[Account CB - Description].&amp;[0219019 - FAS 106 Prior Service Cost]"/>
        <member name="[CB - Account].[Account CB - Description].&amp;[0219020 - FAS 106 Actuarial Gain/Loss]"/>
        <member name="[CB - Account].[Account CB - Description].&amp;[0219021 - OCI - FV Hedges]"/>
        <member name="[CB - Account].[Account CB - Description].&amp;[0219022 - OCI-FV Hedge Fed Tx]"/>
        <member name="[CB - Account].[Account CB - Description].&amp;[0219023 - OCI-Fair Value Hedge St Tx]"/>
        <member name="[CB - Account].[Account CB - Description].&amp;[0219025 - OCI-St Tax Min Pen Liab]"/>
        <member name="[CB - Account].[Account CB - Description].&amp;[0219026 - OCI-Fed Tax Min Pen Liab Qual]"/>
        <member name="[CB - Account].[Account CB - Description].&amp;[0219027 - OCI-St Tax Min Pen Liab Qual]"/>
        <member name="[CB - Account].[Account CB - Description].&amp;[0219028 - OCI-Min Pension Liab Qual]"/>
        <member name="[CB - Account].[Account CB - Description].&amp;[0219029 - OCI-Grantor Unreal GL]"/>
        <member name="[CB - Account].[Account CB - Description].&amp;[0219030 - OCI-Grantor Unreal GL Fed Tax]"/>
        <member name="[CB - Account].[Account CB - Description].&amp;[0219031 - OCI-Grantor Unreal GL St Tax]"/>
        <member name="[CB - Account].[Account CB - Description].&amp;[0219032 - OCI-Rabbi -Unreal GL]"/>
        <member name="[CB - Account].[Account CB - Description].&amp;[0219033 - OCI-Rabbi -Unreal GL Fed Tax]"/>
        <member name="[CB - Account].[Account CB - Description].&amp;[0219034 - OCI-Rabbi -Unreal GL St Tax]"/>
        <member name="[CB - Account].[Account CB - Description].&amp;[0219035 - OCI-Actuarial GL Qual]"/>
        <member name="[CB - Account].[Account CB - Description].&amp;[0219036 - OCI-Actuarial GL Qual Fed Tx]"/>
        <member name="[CB - Account].[Account CB - Description].&amp;[0219037 - OCI-Actuarial GL Qual St Tx]"/>
        <member name="[CB - Account].[Account CB - Description].&amp;[0219038 - OCI-Actuarial GL NQ]"/>
        <member name="[CB - Account].[Account CB - Description].&amp;[0219039 - OCI-Actuarial GL NQ Fed Tx]"/>
        <member name="[CB - Account].[Account CB - Description].&amp;[0219040 - OCI Actuarial GL NQ St Tx]"/>
        <member name="[CB - Account].[Account CB - Description].&amp;[0219041 - FAS 106 Actuarial GL Fed Tx]"/>
        <member name="[CB - Account].[Account CB - Description].&amp;[0219042 - FAS 106 Actuarial GL St Tx]"/>
        <member name="[CB - Account].[Account CB - Description].&amp;[0219043 - PTIS OCI-Int Rate Hdg]"/>
        <member name="[CB - Account].[Account CB - Description].&amp;[0219044 - PTIS OCI-Int Rate Hdg-FedTax]"/>
        <member name="[CB - Account].[Account CB - Description].&amp;[0219045 - PTIS OCI-Int Rate Hdg-St Tax]"/>
        <member name="[CB - Account].[Account CB - Description].&amp;[0219046 - OCI-Interest Rate Hdgs Fed Tax]"/>
        <member name="[CB - Account].[Account CB - Description].&amp;[0219047 - OCI-Interest Rate Hdgs St Tax]"/>
        <member name="[CB - Account].[Account CB - Description].&amp;[0219048 - OCI-Treasury Lock]"/>
        <member name="[CB - Account].[Account CB - Description].&amp;[0219049 - OCI-Treasury Lock - Fed Tax]"/>
        <member name="[CB - Account].[Account CB - Description].&amp;[0219050 - OCI-Treasury Lock - St Tax]"/>
        <member name="[CB - Account].[Account CB - Description].&amp;[0219051 - OCI-Fwd Start Swap]"/>
        <member name="[CB - Account].[Account CB - Description].&amp;[0219052 - OCI-Fwd Start Swap - St Tax]"/>
        <member name="[CB - Account].[Account CB - Description].&amp;[0219053 - OCI-Fwd Start Swap - Fed Tax]"/>
        <member name="[CB - Account].[Account CB - Description].&amp;[0219054 - OCI-CF Commod Hdg-St Tax]"/>
        <member name="[CB - Account].[Account CB - Description].&amp;[0219055 - NDTF- Unreal Gains/Losses]"/>
        <member name="[CB - Account].[Account CB - Description].&amp;[0219058 - St Tax OCI-Act G/L F112  OPRB]"/>
        <member name="[CB - Account].[Account CB - Description].&amp;[0219060 - OCI-TCSR Actuarial GL Qual]"/>
        <member name="[CB - Account].[Account CB - Description].&amp;[0219061 - OCI-TCSR Act GL Qual Fed Tx]"/>
        <member name="[CB - Account].[Account CB - Description].&amp;[0219062 - OCI-TCSR Act GL Qual St Tx]"/>
        <member name="[CB - Account].[Account CB - Description].&amp;[0219063 - FAS 106 TCSR Actuarial GL]"/>
        <member name="[CB - Account].[Account CB - Description].&amp;[0219064 - FAS 106 TCSR Act GL Fed Tx]"/>
        <member name="[CB - Account].[Account CB - Description].&amp;[0219065 - FAS 106 TCSR Act GL St Tx]"/>
        <member name="[CB - Account].[Account CB - Description].&amp;[0219071 - OCI - Gains Loss  Fed Tax]"/>
        <member name="[CB - Account].[Account CB - Description].&amp;[0219072 - OCI Gains Loss  State Tax]"/>
        <member name="[CB - Account].[Account CB - Description].&amp;[0219100 - FAS 87 Prior Service Cost]"/>
        <member name="[CB - Account].[Account CB - Description].&amp;[0219101 - FAS 87 Actuarial Gain/Loss]"/>
        <member name="[CB - Account].[Account CB - Description].&amp;[0219102 - NQ 87 Prior Service Cost]"/>
        <member name="[CB - Account].[Account CB - Description].&amp;[0219103 - NQ 87 Actuarial Gain/Loss]"/>
        <member name="[CB - Account].[Account CB - Description].&amp;[0219104 - FAS 112 AOCI]"/>
        <member name="[CB - Account].[Account CB - Description].&amp;[0219105 - FAS 106 Prior Service Cost]"/>
        <member name="[CB - Account].[Account CB - Description].&amp;[0219106 - FAX 106 Actuarial Gain/Loss]"/>
        <member name="[CB - Account].[Account CB - Description].&amp;[0219107 - FMV Adj of Auction Rate Secur]"/>
        <member name="[CB - Account].[Account CB - Description].&amp;[0219108 - Tax Eff of FMV of Act Rate Sec]"/>
        <member name="[CB - Account].[Account CB - Description].&amp;[0219110 - AOCI-Min Pens-Pretax-BB Qual]"/>
        <member name="[CB - Account].[Account CB - Description].&amp;[0219111 - AOCI-Min Pens-Pretax-BB NQ]"/>
        <member name="[CB - Account].[Account CB - Description].&amp;[0219112 - AOCI-Min Pens-Pretax-BB OPEB]"/>
        <member name="[CB - Account].[Account CB - Description].&amp;[0219113 - AOCI-Min Pens-Tax-BB Qual]"/>
        <member name="[CB - Account].[Account CB - Description].&amp;[0219114 - AOCI-Min Pens-Tax-BB NQ]"/>
        <member name="[CB - Account].[Account CB - Description].&amp;[0219115 - AOCI-Min Pens-Tax-BB OPEB]"/>
        <member name="[CB - Account].[Account CB - Description].&amp;[0219200 - OCI-Cumulative Translation Adj]"/>
        <member name="[CB - Account].[Account CB - Description].&amp;[0219201 - OCI-Cumul Trans Adj Fed Tax]"/>
        <member name="[CB - Account].[Account CB - Description].&amp;[0219202 - OCI-Cumul Trans Adj State Tax]"/>
        <member name="[CB - Account].[Account CB - Description].&amp;[0221000 - Ltd-Deb-7 3/4% Port Fac Rev B]"/>
        <member name="[CB - Account].[Account CB - Description].&amp;[0221001 - Ltd-Deb-8.625%]"/>
        <member name="[CB - Account].[Account CB - Description].&amp;[0221002 - Ltd-Bonds]"/>
        <member name="[CB - Account].[Account CB - Description].&amp;[0221003 - Curr Portion of LTD-Bonds]"/>
        <member name="[CB - Account].[Account CB - Description].&amp;[0221004 - $300M 5.1% FMB due 4/15/2018]"/>
        <member name="[CB - Account].[Account CB - Description].&amp;[0221005 - $600M 6.05% FMB due 4/15/2038]"/>
        <member name="[CB - Account].[Account CB - Description].&amp;[0221006 - VIE - Non-recourse Current LTD]"/>
        <member name="[CB - Account].[Account CB - Description].&amp;[0221007 - DEF CR3 183M 3/1/2020]"/>
        <member name="[CB - Account].[Account CB - Description].&amp;[0221008 - DEF CR3 150M 9/1/2022]"/>
        <member name="[CB - Account].[Account CB - Description].&amp;[0221009 - DEF CR3 436M 9/1/2029]"/>
        <member name="[CB - Account].[Account CB - Description].&amp;[0221010 - DEF CR3 250M 3/1/2033]"/>
        <member name="[CB - Account].[Account CB - Description].&amp;[0221011 - Long Term Debt]"/>
        <member name="[CB - Account].[Account CB - Description].&amp;[0221012 - LTD-Bonds 6.90% due 2019]"/>
        <member name="[CB - Account].[Account CB - Description].&amp;[0221013 - LTD-Credit-Bank Facility]"/>
        <member name="[CB - Account].[Account CB - Description].&amp;[0221014 - LTD-Cap Ex Facility]"/>
        <member name="[CB - Account].[Account CB - Description].&amp;[0221015 - LTD-O&amp;M Facility]"/>
        <member name="[CB - Account].[Account CB - Description].&amp;[0221016 - DEC $100M 1.679% due 7/1/31]"/>
        <member name="[CB - Account].[Account CB - Description].&amp;[0221017 - DEP $221M 1.295% due 7/1/28]"/>
        <member name="[CB - Account].[Account CB - Description].&amp;[0221018 - DEF 650M 2.40% 12/15/2031]"/>
        <member name="[CB - Account].[Account CB - Description].&amp;[0221019 - DEF 500M 3.00% 12/15/2051]"/>
        <member name="[CB - Account].[Account CB - Description].&amp;[0221020 - $250m SR FLOATING 12/8/2005]"/>
        <member name="[CB - Account].[Account CB - Description].&amp;[0221021 - DEC 137M 2.617% DUE 7/01/41]"/>
        <member name="[CB - Account].[Account CB - Description].&amp;[0221022 - DEP 352M 2.387% Due 7/01/37]"/>
        <member name="[CB - Account].[Account CB - Description].&amp;[0221023 - DEP 197M 2.799% due 7/01/41]"/>
        <member name="[CB - Account].[Account CB - Description].&amp;[0221030 - Maxes Due 12/03/12]"/>
        <member name="[CB - Account].[Account CB - Description].&amp;[0221031 - LTD-12.55% Debt Series L 2010]"/>
        <member name="[CB - Account].[Account CB - Description].&amp;[0221032 - LTD-8.5% Debt Series O 2018]"/>
        <member name="[CB - Account].[Account CB - Description].&amp;[0221033 - LTD-8.3% Debt Series P 2013]"/>
        <member name="[CB - Account].[Account CB - Description].&amp;[0221034 - LTD-9.90% Debt Series S 2020]"/>
        <member name="[CB - Account].[Account CB - Description].&amp;[0221035 - LTD-8.85% Debt Series T 2025]"/>
        <member name="[CB - Account].[Account CB - Description].&amp;[0221036 - LTD-8.80% MTN Debt Srs 2 2025]"/>
        <member name="[CB - Account].[Account CB - Description].&amp;[0221037 - LTD-8.5% Debt Series U 2015]"/>
        <member name="[CB - Account].[Account CB - Description].&amp;[0221038 - LTD-7.3% Debt Series W 2026]"/>
        <member name="[CB - Account].[Account CB - Description].&amp;[0221039 - LTD-6.75% MTN Debt Srs 4 2027]"/>
        <member name="[CB - Account].[Account CB - Description].&amp;[0221040 - LTD-5.70% MTN Debt Srs 5 2008]"/>
        <member name="[CB - Account].[Account CB - Description].&amp;[0221041 - LTD-7.20% Debt Series 7 2010]"/>
        <member name="[CB - Account].[Account CB - Description].&amp;[0221042 - LTD-7.15% Debt Series 8 2031]"/>
        <member name="[CB - Account].[Account CB - Description].&amp;[0221043 - DEP FMB 500M 4.15% 12/1/44]"/>
        <member name="[CB - Account].[Account CB - Description].&amp;[0221044 - DEP FMB 650M 2.00 8/15/2031]"/>
        <member name="[CB - Account].[Account CB - Description].&amp;[0221045 - DEF Long Term Debt Liability]"/>
        <member name="[CB - Account].[Account CB - Description].&amp;[0221046 - DEF FMB 600M 3.80% 7/15/28]"/>
        <member name="[CB - Account].[Account CB - Description].&amp;[0221047 - DEF FMB 400M 4.20% 7/15/48]"/>
        <member name="[CB - Account].[Account CB - Description].&amp;[0221050 - Mort Bonds 6-3/8% Due 2008]"/>
        <member name="[CB - Account].[Account CB - Description].&amp;[0221051 - DEP FMB 500M 3.25% 8/15/2025]"/>
        <member name="[CB - Account].[Account CB - Description].&amp;[0221052 - DEP FMB 700M 4.20% 8/15/2045]"/>
        <member name="[CB - Account].[Account CB - Description].&amp;[0221053 - DEP FMB 450M 3.70% 10/15/46]"/>
        <member name="[CB - Account].[Account CB - Description].&amp;[0221054 - DEP FMB 300M Floating 09/08/20]"/>
        <member name="[CB - Account].[Account CB - Description].&amp;[0221055 - $500M 3.90% FMB due 6/15/21]"/>
        <member name="[CB - Account].[Account CB - Description].&amp;[0221058 - DEP FMB 500M 3.60%  9/15/47]"/>
        <member name="[CB - Account].[Account CB - Description].&amp;[0221059 - DEP FMB 300M 3.375 9/1/2023]"/>
        <member name="[CB - Account].[Account CB - Description].&amp;[0221060 - 7.5% Bond Due 2025]"/>
        <member name="[CB - Account].[Account CB - Description].&amp;[0221061 - DEP FMB 450M 2.90 8/15/2051]"/>
        <member name="[CB - Account].[Account CB - Description].&amp;[0221062 - $650M 4% FMB due 9/30/2042]"/>
        <member name="[CB - Account].[Account CB - Description].&amp;[0221063 - $600M Refin A (Int/Date TBD)]"/>
        <member name="[CB - Account].[Account CB - Description].&amp;[0221064 - $600M Refin B (Int/Date TBD)]"/>
        <member name="[CB - Account].[Account CB - Description].&amp;[0221065 - DEP FMB 500M 3.70 9/1/2028]"/>
        <member name="[CB - Account].[Account CB - Description].&amp;[0221070 - 6.875% 1St Mortg Bonds - 8/23]"/>
        <member name="[CB - Account].[Account CB - Description].&amp;[0221072 - DEI FMB Ser 2009C 10/1/2040]"/>
        <member name="[CB - Account].[Account CB - Description].&amp;[0221073 - DEP $200M 3.30% Series 2022A-1]"/>
        <member name="[CB - Account].[Account CB - Description].&amp;[0221074 - DEP $210M 3.70%Series 2022A-2]"/>
        <member name="[CB - Account].[Account CB - Description].&amp;[0221075 - DEP FMB 400M 4.375% 3/30/2044]"/>
        <member name="[CB - Account].[Account CB - Description].&amp;[0221076 - DEP FMB 250M Floating 3/6/2017]"/>
        <member name="[CB - Account].[Account CB - Description].&amp;[0221079 - DEP $41.7M 4.00% Series 2022B]"/>
        <member name="[CB - Account].[Account CB - Description].&amp;[0221080 - 6.75% 1St Mortg Bonds Due 8/25]"/>
        <member name="[CB - Account].[Account CB - Description].&amp;[0221081 - $500M 2.85% due 3/1/32]"/>
        <member name="[CB - Account].[Account CB - Description].&amp;[0221082 - $650M 3.55% due 3/1/52]"/>
        <member name="[CB - Account].[Account CB - Description].&amp;[0221083 - $500M 3.40% due 4/1/32]"/>
        <member name="[CB - Account].[Account CB - Description].&amp;[0221084 - $400M 4.00% due 4/1/52]"/>
        <member name="[CB - Account].[Account CB - Description].&amp;[0221085 - DEF 500M 5.95% 11/15/2052]"/>
        <member name="[CB - Account].[Account CB - Description].&amp;[0221089 - DEF LT FMB]"/>
        <member name="[CB - Account].[Account CB - Description].&amp;[0221090 - Inactive]"/>
        <member name="[CB - Account].[Account CB - Description].&amp;[0221091 - DEF 600M 3.4% 10/1/2046]"/>
        <member name="[CB - Account].[Account CB - Description].&amp;[0221092 - DEF 250M 1.85% 1/15/20]"/>
        <member name="[CB - Account].[Account CB - Description].&amp;[0221093 - DEF 650M 3.20% 1/15/27]"/>
        <member name="[CB - Account].[Account CB - Description].&amp;[0221094 - $550M 3.7% FMB due 12/1/2047]"/>
        <member name="[CB - Account].[Account CB - Description].&amp;[0221096 - $500M 3.05% FMB due 3/15/2023]"/>
        <member name="[CB - Account].[Account CB - Description].&amp;[0221097 - $500M 3.95% FMB due 3/15/2048]"/>
        <member name="[CB - Account].[Account CB - Description].&amp;[0221098 - DEF LT bond-fixed rate]"/>
        <member name="[CB - Account].[Account CB - Description].&amp;[0221099 - DEF LT bond-Floating rate]"/>
        <member name="[CB - Account].[Account CB - Description].&amp;[0221100 - LT  Debt - Unsec Float]"/>
        <member name="[CB - Account].[Account CB - Description].&amp;[0221105 - LT Debt - Unsecured Fix(Bonds)]"/>
        <member name="[CB - Account].[Account CB - Description].&amp;[0221106 - LT Debt - Other Fixed (Bonds)]"/>
        <member name="[CB - Account].[Account CB - Description].&amp;[0221110 - LIBOR Due 1/15/05]"/>
        <member name="[CB - Account].[Account CB - Description].&amp;[0221120 - Mort Bonds 7% Due 2000]"/>
        <member name="[CB - Account].[Account CB - Description].&amp;[0221130 - $200M Ret Notes 6.6%-12/31/38]"/>
        <member name="[CB - Account].[Account CB - Description].&amp;[0221140 - Core Bond 11/30/07 4.611%]"/>
        <member name="[CB - Account].[Account CB - Description].&amp;[0221150 - Mort Bonds 8-3/8% Due 2021]"/>
        <member name="[CB - Account].[Account CB - Description].&amp;[0221160 - 8.95% Grnsboro Transit Due2027]"/>
        <member name="[CB - Account].[Account CB - Description].&amp;[0221170 - Inactive]"/>
        <member name="[CB - Account].[Account CB - Description].&amp;[0221180 - Senior Unsecured Due 1/15/12]"/>
        <member name="[CB - Account].[Account CB - Description].&amp;[0221190 - 12/95]"/>
        <member name="[CB - Account].[Account CB - Description].&amp;[0221200 - LONG_TERM_DEBT_PUR_ACCTG_ADJ]"/>
        <member name="[CB - Account].[Account CB - Description].&amp;[0221201 - $500M 7.00% FMB due 11/15/2018]"/>
        <member name="[CB - Account].[Account CB - Description].&amp;[0221210 - $500M FMB 3.75% DUE 3-5-08]"/>
        <member name="[CB - Account].[Account CB - Description].&amp;[0221212 - DEI FMB Ser QQQ $10M 4/1/22]"/>
        <member name="[CB - Account].[Account CB - Description].&amp;[0221214 - DEI FMB Ser RRR $59.6M 3/1/19]"/>
        <member name="[CB - Account].[Account CB - Description].&amp;[0221220 - Inactive]"/>
        <member name="[CB - Account].[Account CB - Description].&amp;[0221221 - $400M 5.75% FMB due 11/15/2013]"/>
        <member name="[CB - Account].[Account CB - Description].&amp;[0221230 - $200M FMB 4.5% DUE 4-1-2010]"/>
        <member name="[CB - Account].[Account CB - Description].&amp;[0221240 - Sr Unsecured Bds due 10/15/32]"/>
        <member name="[CB - Account].[Account CB - Description].&amp;[0221250 - 7% Fst/Ref Mort Bonds Due 7/33]"/>
        <member name="[CB - Account].[Account CB - Description].&amp;[0221260 - $300M SR NT 4.2% 10/1/08]"/>
        <member name="[CB - Account].[Account CB - Description].&amp;[0221270 - $500M FMB 5.3% 10/1/2015]"/>
        <member name="[CB - Account].[Account CB - Description].&amp;[0221280 - $770 Sr Conv Bonds 5-15-23]"/>
        <member name="[CB - Account].[Account CB - Description].&amp;[0221281 - $500M 2.45% FMB due 2/1/30]"/>
        <member name="[CB - Account].[Account CB - Description].&amp;[0221282 - $550M 2.55% FMB due 4/15/31]"/>
        <member name="[CB - Account].[Account CB - Description].&amp;[0221283 - $450 3.45% FMB due 4/15/51]"/>
        <member name="[CB - Account].[Account CB - Description].&amp;[0221284 - $650M 4.25% FMB due 12/15/41]"/>
        <member name="[CB - Account].[Account CB - Description].&amp;[0221285 - $750M 5.3%  FMB due 2/15/2040]"/>
        <member name="[CB - Account].[Account CB - Description].&amp;[0221286 - $450M 4.3% FMB due 6/15/2020]"/>
        <member name="[CB - Account].[Account CB - Description].&amp;[0221287 - $350M 3.35% FMB due 5/15/22]"/>
        <member name="[CB - Account].[Account CB - Description].&amp;[0221288 - $650M 3.95% FMB due 11/15/28]"/>
        <member name="[CB - Account].[Account CB - Description].&amp;[0221289 - $450M 2.45% FMB due 8/15/29]"/>
        <member name="[CB - Account].[Account CB - Description].&amp;[0221290 - 8.27% Mtn Iss 4/20/95 Due 2025]"/>
        <member name="[CB - Account].[Account CB - Description].&amp;[0221291 - $750M 3.20% FMB due 8/15/49]"/>
        <member name="[CB - Account].[Account CB - Description].&amp;[0221300 - 5.78% Mtn Bonds Due 7/99]"/>
        <member name="[CB - Account].[Account CB - Description].&amp;[0221310 - 5.79% Mtn Bonds Due 7/99]"/>
        <member name="[CB - Account].[Account CB - Description].&amp;[0221320 - Inactive]"/>
        <member name="[CB - Account].[Account CB - Description].&amp;[0221330 - 6.125% Mtn Bonds Due 7/2003]"/>
        <member name="[CB - Account].[Account CB - Description].&amp;[0221340 - 5.76% Mtn Bonds Due 7/99]"/>
        <member name="[CB - Account].[Account CB - Description].&amp;[0221350 - $250M Retail Bonds Due 4/1/22]"/>
        <member name="[CB - Account].[Account CB - Description].&amp;[0221360 - 12/95]"/>
        <member name="[CB - Account].[Account CB - Description].&amp;[0221370 - Sen Unsecured Notes 11/30/12]"/>
        <member name="[CB - Account].[Account CB - Description].&amp;[0221380 - Series A 6% Snr Notes Due 2028]"/>
        <member name="[CB - Account].[Account CB - Description].&amp;[0221390 - 6.25% Series Due 1999]"/>
        <member name="[CB - Account].[Account CB - Description].&amp;[0221400 - NP&amp;L, 6.9% SER C DUE 12/31/16]"/>
        <member name="[CB - Account].[Account CB - Description].&amp;[0221410 - NP&amp;L, 7.4% SER B DUE 11/30/12]"/>
        <member name="[CB - Account].[Account CB - Description].&amp;[0221420 - NP&amp;L, 9.21% DUE 2/1/11]"/>
        <member name="[CB - Account].[Account CB - Description].&amp;[0221430 - Series B 5.375% Sr Nts due 09]"/>
        <member name="[CB - Account].[Account CB - Description].&amp;[0221440 - 12/95]"/>
        <member name="[CB - Account].[Account CB - Description].&amp;[0221450 - 12/95]"/>
        <member name="[CB - Account].[Account CB - Description].&amp;[0221460 - Misc Clearing Acct]"/>
        <member name="[CB - Account].[Account CB - Description].&amp;[0221470 - Medium Term Due 12/15/95]"/>
        <member name="[CB - Account].[Account CB - Description].&amp;[0221480 - Medium Term 6.58% Due 12/15/95]"/>
        <member name="[CB - Account].[Account CB - Description].&amp;[0221490 - Medium Term 6.6% Due 12/15/95]"/>
        <member name="[CB - Account].[Account CB - Description].&amp;[0221500 - 12/95]"/>
        <member name="[CB - Account].[Account CB - Description].&amp;[0221510 - 12/95]"/>
        <member name="[CB - Account].[Account CB - Description].&amp;[0221520 - 12/95]"/>
        <member name="[CB - Account].[Account CB - Description].&amp;[0221530 - Medium Term 6.59% Due 01/16/96]"/>
        <member name="[CB - Account].[Account CB - Description].&amp;[0221531 - DEF PCB 108.5M 2002A 1/1/27]"/>
        <member name="[CB - Account].[Account CB - Description].&amp;[0221532 - DEF PCB 100.1M 2002B 1/1/22]"/>
        <member name="[CB - Account].[Account CB - Description].&amp;[0221533 - DEF PCB 32.2M 2002C 1/1/18]"/>
        <member name="[CB - Account].[Account CB - Description].&amp;[0221534 - DEF FMB 425M  4.8% 3/1/13]"/>
        <member name="[CB - Account].[Account CB - Description].&amp;[0221535 - DEF FMB 225M 5.9% 3/1/33]"/>
        <member name="[CB - Account].[Account CB - Description].&amp;[0221536 - DEF FMB 300M 5.1% 12/1/15]"/>
        <member name="[CB - Account].[Account CB - Description].&amp;[0221537 - DEF FMB 500M 6.35% 9/15/37]"/>
        <member name="[CB - Account].[Account CB - Description].&amp;[0221538 - DEF FMB 250M 5.80% 9/15/17]"/>
        <member name="[CB - Account].[Account CB - Description].&amp;[0221539 - DEF FMB 500M 5.65% 6/15/18]"/>
        <member name="[CB - Account].[Account CB - Description].&amp;[0221540 - Medium Term 6.57% Due 12/15/95]"/>
        <member name="[CB - Account].[Account CB - Description].&amp;[0221541 - DEF FMB 250M  4.55% 4/1/20]"/>
        <member name="[CB - Account].[Account CB - Description].&amp;[0221542 - DEF FMB 350M 5.65% 4/1/40]"/>
        <member name="[CB - Account].[Account CB - Description].&amp;[0221543 - DEP FMB 300M 5.15% 4/1/15]"/>
        <member name="[CB - Account].[Account CB - Description].&amp;[0221544 - DEP FMB 200M 5.70% 4/1/35]"/>
        <member name="[CB - Account].[Account CB - Description].&amp;[0221545 - DEP FMB 400M 5.25% 11/15]"/>
        <member name="[CB - Account].[Account CB - Description].&amp;[0221546 - DEP FMB 325M 6.30% 4/1/38]"/>
        <member name="[CB - Account].[Account CB - Description].&amp;[0221547 - DEP FMB 600M 5.30% 1/15/19]"/>
        <member name="[CB - Account].[Account CB - Description].&amp;[0221548 - DEP FMB 400M 5.125% 9/15/13]"/>
        <member name="[CB - Account].[Account CB - Description].&amp;[0221549 - DEP FMB 200M 6.125% 9/15/33]"/>
        <member name="[CB - Account].[Account CB - Description].&amp;[0221550 - 12/95]"/>
        <member name="[CB - Account].[Account CB - Description].&amp;[0221551 - DEP PCBFMB 72.6M WAKE 1994A]"/>
        <member name="[CB - Account].[Account CB - Description].&amp;[0221552 - DEP PCBFMB 50M WAKE 1994B]"/>
        <member name="[CB - Account].[Account CB - Description].&amp;[0221553 - DEP PCBFMB 67.3M WAKE 2000A]"/>
        <member name="[CB - Account].[Account CB - Description].&amp;[0221554 - DEP PCBFMB 55.64M PERS 2000A]"/>
        <member name="[CB - Account].[Account CB - Description].&amp;[0221555 - DEP PCBFMB 50M WAKE 2000B]"/>
        <member name="[CB - Account].[Account CB - Description].&amp;[0221556 - DEP PCBFMB 50M WAKE 2000C]"/>
        <member name="[CB - Account].[Account CB - Description].&amp;[0221557 - DEP PCBFMB 41.7M WAKE 2000D]"/>
        <member name="[CB - Account].[Account CB - Description].&amp;[0221558 - DEP PCBFMB 50M WAKE 2000E]"/>
        <member name="[CB - Account].[Account CB - Description].&amp;[0221559 - DEP PCBFMB 50M WAKE 2000F]"/>
        <member name="[CB - Account].[Account CB - Description].&amp;[0221560 - 12/95]"/>
        <member name="[CB - Account].[Account CB - Description].&amp;[0221561 - DEP PCBFMB 87.4M WAKE 2000G]"/>
        <member name="[CB - Account].[Account CB - Description].&amp;[0221562 - DEP PCBFMB 45.6M PERS 2000B]"/>
        <member name="[CB - Account].[Account CB - Description].&amp;[0221563 - DEP PCBFMB 48.485M WAKE 2002]"/>
        <member name="[CB - Account].[Account CB - Description].&amp;[0221564 - DEF FMB 300M 3.10% 8/15/21]"/>
        <member name="[CB - Account].[Account CB - Description].&amp;[0221565 - DEF FMB 1B  6.40% 6/15/38]"/>
        <member name="[CB - Account].[Account CB - Description].&amp;[0221566 - DEP FMB 100M 8 5/8%  9/15/21]"/>
        <member name="[CB - Account].[Account CB - Description].&amp;[0221567 - DEP 500M 3.00% 9/15/21]"/>
        <member name="[CB - Account].[Account CB - Description].&amp;[0221568 - DEP 500M 2.80% 5/15/22]"/>
        <member name="[CB - Account].[Account CB - Description].&amp;[0221569 - DEF 400M 3.85% 11/15/42]"/>
        <member name="[CB - Account].[Account CB - Description].&amp;[0221570 - DEF CR3 275.290M 9/1/2036]"/>
        <member name="[CB - Account].[Account CB - Description].&amp;[0221571 - DEF 250M .65% 11/15/15]"/>
        <member name="[CB - Account].[Account CB - Description].&amp;[0221572 - DEP 500M 4.10% 5/15/42]"/>
        <member name="[CB - Account].[Account CB - Description].&amp;[0221573 - DEP 500M 4.10% 3/15/43]"/>
        <member name="[CB - Account].[Account CB - Description].&amp;[0221574 - DEP 48.485M Wake2002Refn2013]"/>
        <member name="[CB - Account].[Account CB - Description].&amp;[0221575 - FMB issuing June 2013]"/>
        <member name="[CB - Account].[Account CB - Description].&amp;[0221576 - FMB issuing June 2013-Variable]"/>
        <member name="[CB - Account].[Account CB - Description].&amp;[0221577 - FMB issuing August 2013]"/>
        <member name="[CB - Account].[Account CB - Description].&amp;[0221578 - FMB issuing Aug 2013-Variable]"/>
        <member name="[CB - Account].[Account CB - Description].&amp;[0221579 - FMB issuing May 2016 $500M 30y]"/>
        <member name="[CB - Account].[Account CB - Description].&amp;[0221580 - DEO 250M FMB 3.70% 6/15/46]"/>
        <member name="[CB - Account].[Account CB - Description].&amp;[0221582 - DEO 2019 Fixed Rate FMB]"/>
        <member name="[CB - Account].[Account CB - Description].&amp;[0221583 - DEO  fixed rate FMB]"/>
        <member name="[CB - Account].[Account CB - Description].&amp;[0221584 - DEP 600M 3.45% 3/15/2029]"/>
        <member name="[CB - Account].[Account CB - Description].&amp;[0221585 - FMB Issuing Sep 2019 $500M 30Y]"/>
        <member name="[CB - Account].[Account CB - Description].&amp;[0221586 - FMB issuing Mar 2020 $550M 30Y]"/>
        <member name="[CB - Account].[Account CB - Description].&amp;[0221587 - DEO LT Liab May 2020]"/>
        <member name="[CB - Account].[Account CB - Description].&amp;[0221588 - DEP 600M FMB 2.50% 8/15/50]"/>
        <member name="[CB - Account].[Account CB - Description].&amp;[0221590 - Medium Term 7.37% Due 2/2/04]"/>
        <member name="[CB - Account].[Account CB - Description].&amp;[0221600 - Medium Term 7.4% Due 2/10/04]"/>
        <member name="[CB - Account].[Account CB - Description].&amp;[0221610 - Medium Term 7.38% Due 2/10/04]"/>
        <member name="[CB - Account].[Account CB - Description].&amp;[0221620 - Medium Term 7.41% Due 2/10/04]"/>
        <member name="[CB - Account].[Account CB - Description].&amp;[0221630 - Medium Term 7.41% Due 2/10/04]"/>
        <member name="[CB - Account].[Account CB - Description].&amp;[0221640 - Medium Term 7.5% Due 4/1/99]"/>
        <member name="[CB - Account].[Account CB - Description].&amp;[0221650 - 8.00% Series Due 2004]"/>
        <member name="[CB - Account].[Account CB - Description].&amp;[0221660 - 8.625% Series Due 2022]"/>
        <member name="[CB - Account].[Account CB - Description].&amp;[0221670 - 5.17% Mtn Bonds Due 9/98]"/>
        <member name="[CB - Account].[Account CB - Description].&amp;[0221800 - Bonds CG&amp;EB 5 45 Ser B 1 1 24]"/>
        <member name="[CB - Account].[Account CB - Description].&amp;[0221801 - $500M 6.1% Snr Note due 6/1/37]"/>
        <member name="[CB - Account].[Account CB - Description].&amp;[0221802 - $400M 5.25% FMB due 1/15/18]"/>
        <member name="[CB - Account].[Account CB - Description].&amp;[0221803 - $500M 6.0% FMB due 1/15/38]"/>
        <member name="[CB - Account].[Account CB - Description].&amp;[0221805 - CG&amp;E OAQD 2001 Ser A]"/>
        <member name="[CB - Account].[Account CB - Description].&amp;[0221806 - 42M CG&amp;E OAQD 02A 9/1/37]"/>
        <member name="[CB - Account].[Account CB - Description].&amp;[0221807 - 42M CG&amp;E OAQD 02B 9/1/37]"/>
        <member name="[CB - Account].[Account CB - Description].&amp;[0221808 - Put Bond CG&amp;E OAQD 95A 9/1/30]"/>
        <member name="[CB - Account].[Account CB - Description].&amp;[0221809 - Put Bond CG&amp;E OAQD 95B 9/1/30]"/>
        <member name="[CB - Account].[Account CB - Description].&amp;[0221810 - Bonds CG&amp;E Ser A 5 45 1 1 24]"/>
        <member name="[CB - Account].[Account CB - Description].&amp;[0221811 - Bonds CG&amp;EC 5 50 Due 1124]"/>
        <member name="[CB - Account].[Account CB - Description].&amp;[0221816 - PCRB - Ser 2000B 4/1/22]"/>
        <member name="[CB - Account].[Account CB - Description].&amp;[0221817 - 55 M Var PCB 2004 A 8/1/39]"/>
        <member name="[CB - Account].[Account CB - Description].&amp;[0221818 - 23M IDFA Ser 2002A 3/1/31]"/>
        <member name="[CB - Account].[Account CB - Description].&amp;[0221819 - 24 6M IDFA Ser2002B 3/1/19]"/>
        <member name="[CB - Account].[Account CB - Description].&amp;[0221820 - 35M IDFA Serie 2003 4/1/22]"/>
        <member name="[CB - Account].[Account CB - Description].&amp;[0221821 - PCRB - Ser 2000A 5/1/35]"/>
        <member name="[CB - Account].[Account CB - Description].&amp;[0221822 - PSI FMB Ser BBB 07/15/09]"/>
        <member name="[CB - Account].[Account CB - Description].&amp;[0221823 - PSI FMB Ser DDD 09/01/32]"/>
        <member name="[CB - Account].[Account CB - Description].&amp;[0221824 - PSI FMB Ser CCC 01/15/22]"/>
        <member name="[CB - Account].[Account CB - Description].&amp;[0221828 - 40 25M VR PCB Ser A 12/01/38]"/>
        <member name="[CB - Account].[Account CB - Description].&amp;[0221829 - 40 25M VR PCB Ser B 12/01/38]"/>
        <member name="[CB - Account].[Account CB - Description].&amp;[0221837 - PSI PCB 2005B]"/>
        <member name="[CB - Account].[Account CB - Description].&amp;[0221838 - PSI PCB 2005C]"/>
        <member name="[CB - Account].[Account CB - Description].&amp;[0221839 - DEO 2007A 25 3]"/>
        <member name="[CB - Account].[Account CB - Description].&amp;[0221840 - DEO 2007A 21 4]"/>
        <member name="[CB - Account].[Account CB - Description].&amp;[0221856 - $500M 3.75% FMB due 6/1/2045]"/>
        <member name="[CB - Account].[Account CB - Description].&amp;[0221857 - $500M 2.5% FMB due 3/15/23]"/>
        <member name="[CB - Account].[Account CB - Description].&amp;[0221858 - $500M 3.875% FMB due 3/15/2046]"/>
        <member name="[CB - Account].[Account CB - Description].&amp;[0221859 - $600M 2.95% FMB due 12/1/26]"/>
        <member name="[CB - Account].[Account CB - Description].&amp;[0221860 - DEI FMB 2008 $500M due 8/15/3]"/>
        <member name="[CB - Account].[Account CB - Description].&amp;[0221861 - DEI FMB 2010 $500M DUE 7/2020]"/>
        <member name="[CB - Account].[Account CB - Description].&amp;[0221864 - PCRB - Ser 2000A 5/1/35]"/>
        <member name="[CB - Account].[Account CB - Description].&amp;[0221865 - 23M IDFA Ser 2002A 3/1/31]"/>
        <member name="[CB - Account].[Account CB - Description].&amp;[0221868 - PSI PCB 2005C]"/>
        <member name="[CB - Account].[Account CB - Description].&amp;[0221870 - DEI PCB 2009A5]"/>
        <member name="[CB - Account].[Account CB - Description].&amp;[0221871 - DEI 55M IDFA 6% 2009B 8/1/39]"/>
        <member name="[CB - Account].[Account CB - Description].&amp;[0221875 - DEI FMB Ser MMM 04/2039]"/>
        <member name="[CB - Account].[Account CB - Description].&amp;[0221876 - DEI FMB Ser UUU $250M 3/15/42]"/>
        <member name="[CB - Account].[Account CB - Description].&amp;[0221880 - DEO 5.45% FMB Ser 04/2019]"/>
        <member name="[CB - Account].[Account CB - Description].&amp;[0221885 - DEO 250M 2 10SER FMB DUE 61513]"/>
        <member name="[CB - Account].[Account CB - Description].&amp;[0221910 - Inactive]"/>
        <member name="[CB - Account].[Account CB - Description].&amp;[0221922 - DEO 12 1M OAQD 2001A]"/>
        <member name="[CB - Account].[Account CB - Description].&amp;[0223300 - Advance Minn Mutual - NPL]"/>
        <member name="[CB - Account].[Account CB - Description].&amp;[0223301 - Advance TIAA-CREF - NPL]"/>
        <member name="[CB - Account].[Account CB - Description].&amp;[0223302 - Advance NY Life - NPL]"/>
        <member name="[CB - Account].[Account CB - Description].&amp;[0223303 - Advance Lincoln - NPL]"/>
        <member name="[CB - Account].[Account CB - Description].&amp;[0223304 - Advance Fisher - NPL]"/>
        <member name="[CB - Account].[Account CB - Description].&amp;[0223305 - Advance Hayes - NPL]"/>
        <member name="[CB - Account].[Account CB - Description].&amp;[0223310 - Minn Mutual - Current Portion]"/>
        <member name="[CB - Account].[Account CB - Description].&amp;[0223311 - TIAA - Current Portion]"/>
        <member name="[CB - Account].[Account CB - Description].&amp;[0223312 - NY Life - Current Portion]"/>
        <member name="[CB - Account].[Account CB - Description].&amp;[0223313 - Lincoln - Current Portion]"/>
        <member name="[CB - Account].[Account CB - Description].&amp;[0223314 - Fisher - Curr Portion]"/>
        <member name="[CB - Account].[Account CB - Description].&amp;[0223315 - Hays - Curr Portion]"/>
        <member name="[CB - Account].[Account CB - Description].&amp;[0223890 - Curr Note Pay to CC Fund Tr l]"/>
        <member name="[CB - Account].[Account CB - Description].&amp;[0223990 - Adv from Associated Companies]"/>
        <member name="[CB - Account].[Account CB - Description].&amp;[0224000 - Ltd-Note Pay-100Mm Med]"/>
        <member name="[CB - Account].[Account CB - Description].&amp;[0224001 - Ltd-Notes-8.25% Due 2004]"/>
        <member name="[CB - Account].[Account CB - Description].&amp;[0224002 - Ltd-Notes-Rca-Bank America]"/>
        <member name="[CB - Account].[Account CB - Description].&amp;[0224003 - Ltd-Notes-9.13% Due 2003]"/>
        <member name="[CB - Account].[Account CB - Description].&amp;[0224004 - Ltd-Notes-Med Term Note]"/>
        <member name="[CB - Account].[Account CB - Description].&amp;[0224005 - 7 1/4% Senior Notes due 2004]"/>
        <member name="[CB - Account].[Account CB - Description].&amp;[0224006 - Ltd-Notes-7.25%]"/>
        <member name="[CB - Account].[Account CB - Description].&amp;[0224007 - 7.5% Global due 10/1/2009]"/>
        <member name="[CB - Account].[Account CB - Description].&amp;[0224008 - 8% Global due 10/1/2019]"/>
        <member name="[CB - Account].[Account CB - Description].&amp;[0224009 - Ltd Notes-7.38%]"/>
        <member name="[CB - Account].[Account CB - Description].&amp;[0224010 - Ltd-Notes-7% Due 2006]"/>
        <member name="[CB - Account].[Account CB - Description].&amp;[0224011 - 6.25% Note A due 7/15/2005]"/>
        <member name="[CB - Account].[Account CB - Description].&amp;[0224012 - 6.75% Senior B due 7/15/2018]"/>
        <member name="[CB - Account].[Account CB - Description].&amp;[0224013 - Ltd-Credit-Bank]"/>
        <member name="[CB - Account].[Account CB - Description].&amp;[0224014 - Ltd-Credit-Overrun]"/>
        <member name="[CB - Account].[Account CB - Description].&amp;[0224015 - Ltd-Notes-$115Mm(144A)]"/>
        <member name="[CB - Account].[Account CB - Description].&amp;[0224016 - Ltd-Notes-7 .30% Due 2010]"/>
        <member name="[CB - Account].[Account CB - Description].&amp;[0224017 - Equity Units-Mand Conv Debt]"/>
        <member name="[CB - Account].[Account CB - Description].&amp;[0224018 - 6.75% Sr Bond due 2/15/2032]"/>
        <member name="[CB - Account].[Account CB - Description].&amp;[0224019 - 6.25% Sr Bond due 2/15/2013]"/>
        <member name="[CB - Account].[Account CB - Description].&amp;[0224020 - GAINS ON TERMINATED SWAPS]"/>
        <member name="[CB - Account].[Account CB - Description].&amp;[0224021 - MASS MUTUAL LOAN PAY 1/1/86]"/>
        <member name="[CB - Account].[Account CB - Description].&amp;[0224022 - MASS MUTUAL LOANS PAY 1/1/84]"/>
        <member name="[CB - Account].[Account CB - Description].&amp;[0224023 - MASS MUTUAL LOANS PAY 12/15/84]"/>
        <member name="[CB - Account].[Account CB - Description].&amp;[0224024 - MASS MUTUAL LOANS PAY 9/1/85PE]"/>
        <member name="[CB - Account].[Account CB - Description].&amp;[0224025 - MASS MUTUAL LOANS PAY 6/1/86]"/>
        <member name="[CB - Account].[Account CB - Description].&amp;[0224026 - GEN AM LIFE LOANS PAY 9/15/82]"/>
        <member name="[CB - Account].[Account CB - Description].&amp;[0224027 - MASS MUTUAL LOANS PAY 9/1/85TE]"/>
        <member name="[CB - Account].[Account CB - Description].&amp;[0224028 - PAC MUTUAL LOANS PAY 9/25/85]"/>
        <member name="[CB - Account].[Account CB - Description].&amp;[0224029 - PAC MUTUAL LOANS PAY 6/3/87]"/>
        <member name="[CB - Account].[Account CB - Description].&amp;[0224030 - GREATWEST LIFE LOANSPAY 6/1/85]"/>
        <member name="[CB - Account].[Account CB - Description].&amp;[0224031 - TE HARTFORD LOANS PAY 5/31/88]"/>
        <member name="[CB - Account].[Account CB - Description].&amp;[0224032 - PE HARTFORD LOANS PAY 8/31/88]"/>
        <member name="[CB - Account].[Account CB - Description].&amp;[0224033 - MANU LIFE LOANS PAY 12/1/85]"/>
        <member name="[CB - Account].[Account CB - Description].&amp;[0224035 - Ltd-Notes-5.25% due 2007]"/>
        <member name="[CB - Account].[Account CB - Description].&amp;[0224036 - LTD-Note-8.25% due 2005]"/>
        <member name="[CB - Account].[Account CB - Description].&amp;[0224037 - Ltd-Notes-5.69% due 2012]"/>
        <member name="[CB - Account].[Account CB - Description].&amp;[0224038 - Ltd-Notes-5.71% due 2012]"/>
        <member name="[CB - Account].[Account CB - Description].&amp;[0224039 - Ltd-Notes-7% due 2032]"/>
        <member name="[CB - Account].[Account CB - Description].&amp;[0224040 - 1 - Year Bonds - 2003]"/>
        <member name="[CB - Account].[Account CB - Description].&amp;[0224041 - Interco Long Term Debt]"/>
        <member name="[CB - Account].[Account CB - Description].&amp;[0224042 - Long Term Debt Schedule M]"/>
        <member name="[CB - Account].[Account CB - Description].&amp;[0224043 - DEFR LT Debt]"/>
        <member name="[CB - Account].[Account CB - Description].&amp;[0224044 - RUS note current portion]"/>
        <member name="[CB - Account].[Account CB - Description].&amp;[0224045 - FERC Interconnect Liability]"/>
        <member name="[CB - Account].[Account CB - Description].&amp;[0224048 - DEK Private Placement Bond]"/>
        <member name="[CB - Account].[Account CB - Description].&amp;[0224049 - DEK Private Placement Bond]"/>
        <member name="[CB - Account].[Account CB - Description].&amp;[0224050 - TEPPCO-TODHUNTER]"/>
        <member name="[CB - Account].[Account CB - Description].&amp;[0224051 - CORP 234M 4.25% MTN 11/1/39]"/>
        <member name="[CB - Account].[Account CB - Description].&amp;[0224052 - CORP 168M 4.0% MTN 9/1/30]"/>
        <member name="[CB - Account].[Account CB - Description].&amp;[0224053 - DEK 3.7 % 5-Year Put Due 2027]"/>
        <member name="[CB - Account].[Account CB - Description].&amp;[0224066 - DEK Private Placement Bond]"/>
        <member name="[CB - Account].[Account CB - Description].&amp;[0224067 - DEK 19 Pvt Plc Prin Tranche 1]"/>
        <member name="[CB - Account].[Account CB - Description].&amp;[0224068 - DEK 19 Pvt Plc Prin Tranche 2]"/>
        <member name="[CB - Account].[Account CB - Description].&amp;[0224069 - DEK 19 Pvt Plc Prin Tranche 3]"/>
        <member name="[CB - Account].[Account CB - Description].&amp;[0224072 - DEK Priv Place Bond 2020 Tr 2]"/>
        <member name="[CB - Account].[Account CB - Description].&amp;[0224073 - FERC Interconnect Liability ST]"/>
        <member name="[CB - Account].[Account CB - Description].&amp;[0224095 - DEF OTH LTD 400M 2.1% 12/15/19]"/>
        <member name="[CB - Account].[Account CB - Description].&amp;[0224100 - York Co PC Floating Due 2014]"/>
        <member name="[CB - Account].[Account CB - Description].&amp;[0224101 - DEF 800M FLOATING 4/21/2024]"/>
        <member name="[CB - Account].[Account CB - Description].&amp;[0224105 - LT Debt - Sec Fixed Rate]"/>
        <member name="[CB - Account].[Account CB - Description].&amp;[0224110 - CLHFS CURR MAT OF DEBT]"/>
        <member name="[CB - Account].[Account CB - Description].&amp;[0224115 - AHFS NCLIAB LT DEBT]"/>
        <member name="[CB - Account].[Account CB - Description].&amp;[0224200 - LT Debt -Sec Floating]"/>
        <member name="[CB - Account].[Account CB - Description].&amp;[0224205 - LT Debt - Unsecured Fix (Other]"/>
        <member name="[CB - Account].[Account CB - Description].&amp;[0224206 - Ltd Notes 5.56% due 2015]"/>
        <member name="[CB - Account].[Account CB - Description].&amp;[0224207 - Ltd Notes 6.19% due 2025]"/>
        <member name="[CB - Account].[Account CB - Description].&amp;[0224210 - LT Debt - Other Fixed]"/>
        <member name="[CB - Account].[Account CB - Description].&amp;[0224215 - Current Portion SEC Floating]"/>
        <member name="[CB - Account].[Account CB - Description].&amp;[0224250 - Current Portion Unsecured Fix]"/>
        <member name="[CB - Account].[Account CB - Description].&amp;[0224251 - Current Portion of Unsec Float]"/>
        <member name="[CB - Account].[Account CB - Description].&amp;[0224252 - Current Portion of Other Fixed]"/>
        <member name="[CB - Account].[Account CB - Description].&amp;[0224253 - Current Portion of Other Float]"/>
        <member name="[CB - Account].[Account CB - Description].&amp;[0224254 - Current Portion of Unamort Deb]"/>
        <member name="[CB - Account].[Account CB - Description].&amp;[0224255 - Cur Portion - FV Hedge CV Adju]"/>
        <member name="[CB - Account].[Account CB - Description].&amp;[0224260 - Current Portion Unsecured Fix]"/>
        <member name="[CB - Account].[Account CB - Description].&amp;[0224300 - SCHM Fair Value hedge MTM]"/>
        <member name="[CB - Account].[Account CB - Description].&amp;[0224301 - LT DEBT - FV Hedge Adjustment]"/>
        <member name="[CB - Account].[Account CB - Description].&amp;[0224332 - $30M 3.35 DEK 09/15/2029]"/>
        <member name="[CB - Account].[Account CB - Description].&amp;[0224333 - $30M 4.11 DEK 09/15/2047]"/>
        <member name="[CB - Account].[Account CB - Description].&amp;[0224334 - $30M 4.26 DEK 09/15/2057]"/>
        <member name="[CB - Account].[Account CB - Description].&amp;[0224335 - 100M 4 65 DEK DEBS 10/1/19]"/>
        <member name="[CB - Account].[Account CB - Description].&amp;[0224336 - 45M 3 42 DEK 01/15/2026]"/>
        <member name="[CB - Account].[Account CB - Description].&amp;[0224337 - 50M 4 45 DEK 01/15/2046]"/>
        <member name="[CB - Account].[Account CB - Description].&amp;[0224400 - Commercial Paper Payable]"/>
        <member name="[CB - Account].[Account CB - Description].&amp;[0224410 - L-T Commercial Paper]"/>
        <member name="[CB - Account].[Account CB - Description].&amp;[0224420 - LT Note Payable QUIPS Due 9/37]"/>
        <member name="[CB - Account].[Account CB - Description].&amp;[0224430 - LT NotePay TruPS-Due 3/31/2039]"/>
        <member name="[CB - Account].[Account CB - Description].&amp;[0224431 - Note Pay Quips Due 6/30/2038]"/>
        <member name="[CB - Account].[Account CB - Description].&amp;[0224432 - Note Pay Trust III Due 8/2029]"/>
        <member name="[CB - Account].[Account CB - Description].&amp;[0224433 - 4.302% Notes due 5/18/2006]"/>
        <member name="[CB - Account].[Account CB - Description].&amp;[0224434 - 4.37% Notes due 3/1/2009]"/>
        <member name="[CB - Account].[Account CB - Description].&amp;[0224435 - 5.5% Notes due 3/1/20014]"/>
        <member name="[CB - Account].[Account CB - Description].&amp;[0224440 - LT Notes Payable]"/>
        <member name="[CB - Account].[Account CB - Description].&amp;[0224441 - LT Notes Payable - Affiliates]"/>
        <member name="[CB - Account].[Account CB - Description].&amp;[0224450 - Quips Rel Party FPC Cap Trust]"/>
        <member name="[CB - Account].[Account CB - Description].&amp;[0224460 - PNG 100M 6.0% MTN 12/19/33]"/>
        <member name="[CB - Account].[Account CB - Description].&amp;[0224461 - PNG 55M 7.4% MTN 10/3/25]"/>
        <member name="[CB - Account].[Account CB - Description].&amp;[0224462 - PNG 60M 7.95% MTN 9/14/29]"/>
        <member name="[CB - Account].[Account CB - Description].&amp;[0224463 - PNG 250M 4.10% SR NT 9/18/34]"/>
        <member name="[CB - Account].[Account CB - Description].&amp;[0224464 - PNG 40M 7.5% MTN 10/9/26]"/>
        <member name="[CB - Account].[Account CB - Description].&amp;[0224465 - PNG 35M 8.51% SR NOTES 9/30/17]"/>
        <member name="[CB - Account].[Account CB - Description].&amp;[0224466 - PNG 45M 6.87% MTN 10/6/23]"/>
        <member name="[CB - Account].[Account CB - Description].&amp;[0224467 - PNG 40M 8.45% MTN 9/19/24]"/>
        <member name="[CB - Account].[Account CB - Description].&amp;[0224468 - PNG 100M 3.47% SR NT 7/16/27]"/>
        <member name="[CB - Account].[Account CB - Description].&amp;[0224469 - PNG 160M 4.24% SR NOTES 6/6/21]"/>
        <member name="[CB - Account].[Account CB - Description].&amp;[0224470 - PNG 200M 3.57% SR NT 7/16/27]"/>
        <member name="[CB - Account].[Account CB - Description].&amp;[0224471 - PNG 300M 4.65% SR NOTES 8/1/43]"/>
        <member name="[CB - Account].[Account CB - Description].&amp;[0224472 - PNG 150M 3.60% SR NOTES 9/1/25]"/>
        <member name="[CB - Account].[Account CB - Description].&amp;[0224473 - PNG DDE 40M 2.92% SR NT 6/16]"/>
        <member name="[CB - Account].[Account CB - Description].&amp;[0224474 - PNG 300M 3.64% SR NT 11/1/46]"/>
        <member name="[CB - Account].[Account CB - Description].&amp;[0224475 - PNG 2017 Term Loan]"/>
        <member name="[CB - Account].[Account CB - Description].&amp;[0224476 - 2018 PNG Financing - Long-term]"/>
        <member name="[CB - Account].[Account CB - Description].&amp;[0224477 - PNG 600M 3.5% SR NT 6/1/29]"/>
        <member name="[CB - Account].[Account CB - Description].&amp;[0224478 - PNG 400M 3.35% SR NT 6/1/50]"/>
        <member name="[CB - Account].[Account CB - Description].&amp;[0224479 - PNG 350M 2.50% SR NT 3/15/31]"/>
        <member name="[CB - Account].[Account CB - Description].&amp;[0224480 - PNG 400M 5.05% SR NT 5/15/52]"/>
        <member name="[CB - Account].[Account CB - Description].&amp;[0224500 - CURRENT PORTION LTD]"/>
        <member name="[CB - Account].[Account CB - Description].&amp;[0224501 - PGN OTH LTD 1.25B 7.10% SR-201]"/>
        <member name="[CB - Account].[Account CB - Description].&amp;[0224502 - PGN OTHER 650M 7.75% 3/1/31]"/>
        <member name="[CB - Account].[Account CB - Description].&amp;[0224503 - PGN OTHER 400M 7% 10/30/31]"/>
        <member name="[CB - Account].[Account CB - Description].&amp;[0224504 - PGN OTHER 450M 3.15% 4/1/22]"/>
        <member name="[CB - Account].[Account CB - Description].&amp;[0224506 - PGN OTHER 300M 5.625% 1/15/16]"/>
        <member name="[CB - Account].[Account CB - Description].&amp;[0224507 - PGN OTHER 300M 6.05% 3/15/14]"/>
        <member name="[CB - Account].[Account CB - Description].&amp;[0224508 - PGN OTHER 450M 7.05% 3/15/19]"/>
        <member name="[CB - Account].[Account CB - Description].&amp;[0224509 - PGN OTHER 350M 4.875% 12/1/19]"/>
        <member name="[CB - Account].[Account CB - Description].&amp;[0224511 - DEF OTHER 150M 6.75% 2/1/28]"/>
        <member name="[CB - Account].[Account CB - Description].&amp;[0224512 - PEC OTH LTD 500M 6.5% NOTES]"/>
        <member name="[CB - Account].[Account CB - Description].&amp;[0224513 - PGN OTHER 500M 4.4% 1/15/21]"/>
        <member name="[CB - Account].[Account CB - Description].&amp;[0224514 - PGN OTHER 600M 6% 12/1/39]"/>
        <member name="[CB - Account].[Account CB - Description].&amp;[0224520 - 7.375% Sr Unsecur Nts due 3/10]"/>
        <member name="[CB - Account].[Account CB - Description].&amp;[0224550 - L/T DEPR Debt]"/>
        <member name="[CB - Account].[Account CB - Description].&amp;[0224560 - Long term Debt DERF DUE 9/5/06]"/>
        <member name="[CB - Account].[Account CB - Description].&amp;[0224570 - NP&amp;L 6% PROMISSORY NOTE]"/>
        <member name="[CB - Account].[Account CB - Description].&amp;[0224580 - Oconee Co 1999 SerA due 2/1/17]"/>
        <member name="[CB - Account].[Account CB - Description].&amp;[0224581 - DEP 700M TRM LOAN FLTG12/31/20]"/>
        <member name="[CB - Account].[Account CB - Description].&amp;[0224589 - DEP 700M Floater 2/18/22]"/>
        <member name="[CB - Account].[Account CB - Description].&amp;[0224590 - Oconee Co 1999 SerB due 2/1/17]"/>
        <member name="[CB - Account].[Account CB - Description].&amp;[0224600 - Gaston Co 1999 Ser due 10/1/12]"/>
        <member name="[CB - Account].[Account CB - Description].&amp;[0224610 - PC Bonds 2006 A 10-1-2031]"/>
        <member name="[CB - Account].[Account CB - Description].&amp;[0224620 - PC Bonds 2006 B 10-1-2031]"/>
        <member name="[CB - Account].[Account CB - Description].&amp;[0224630 - Notes Payable to Trust- QUIP]"/>
        <member name="[CB - Account].[Account CB - Description].&amp;[0224640 - Oconee CO 5.8% PC Due 9/3/14]"/>
        <member name="[CB - Account].[Account CB - Description].&amp;[0224650 - Notes Payable to Trust- TruPS]"/>
        <member name="[CB - Account].[Account CB - Description].&amp;[0224660 - 7.7% Gaston Pc Bonds Due 2012]"/>
        <member name="[CB - Account].[Account CB - Description].&amp;[0224670 - Electric Center Mortgage]"/>
        <member name="[CB - Account].[Account CB - Description].&amp;[0224680 - Oconee PC Var Due 2/1/2017]"/>
        <member name="[CB - Account].[Account CB - Description].&amp;[0224685 - Oconee PC Bonds 3.6% 2/1/2017]"/>
        <member name="[CB - Account].[Account CB - Description].&amp;[0224690 - Advances w/ Pan Energy Service]"/>
        <member name="[CB - Account].[Account CB - Description].&amp;[0224695 - LT Note w/DE Services, Inc.]"/>
        <member name="[CB - Account].[Account CB - Description].&amp;[0224696 - Other Longterm Liab]"/>
        <member name="[CB - Account].[Account CB - Description].&amp;[0224697 - NP Project Loan Long Term]"/>
        <member name="[CB - Account].[Account CB - Description].&amp;[0224698 - CURRENT PORTION OF PCL]"/>
        <member name="[CB - Account].[Account CB - Description].&amp;[0224699 - Commodity Margin Desolution]"/>
        <member name="[CB - Account].[Account CB - Description].&amp;[0224700 - Deferred Liability-Severence]"/>
        <member name="[CB - Account].[Account CB - Description].&amp;[0224701 - Deferred Loss on Commodity Ops]"/>
        <member name="[CB - Account].[Account CB - Description].&amp;[0224702 - Deferred Office Lease Cancella]"/>
        <member name="[CB - Account].[Account CB - Description].&amp;[0224703 - LT NR W/CRA 30077]"/>
        <member name="[CB - Account].[Account CB - Description].&amp;[0224801 - 5 375 CG&amp;E Ser 2003B 6/15/33]"/>
        <member name="[CB - Account].[Account CB - Description].&amp;[0224802 - 5 40 CG&amp;E Ser 2003A 6/15/33]"/>
        <member name="[CB - Account].[Account CB - Description].&amp;[0224803 - 500M CG&amp;E Deb 5 7 9/15/12]"/>
        <member name="[CB - Account].[Account CB - Description].&amp;[0224804 - PC Bonds 2007A 11/01/2040]"/>
        <member name="[CB - Account].[Account CB - Description].&amp;[0224805 - PC Bonds 2007B 11/01/2040]"/>
        <member name="[CB - Account].[Account CB - Description].&amp;[0224808 - Debs CG&amp;E 6 90 6-1-25]"/>
        <member name="[CB - Account].[Account CB - Description].&amp;[0224814 - 7 875 Snr Uns Debs 9/15/09]"/>
        <member name="[CB - Account].[Account CB - Description].&amp;[0224815 - Jr Maturing Prin Securities]"/>
        <member name="[CB - Account].[Account CB - Description].&amp;[0224824 - Senior Notes 6 52 3/15/09]"/>
        <member name="[CB - Account].[Account CB - Description].&amp;[0224827 - Medium Term Notes - A]"/>
        <member name="[CB - Account].[Account CB - Description].&amp;[0224830 - Medium Term Notes - B]"/>
        <member name="[CB - Account].[Account CB - Description].&amp;[0224831 - 400M 5 0 PSI Debs 9/15/13]"/>
        <member name="[CB - Account].[Account CB - Description].&amp;[0224832 - 6 20 CGR Debs Due11/03/08]"/>
        <member name="[CB - Account].[Account CB - Description].&amp;[0224833 - CORP DEB 6 53 12/16/08]"/>
        <member name="[CB - Account].[Account CB - Description].&amp;[0224834 - Long Term Debt]"/>
        <member name="[CB - Account].[Account CB - Description].&amp;[0224835 - PSI PCB 2005A]"/>
        <member name="[CB - Account].[Account CB - Description].&amp;[0224836 - PSI 350M 10/35]"/>
        <member name="[CB - Account].[Account CB - Description].&amp;[0224837 - VIE - Non-recourse LTD]"/>
        <member name="[CB - Account].[Account CB - Description].&amp;[0224839 - ULHP 50M 5 75 3/10/16]"/>
        <member name="[CB - Account].[Account CB - Description].&amp;[0224840 - ULHP 65M 6 2 3/10/2036]"/>
        <member name="[CB - Account].[Account CB - Description].&amp;[0224841 - PSI 325M 6 05 06/15/16]"/>
        <member name="[CB - Account].[Account CB - Description].&amp;[0224842 - ULHP PCB 06A]"/>
        <member name="[CB - Account].[Account CB - Description].&amp;[0224843 - ULHP PCB 06B]"/>
        <member name="[CB - Account].[Account CB - Description].&amp;[0224844 - KY 5% 40M DEBS DUE 12/15/14]"/>
        <member name="[CB - Account].[Account CB - Description].&amp;[0224845 - OAQD $47M 2004 SER A 11/1/39]"/>
        <member name="[CB - Account].[Account CB - Description].&amp;[0224846 - OAQD 47M 2004 SER B 11/1/39]"/>
        <member name="[CB - Account].[Account CB - Description].&amp;[0224847 - IDFA 2004B 77 12512/1/2039]"/>
        <member name="[CB - Account].[Account CB - Description].&amp;[0224848 - IDFA 2004C 77 12512/1/2039]"/>
        <member name="[CB - Account].[Account CB - Description].&amp;[0224849 - Rus Obligation]"/>
        <member name="[CB - Account].[Account CB - Description].&amp;[0224850 - Environ Wood Supply LT Debt]"/>
        <member name="[CB - Account].[Account CB - Description].&amp;[0224851 - Tranche B]"/>
        <member name="[CB - Account].[Account CB - Description].&amp;[0224853 - CLT Metro Debt]"/>
        <member name="[CB - Account].[Account CB - Description].&amp;[0224866 - IDFA 2004C 77.25 12/1/39]"/>
        <member name="[CB - Account].[Account CB - Description].&amp;[0224867 - IDFA 2004B 77.25 12/1/39]"/>
        <member name="[CB - Account].[Account CB - Description].&amp;[0224872 - DEI 77 25M IDFA 2009A3 12/1/39]"/>
        <member name="[CB - Account].[Account CB - Description].&amp;[0224873 - DEI 77 25M IDFA 2009A4 12/1/39]"/>
        <member name="[CB - Account].[Account CB - Description].&amp;[0225000 - Equity Units-Unamortized Disc]"/>
        <member name="[CB - Account].[Account CB - Description].&amp;[0225010 - Inactive]"/>
        <member name="[CB - Account].[Account CB - Description].&amp;[0225011 - Long-term Debt - Premium]"/>
        <member name="[CB - Account].[Account CB - Description].&amp;[0225015 - Unamort Premiums - Purch Acctg]"/>
        <member name="[CB - Account].[Account CB - Description].&amp;[0225021 - Unamort Premiums-Curr]"/>
        <member name="[CB - Account].[Account CB - Description].&amp;[0225150 - Inactive]"/>
        <member name="[CB - Account].[Account CB - Description].&amp;[0225190 - 12/95]"/>
        <member name="[CB - Account].[Account CB - Description].&amp;[0225210 - 7.125% Roars Due  9-3-2012]"/>
        <member name="[CB - Account].[Account CB - Description].&amp;[0225230 - Inactive]"/>
        <member name="[CB - Account].[Account CB - Description].&amp;[0225240 - Inactive]"/>
        <member name="[CB - Account].[Account CB - Description].&amp;[0225260 - Inactive]"/>
        <member name="[CB - Account].[Account CB - Description].&amp;[0225280 - Inactive]"/>
        <member name="[CB - Account].[Account CB - Description].&amp;[0225290 - Inactive]"/>
        <member name="[CB - Account].[Account CB - Description].&amp;[0225291 - $750M 3.20% FMB due 8/15/49]"/>
        <member name="[CB - Account].[Account CB - Description].&amp;[0225800 - UnamPrmLiqAsstW/CoupExch100107]"/>
        <member name="[CB - Account].[Account CB - Description].&amp;[0225802 - UNAMPREM DEI FMB SERCCC 011522]"/>
        <member name="[CB - Account].[Account CB - Description].&amp;[0225804 - UnamPrm,PA CG&amp;EB5 45SerB010124]"/>
        <member name="[CB - Account].[Account CB - Description].&amp;[0225812 - UNAMPRM PA 5 40  2003A 6/15/33]"/>
        <member name="[CB - Account].[Account CB - Description].&amp;[0225822 - UNAMPRM PA DEBS 6 90 6/1/25]"/>
        <member name="[CB - Account].[Account CB - Description].&amp;[0225955 - UnamPrm,PABondsCG&amp;ESerA5451124]"/>
        <member name="[CB - Account].[Account CB - Description].&amp;[0225956 - UnamPrm,PA 6 4 CG&amp;E Debs040108]"/>
        <member name="[CB - Account].[Account CB - Description].&amp;[0225957 - UnamPrm,PA6 20CGRDebs Due11308]"/>
        <member name="[CB - Account].[Account CB - Description].&amp;[0225958 - UnamPrm,PA CORPDEB6 53 121608]"/>
        <member name="[CB - Account].[Account CB - Description].&amp;[0226000 - Unamort Dde-8.25% Due 2004]"/>
        <member name="[CB - Account].[Account CB - Description].&amp;[0226001 - Unamort Disc 8.625%]"/>
        <member name="[CB - Account].[Account CB - Description].&amp;[0226002 - Unamort Disc-Sr Notes due 2004]"/>
        <member name="[CB - Account].[Account CB - Description].&amp;[0226003 - Unamort Disc-7.38%]"/>
        <member name="[CB - Account].[Account CB - Description].&amp;[0226004 - Unamort Disc-7%]"/>
        <member name="[CB - Account].[Account CB - Description].&amp;[0226005 - Unamort Disc - Senior Note A]"/>
        <member name="[CB - Account].[Account CB - Description].&amp;[0226006 - Unamort Disc - Senior Note B]"/>
        <member name="[CB - Account].[Account CB - Description].&amp;[0226007 - Unamort Disc-Sr Notes Due 2009]"/>
        <member name="[CB - Account].[Account CB - Description].&amp;[0226008 - Unamort Disc-Sr Notes Due 2019]"/>
        <member name="[CB - Account].[Account CB - Description].&amp;[0226009 - Cntra Liability/Unamort Discnt]"/>
        <member name="[CB - Account].[Account CB - Description].&amp;[0226010 - DEFPFDEBTDISC]"/>
        <member name="[CB - Account].[Account CB - Description].&amp;[0226011 - Unamort Disc-Swap Termination]"/>
        <member name="[CB - Account].[Account CB - Description].&amp;[0226012 - Uanort Disc-Sr Bond-2032]"/>
        <member name="[CB - Account].[Account CB - Description].&amp;[0226013 - Uanort Disc-Sr Bond-2013]"/>
        <member name="[CB - Account].[Account CB - Description].&amp;[0226014 - Unamor Disc Quips 6/2038]"/>
        <member name="[CB - Account].[Account CB - Description].&amp;[0226015 - Unamor Disc TrustIII 8/2029]"/>
        <member name="[CB - Account].[Account CB - Description].&amp;[0226016 - Unamortized Discount-SchM]"/>
        <member name="[CB - Account].[Account CB - Description].&amp;[0226018 - DEF 650M UNAMDIS 2.4% 12/15/31]"/>
        <member name="[CB - Account].[Account CB - Description].&amp;[0226019 - DEF 500M UNAMDIS 3% 12/15/2051]"/>
        <member name="[CB - Account].[Account CB - Description].&amp;[0226020 - $250m SR FLOATING 12/8/2005]"/>
        <member name="[CB - Account].[Account CB - Description].&amp;[0226021 - Unamort Discount-Curr]"/>
        <member name="[CB - Account].[Account CB - Description].&amp;[0226022 - $300M 5.1% FMB due 4/15/2018]"/>
        <member name="[CB - Account].[Account CB - Description].&amp;[0226023 - $600M 6.05% FMB due 4/15/2038]"/>
        <member name="[CB - Account].[Account CB - Description].&amp;[0226030 - Maxes Due 12/03/12]"/>
        <member name="[CB - Account].[Account CB - Description].&amp;[0226040 - Pollution Cntrl Oblig Due 2017]"/>
        <member name="[CB - Account].[Account CB - Description].&amp;[0226043 - DEP UNAMDIS 500M 4.15% 12/1/44]"/>
        <member name="[CB - Account].[Account CB - Description].&amp;[0226044 - DEP UNAMDIS 650M 2.00% 2031]"/>
        <member name="[CB - Account].[Account CB - Description].&amp;[0226045 - DEF Long Term Debt Dis]"/>
        <member name="[CB - Account].[Account CB - Description].&amp;[0226046 - DEF UNAMDIS 600M 3.80% 7/15/28]"/>
        <member name="[CB - Account].[Account CB - Description].&amp;[0226047 - DEF UNAMDIS 400M 4.20%]"/>
        <member name="[CB - Account].[Account CB - Description].&amp;[0226050 - 6 3/8% Series Due 2008]"/>
        <member name="[CB - Account].[Account CB - Description].&amp;[0226051 - DEP UNAMDIS 500M 3.25% 2025]"/>
        <member name="[CB - Account].[Account CB - Description].&amp;[0226052 - DEP UNAMDIS 700M 4.20% 2045]"/>
        <member name="[CB - Account].[Account CB - Description].&amp;[0226053 - DEP UNAMDIS 450M 3.70% 10/15/4]"/>
        <member name="[CB - Account].[Account CB - Description].&amp;[0226054 - 2017 Q3/Q4 Issuance- Debt Dis]"/>
        <member name="[CB - Account].[Account CB - Description].&amp;[0226055 - $500M 3.90% FMB due 6/15/21]"/>
        <member name="[CB - Account].[Account CB - Description].&amp;[0226058 - DEP UNAMDIS 500M 3.60%  9/15/4]"/>
        <member name="[CB - Account].[Account CB - Description].&amp;[0226059 - DEP UNAMDIS 300M 3.375% 2023]"/>
        <member name="[CB - Account].[Account CB - Description].&amp;[0226060 - 7.5% Series Due 2025]"/>
        <member name="[CB - Account].[Account CB - Description].&amp;[0226061 - DEP UNAMDIS 450M 2.90% 2051]"/>
        <member name="[CB - Account].[Account CB - Description].&amp;[0226062 - $650M 4% FMB due 9/30/42]"/>
        <member name="[CB - Account].[Account CB - Description].&amp;[0226063 - Unamort Disc $600M (TBDA)]"/>
        <member name="[CB - Account].[Account CB - Description].&amp;[0226064 - Unamort Disc $600M (TBDB)]"/>
        <member name="[CB - Account].[Account CB - Description].&amp;[0226065 - DEP UNAMDIS 500M 3.70% 2028]"/>
        <member name="[CB - Account].[Account CB - Description].&amp;[0226070 - DEC UNAMDIS $100M 1.679% 2031]"/>
        <member name="[CB - Account].[Account CB - Description].&amp;[0226071 - DEC UNAMDIS $137M 2.617% 2041]"/>
        <member name="[CB - Account].[Account CB - Description].&amp;[0226072 - DEP UNAMDIS $221M 1.295% 2028]"/>
        <member name="[CB - Account].[Account CB - Description].&amp;[0226073 - DEP UNAMDIS $352M 2.387% 2037]"/>
        <member name="[CB - Account].[Account CB - Description].&amp;[0226074 - DEP UNAMDIS $197M 2.799% 2041]"/>
        <member name="[CB - Account].[Account CB - Description].&amp;[0226075 - DEP UNAMDIS 400M 4.375% 3/30/2]"/>
        <member name="[CB - Account].[Account CB - Description].&amp;[0226080 - 8.75% Series Due 2021]"/>
        <member name="[CB - Account].[Account CB - Description].&amp;[0226081 - DEC UNAMDIS $500M 2.85% 2032]"/>
        <member name="[CB - Account].[Account CB - Description].&amp;[0226082 - DEC UNAMDIS $650M 3.55% 2052]"/>
        <member name="[CB - Account].[Account CB - Description].&amp;[0226083 - DEP UNAMDIS $500M 3.40% due 20]"/>
        <member name="[CB - Account].[Account CB - Description].&amp;[0226084 - DEP UNAMDIS $400M 4.00% due 52]"/>
        <member name="[CB - Account].[Account CB - Description].&amp;[0226085 - DEF 500M UNAMDIS 5.95% 11/2052]"/>
        <member name="[CB - Account].[Account CB - Description].&amp;[0226089 - 2020 First Mortgage Bond]"/>
        <member name="[CB - Account].[Account CB - Description].&amp;[0226090 - 7.375% Sr Unsecur Nts due 3/10]"/>
        <member name="[CB - Account].[Account CB - Description].&amp;[0226091 - DEF 600M UNAMDIS 3.4% 10/1/46]"/>
        <member name="[CB - Account].[Account CB - Description].&amp;[0226092 - DEFUNAMDIS 250M 1.85% 1/15/20]"/>
        <member name="[CB - Account].[Account CB - Description].&amp;[0226093 - DEF UNAMDIS 650M 3.20% 1/15/27]"/>
        <member name="[CB - Account].[Account CB - Description].&amp;[0226094 - $550M 3.7% FMB due 12/1/2047]"/>
        <member name="[CB - Account].[Account CB - Description].&amp;[0226095 - DEF UNAMDIS 400M 2.1% 12/15/19]"/>
        <member name="[CB - Account].[Account CB - Description].&amp;[0226096 - $500M 3.05% FMB 3/15/2023]"/>
        <member name="[CB - Account].[Account CB - Description].&amp;[0226097 - $500M 3.95% FMB due 3/15/2048]"/>
        <member name="[CB - Account].[Account CB - Description].&amp;[0226098 - 2019 DEF Fixed rate]"/>
        <member name="[CB - Account].[Account CB - Description].&amp;[0226100 - Pollut Control Bonds-Floating]"/>
        <member name="[CB - Account].[Account CB - Description].&amp;[0226110 - Floating Senior due 1-15-2005]"/>
        <member name="[CB - Account].[Account CB - Description].&amp;[0226120 - Mortgage Bonds 7% Due 2000]"/>
        <member name="[CB - Account].[Account CB - Description].&amp;[0226130 - $200M Ret Notes 6.6%-12/31/38]"/>
        <member name="[CB - Account].[Account CB - Description].&amp;[0226140 - Core Bond 11/30/07 4.611%]"/>
        <member name="[CB - Account].[Account CB - Description].&amp;[0226150 - QUIPS Discount]"/>
        <member name="[CB - Account].[Account CB - Description].&amp;[0226160 - TruPS Discount]"/>
        <member name="[CB - Account].[Account CB - Description].&amp;[0226170 - TruPS Debt Disc. $250M Due2039]"/>
        <member name="[CB - Account].[Account CB - Description].&amp;[0226180 - 6.25% Senior due 1-15-2012]"/>
        <member name="[CB - Account].[Account CB - Description].&amp;[0226190 - 12/95]"/>
        <member name="[CB - Account].[Account CB - Description].&amp;[0226200 - 5 3/8% Series Due 1997]"/>
        <member name="[CB - Account].[Account CB - Description].&amp;[0226201 - $500M 7.00% FMB due 11/15/2018]"/>
        <member name="[CB - Account].[Account CB - Description].&amp;[0226210 - $500M FMB 3.75% DUE 3-5-08]"/>
        <member name="[CB - Account].[Account CB - Description].&amp;[0226212 - DEI FMB Ser UUU $250M 3/15/42]"/>
        <member name="[CB - Account].[Account CB - Description].&amp;[0226220 - Inactive]"/>
        <member name="[CB - Account].[Account CB - Description].&amp;[0226226 - $400M 5.75% FMB due 11/15/2013]"/>
        <member name="[CB - Account].[Account CB - Description].&amp;[0226230 - $200M FMB 4.5% DUE 4-1-2010]"/>
        <member name="[CB - Account].[Account CB - Description].&amp;[0226240 - Sr Unsecured Bds due 10/15/32]"/>
        <member name="[CB - Account].[Account CB - Description].&amp;[0226250 - 7% Fst/Ref Mort Bonds Due 7/33]"/>
        <member name="[CB - Account].[Account CB - Description].&amp;[0226260 - $300M SR NT 4.2% 10/1/08]"/>
        <member name="[CB - Account].[Account CB - Description].&amp;[0226270 - $500M FMB 5.3% 10/1/2015]"/>
        <member name="[CB - Account].[Account CB - Description].&amp;[0226280 - $770M Sr Conv Bonds Due5-15-23]"/>
        <member name="[CB - Account].[Account CB - Description].&amp;[0226281 - $500M 2.45% FMB due 2/1/30]"/>
        <member name="[CB - Account].[Account CB - Description].&amp;[0226282 - $550M 2.55% FMB due 4/15/31]"/>
        <member name="[CB - Account].[Account CB - Description].&amp;[0226283 - $550M 2.55% FMB due 4/15/31]"/>
        <member name="[CB - Account].[Account CB - Description].&amp;[0226284 - $650M 4.25% FMB due 12/15/2041]"/>
        <member name="[CB - Account].[Account CB - Description].&amp;[0226285 - $750M 5.3% FMB due 2/15/2040]"/>
        <member name="[CB - Account].[Account CB - Description].&amp;[0226286 - $450M 4.3% FMB due 6/15/2020]"/>
        <member name="[CB - Account].[Account CB - Description].&amp;[0226287 - $350M 3.35% FMB due 5/15/22]"/>
        <member name="[CB - Account].[Account CB - Description].&amp;[0226288 - $650M 3.95% FMB due 11/15/28]"/>
        <member name="[CB - Account].[Account CB - Description].&amp;[0226289 - $450M 2.45% FMB due 8/15/29]"/>
        <member name="[CB - Account].[Account CB - Description].&amp;[0226290 - 8.27% Medium Term Notes Due]"/>
        <member name="[CB - Account].[Account CB - Description].&amp;[0226291 - $750M 3.20% FMB due 8/15/49]"/>
        <member name="[CB - Account].[Account CB - Description].&amp;[0226300 - 5.8% Oconee Pc Due 2014]"/>
        <member name="[CB - Account].[Account CB - Description].&amp;[0226310 - 12/95]"/>
        <member name="[CB - Account].[Account CB - Description].&amp;[0226320 - Quips Financing-$350M Due 2037]"/>
        <member name="[CB - Account].[Account CB - Description].&amp;[0226330 - 6.125% Mtn Bonds Due 7/2003]"/>
        <member name="[CB - Account].[Account CB - Description].&amp;[0226335 - UnamDis 4 65 DEK Deb 10/1/19]"/>
        <member name="[CB - Account].[Account CB - Description].&amp;[0226340 - Oconee Co 1999 SerA due 2/1/17]"/>
        <member name="[CB - Account].[Account CB - Description].&amp;[0226350 - $250M Retail Bonds Due 4/1/22]"/>
        <member name="[CB - Account].[Account CB - Description].&amp;[0226355 - Unamrt Disc 5.56% due 2015]"/>
        <member name="[CB - Account].[Account CB - Description].&amp;[0226360 - UnAmor Dis 6.19% due 2025]"/>
        <member name="[CB - Account].[Account CB - Description].&amp;[0226370 - Sen Unsecured Notes 11/30/12]"/>
        <member name="[CB - Account].[Account CB - Description].&amp;[0226380 - Series A 6% Snr Notes Due 2028]"/>
        <member name="[CB - Account].[Account CB - Description].&amp;[0226390 - Oconee Co 1999 SerB due 2/1/17]"/>
        <member name="[CB - Account].[Account CB - Description].&amp;[0226400 - Gaston Co 1999 Ser due 10/1/12]"/>
        <member name="[CB - Account].[Account CB - Description].&amp;[0226410 - 8.00% Series Due 2004]"/>
        <member name="[CB - Account].[Account CB - Description].&amp;[0226420 - 8.625% Series Due 2022]"/>
        <member name="[CB - Account].[Account CB - Description].&amp;[0226430 - 6.875% 1St Mortg Bonds-8/23]"/>
        <member name="[CB - Account].[Account CB - Description].&amp;[0226440 - 6.75% 1St Mortg Bonds Due 8/25]"/>
        <member name="[CB - Account].[Account CB - Description].&amp;[0226450 - 5.17% Mtn Bonds Due 9/98]"/>
        <member name="[CB - Account].[Account CB - Description].&amp;[0226463 - PNG UNAMDISC $250M 9/18/34]"/>
        <member name="[CB - Account].[Account CB - Description].&amp;[0226471 - PNG UNAMDISC 300M SR NT 8/1/43]"/>
        <member name="[CB - Account].[Account CB - Description].&amp;[0226472 - PNG UNAMDISC $150M 9/1/25]"/>
        <member name="[CB - Account].[Account CB - Description].&amp;[0226474 - PNG UA300M 3.64% SR NT 11/1/46]"/>
        <member name="[CB - Account].[Account CB - Description].&amp;[0226476 - PNG UNAMDISC 2018]"/>
        <member name="[CB - Account].[Account CB - Description].&amp;[0226477 - PNG UNAMDISC $600M SR NT 6/1/2]"/>
        <member name="[CB - Account].[Account CB - Description].&amp;[0226478 - PNG UNAMDISC 400M SR NT 6/1/50]"/>
        <member name="[CB - Account].[Account CB - Description].&amp;[0226479 - PNG UNAMDIC 350M SR NT 3/15/31]"/>
        <member name="[CB - Account].[Account CB - Description].&amp;[0226480 - PNG UNAMDIC 400M SR NT 5/15/52]"/>
        <member name="[CB - Account].[Account CB - Description].&amp;[0226502 - PGN UNAMDIS 650M 7.75% 3/1/31]"/>
        <member name="[CB - Account].[Account CB - Description].&amp;[0226503 - PGN UNAMDIS 400M 7% 10/30/31]"/>
        <member name="[CB - Account].[Account CB - Description].&amp;[0226504 - PGN UNAMDIS 450M 3.15% 4/1/22]"/>
        <member name="[CB - Account].[Account CB - Description].&amp;[0226506 - PGN UNAMDIS 300M5.625%1/15/16]"/>
        <member name="[CB - Account].[Account CB - Description].&amp;[0226507 - PGN UNAMDIS 300M 6.05% 3/15/14]"/>
        <member name="[CB - Account].[Account CB - Description].&amp;[0226508 - PGN UNAMDIS 450M 7.05% 3/15/19]"/>
        <member name="[CB - Account].[Account CB - Description].&amp;[0226509 - PGN DISC 350M 4.875% 12/1/19]"/>
        <member name="[CB - Account].[Account CB - Description].&amp;[0226511 - DEF UNAMDIS 150M 6.75% 2/1/28]"/>
        <member name="[CB - Account].[Account CB - Description].&amp;[0226512 - PEC UNAMDIS LTD 500M 6.5% NOTE]"/>
        <member name="[CB - Account].[Account CB - Description].&amp;[0226513 - PGN UNAMDIS 500M 4.4% 1/15/21]"/>
        <member name="[CB - Account].[Account CB - Description].&amp;[0226514 - PGN UNAMDIS 600M 6% 12/1/39]"/>
        <member name="[CB - Account].[Account CB - Description].&amp;[0226534 - DEF UNAMDIS 425M 4.8% 3/1/13]"/>
        <member name="[CB - Account].[Account CB - Description].&amp;[0226535 - DEF UNAMDIS 225M 5.9% 3/1/33]"/>
        <member name="[CB - Account].[Account CB - Description].&amp;[0226536 - DEF UNAMDIS 300M 5.1% 12/1/15]"/>
        <member name="[CB - Account].[Account CB - Description].&amp;[0226537 - DEF UNAMDIS 500M 6.35% 9/15/37]"/>
        <member name="[CB - Account].[Account CB - Description].&amp;[0226538 - DEF UNAMDIS 250M 5.80% 9/15/17]"/>
        <member name="[CB - Account].[Account CB - Description].&amp;[0226539 - DEF UNAMDIS 500M 5.65% 6/15/18]"/>
        <member name="[CB - Account].[Account CB - Description].&amp;[0226541 - DEF UNAMDIS 250M 4.55% 4/1/20]"/>
        <member name="[CB - Account].[Account CB - Description].&amp;[0226542 - DEF UNAMDIS 350M 5.65% 4/1/40]"/>
        <member name="[CB - Account].[Account CB - Description].&amp;[0226543 - DEP UNAMDIS 300M 5.15% 2015]"/>
        <member name="[CB - Account].[Account CB - Description].&amp;[0226544 - DEP UNAMDIS 200M 5.70% 2035]"/>
        <member name="[CB - Account].[Account CB - Description].&amp;[0226545 - DEP UNAMDIS 400M 5.25% 2015]"/>
        <member name="[CB - Account].[Account CB - Description].&amp;[0226546 - DEP UNAMDIS 325M 6.30% 2038]"/>
        <member name="[CB - Account].[Account CB - Description].&amp;[0226547 - DEP UNAMDIS 600M 5.30% 2019]"/>
        <member name="[CB - Account].[Account CB - Description].&amp;[0226548 - DEP UNAMDIS 400M 5.125% 2013]"/>
        <member name="[CB - Account].[Account CB - Description].&amp;[0226549 - DEP UNAMDIS 200M 6.125% 2033]"/>
        <member name="[CB - Account].[Account CB - Description].&amp;[0226564 - DEF UNAMDIS 300M 3.10% 8/15/21]"/>
        <member name="[CB - Account].[Account CB - Description].&amp;[0226565 - DEF UNAMDIS 1B 6.40% 6/15/38]"/>
        <member name="[CB - Account].[Account CB - Description].&amp;[0226566 - DEP UNAMDIS 100M 8 5/8% 2021]"/>
        <member name="[CB - Account].[Account CB - Description].&amp;[0226567 - DEP 500M 3.00% 9/15/21]"/>
        <member name="[CB - Account].[Account CB - Description].&amp;[0226568 - DEP 500M 2.80% 5/15/22]"/>
        <member name="[CB - Account].[Account CB - Description].&amp;[0226569 - DEF UNAMDIS 400M 3.85 11/15/42]"/>
        <member name="[CB - Account].[Account CB - Description].&amp;[0226571 - DEF UNAMDIS 250M .65% 11/15/15]"/>
        <member name="[CB - Account].[Account CB - Description].&amp;[0226572 - DEP UNAMDIS 500M 4.10% 5/15/42]"/>
        <member name="[CB - Account].[Account CB - Description].&amp;[0226573 - DEP UNAMDIS 500M 4.10% 3/15/43]"/>
        <member name="[CB - Account].[Account CB - Description].&amp;[0226575 - FMB issuing June 2013 - Discnt]"/>
        <member name="[CB - Account].[Account CB - Description].&amp;[0226576 - FMB issuing 06/13-Discnt Varia]"/>
        <member name="[CB - Account].[Account CB - Description].&amp;[0226577 - FMBissuing June 2013 - Discnt]"/>
        <member name="[CB - Account].[Account CB - Description].&amp;[0226578 - FMB issuing 8/13-Dscnt Variabl]"/>
        <member name="[CB - Account].[Account CB - Description].&amp;[0226579 - FMB issuing May 2016 $500MDisc]"/>
        <member name="[CB - Account].[Account CB - Description].&amp;[0226580 - DEO DIS 250M 3.70% FMB 6/15/46]"/>
        <member name="[CB - Account].[Account CB - Description].&amp;[0226582 - DEO Fixed Rate FMB]"/>
        <member name="[CB - Account].[Account CB - Description].&amp;[0226583 - DEO Fixed Rate FMB]"/>
        <member name="[CB - Account].[Account CB - Description].&amp;[0226584 - DEP 600M 3.45% 3/15/2029]"/>
        <member name="[CB - Account].[Account CB - Description].&amp;[0226585 - FMB Issuing Sep 2019 $500M 30Y]"/>
        <member name="[CB - Account].[Account CB - Description].&amp;[0226586 - FMB issuing Mar 2020 $550M 30Y]"/>
        <member name="[CB - Account].[Account CB - Description].&amp;[0226587 - DEO Debt Discount]"/>
        <member name="[CB - Account].[Account CB - Description].&amp;[0226588 - DEP UNAMDIS 600M 2.50% 8/15/50]"/>
        <member name="[CB - Account].[Account CB - Description].&amp;[0226680 - Oconee PC Var Due 2/1/2017]"/>
        <member name="[CB - Account].[Account CB - Description].&amp;[0226685 - Oconee PC Bonds 3.6% 2/1/2017]"/>
        <member name="[CB - Account].[Account CB - Description].&amp;[0226700 - Unamort Debt Discount]"/>
        <member name="[CB - Account].[Account CB - Description].&amp;[0226701 - Quips Bond Discount]"/>
        <member name="[CB - Account].[Account CB - Description].&amp;[0226800 - UnamDis BondsCG&amp;EB545SerB 1124]"/>
        <member name="[CB - Account].[Account CB - Description].&amp;[0226801 - $500M 6.1% Snr Note due 6/1/37]"/>
        <member name="[CB - Account].[Account CB - Description].&amp;[0226802 - $400M 5.25% FMB due 1/15/18]"/>
        <member name="[CB - Account].[Account CB - Description].&amp;[0226803 - $500M 6.0% FMB due 1/15/38]"/>
        <member name="[CB - Account].[Account CB - Description].&amp;[0226804 - Unam Dis Debs CG&amp;E 6 90 6-1-25]"/>
        <member name="[CB - Account].[Account CB - Description].&amp;[0226805 - UnamDis 5 375CG&amp;ESer2003B61533]"/>
        <member name="[CB - Account].[Account CB - Description].&amp;[0226806 - UnamDis 5 40CG&amp;ESer2003A 61533]"/>
        <member name="[CB - Account].[Account CB - Description].&amp;[0226807 - UnamDis CG&amp;EC 5 50 Due 1124]"/>
        <member name="[CB - Account].[Account CB - Description].&amp;[0226808 - UnamDis PutBondCG&amp;EOAQD5A 9130]"/>
        <member name="[CB - Account].[Account CB - Description].&amp;[0226809 - UnamDisPutBondCG&amp;EOAQD95B 9130]"/>
        <member name="[CB - Account].[Account CB - Description].&amp;[0226810 - UnamDisBondsCG&amp;ESerA5 45 10124]"/>
        <member name="[CB - Account].[Account CB - Description].&amp;[0226811 - UnamDis 6 4 CG&amp;E Debs 04012008]"/>
        <member name="[CB - Account].[Account CB - Description].&amp;[0226812 - UnamDisCG&amp;EPutPCBBoone8113]"/>
        <member name="[CB - Account].[Account CB - Description].&amp;[0226813 - UnamDis 6 5 ULHP Debs 04/30/08]"/>
        <member name="[CB - Account].[Account CB - Description].&amp;[0226814 - UnamDis 7 875SnrUnsecDebs91509]"/>
        <member name="[CB - Account].[Account CB - Description].&amp;[0226815 - UnamDis JrMaturingPrincipleSec]"/>
        <member name="[CB - Account].[Account CB - Description].&amp;[0226816 - UnamDisLoanBooneCKYDP65 111522]"/>
        <member name="[CB - Account].[Account CB - Description].&amp;[0226817 - UnamDisULHPUnsec765 71525]"/>
        <member name="[CB - Account].[Account CB - Description].&amp;[0226824 - UnamDis SeniorNotes6 52 31509]"/>
        <member name="[CB - Account].[Account CB - Description].&amp;[0226826 - UnamDis 7 85 PSI Debs 10/15/07]"/>
        <member name="[CB - Account].[Account CB - Description].&amp;[0226831 - UnamDis 400M 5 0PSIDebs 91513]"/>
        <member name="[CB - Account].[Account CB - Description].&amp;[0226832 - UnamDis 6 20 CGR Debs 11/03/08]"/>
        <member name="[CB - Account].[Account CB - Description].&amp;[0226833 - UnamDis CORP DEB 6 53 12/16/08]"/>
        <member name="[CB - Account].[Account CB - Description].&amp;[0226836 - UnamDis PSI 350M 10/35]"/>
        <member name="[CB - Account].[Account CB - Description].&amp;[0226839 - UnamDis ULHP 50M 5 75 3/10/16]"/>
        <member name="[CB - Account].[Account CB - Description].&amp;[0226841 - UnamDis PSI 325M 6 05 06/15/16]"/>
        <member name="[CB - Account].[Account CB - Description].&amp;[0226844 - UNAMDIS 40M KY DEB 5% 12/15/14]"/>
        <member name="[CB - Account].[Account CB - Description].&amp;[0226845 - UNAM DISC RUS OBLIGATION]"/>
        <member name="[CB - Account].[Account CB - Description].&amp;[0226850 - UnamDis 500MCG&amp;E Deb 5 7 91512]"/>
        <member name="[CB - Account].[Account CB - Description].&amp;[0226856 - $500M 3.75% FMB due 6/1/2045]"/>
        <member name="[CB - Account].[Account CB - Description].&amp;[0226857 - $500M 2.5% FMB due 3/15/2023]"/>
        <member name="[CB - Account].[Account CB - Description].&amp;[0226858 - $500M 3.875% FMB due 3/15/2046]"/>
        <member name="[CB - Account].[Account CB - Description].&amp;[0226859 - $600M 2.95% FMB due 12/1/2026]"/>
        <member name="[CB - Account].[Account CB - Description].&amp;[0226860 - UnamDis DE IA FMB $500M 8/38]"/>
        <member name="[CB - Account].[Account CB - Description].&amp;[0226861 - UnamDis $500M DEI FMB 7/2020]"/>
        <member name="[CB - Account].[Account CB - Description].&amp;[0226875 - DEI Debt Disc FMB MMM 4/2039]"/>
        <member name="[CB - Account].[Account CB - Description].&amp;[0226880 - DEO Debt Dsct 5.45% FMB 4/2019]"/>
        <member name="[CB - Account].[Account CB - Description].&amp;[0226885 - DEO DEBT DSCT 2 10 FMB 6152013]"/>
        <member name="[CB - Account].[Account CB - Description].&amp;[0226951 - UnamDis,PA5 375CG&amp;E2003B 61533]"/>
        <member name="[CB - Account].[Account CB - Description].&amp;[0226952 - UnamDis,PA5 375CG&amp;E2003B 61533]"/>
        <member name="[CB - Account].[Account CB - Description].&amp;[0226953 - UnamDis,PA500MCG&amp;EDeb5 7 91512]"/>
        <member name="[CB - Account].[Account CB - Description].&amp;[0227000 - SCHM Oblig Under Capital Lease]"/>
        <member name="[CB - Account].[Account CB - Description].&amp;[0227100 - SCHM Oblig Parking Deck Lease]"/>
        <member name="[CB - Account].[Account CB - Description].&amp;[0227101 - LT Capital Lease Obligations]"/>
        <member name="[CB - Account].[Account CB - Description].&amp;[0227102 - Noncurrent Capital Lease-Meter]"/>
        <member name="[CB - Account].[Account CB - Description].&amp;[0227103 - LT Cap Lease Oblig - Tax Oper]"/>
        <member name="[CB - Account].[Account CB - Description].&amp;[0227104 - Cap Lease Noncurrent SPHQ]"/>
        <member name="[CB - Account].[Account CB - Description].&amp;[0227105 - Cap Lease Noncurrent SH]"/>
        <member name="[CB - Account].[Account CB - Description].&amp;[0227152 - IC Lease-LT Cap(Act as Op) Obl]"/>
        <member name="[CB - Account].[Account CB - Description].&amp;[0227176 - Interco LT Operating Lease Obl]"/>
        <member name="[CB - Account].[Account CB - Description].&amp;[0227185 - LT Oper Lse Obligation Red Hat]"/>
        <member name="[CB - Account].[Account CB - Description].&amp;[0227211 - LT Cap Lease Obl - ORB Def Tax]"/>
        <member name="[CB - Account].[Account CB - Description].&amp;[0227350 - IC Lease-LT Cap Lease Oblig]"/>
        <member name="[CB - Account].[Account CB - Description].&amp;[0227360 - LT Cap Lease Oblig-Tax Op IC]"/>
        <member name="[CB - Account].[Account CB - Description].&amp;[0228010 - SCHM Accrual-Inj&amp;Dam-Electric]"/>
        <member name="[CB - Account].[Account CB - Description].&amp;[0228020 - SCHM Employees-N.C.(Electric)]"/>
        <member name="[CB - Account].[Account CB - Description].&amp;[0228030 - SCHM Public-N.C.(Electric)]"/>
        <member name="[CB - Account].[Account CB - Description].&amp;[0228040 - SCHM Employees-S.C.(Electric)]"/>
        <member name="[CB - Account].[Account CB - Description].&amp;[0228050 - SCHM Public-S.C.(Electric)]"/>
        <member name="[CB - Account].[Account CB - Description].&amp;[0228060 - Employees-N.C.(Construct.)]"/>
        <member name="[CB - Account].[Account CB - Description].&amp;[0228070 - Public-N.C.(Construction)]"/>
        <member name="[CB - Account].[Account CB - Description].&amp;[0228080 - Employees-S.C.(Construct.)]"/>
        <member name="[CB - Account].[Account CB - Description].&amp;[0228090 - Public-S.C.(Construction)]"/>
        <member name="[CB - Account].[Account CB - Description].&amp;[0228100 - RETAIL UNFD STORM DAMAGE]"/>
        <member name="[CB - Account].[Account CB - Description].&amp;[0228101 - WHOLESALE STORM RESERVE]"/>
        <member name="[CB - Account].[Account CB - Description].&amp;[0228110 - Prprty Insrnc Rsrv-Nuclear]"/>
        <member name="[CB - Account].[Account CB - Description].&amp;[0228120 - Prprty Insrnc Rsrv-Other]"/>
        <member name="[CB - Account].[Account CB - Description].&amp;[0228130 - Nuclear Liab Insurance Reserve]"/>
        <member name="[CB - Account].[Account CB - Description].&amp;[0228150 - SCHM I&amp;D Extraordinary]"/>
        <member name="[CB - Account].[Account CB - Description].&amp;[0228200 - SCHM_WORK_COM_OTH_PUR_ACCT_ADJ]"/>
        <member name="[CB - Account].[Account CB - Description].&amp;[0228201 - CLAIM RESERVE]"/>
        <member name="[CB - Account].[Account CB - Description].&amp;[0228202 - CLAIM RESERVE - S/T]"/>
        <member name="[CB - Account].[Account CB - Description].&amp;[0228210 - Accrual Inj &amp; Dam-Water]"/>
        <member name="[CB - Account].[Account CB - Description].&amp;[0228220 - Employees (Water)]"/>
        <member name="[CB - Account].[Account CB - Description].&amp;[0228230 - Public (Water)]"/>
        <member name="[CB - Account].[Account CB - Description].&amp;[0228250 - SCHM Worker's Comp-Other]"/>
        <member name="[CB - Account].[Account CB - Description].&amp;[0228260 - Eastover Liability Reserve]"/>
        <member name="[CB - Account].[Account CB - Description].&amp;[0228270 - Worker's Comp-Reimbursement]"/>
        <member name="[CB - Account].[Account CB - Description].&amp;[0228280 - SCHM Enviromental]"/>
        <member name="[CB - Account].[Account CB - Description].&amp;[0228290 - Environmental Liab NRB]"/>
        <member name="[CB - Account].[Account CB - Description].&amp;[0228300 - Accum Provision - OPEB]"/>
        <member name="[CB - Account].[Account CB - Description].&amp;[0228301 - Accum Provision - PNG SERP]"/>
        <member name="[CB - Account].[Account CB - Description].&amp;[0228302 - Accum Provision - NCNG SERP]"/>
        <member name="[CB - Account].[Account CB - Description].&amp;[0228303 - Accum Provision - Dir Retire]"/>
        <member name="[CB - Account].[Account CB - Description].&amp;[0228310 - OPEB (FAS106)-Admin Fees]"/>
        <member name="[CB - Account].[Account CB - Description].&amp;[0228311 - Res For Exec Supp Life Ins-Ann]"/>
        <member name="[CB - Account].[Account CB - Description].&amp;[0228312 - PENSION REST]"/>
        <member name="[CB - Account].[Account CB - Description].&amp;[0228313 - COLI DEATH BENEFIT SURVIVOR]"/>
        <member name="[CB - Account].[Account CB - Description].&amp;[0228316 - IC SCHM DPLLC OPEB (FAS106)]"/>
        <member name="[CB - Account].[Account CB - Description].&amp;[0228317 - Opeb (Fas106) - TCSR]"/>
        <member name="[CB - Account].[Account CB - Description].&amp;[0228318 - OPEB liability - FAS 106]"/>
        <member name="[CB - Account].[Account CB - Description].&amp;[0228320 - Post Emp(FAS112) Admin Fees]"/>
        <member name="[CB - Account].[Account CB - Description].&amp;[0228323 - Post emp FAS 112 -TCSR]"/>
        <member name="[CB - Account].[Account CB - Description].&amp;[0228324 - SCHM DPC POS EMP FAS 112]"/>
        <member name="[CB - Account].[Account CB - Description].&amp;[0228326 - IC SCHM DPLLC Post Emp FAS112]"/>
        <member name="[CB - Account].[Account CB - Description].&amp;[0228327 - Reserve - Executive Life Ins.]"/>
        <member name="[CB - Account].[Account CB - Description].&amp;[0228330 - Post Retirement Benefits - NPL]"/>
        <member name="[CB - Account].[Account CB - Description].&amp;[0228335 - Res - For VWFR Suplmtl Benefit]"/>
        <member name="[CB - Account].[Account CB - Description].&amp;[0228340 - Nonqualified Plans Liability]"/>
        <member name="[CB - Account].[Account CB - Description].&amp;[0228341 - Benefit Reserve-Current Contr]"/>
        <member name="[CB - Account].[Account CB - Description].&amp;[0228347 - Pension Liab - FAS 87]"/>
        <member name="[CB - Account].[Account CB - Description].&amp;[0228348 - Pension Liab - FAS 87(Cinergy)]"/>
        <member name="[CB - Account].[Account CB - Description].&amp;[0228370 - Supplemental Retirement Pln-Pe]"/>
        <member name="[CB - Account].[Account CB - Description].&amp;[0228375 - Contract Pension Payments]"/>
        <member name="[CB - Account].[Account CB - Description].&amp;[0228385 - Res-Fas 112 Postemp Kaiser WC]"/>
        <member name="[CB - Account].[Account CB - Description].&amp;[0228390 - Res-Fas 112 Postemployment Ben]"/>
        <member name="[CB - Account].[Account CB - Description].&amp;[0228395 - Res-Fas 112 Postemp Ben Wrkcmp]"/>
        <member name="[CB - Account].[Account CB - Description].&amp;[0228400 - MGP Sites - SC only]"/>
        <member name="[CB - Account].[Account CB - Description].&amp;[0228401 - COAL MINES INS LIAB]"/>
        <member name="[CB - Account].[Account CB - Description].&amp;[0228402 - NUCLEAR REFUEL OUTAGE #16]"/>
        <member name="[CB - Account].[Account CB - Description].&amp;[0228403 - DEFERRED SERP-ACTIVE EMPL]"/>
        <member name="[CB - Account].[Account CB - Description].&amp;[0228404 - DEFERRED COMP]"/>
        <member name="[CB - Account].[Account CB - Description].&amp;[0228405 - 2000 CLASS DEFERRED COMPENSAT]"/>
        <member name="[CB - Account].[Account CB - Description].&amp;[0228406 - OTHER DEFERRED COMP]"/>
        <member name="[CB - Account].[Account CB - Description].&amp;[0228407 - PERF SHARE SUB PLAN]"/>
        <member name="[CB - Account].[Account CB - Description].&amp;[0228408 - MGT INCENTIVE AWARD DEF]"/>
        <member name="[CB - Account].[Account CB - Description].&amp;[0228409 - BOD COMP PLAN]"/>
        <member name="[CB - Account].[Account CB - Description].&amp;[0228410 - SCHM Reserve-Loan Assist-N.C.]"/>
        <member name="[CB - Account].[Account CB - Description].&amp;[0228411 - Est Excess PA Scrubber-ST]"/>
        <member name="[CB - Account].[Account CB - Description].&amp;[0228412 - ENVIRONMENTAL - S/T]"/>
        <member name="[CB - Account].[Account CB - Description].&amp;[0228413 - Nuclear EOL Costs]"/>
        <member name="[CB - Account].[Account CB - Description].&amp;[0228414 - Nuclear Refueling Outages]"/>
        <member name="[CB - Account].[Account CB - Description].&amp;[0228415 - EST EXCESS PA SCRUBBER CHARGE]"/>
        <member name="[CB - Account].[Account CB - Description].&amp;[0228416 - LT DEFERRED RETIREMENT LIAB]"/>
        <member name="[CB - Account].[Account CB - Description].&amp;[0228440 - Reserve - MGP Sites FERC 228]"/>
        <member name="[CB - Account].[Account CB - Description].&amp;[0228450 - Def Doe Enrichmnt Clean-Up Fee]"/>
        <member name="[CB - Account].[Account CB - Description].&amp;[0228453 - Accued Vacation]"/>
        <member name="[CB - Account].[Account CB - Description].&amp;[0228454 - Reserve - Asbestos]"/>
        <member name="[CB - Account].[Account CB - Description].&amp;[0228455 - Reg Asset - Manual Reclass]"/>
        <member name="[CB - Account].[Account CB - Description].&amp;[0228456 - Reg Liability - Manual Reclass]"/>
        <member name="[CB - Account].[Account CB - Description].&amp;[0228457 - Nuclear Refueling Outages]"/>
        <member name="[CB - Account].[Account CB - Description].&amp;[0228460 - CR3 LLRW DISPOSAL-LT LIABILITY]"/>
        <member name="[CB - Account].[Account CB - Description].&amp;[0228480 - Acc Prov Insurance-Environ]"/>
        <member name="[CB - Account].[Account CB - Description].&amp;[0228800 - Reserve Pen Post Ret Pur Acctg]"/>
        <member name="[CB - Account].[Account CB - Description].&amp;[0229000 - Accum. Prov. For Rate Refund]"/>
        <member name="[CB - Account].[Account CB - Description].&amp;[0229001 - Accm Prv-Rate Refnd-Trnsp]"/>
        <member name="[CB - Account].[Account CB - Description].&amp;[0229002 - Accum Prv- Rate Refund IGCC]"/>
        <member name="[CB - Account].[Account CB - Description].&amp;[0229003 - WHOLESALE - QF ENERGY]"/>
        <member name="[CB - Account].[Account CB - Description].&amp;[0229010 - Accm Prv-Rate Refnd-Tax Ref]"/>
        <member name="[CB - Account].[Account CB - Description].&amp;[0229011 - Accm Prv-Rate Refnd-Tax Ref ST]"/>
        <member name="[CB - Account].[Account CB - Description].&amp;[0229012 - Prov for RR Excess Def Tax LT]"/>
        <member name="[CB - Account].[Account CB - Description].&amp;[0229013 - Prov for RR Excess Def Tax ST]"/>
        <member name="[CB - Account].[Account CB - Description].&amp;[0229014 - Prov for RR SC LT]"/>
        <member name="[CB - Account].[Account CB - Description].&amp;[0229015 - Prov for Rate Refund - SC ST]"/>
        <member name="[CB - Account].[Account CB - Description].&amp;[0229971 - Accum Provision - LT]"/>
        <member name="[CB - Account].[Account CB - Description].&amp;[0230001 - FAS 143-ARO Liability ST]"/>
        <member name="[CB - Account].[Account CB - Description].&amp;[0230010 - Catawba Cty Use Tax Payable]"/>
        <member name="[CB - Account].[Account CB - Description].&amp;[0230020 - Catawba Cty Sales Tax Payable]"/>
        <member name="[CB - Account].[Account CB - Description].&amp;[0230030 - Lincoln Cty Use Tax Payable]"/>
        <member name="[CB - Account].[Account CB - Description].&amp;[0230040 - Lincoln Cty Sales Tax Payable]"/>
        <member name="[CB - Account].[Account CB - Description].&amp;[0230050 - Alexander Cty Use Tax Payable]"/>
        <member name="[CB - Account].[Account CB - Description].&amp;[0230060 - Alexander Cty Sales Tax Pay]"/>
        <member name="[CB - Account].[Account CB - Description].&amp;[0230070 - Granville Cty Use Tax Payable]"/>
        <member name="[CB - Account].[Account CB - Description].&amp;[0230080 - Granville Cty Sales Tax Pay]"/>
        <member name="[CB - Account].[Account CB - Description].&amp;[0230090 - Stanly Cty Use Tax Payable]"/>
        <member name="[CB - Account].[Account CB - Description].&amp;[0230100 - Stanly Cty Sales Tax Payable]"/>
        <member name="[CB - Account].[Account CB - Description].&amp;[0230110 - Caswell Cty Use Tax Payable]"/>
        <member name="[CB - Account].[Account CB - Description].&amp;[0230120 - Caswell Cty Sales Tax Payable]"/>
        <member name="[CB - Account].[Account CB - Description].&amp;[0230130 - Chatham Cty Use Tax Payable]"/>
        <member name="[CB - Account].[Account CB - Description].&amp;[0230140 - Chatham Cty Sales Tax Payable]"/>
        <member name="[CB - Account].[Account CB - Description].&amp;[0230150 - Iredell Cty Use Tax Payable]"/>
        <member name="[CB - Account].[Account CB - Description].&amp;[0230160 - Iredell Cty Sales Tax Payable]"/>
        <member name="[CB - Account].[Account CB - Description].&amp;[0230170 - Rowan Cty Use Tax Payable]"/>
        <member name="[CB - Account].[Account CB - Description].&amp;[0230180 - Rowan Cty Sales Tax Payable]"/>
        <member name="[CB - Account].[Account CB - Description].&amp;[0230190 - Davie Cty Use Tax Payable]"/>
        <member name="[CB - Account].[Account CB - Description].&amp;[0230200 - Davie Cty Sales Tax Payable]"/>
        <member name="[CB - Account].[Account CB - Description].&amp;[0230210 - Forsyth Cty Use Tax Payable]"/>
        <member name="[CB - Account].[Account CB - Description].&amp;[0230220 - Forsyth Cty Sales Tax Payable]"/>
        <member name="[CB - Account].[Account CB - Description].&amp;[0230230 - Randolph Cty Use Tax Payable]"/>
        <member name="[CB - Account].[Account CB - Description].&amp;[0230240 - Randolph Cty Sales Tax Payable]"/>
        <member name="[CB - Account].[Account CB - Description].&amp;[0230250 - Rockingham Cty Use Tax Pay]"/>
        <member name="[CB - Account].[Account CB - Description].&amp;[0230260 - Rockingham Cty Sales Tax Pay]"/>
        <member name="[CB - Account].[Account CB - Description].&amp;[0230270 - Stokes Cty Use Tax Payable]"/>
        <member name="[CB - Account].[Account CB - Description].&amp;[0230280 - Stokes Cty Sales Tax Payable]"/>
        <member name="[CB - Account].[Account CB - Description].&amp;[0230290 - Caldwell Cty Use Tax Payable]"/>
        <member name="[CB - Account].[Account CB - Description].&amp;[0230300 - Caldwell Cty Sales Tax Payable]"/>
        <member name="[CB - Account].[Account CB - Description].&amp;[0230310 - Rutherford Cty Use Tax Payable]"/>
        <member name="[CB - Account].[Account CB - Description].&amp;[0230320 - Rutherford Sales Tax Payable]"/>
        <member name="[CB - Account].[Account CB - Description].&amp;[0230330 - Burke Cty Use Tax Payable]"/>
        <member name="[CB - Account].[Account CB - Description].&amp;[0230340 - Burke Cty Sales Tax Payable]"/>
        <member name="[CB - Account].[Account CB - Description].&amp;[0230350 - Anson Cty Use Tax Payable]"/>
        <member name="[CB - Account].[Account CB - Description].&amp;[0230360 - Buncombe Cty Use Tax Payable]"/>
        <member name="[CB - Account].[Account CB - Description].&amp;[0230370 - Person Cty Use Tax Payable]"/>
        <member name="[CB - Account].[Account CB - Description].&amp;[0230380 - Wake Cty Use Tax Payable]"/>
        <member name="[CB - Account].[Account CB - Description].&amp;[0230390 - Madison County Use Tax]"/>
        <member name="[CB - Account].[Account CB - Description].&amp;[0230400 - Jackson Cty Use Tax Payable]"/>
        <member name="[CB - Account].[Account CB - Description].&amp;[0230405 - Sales &amp; Use Tax Payable]"/>
        <member name="[CB - Account].[Account CB - Description].&amp;[0230410 - Graham Cty Use Tax Payable]"/>
        <member name="[CB - Account].[Account CB - Description].&amp;[0230411 - Graham City Sales Tax Payable]"/>
        <member name="[CB - Account].[Account CB - Description].&amp;[0230420 - Macon Cty Use Tax Payable]"/>
        <member name="[CB - Account].[Account CB - Description].&amp;[0230421 - Macon City Sales Tax Payable]"/>
        <member name="[CB - Account].[Account CB - Description].&amp;[0230425 - Clay City Use Tax Payable]"/>
        <member name="[CB - Account].[Account CB - Description].&amp;[0230426 - Clay City Sales Tax Payable]"/>
        <member name="[CB - Account].[Account CB - Description].&amp;[0230430 - Swain Cty Use Tax Payable]"/>
        <member name="[CB - Account].[Account CB - Description].&amp;[0230431 - Swain City Sales Tax Payable]"/>
        <member name="[CB - Account].[Account CB - Description].&amp;[0230440 - Cherokee Cty Use Tax Payable]"/>
        <member name="[CB - Account].[Account CB - Description].&amp;[0230441 - Cherokee City Sales Tax Payabl]"/>
        <member name="[CB - Account].[Account CB - Description].&amp;[0230450 - Mitchell County Sales Tax]"/>
        <member name="[CB - Account].[Account CB - Description].&amp;[0230460 - Alleghany County Use Tax]"/>
        <member name="[CB - Account].[Account CB - Description].&amp;[0230470 - 2/97]"/>
        <member name="[CB - Account].[Account CB - Description].&amp;[0230480 - 2/97]"/>
        <member name="[CB - Account].[Account CB - Description].&amp;[0230490 - 2/97]"/>
        <member name="[CB - Account].[Account CB - Description].&amp;[0230500 - 2/97]"/>
        <member name="[CB - Account].[Account CB - Description].&amp;[0230510 - Ncmpa]"/>
        <member name="[CB - Account].[Account CB - Description].&amp;[0230520 - Ncemc]"/>
        <member name="[CB - Account].[Account CB - Description].&amp;[0230530 - Saluda River]"/>
        <member name="[CB - Account].[Account CB - Description].&amp;[0230540 - Pmpa]"/>
        <member name="[CB - Account].[Account CB - Description].&amp;[0230550 - 2/97]"/>
        <member name="[CB - Account].[Account CB - Description].&amp;[0230560 - 2/97]"/>
        <member name="[CB - Account].[Account CB - Description].&amp;[0230570 - 2/97]"/>
        <member name="[CB - Account].[Account CB - Description].&amp;[0230580 - 2/97]"/>
        <member name="[CB - Account].[Account CB - Description].&amp;[0230590 - 2/97]"/>
        <member name="[CB - Account].[Account CB - Description].&amp;[0230600 - 2/97]"/>
        <member name="[CB - Account].[Account CB - Description].&amp;[0230610 - 2/97]"/>
        <member name="[CB - Account].[Account CB - Description].&amp;[0230620 - 2/97]"/>
        <member name="[CB - Account].[Account CB - Description].&amp;[0230630 - 2/97]"/>
        <member name="[CB - Account].[Account CB - Description].&amp;[0230640 - Sc Solid Waste Excise Tax]"/>
        <member name="[CB - Account].[Account CB - Description].&amp;[0230650 - 2/97]"/>
        <member name="[CB - Account].[Account CB - Description].&amp;[0230660 - 2/97]"/>
        <member name="[CB - Account].[Account CB - Description].&amp;[0230670 - 2/97]"/>
        <member name="[CB - Account].[Account CB - Description].&amp;[0230680 - 2/97]"/>
        <member name="[CB - Account].[Account CB - Description].&amp;[0230690 - S.C. Mun. License - Elect.]"/>
        <member name="[CB - Account].[Account CB - Description].&amp;[0230691 - NC Municipal Franchise Tax]"/>
        <member name="[CB - Account].[Account CB - Description].&amp;[0230700 - Nc Vehicle Lease Sales Tax]"/>
        <member name="[CB - Account].[Account CB - Description].&amp;[0230710 - Sc Vehicle Lease Surcharge 5%]"/>
        <member name="[CB - Account].[Account CB - Description].&amp;[0230720 - Sc Vehicle Lease Sales Tax 5%]"/>
        <member name="[CB - Account].[Account CB - Description].&amp;[0230730 - Jackson Cty Sales Tax Payable]"/>
        <member name="[CB - Account].[Account CB - Description].&amp;[0230740 - 1/96]"/>
        <member name="[CB - Account].[Account CB - Description].&amp;[0230750 - 2/97]"/>
        <member name="[CB - Account].[Account CB - Description].&amp;[0230760 - 2/97]"/>
        <member name="[CB - Account].[Account CB - Description].&amp;[0230770 - 2/97]"/>
        <member name="[CB - Account].[Account CB - Description].&amp;[0230780 - 2/97]"/>
        <member name="[CB - Account].[Account CB - Description].&amp;[0230790 - 2/97]"/>
        <member name="[CB - Account].[Account CB - Description].&amp;[0230800 - 2/97]"/>
        <member name="[CB - Account].[Account CB - Description].&amp;[0230810 - 2/97]"/>
        <member name="[CB - Account].[Account CB - Description].&amp;[0230820 - 2/97]"/>
        <member name="[CB - Account].[Account CB - Description].&amp;[0230830 - 2/97]"/>
        <member name="[CB - Account].[Account CB - Description].&amp;[0230840 - 2/97]"/>
        <member name="[CB - Account].[Account CB - Description].&amp;[0230850 - 2/97]"/>
        <member name="[CB - Account].[Account CB - Description].&amp;[0230860 - 2/97]"/>
        <member name="[CB - Account].[Account CB - Description].&amp;[0230870 - 2/97]"/>
        <member name="[CB - Account].[Account CB - Description].&amp;[0230880 - 2/97]"/>
        <member name="[CB - Account].[Account CB - Description].&amp;[0230890 - 2/97]"/>
        <member name="[CB - Account].[Account CB - Description].&amp;[0230900 - 2/97]"/>
        <member name="[CB - Account].[Account CB - Description].&amp;[0230910 - 2/97]"/>
        <member name="[CB - Account].[Account CB - Description].&amp;[0230920 - 2/97]"/>
        <member name="[CB - Account].[Account CB - Description].&amp;[0230930 - Anson Cty Sales Tax Payable]"/>
        <member name="[CB - Account].[Account CB - Description].&amp;[0230940 - Person Cty Sales Tax Payable]"/>
        <member name="[CB - Account].[Account CB - Description].&amp;[0230950 - Wake Cty Sales Tax Payable]"/>
        <member name="[CB - Account].[Account CB - Description].&amp;[0230997 - VIE - Non Recourse ARO]"/>
        <member name="[CB - Account].[Account CB - Description].&amp;[0230999 - ARO Liability]"/>
        <member name="[CB - Account].[Account CB - Description].&amp;[0231000 - Unamortized Discount - Cp]"/>
        <member name="[CB - Account].[Account CB - Description].&amp;[0231100 - Current Portion Secured Fixed]"/>
        <member name="[CB - Account].[Account CB - Description].&amp;[0231101 - Unsecured Fixed (Notes)]"/>
        <member name="[CB - Account].[Account CB - Description].&amp;[0231110 - Audit Costs]"/>
        <member name="[CB - Account].[Account CB - Description].&amp;[0231200 - Notes Payable-Other]"/>
        <member name="[CB - Account].[Account CB - Description].&amp;[0231210 - VIE - Non-recourse Notes Pay]"/>
        <member name="[CB - Account].[Account CB - Description].&amp;[0231300 - S-T Commercial Paper]"/>
        <member name="[CB - Account].[Account CB - Description].&amp;[0231301 - Np - Oric]"/>
        <member name="[CB - Account].[Account CB - Description].&amp;[0231302 - Np - Wgm]"/>
        <member name="[CB - Account].[Account CB - Description].&amp;[0231304 - NP  - Formica]"/>
        <member name="[CB - Account].[Account CB - Description].&amp;[0231305 - NP Project Loan]"/>
        <member name="[CB - Account].[Account CB - Description].&amp;[0231306 - NP - short term]"/>
        <member name="[CB - Account].[Account CB - Description].&amp;[0231307 - NP-Duke Capital]"/>
        <member name="[CB - Account].[Account CB - Description].&amp;[0231309 - Extendable Commercial Notes]"/>
        <member name="[CB - Account].[Account CB - Description].&amp;[0232001 - A/P Corporate Vendors Payable]"/>
        <member name="[CB - Account].[Account CB - Description].&amp;[0232003 - Ap-Vat _Prepay Costs]"/>
        <member name="[CB - Account].[Account CB - Description].&amp;[0232006 - Ret Med, Life &amp; Dental Premium]"/>
        <member name="[CB - Account].[Account CB - Description].&amp;[0232007 - Ap-Vacation Accrual]"/>
        <member name="[CB - Account].[Account CB - Description].&amp;[0232008 - A/P-Ser &amp; Envrn-Wattnberg]"/>
        <member name="[CB - Account].[Account CB - Description].&amp;[0232009 - Purchasing Card Accrual]"/>
        <member name="[CB - Account].[Account CB - Description].&amp;[0232010 - Anderson Fair User Charge]"/>
        <member name="[CB - Account].[Account CB - Description].&amp;[0232011 - ANDERSON WATER PAYABLE]"/>
        <member name="[CB - Account].[Account CB - Description].&amp;[0232012 - SC Sharing Liability - Rates]"/>
        <member name="[CB - Account].[Account CB - Description].&amp;[0232013 - RPT Audit Services - Duke]"/>
        <member name="[CB - Account].[Account CB - Description].&amp;[0232014 - RPT Other Accruals]"/>
        <member name="[CB - Account].[Account CB - Description].&amp;[0232015 - RPT Corporate Governance COP]"/>
        <member name="[CB - Account].[Account CB - Description].&amp;[0232017 - Other Current Liabilities-Comp]"/>
        <member name="[CB - Account].[Account CB - Description].&amp;[0232018 - EAM Payables]"/>
        <member name="[CB - Account].[Account CB - Description].&amp;[0232019 - T&amp;E Card Liability]"/>
        <member name="[CB - Account].[Account CB - Description].&amp;[0232020 - Vouchers Payable-Merch.]"/>
        <member name="[CB - Account].[Account CB - Description].&amp;[0232021 - AP-Gas Purchases]"/>
        <member name="[CB - Account].[Account CB - Description].&amp;[0232022 - AP- Electric Power]"/>
        <member name="[CB - Account].[Account CB - Description].&amp;[0232023 - AP-Gas Processing Plants]"/>
        <member name="[CB - Account].[Account CB - Description].&amp;[0232024 - AP-Take Or Pay Flow Thru]"/>
        <member name="[CB - Account].[Account CB - Description].&amp;[0232025 - AP-Transport Gas By Others]"/>
        <member name="[CB - Account].[Account CB - Description].&amp;[0232026 - A/P-CAP RENT LONG TERM(I)]"/>
        <member name="[CB - Account].[Account CB - Description].&amp;[0232027 - AP-Fuel Financial Hedge]"/>
        <member name="[CB - Account].[Account CB - Description].&amp;[0232028 - CertainTeed settlement pay-LT]"/>
        <member name="[CB - Account].[Account CB - Description].&amp;[0232029 - CertainTeed settlement pay-ST]"/>
        <member name="[CB - Account].[Account CB - Description].&amp;[0232030 - Unbilled Fuel Rev-NC Current]"/>
        <member name="[CB - Account].[Account CB - Description].&amp;[0232031 - Treasury LC and MCF Fees]"/>
        <member name="[CB - Account].[Account CB - Description].&amp;[0232032 - Unbilled Fuel Rev-NC Prior Yr]"/>
        <member name="[CB - Account].[Account CB - Description].&amp;[0232033 - Unbilled Fuel Rev-NC2Yrs Prior]"/>
        <member name="[CB - Account].[Account CB - Description].&amp;[0232034 - EMF Interest-NC Current]"/>
        <member name="[CB - Account].[Account CB - Description].&amp;[0232035 - EMF Interest-NC Prior Yr]"/>
        <member name="[CB - Account].[Account CB - Description].&amp;[0232036 - EMF Interest-NC 2 Yrs Prior]"/>
        <member name="[CB - Account].[Account CB - Description].&amp;[0232037 - PE Billed &amp; Def Net Pay-F2G]"/>
        <member name="[CB - Account].[Account CB - Description].&amp;[0232040 - Accounts Payable-Credit Cards]"/>
        <member name="[CB - Account].[Account CB - Description].&amp;[0232041 - AP-Retainage]"/>
        <member name="[CB - Account].[Account CB - Description].&amp;[0232042 - AP-Misc-Gen Acct-M&amp;N Mgmt]"/>
        <member name="[CB - Account].[Account CB - Description].&amp;[0232043 - Ap-Misc-Gen Acct-Mart Llc]"/>
        <member name="[CB - Account].[Account CB - Description].&amp;[0232044 - Ap-Misc-Gen Acct-Westcoast]"/>
        <member name="[CB - Account].[Account CB - Description].&amp;[0232046 - AP-Misc-Gas Acctg]"/>
        <member name="[CB - Account].[Account CB - Description].&amp;[0232047 - Ap-Dependant Life]"/>
        <member name="[CB - Account].[Account CB - Description].&amp;[0232050 - Unbilled Fuel Rev - SC Dfd Tax]"/>
        <member name="[CB - Account].[Account CB - Description].&amp;[0232051 - Unbilled Fuel Rev - 10A Df Tax]"/>
        <member name="[CB - Account].[Account CB - Description].&amp;[0232054 - Long Term Care Contributions]"/>
        <member name="[CB - Account].[Account CB - Description].&amp;[0232055 - Ap-Invest Plan Loan Rpmt]"/>
        <member name="[CB - Account].[Account CB - Description].&amp;[0232056 - Ap-Gain Share Bonus Accrual]"/>
        <member name="[CB - Account].[Account CB - Description].&amp;[0232057 - AP-GRI-Transport]"/>
        <member name="[CB - Account].[Account CB - Description].&amp;[0232058 - Ap-Misc-Revenue Billing]"/>
        <member name="[CB - Account].[Account CB - Description].&amp;[0232059 - Cash Call-ANNGTC Part]"/>
        <member name="[CB - Account].[Account CB - Description].&amp;[0232060 - Accts Payble Merch Svc Protect]"/>
        <member name="[CB - Account].[Account CB - Description].&amp;[0232062 - Ap-BOB]"/>
        <member name="[CB - Account].[Account CB - Description].&amp;[0232063 - A/p-Unrecon cash-Citibank]"/>
        <member name="[CB - Account].[Account CB - Description].&amp;[0232064 - Ap-Prch Gas-Transco]"/>
        <member name="[CB - Account].[Account CB - Description].&amp;[0232065 - Employee Relocation Payable]"/>
        <member name="[CB - Account].[Account CB - Description].&amp;[0232066 - Ap-Inventory Losses]"/>
        <member name="[CB - Account].[Account CB - Description].&amp;[0232068 - Employee Parking Deductions]"/>
        <member name="[CB - Account].[Account CB - Description].&amp;[0232070 - Unbilled Fuel Rev-Wholesale]"/>
        <member name="[CB - Account].[Account CB - Description].&amp;[0232074 - Ap-Other Gas Purchase]"/>
        <member name="[CB - Account].[Account CB - Description].&amp;[0232075 - Ap-Gri]"/>
        <member name="[CB - Account].[Account CB - Description].&amp;[0232076 - A/P-Prepaid Reservations Charg]"/>
        <member name="[CB - Account].[Account CB - Description].&amp;[0232077 - Ap-Prepaid Reservation-I/C]"/>
        <member name="[CB - Account].[Account CB - Description].&amp;[0232080 - Unbilled Fuel Rev-SC]"/>
        <member name="[CB - Account].[Account CB - Description].&amp;[0232081 - AP-GST/HST Tax Payable]"/>
        <member name="[CB - Account].[Account CB - Description].&amp;[0232082 - SC UNBILLED REV WRITE-OFF]"/>
        <member name="[CB - Account].[Account CB - Description].&amp;[0232090 - Unbilled Fuel Clause-Np&amp;L]"/>
        <member name="[CB - Account].[Account CB - Description].&amp;[0232094 - AP Rev Control - Related Party]"/>
        <member name="[CB - Account].[Account CB - Description].&amp;[0232095 - Acct Pay Related Pty]"/>
        <member name="[CB - Account].[Account CB - Description].&amp;[0232096 - RPT AP Trade - COP]"/>
        <member name="[CB - Account].[Account CB - Description].&amp;[0232097 - RPT Crossbill Gross-up LiabDuk]"/>
        <member name="[CB - Account].[Account CB - Description].&amp;[0232098 - RPT Crossbill Gross-up LiabOth]"/>
        <member name="[CB - Account].[Account CB - Description].&amp;[0232100 - Retention Payable]"/>
        <member name="[CB - Account].[Account CB - Description].&amp;[0232102 - DEP Payable - NG Purchases]"/>
        <member name="[CB - Account].[Account CB - Description].&amp;[0232103 - DEF Payable - NG Purchases]"/>
        <member name="[CB - Account].[Account CB - Description].&amp;[0232104 - DEP Payable - NG Transport]"/>
        <member name="[CB - Account].[Account CB - Description].&amp;[0232105 - DEF Payable - NG Transport]"/>
        <member name="[CB - Account].[Account CB - Description].&amp;[0232106 - DEP Payable - NG Fin Transact]"/>
        <member name="[CB - Account].[Account CB - Description].&amp;[0232107 - DEF Payable - NG Fin Transact]"/>
        <member name="[CB - Account].[Account CB - Description].&amp;[0232108 - DEF Cogen Payable]"/>
        <member name="[CB - Account].[Account CB - Description].&amp;[0232110 - Vouchers Payable-Automated]"/>
        <member name="[CB - Account].[Account CB - Description].&amp;[0232111 - Vouchers Payable-Passport]"/>
        <member name="[CB - Account].[Account CB - Description].&amp;[0232115 - CLHFS AP]"/>
        <member name="[CB - Account].[Account CB - Description].&amp;[0232121 - DOE Nuclear Waste Fee Pay]"/>
        <member name="[CB - Account].[Account CB - Description].&amp;[0232122 - Annual FERC Adm &amp;  Hydro Fee]"/>
        <member name="[CB - Account].[Account CB - Description].&amp;[0232123 - NCUC Regulatory Fee Pay]"/>
        <member name="[CB - Account].[Account CB - Description].&amp;[0232124 - NRC License Fee Pay]"/>
        <member name="[CB - Account].[Account CB - Description].&amp;[0232125 - NRC Inspection Fee Pay]"/>
        <member name="[CB - Account].[Account CB - Description].&amp;[0232126 - Accrued Audit Fees]"/>
        <member name="[CB - Account].[Account CB - Description].&amp;[0232127 - Trades Pending Settlement]"/>
        <member name="[CB - Account].[Account CB - Description].&amp;[0232128 - A/P DP&amp;L CCD Operations New]"/>
        <member name="[CB - Account].[Account CB - Description].&amp;[0232129 - SC PSC Reg Fee Pay]"/>
        <member name="[CB - Account].[Account CB - Description].&amp;[0232130 - Accounts Payable - Panenergy]"/>
        <member name="[CB - Account].[Account CB - Description].&amp;[0232131 - A/P - DPL Transmission]"/>
        <member name="[CB - Account].[Account CB - Description].&amp;[0232135 - EMPLOYEE EXPENSE PAYABLE]"/>
        <member name="[CB - Account].[Account CB - Description].&amp;[0232136 - Line Ext 3rd Party Refunds]"/>
        <member name="[CB - Account].[Account CB - Description].&amp;[0232137 - PURCPA Accounts Payable]"/>
        <member name="[CB - Account].[Account CB - Description].&amp;[0232140 - Customer Refunds Payable]"/>
        <member name="[CB - Account].[Account CB - Description].&amp;[0232141 - Unvouchred Stock Matls Receipt]"/>
        <member name="[CB - Account].[Account CB - Description].&amp;[0232142 - Advance Payable-NCMPA]"/>
        <member name="[CB - Account].[Account CB - Description].&amp;[0232143 - Advance Payable-NCEMC]"/>
        <member name="[CB - Account].[Account CB - Description].&amp;[0232144 - Advance Payable-PMPA]"/>
        <member name="[CB - Account].[Account CB - Description].&amp;[0232145 - A/P CJO Special Projects]"/>
        <member name="[CB - Account].[Account CB - Description].&amp;[0232150 - Accounts Payable-Stores]"/>
        <member name="[CB - Account].[Account CB - Description].&amp;[0232151 - PP Accounts Payable - Stores]"/>
        <member name="[CB - Account].[Account CB - Description].&amp;[0232152 - A/P Purchased Gas]"/>
        <member name="[CB - Account].[Account CB - Description].&amp;[0232153 - A/P - CSP Transmission]"/>
        <member name="[CB - Account].[Account CB - Description].&amp;[0232154 - A/P CSP CCD Operations]"/>
        <member name="[CB - Account].[Account CB - Description].&amp;[0232155 - Accounts Payable-Stores CAS]"/>
        <member name="[CB - Account].[Account CB - Description].&amp;[0232160 - Accounts Payable-Clearing]"/>
        <member name="[CB - Account].[Account CB - Description].&amp;[0232161 - Non-Reg Fuel Purchase]"/>
        <member name="[CB - Account].[Account CB - Description].&amp;[0232177 - Generic By Product Payable]"/>
        <member name="[CB - Account].[Account CB - Description].&amp;[0232190 - Coal Freight Payable]"/>
        <member name="[CB - Account].[Account CB - Description].&amp;[0232191 - NC Coal Inventory Payable]"/>
        <member name="[CB - Account].[Account CB - Description].&amp;[0232192 - SC Coal Inventory Payable]"/>
        <member name="[CB - Account].[Account CB - Description].&amp;[0232195 - RAILCAR LEASE PAYABLE]"/>
        <member name="[CB - Account].[Account CB - Description].&amp;[0232199 - PowerPlan Coal Payable]"/>
        <member name="[CB - Account].[Account CB - Description].&amp;[0232200 - CBIS Refund Payable]"/>
        <member name="[CB - Account].[Account CB - Description].&amp;[0232205 - A/P ENRB Holding Account]"/>
        <member name="[CB - Account].[Account CB - Description].&amp;[0232210 - Unclaimed Wages]"/>
        <member name="[CB - Account].[Account CB - Description].&amp;[0232220 - Employee Relocation Payable]"/>
        <member name="[CB - Account].[Account CB - Description].&amp;[0232221 - Employee Relocation- NEI]"/>
        <member name="[CB - Account].[Account CB - Description].&amp;[0232222 - Test Fuel Payable]"/>
        <member name="[CB - Account].[Account CB - Description].&amp;[0232223 - A/P Certified Supplier Gas]"/>
        <member name="[CB - Account].[Account CB - Description].&amp;[0232224 - Solar Generation Rider]"/>
        <member name="[CB - Account].[Account CB - Description].&amp;[0232230 - Accrued Liabilities]"/>
        <member name="[CB - Account].[Account CB - Description].&amp;[0232231 - AP Revenue Control]"/>
        <member name="[CB - Account].[Account CB - Description].&amp;[0232232 - AP Affiliates]"/>
        <member name="[CB - Account].[Account CB - Description].&amp;[0232233 - AP Contra]"/>
        <member name="[CB - Account].[Account CB - Description].&amp;[0232234 - AP Estimate]"/>
        <member name="[CB - Account].[Account CB - Description].&amp;[0232235 - Employee Expenses Payable]"/>
        <member name="[CB - Account].[Account CB - Description].&amp;[0232240 - Accrued Liabilities MW Joint O]"/>
        <member name="[CB - Account].[Account CB - Description].&amp;[0232250 - SHORT TERM DEF GAIN ON SALE]"/>
        <member name="[CB - Account].[Account CB - Description].&amp;[0232255 - LONG-TERM DEF LEASE LIABILITY]"/>
        <member name="[CB - Account].[Account CB - Description].&amp;[0232256 - BROKERAGE COLLATERAL]"/>
        <member name="[CB - Account].[Account CB - Description].&amp;[0232257 - Avoided Prem Surcharge Pay-Cur]"/>
        <member name="[CB - Account].[Account CB - Description].&amp;[0232260 - Deposit Account]"/>
        <member name="[CB - Account].[Account CB - Description].&amp;[0232270 - Passport Unvouchered Liability]"/>
        <member name="[CB - Account].[Account CB - Description].&amp;[0232300 - AP-TRANSPORTATION]"/>
        <member name="[CB - Account].[Account CB - Description].&amp;[0232301 - AP-TRANSPORTATION ESTIMATE]"/>
        <member name="[CB - Account].[Account CB - Description].&amp;[0232310 - PAYROLL POOL/IBNR RESERVE]"/>
        <member name="[CB - Account].[Account CB - Description].&amp;[0232311 - OPEX G&amp;A ACCRUAL]"/>
        <member name="[CB - Account].[Account CB - Description].&amp;[0232312 - IMBALANCE PAYABLE]"/>
        <member name="[CB - Account].[Account CB - Description].&amp;[0232313 - CORPORATE GOVERANCE ACCRUAL]"/>
        <member name="[CB - Account].[Account CB - Description].&amp;[0232314 - CAPITAL SPENDING ACCRUAL]"/>
        <member name="[CB - Account].[Account CB - Description].&amp;[0232325 - Losses Payable]"/>
        <member name="[CB - Account].[Account CB - Description].&amp;[0232329 - Share The Warmth]"/>
        <member name="[CB - Account].[Account CB - Description].&amp;[0232330 - OTH DEFER CR PA3 URAN ACCT UF6]"/>
        <member name="[CB - Account].[Account CB - Description].&amp;[0232331 - A/P - ENERGY NEIGHBOR FUND]"/>
        <member name="[CB - Account].[Account CB - Description].&amp;[0232332 - Photovoltaic Fund]"/>
        <member name="[CB - Account].[Account CB - Description].&amp;[0232333 - A/P - FLEXCARE]"/>
        <member name="[CB - Account].[Account CB - Description].&amp;[0232334 - A/P - Stock Loan Repay]"/>
        <member name="[CB - Account].[Account CB - Description].&amp;[0232335 - NCEMPA - Other]"/>
        <member name="[CB - Account].[Account CB - Description].&amp;[0232336 - Advance Payable NCEMPA]"/>
        <member name="[CB - Account].[Account CB - Description].&amp;[0232337 - CR3 Joint Owner]"/>
        <member name="[CB - Account].[Account CB - Description].&amp;[0232338 - Payable - Int City Joint Owner]"/>
        <member name="[CB - Account].[Account CB - Description].&amp;[0232339 - Advance Payable NCEMPA Uranium]"/>
        <member name="[CB - Account].[Account CB - Description].&amp;[0232350 - INTERCO AP]"/>
        <member name="[CB - Account].[Account CB - Description].&amp;[0232357 - PIPP Installment Liability]"/>
        <member name="[CB - Account].[Account CB - Description].&amp;[0232358 - A/P ODOD EER]"/>
        <member name="[CB - Account].[Account CB - Description].&amp;[0232359 - A/P ODOD USF]"/>
        <member name="[CB - Account].[Account CB - Description].&amp;[0232360 - Reinsurance premium payable-cu]"/>
        <member name="[CB - Account].[Account CB - Description].&amp;[0232370 - Outstanding Drafts]"/>
        <member name="[CB - Account].[Account CB - Description].&amp;[0232380 - Outstanding Drafts-Claim Dept.]"/>
        <member name="[CB - Account].[Account CB - Description].&amp;[0232390 - Outstanding Drafts - Mapps]"/>
        <member name="[CB - Account].[Account CB - Description].&amp;[0232400 - Interco Accrued Liability]"/>
        <member name="[CB - Account].[Account CB - Description].&amp;[0232402 - COLLATERAL LIAB]"/>
        <member name="[CB - Account].[Account CB - Description].&amp;[0232410 - Transmission Payables]"/>
        <member name="[CB - Account].[Account CB - Description].&amp;[0232420 - Georgia Power Co(Sou. Srvc Co)]"/>
        <member name="[CB - Account].[Account CB - Description].&amp;[0232421 - Unfunded Supplemental Payments]"/>
        <member name="[CB - Account].[Account CB - Description].&amp;[0232430 - Inactive]"/>
        <member name="[CB - Account].[Account CB - Description].&amp;[0232440 - S.C. Electric &amp; Gas Co.]"/>
        <member name="[CB - Account].[Account CB - Description].&amp;[0232450 - Appalachian Power Co.]"/>
        <member name="[CB - Account].[Account CB - Description].&amp;[0232460 - Bulk Power Marketing Payable]"/>
        <member name="[CB - Account].[Account CB - Description].&amp;[0232470 - Carolina Power &amp; Light Co.]"/>
        <member name="[CB - Account].[Account CB - Description].&amp;[0232480 - Co-Generation]"/>
        <member name="[CB - Account].[Account CB - Description].&amp;[0232490 - S.C. Public Service Authority]"/>
        <member name="[CB - Account].[Account CB - Description].&amp;[0232500 - Reinsurance premium payable-LT]"/>
        <member name="[CB - Account].[Account CB - Description].&amp;[0232501 - Intercompany A/P Trading]"/>
        <member name="[CB - Account].[Account CB - Description].&amp;[0232510 - Checks Not Prsntd-Escheable]"/>
        <member name="[CB - Account].[Account CB - Description].&amp;[0232520 - Checks Not Prsntd - CntrlDisb]"/>
        <member name="[CB - Account].[Account CB - Description].&amp;[0232530 - Escheats Payable Other]"/>
        <member name="[CB - Account].[Account CB - Description].&amp;[0232540 - F. U. N. B.  Payroll Payable]"/>
        <member name="[CB - Account].[Account CB - Description].&amp;[0232550 - Automatic Payroll Deposit Pay]"/>
        <member name="[CB - Account].[Account CB - Description].&amp;[0232560 - Biweekly Automated Payroll Dep]"/>
        <member name="[CB - Account].[Account CB - Description].&amp;[0232570 - Payroll Payable-Ncnb-(9/74)]"/>
        <member name="[CB - Account].[Account CB - Description].&amp;[0232580 - Inactive]"/>
        <member name="[CB - Account].[Account CB - Description].&amp;[0232590 - F. U. N. B.-Ss Plan]"/>
        <member name="[CB - Account].[Account CB - Description].&amp;[0232595 - Pool Plan Inc Liab Def]"/>
        <member name="[CB - Account].[Account CB - Description].&amp;[0232600 - White goods fee]"/>
        <member name="[CB - Account].[Account CB - Description].&amp;[0232610 - Nc Use Tax Payable]"/>
        <member name="[CB - Account].[Account CB - Description].&amp;[0232620 - Sc Use Tax Payable]"/>
        <member name="[CB - Account].[Account CB - Description].&amp;[0232630 - Nc Sales Tax Payable]"/>
        <member name="[CB - Account].[Account CB - Description].&amp;[0232640 - Sc Sales Tax Payable]"/>
        <member name="[CB - Account].[Account CB - Description].&amp;[0232650 - Mecklenburg Cty Use Tax Pay]"/>
        <member name="[CB - Account].[Account CB - Description].&amp;[0232651 - MECK CTY USE TAX 1/2% LOCAL]"/>
        <member name="[CB - Account].[Account CB - Description].&amp;[0232660 - Mecklenburg Cty Sales Tax Pay]"/>
        <member name="[CB - Account].[Account CB - Description].&amp;[0232661 - Mecklenburg 1/2% Sales Tax]"/>
        <member name="[CB - Account].[Account CB - Description].&amp;[0232670 - Durham Cty Use Tax Payable]"/>
        <member name="[CB - Account].[Account CB - Description].&amp;[0232680 - Durham Cty Sales Tax Payable]"/>
        <member name="[CB - Account].[Account CB - Description].&amp;[0232690 - Henderson Cty Use Tax Pay]"/>
        <member name="[CB - Account].[Account CB - Description].&amp;[0232700 - Henderson Cty Sales Tax Pay]"/>
        <member name="[CB - Account].[Account CB - Description].&amp;[0232710 - Cleveland Cty Use Tax Payable]"/>
        <member name="[CB - Account].[Account CB - Description].&amp;[0232720 - Cleveland Sales Tax Payable]"/>
        <member name="[CB - Account].[Account CB - Description].&amp;[0232730 - Mcdowell Cty Use Tax Payable]"/>
        <member name="[CB - Account].[Account CB - Description].&amp;[0232740 - Mcdowell Cty Sales Tax Payable]"/>
        <member name="[CB - Account].[Account CB - Description].&amp;[0232750 - Surry Cty Use Tax Payable]"/>
        <member name="[CB - Account].[Account CB - Description].&amp;[0232760 - Surry Cty Sales Tax Payable]"/>
        <member name="[CB - Account].[Account CB - Description].&amp;[0232770 - Transylvania Cty Use Tax Pay]"/>
        <member name="[CB - Account].[Account CB - Description].&amp;[0232780 - Transylvania Cty Sales Tax Pay]"/>
        <member name="[CB - Account].[Account CB - Description].&amp;[0232790 - Wilkes Cty Use Tax Payable]"/>
        <member name="[CB - Account].[Account CB - Description].&amp;[0232800 - Wilkes Cty Sales Tax Payable]"/>
        <member name="[CB - Account].[Account CB - Description].&amp;[0232810 - Guilford Cty Use Tax Payable]"/>
        <member name="[CB - Account].[Account CB - Description].&amp;[0232820 - Guilford Cty Sales Tax Payable]"/>
        <member name="[CB - Account].[Account CB - Description].&amp;[0232830 - Union Cty Use Tax Payable]"/>
        <member name="[CB - Account].[Account CB - Description].&amp;[0232840 - Union Cty Sales Tax Payable]"/>
        <member name="[CB - Account].[Account CB - Description].&amp;[0232850 - Gaston Cty Use Tax Payable]"/>
        <member name="[CB - Account].[Account CB - Description].&amp;[0232860 - Gaston Cyt Sales Tax Payable]"/>
        <member name="[CB - Account].[Account CB - Description].&amp;[0232870 - Cabarrus Cty Use Tax Payable]"/>
        <member name="[CB - Account].[Account CB - Description].&amp;[0232880 - Cabarrus Cty Sales Tax Payable]"/>
        <member name="[CB - Account].[Account CB - Description].&amp;[0232881 - Union Employee Incentive Plan]"/>
        <member name="[CB - Account].[Account CB - Description].&amp;[0232882 - GSA Product Charge]"/>
        <member name="[CB - Account].[Account CB - Description].&amp;[0232890 - Alamance Cty Use Tax Payable]"/>
        <member name="[CB - Account].[Account CB - Description].&amp;[0232891 - AP Accrual]"/>
        <member name="[CB - Account].[Account CB - Description].&amp;[0232893 - AP-Certified Supplier PAR Ele]"/>
        <member name="[CB - Account].[Account CB - Description].&amp;[0232894 - Salaries Payable]"/>
        <member name="[CB - Account].[Account CB - Description].&amp;[0232895 - Sec 125 Employee Balance]"/>
        <member name="[CB - Account].[Account CB - Description].&amp;[0232896 - AP VWRP]"/>
        <member name="[CB - Account].[Account CB - Description].&amp;[0232897 - Misc A/P - Manual]"/>
        <member name="[CB - Account].[Account CB - Description].&amp;[0232898 - A/P - Carolinas Cost of Gas]"/>
        <member name="[CB - Account].[Account CB - Description].&amp;[0232899 - A/P - Tennessee Cost of Gas]"/>
        <member name="[CB - Account].[Account CB - Description].&amp;[0232900 - Alamance Cty Sales Tax Payable]"/>
        <member name="[CB - Account].[Account CB - Description].&amp;[0232901 - A/P Refund Clearing]"/>
        <member name="[CB - Account].[Account CB - Description].&amp;[0232910 - Orange Cty Use Tax Payable]"/>
        <member name="[CB - Account].[Account CB - Description].&amp;[0232920 - Orange Cty Sales Tax Payable]"/>
        <member name="[CB - Account].[Account CB - Description].&amp;[0232930 - Polk Cty Use Tax Payable]"/>
        <member name="[CB - Account].[Account CB - Description].&amp;[0232933 - VIE - Non-recourse A/P Trade]"/>
        <member name="[CB - Account].[Account CB - Description].&amp;[0232940 - Polk Cty Sales Tax Payable]"/>
        <member name="[CB - Account].[Account CB - Description].&amp;[0232950 - Yadkin Cty Use Tax Payable]"/>
        <member name="[CB - Account].[Account CB - Description].&amp;[0232955 - A/P Wholesale Pwr - Estimate]"/>
        <member name="[CB - Account].[Account CB - Description].&amp;[0232960 - Yadkin Cty Sales Tax Payable]"/>
        <member name="[CB - Account].[Account CB - Description].&amp;[0232970 - Davidson Cty Use Tax Payable]"/>
        <member name="[CB - Account].[Account CB - Description].&amp;[0232980 - Davidson Cty Sales Tax Payable]"/>
        <member name="[CB - Account].[Account CB - Description].&amp;[0232990 - Nc Vehicle Use Tax]"/>
        <member name="[CB - Account].[Account CB - Description].&amp;[0232991 - Electric Payable]"/>
        <member name="[CB - Account].[Account CB - Description].&amp;[0232992 - Customer Collateral Deposit]"/>
        <member name="[CB - Account].[Account CB - Description].&amp;[0232993 - AP Off System]"/>
        <member name="[CB - Account].[Account CB - Description].&amp;[0232995 - AP Est Affiliate Non-Consol]"/>
        <member name="[CB - Account].[Account CB - Description].&amp;[0232997 - A/P PA NUC FUEL DEFER]"/>
        <member name="[CB - Account].[Account CB - Description].&amp;[0233000 - Notes Payable Current I/C Cont]"/>
        <member name="[CB - Account].[Account CB - Description].&amp;[0233001 - Notes Payable Log Term I/C Con]"/>
        <member name="[CB - Account].[Account CB - Description].&amp;[0233002 - Interco Notes Payable Current]"/>
        <member name="[CB - Account].[Account CB - Description].&amp;[0233003 - IC - LT Notes Pay]"/>
        <member name="[CB - Account].[Account CB - Description].&amp;[0233110 - Notes Payable To Assoc Co'S]"/>
        <member name="[CB - Account].[Account CB - Description].&amp;[0233200 - Notes Pay - DEC]"/>
        <member name="[CB - Account].[Account CB - Description].&amp;[0233220 - Notes Pay - MPS]"/>
        <member name="[CB - Account].[Account CB - Description].&amp;[0233230 - Notes Payable w/Duke Energy]"/>
        <member name="[CB - Account].[Account CB - Description].&amp;[0233240 - Notes Payable to DCC]"/>
        <member name="[CB - Account].[Account CB - Description].&amp;[0233241 - NOTE PAYABLE-DCC LUX]"/>
        <member name="[CB - Account].[Account CB - Description].&amp;[0233893 - AP Misc par elec]"/>
        <member name="[CB - Account].[Account CB - Description].&amp;[0234001 - Accounts Payable I/C Contra]"/>
        <member name="[CB - Account].[Account CB - Description].&amp;[0234002 - Interest Payable I/C Contra]"/>
        <member name="[CB - Account].[Account CB - Description].&amp;[0234005 - Unearned premiums-affiliate]"/>
        <member name="[CB - Account].[Account CB - Description].&amp;[0234010 - I/C AP - Joint Dispatch]"/>
        <member name="[CB - Account].[Account CB - Description].&amp;[0234020 - 5/14/96]"/>
        <member name="[CB - Account].[Account CB - Description].&amp;[0234070 - I/C A/P with 10276]"/>
        <member name="[CB - Account].[Account CB - Description].&amp;[0234100 - Mill-Power Supply Company]"/>
        <member name="[CB - Account].[Account CB - Description].&amp;[0234104 - IC Accounts Payable]"/>
        <member name="[CB - Account].[Account CB - Description].&amp;[0234110 - Houston Accounts Payable]"/>
        <member name="[CB - Account].[Account CB - Description].&amp;[0234120 - Denver Accounts Payable]"/>
        <member name="[CB - Account].[Account CB - Description].&amp;[0234130 - Global Asset Accounts Payable]"/>
        <member name="[CB - Account].[Account CB - Description].&amp;[0234140 - Trading &amp; Marketing Accounts P]"/>
        <member name="[CB - Account].[Account CB - Description].&amp;[0234190 - Church Street Capital Corp.]"/>
        <member name="[CB - Account].[Account CB - Description].&amp;[0234200 - Crescent Land And Timber Corp]"/>
        <member name="[CB - Account].[Account CB - Description].&amp;[0234242 - COLLATERAL LIABILITY ACCOUNT]"/>
        <member name="[CB - Account].[Account CB - Description].&amp;[0234250 - IC Netting - Accts Payable]"/>
        <member name="[CB - Account].[Account CB - Description].&amp;[0234260 - AP DUKE COMMUNICATION SERVICE]"/>
        <member name="[CB - Account].[Account CB - Description].&amp;[0234270 - AP PANENERGY RESOURCES MGT]"/>
        <member name="[CB - Account].[Account CB - Description].&amp;[0234300 - Eastover Mining Company]"/>
        <member name="[CB - Account].[Account CB - Description].&amp;[0234350 - IC Netting - LT Accts Payable]"/>
        <member name="[CB - Account].[Account CB - Description].&amp;[0234400 - Eastover Land Company]"/>
        <member name="[CB - Account].[Account CB - Description].&amp;[0234410 - Reins prem payable current-aff]"/>
        <member name="[CB - Account].[Account CB - Description].&amp;[0234500 - Duke Eng. &amp; Services,Inc.]"/>
        <member name="[CB - Account].[Account CB - Description].&amp;[0234550 - Duke/Fluor Daniel]"/>
        <member name="[CB - Account].[Account CB - Description].&amp;[0234600 - Nantahala Power &amp; Light]"/>
        <member name="[CB - Account].[Account CB - Description].&amp;[0234650 - AP w/Pan Service Corp]"/>
        <member name="[CB - Account].[Account CB - Description].&amp;[0234660 - AP w/DEI]"/>
        <member name="[CB - Account].[Account CB - Description].&amp;[0234700 - Duke Energy Corp]"/>
        <member name="[CB - Account].[Account CB - Description].&amp;[0234710 - Intercompany w/ DEBS]"/>
        <member name="[CB - Account].[Account CB - Description].&amp;[0234740 - Intera Payables]"/>
        <member name="[CB - Account].[Account CB - Description].&amp;[0234800 - Other]"/>
        <member name="[CB - Account].[Account CB - Description].&amp;[0234801 - Dover Profit Sharing]"/>
        <member name="[CB - Account].[Account CB - Description].&amp;[0234802 - Interco Payable - DE]"/>
        <member name="[CB - Account].[Account CB - Description].&amp;[0234803 - FERC Annual Chrg Adj]"/>
        <member name="[CB - Account].[Account CB - Description].&amp;[0234804 - Intraco Pay - Canada]"/>
        <member name="[CB - Account].[Account CB - Description].&amp;[0234805 - Intraco Pay - Commodity]"/>
        <member name="[CB - Account].[Account CB - Description].&amp;[0234806 - Intraco Pay - Energy Invest]"/>
        <member name="[CB - Account].[Account CB - Description].&amp;[0234807 - Intraco Pay - Techtrol]"/>
        <member name="[CB - Account].[Account CB - Description].&amp;[0234808 - Intraco Pay - DukeSolutions]"/>
        <member name="[CB - Account].[Account CB - Description].&amp;[0234809 - Accounts Payable - Mint Street]"/>
        <member name="[CB - Account].[Account CB - Description].&amp;[0234810 - Interco Payable w/Evendale]"/>
        <member name="[CB - Account].[Account CB - Description].&amp;[0234811 - Interco Payable w/GNE]"/>
        <member name="[CB - Account].[Account CB - Description].&amp;[0234812 - Interco Pay w/Huntington Beach]"/>
        <member name="[CB - Account].[Account CB - Description].&amp;[0234813 - I/C Pay w/ DEFS]"/>
        <member name="[CB - Account].[Account CB - Description].&amp;[0234814 - Accts Payable w/ 30274]"/>
        <member name="[CB - Account].[Account CB - Description].&amp;[0234815 - Accts Payable w/ 30274]"/>
        <member name="[CB - Account].[Account CB - Description].&amp;[0234816 - I/C Pay W/30274]"/>
        <member name="[CB - Account].[Account CB - Description].&amp;[0234817 - A/P DETM Canada]"/>
        <member name="[CB - Account].[Account CB - Description].&amp;[0234818 - A/P TETCO]"/>
        <member name="[CB - Account].[Account CB - Description].&amp;[0234819 - INTERCOMPANY PAYABLE]"/>
        <member name="[CB - Account].[Account CB - Description].&amp;[0234820 - INTERCO PAY WITH 45065]"/>
        <member name="[CB - Account].[Account CB - Description].&amp;[0234821 - AP WITH 45000]"/>
        <member name="[CB - Account].[Account CB - Description].&amp;[0234830 - DETM/DENA Keepwhole Payable]"/>
        <member name="[CB - Account].[Account CB - Description].&amp;[0234900 - Reins Prm Payable LT-affiliate]"/>
        <member name="[CB - Account].[Account CB - Description].&amp;[0234910 - IUB A/P Actual]"/>
        <member name="[CB - Account].[Account CB - Description].&amp;[0234911 - Intercompany A/P Estimate]"/>
        <member name="[CB - Account].[Account CB - Description].&amp;[0234912 - Deferred Revenue Billing]"/>
        <member name="[CB - Account].[Account CB - Description].&amp;[0235000 - CUST DEP NC-CIM]"/>
        <member name="[CB - Account].[Account CB - Description].&amp;[0235001 - CUST DEP SC-CIM]"/>
        <member name="[CB - Account].[Account CB - Description].&amp;[0235002 - C/D ACTIVE]"/>
        <member name="[CB - Account].[Account CB - Description].&amp;[0235003 - C/D INACTIVE]"/>
        <member name="[CB - Account].[Account CB - Description].&amp;[0235004 - Deferred Liability OL]"/>
        <member name="[CB - Account].[Account CB - Description].&amp;[0235005 - Special Deposits - Collateral]"/>
        <member name="[CB - Account].[Account CB - Description].&amp;[0235006 - Pole Attachment Deposits]"/>
        <member name="[CB - Account].[Account CB - Description].&amp;[0235007 - EVSE - Customer Deposits ST]"/>
        <member name="[CB - Account].[Account CB - Description].&amp;[0235110 - Cust Dep For Srvc - Edp Billin]"/>
        <member name="[CB - Account].[Account CB - Description].&amp;[0235115 - CLHFS NP]"/>
        <member name="[CB - Account].[Account CB - Description].&amp;[0235130 - Cust Dep Transf To Gen Office]"/>
        <member name="[CB - Account].[Account CB - Description].&amp;[0235133 - Phy Option Premiums]"/>
        <member name="[CB - Account].[Account CB - Description].&amp;[0235145 - NYMEX Margin]"/>
        <member name="[CB - Account].[Account CB - Description].&amp;[0235150 - UNRLZDLOSS ON MKTtoMKT TRADNG]"/>
        <member name="[CB - Account].[Account CB - Description].&amp;[0235151 - MTM Reserve]"/>
        <member name="[CB - Account].[Account CB - Description].&amp;[0235152 - Solar Interconnect Deposits]"/>
        <member name="[CB - Account].[Account CB - Description].&amp;[0235202 - OTC Options]"/>
        <member name="[CB - Account].[Account CB - Description].&amp;[0235251 - IC HEDGE LIABILITY CURRENT]"/>
        <member name="[CB - Account].[Account CB - Description].&amp;[0236000 - Nc Prop Tax - Electric]"/>
        <member name="[CB - Account].[Account CB - Description].&amp;[0236005 - Accr Ad Valorem Tax 97]"/>
        <member name="[CB - Account].[Account CB - Description].&amp;[0236006 - Accr Franchise]"/>
        <member name="[CB - Account].[Account CB - Description].&amp;[0236007 - Accr Franchise-Other]"/>
        <member name="[CB - Account].[Account CB - Description].&amp;[0236008 - Oth Accr Tax - Trans Fran]"/>
        <member name="[CB - Account].[Account CB - Description].&amp;[0236009 - Accr Tax-Compresser Fuel]"/>
        <member name="[CB - Account].[Account CB - Description].&amp;[0236010 - Nc Prop Tax - Water]"/>
        <member name="[CB - Account].[Account CB - Description].&amp;[0236011 - Accrued Sit-Other]"/>
        <member name="[CB - Account].[Account CB - Description].&amp;[0236012 - Oth Accr Tax - Gross Vol]"/>
        <member name="[CB - Account].[Account CB - Description].&amp;[0236013 - Accr Ad Valorem Tax 98]"/>
        <member name="[CB - Account].[Account CB - Description].&amp;[0236014 - Accr Ad Valoren Tax 99]"/>
        <member name="[CB - Account].[Account CB - Description].&amp;[0236015 - Accr AD Valorem 2000]"/>
        <member name="[CB - Account].[Account CB - Description].&amp;[0236016 - Accr Ad Valorem Tax 2001]"/>
        <member name="[CB - Account].[Account CB - Description].&amp;[0236017 - Accr Ad Valorem Tax 2003]"/>
        <member name="[CB - Account].[Account CB - Description].&amp;[0236018 - Accrued Sit-Unitary]"/>
        <member name="[CB - Account].[Account CB - Description].&amp;[0236019 - Accrued Fit-Other]"/>
        <member name="[CB - Account].[Account CB - Description].&amp;[0236020 - FAS 5 Non-Income Tax Reserves]"/>
        <member name="[CB - Account].[Account CB - Description].&amp;[0236025 - LT Inc Tax Payalble]"/>
        <member name="[CB - Account].[Account CB - Description].&amp;[0236030 - Nc Prop Tax - Merchandising]"/>
        <member name="[CB - Account].[Account CB - Description].&amp;[0236040 - Nc Prop Tax - Misc Non-Util]"/>
        <member name="[CB - Account].[Account CB - Description].&amp;[0236042 - Property Tax Reserve]"/>
        <member name="[CB - Account].[Account CB - Description].&amp;[0236050 - Nc Municipal License - Elec]"/>
        <member name="[CB - Account].[Account CB - Description].&amp;[0236060 - Inactive]"/>
        <member name="[CB - Account].[Account CB - Description].&amp;[0236065 - Accrued Production Tax]"/>
        <member name="[CB - Account].[Account CB - Description].&amp;[0236066 - Current Foreign Tax]"/>
        <member name="[CB - Account].[Account CB - Description].&amp;[0236070 - Inactive]"/>
        <member name="[CB - Account].[Account CB - Description].&amp;[0236071 - Fed IncTax Pay]"/>
        <member name="[CB - Account].[Account CB - Description].&amp;[0236080 - Nc Muni License-Merchandising]"/>
        <member name="[CB - Account].[Account CB - Description].&amp;[0236090 - Inactive]"/>
        <member name="[CB - Account].[Account CB - Description].&amp;[0236100 - Franchise Tax - Electric]"/>
        <member name="[CB - Account].[Account CB - Description].&amp;[0236110 - Nc Franchise Tax - Water]"/>
        <member name="[CB - Account].[Account CB - Description].&amp;[0236115 - CLHFS TAXES ACC]"/>
        <member name="[CB - Account].[Account CB - Description].&amp;[0236120 - CUR FRANCHISE TAX PAYABLE-DEBS]"/>
        <member name="[CB - Account].[Account CB - Description].&amp;[0236123 - Fl Prop Tax - Electric]"/>
        <member name="[CB - Account].[Account CB - Description].&amp;[0236125 - NC GROSS REC TAX UNBILL ACC]"/>
        <member name="[CB - Account].[Account CB - Description].&amp;[0236130 - PR FRANCHISE TAX PAYABLE-DEBS]"/>
        <member name="[CB - Account].[Account CB - Description].&amp;[0236131 - FL FRANCHISE TX ACCRUAL]"/>
        <member name="[CB - Account].[Account CB - Description].&amp;[0236135 - FL Reg Assessment - Electric]"/>
        <member name="[CB - Account].[Account CB - Description].&amp;[0236140 - Inactive]"/>
        <member name="[CB - Account].[Account CB - Description].&amp;[0236160 - Nc Unemployment Tax-Water]"/>
        <member name="[CB - Account].[Account CB - Description].&amp;[0236170 - 12/95]"/>
        <member name="[CB - Account].[Account CB - Description].&amp;[0236180 - 5/14/96]"/>
        <member name="[CB - Account].[Account CB - Description].&amp;[0236190 - Inactive]"/>
        <member name="[CB - Account].[Account CB - Description].&amp;[0236200 - Nc Industr Comm - Electric]"/>
        <member name="[CB - Account].[Account CB - Description].&amp;[0236210 - Nc Industr Comm - Water]"/>
        <member name="[CB - Account].[Account CB - Description].&amp;[0236220 - Inactive]"/>
        <member name="[CB - Account].[Account CB - Description].&amp;[0236230 - Inactive]"/>
        <member name="[CB - Account].[Account CB - Description].&amp;[0236240 - Inactive]"/>
        <member name="[CB - Account].[Account CB - Description].&amp;[0236250 - Nc Intang Tax - Electric]"/>
        <member name="[CB - Account].[Account CB - Description].&amp;[0236260 - Nc Intang Tax - Water]"/>
        <member name="[CB - Account].[Account CB - Description].&amp;[0236270 - Inactive]"/>
        <member name="[CB - Account].[Account CB - Description].&amp;[0236280 - Nc Intang Tax-Merchandising]"/>
        <member name="[CB - Account].[Account CB - Description].&amp;[0236290 - Nc Intang Tax-Misc Non-Util]"/>
        <member name="[CB - Account].[Account CB - Description].&amp;[0236300 - Nc Chain Store Tax-Merchandisi]"/>
        <member name="[CB - Account].[Account CB - Description].&amp;[0236320 - Inactive]"/>
        <member name="[CB - Account].[Account CB - Description].&amp;[0236330 - Nc Material Use Tax- Electr]"/>
        <member name="[CB - Account].[Account CB - Description].&amp;[0236360 - Sc Prop Tax - Electric]"/>
        <member name="[CB - Account].[Account CB - Description].&amp;[0236370 - Sc Prop Tax - Water]"/>
        <member name="[CB - Account].[Account CB - Description].&amp;[0236375 - SC CORP LIC UNBILL ACCRUAL]"/>
        <member name="[CB - Account].[Account CB - Description].&amp;[0236380 - Inactive]"/>
        <member name="[CB - Account].[Account CB - Description].&amp;[0236390 - Sc Prop Tax-Merchandising]"/>
        <member name="[CB - Account].[Account CB - Description].&amp;[0236400 - Sc Prop Tax-Misc Non-Util]"/>
        <member name="[CB - Account].[Account CB - Description].&amp;[0236410 - Sc Municipal License-Electr]"/>
        <member name="[CB - Account].[Account CB - Description].&amp;[0236420 - Inactive]"/>
        <member name="[CB - Account].[Account CB - Description].&amp;[0236430 - Inactive]"/>
        <member name="[CB - Account].[Account CB - Description].&amp;[0236440 - Sc Municipal License - Merc]"/>
        <member name="[CB - Account].[Account CB - Description].&amp;[0236450 - Inactive]"/>
        <member name="[CB - Account].[Account CB - Description].&amp;[0236460 - Sc Kwh Power Generation Tax]"/>
        <member name="[CB - Account].[Account CB - Description].&amp;[0236470 - Franchise Tax Accrual]"/>
        <member name="[CB - Account].[Account CB - Description].&amp;[0236480 - SC Gross Receipts Tax - Wtr]"/>
        <member name="[CB - Account].[Account CB - Description].&amp;[0236490 - Inactive]"/>
        <member name="[CB - Account].[Account CB - Description].&amp;[0236500 - Sc Franchise Tax-Merchandis]"/>
        <member name="[CB - Account].[Account CB - Description].&amp;[0236510 - Sc Franchise Tx-Misc Non-Util]"/>
        <member name="[CB - Account].[Account CB - Description].&amp;[0236520 - S. C. Pub Ser Comm-Electric]"/>
        <member name="[CB - Account].[Account CB - Description].&amp;[0236530 - S. C. Pub Ser Comm-Water]"/>
        <member name="[CB - Account].[Account CB - Description].&amp;[0236540 - Inactive]"/>
        <member name="[CB - Account].[Account CB - Description].&amp;[0236550 - S. C. Pub Ser Comm-Merchand]"/>
        <member name="[CB - Account].[Account CB - Description].&amp;[0236560 - Inactive]"/>
        <member name="[CB - Account].[Account CB - Description].&amp;[0236570 - S.C. Unemploy Tax-Electric]"/>
        <member name="[CB - Account].[Account CB - Description].&amp;[0236580 - S.C. Unemploy Tax-Water]"/>
        <member name="[CB - Account].[Account CB - Description].&amp;[0236590 - PST - Provincial Tax]"/>
        <member name="[CB - Account].[Account CB - Description].&amp;[0236600 - HST/GST - Canadian Tax]"/>
        <member name="[CB - Account].[Account CB - Description].&amp;[0236610 - QST - Quebec Tax]"/>
        <member name="[CB - Account].[Account CB - Description].&amp;[0236620 - S. C. Greenwood Tax-Electric]"/>
        <member name="[CB - Account].[Account CB - Description].&amp;[0236630 - S. C. Indust Comm-Electric]"/>
        <member name="[CB - Account].[Account CB - Description].&amp;[0236640 - S. C. Chain Store Tax-Merchand]"/>
        <member name="[CB - Account].[Account CB - Description].&amp;[0236650 - Inactive]"/>
        <member name="[CB - Account].[Account CB - Description].&amp;[0236660 - Inactive]"/>
        <member name="[CB - Account].[Account CB - Description].&amp;[0236670 - Inactive]"/>
        <member name="[CB - Account].[Account CB - Description].&amp;[0236690 - Inactive]"/>
        <member name="[CB - Account].[Account CB - Description].&amp;[0236710 - Fed Soc Sec Tx-Water]"/>
        <member name="[CB - Account].[Account CB - Description].&amp;[0236720 - Inactive]"/>
        <member name="[CB - Account].[Account CB - Description].&amp;[0236730 - 8/96]"/>
        <member name="[CB - Account].[Account CB - Description].&amp;[0236740 - Inactive]"/>
        <member name="[CB - Account].[Account CB - Description].&amp;[0236760 - Fed Unemploy Tx-Water]"/>
        <member name="[CB - Account].[Account CB - Description].&amp;[0236770 - Inactive]"/>
        <member name="[CB - Account].[Account CB - Description].&amp;[0236780 - 5/14/96]"/>
        <member name="[CB - Account].[Account CB - Description].&amp;[0236790 - Inactive]"/>
        <member name="[CB - Account].[Account CB - Description].&amp;[0236800 - Federal Hwy Use Tx-Electric]"/>
        <member name="[CB - Account].[Account CB - Description].&amp;[0236801 - Accrued Gross Receipts Tax]"/>
        <member name="[CB - Account].[Account CB - Description].&amp;[0236802 - Ohio Kilowatt Tax Liability]"/>
        <member name="[CB - Account].[Account CB - Description].&amp;[0236803 - Ohio MCF Tax Liability]"/>
        <member name="[CB - Account].[Account CB - Description].&amp;[0236804 - Federal Excise Tax - CNG]"/>
        <member name="[CB - Account].[Account CB - Description].&amp;[0236805 - Reg Liab Fas 109 Def Tax]"/>
        <member name="[CB - Account].[Account CB - Description].&amp;[0236810 - Accrued Franchise Tax]"/>
        <member name="[CB - Account].[Account CB - Description].&amp;[0236820 - Misc Nonutility]"/>
        <member name="[CB - Account].[Account CB - Description].&amp;[0236830 - Misc-Electric-Georgia]"/>
        <member name="[CB - Account].[Account CB - Description].&amp;[0236831 - Misc. Taxes &amp; Interest]"/>
        <member name="[CB - Account].[Account CB - Description].&amp;[0236832 - Misc. Penalties]"/>
        <member name="[CB - Account].[Account CB - Description].&amp;[0236840 - Ohio Commercial Activity Tax]"/>
        <member name="[CB - Account].[Account CB - Description].&amp;[0236850 - Fed Manufact Excise Tax-Vehicl]"/>
        <member name="[CB - Account].[Account CB - Description].&amp;[0236860 - PetrolTax Payable]"/>
        <member name="[CB - Account].[Account CB - Description].&amp;[0236870 - PetrolTesting Fee]"/>
        <member name="[CB - Account].[Account CB - Description].&amp;[0236880 - Tonnage Tax Payable]"/>
        <member name="[CB - Account].[Account CB - Description].&amp;[0236890 - Excise Tax Payable]"/>
        <member name="[CB - Account].[Account CB - Description].&amp;[0236897 - VIE-NR Taxes Accrued]"/>
        <member name="[CB - Account].[Account CB - Description].&amp;[0236900 - Accr Ad Valorem Tax - M&amp;N LLC]"/>
        <member name="[CB - Account].[Account CB - Description].&amp;[0236901 - Accr Ad Valorem Tax - PNGTS]"/>
        <member name="[CB - Account].[Account CB - Description].&amp;[0236904 - PRIOR STATE INC TAX ACCR-DEBS]"/>
        <member name="[CB - Account].[Account CB - Description].&amp;[0236905 - State Income Payable]"/>
        <member name="[CB - Account].[Account CB - Description].&amp;[0236907 - Accrued FIT - DE Group]"/>
        <member name="[CB - Account].[Account CB - Description].&amp;[0236908 - Accrued FIT - DENA,LLC]"/>
        <member name="[CB - Account].[Account CB - Description].&amp;[0236909 - Accrued FIT - Oakland]"/>
        <member name="[CB - Account].[Account CB - Description].&amp;[0236910 - Accrued FIT - Morro Bay]"/>
        <member name="[CB - Account].[Account CB - Description].&amp;[0236911 - Accrued FIT - South Bay]"/>
        <member name="[CB - Account].[Account CB - Description].&amp;[0236912 - Accrued FIT - Moss Landing]"/>
        <member name="[CB - Account].[Account CB - Description].&amp;[0236913 - Accrued FIT - DE Bridgeport]"/>
        <member name="[CB - Account].[Account CB - Description].&amp;[0236914 - Income Taxes Accrued]"/>
        <member name="[CB - Account].[Account CB - Description].&amp;[0236915 - Accr Ad Valorem Tax 2002]"/>
        <member name="[CB - Account].[Account CB - Description].&amp;[0236916 - Accr Ad Valorem Tax 2004]"/>
        <member name="[CB - Account].[Account CB - Description].&amp;[0236917 - Accr Ad Valorem Tax 2005]"/>
        <member name="[CB - Account].[Account CB - Description].&amp;[0236918 - Accr Ad Valorem Tax 2006]"/>
        <member name="[CB - Account].[Account CB - Description].&amp;[0236919 - NC Privilege Tax Payable]"/>
        <member name="[CB - Account].[Account CB - Description].&amp;[0236920 - GA Inc Tax Payable-Prior Yrs]"/>
        <member name="[CB - Account].[Account CB - Description].&amp;[0236921 - GA Inc Tax Pyble - Previous Yr]"/>
        <member name="[CB - Account].[Account CB - Description].&amp;[0236922 - Accr Ad Valorem Tax 2007]"/>
        <member name="[CB - Account].[Account CB - Description].&amp;[0236924 - CurrRec Gain Contingency Intl]"/>
        <member name="[CB - Account].[Account CB - Description].&amp;[0236925 - Current Tax Reclass Intl Cr]"/>
        <member name="[CB - Account].[Account CB - Description].&amp;[0236927 - LT Tax Reclass State Cr]"/>
        <member name="[CB - Account].[Account CB - Description].&amp;[0236928 - LT Tax Reclass Intl Cr]"/>
        <member name="[CB - Account].[Account CB - Description].&amp;[0236930 - GA Inc Tax Payable - Current]"/>
        <member name="[CB - Account].[Account CB - Description].&amp;[0236941 - NC Inc Tax Payble-Prev Yr]"/>
        <member name="[CB - Account].[Account CB - Description].&amp;[0236942 - State Inc Pay-Prior Years L]"/>
        <member name="[CB - Account].[Account CB - Description].&amp;[0236943 - State Inc Tax Pay-Prior Years]"/>
        <member name="[CB - Account].[Account CB - Description].&amp;[0236944 - Curr Rec Gain Contingency St]"/>
        <member name="[CB - Account].[Account CB - Description].&amp;[0236950 - NC Inc Tax Payable-Current]"/>
        <member name="[CB - Account].[Account CB - Description].&amp;[0236951 - Current Liability UTP: State]"/>
        <member name="[CB - Account].[Account CB - Description].&amp;[0236952 - Current Liability UTP St PGN]"/>
        <member name="[CB - Account].[Account CB - Description].&amp;[0236953 - LT Liability: State UTP]"/>
        <member name="[CB - Account].[Account CB - Description].&amp;[0236954 - LT Contra Liab GC: State]"/>
        <member name="[CB - Account].[Account CB - Description].&amp;[0236955 - Current Liability UTP: Intl]"/>
        <member name="[CB - Account].[Account CB - Description].&amp;[0236956 - Int'l Inc Tax Payabl-Prior Yrs]"/>
        <member name="[CB - Account].[Account CB - Description].&amp;[0236957 - LT Liability: Intl UTP]"/>
        <member name="[CB - Account].[Account CB - Description].&amp;[0236958 - LT Contra-Liab GC: Intl]"/>
        <member name="[CB - Account].[Account CB - Description].&amp;[0236959 - Int'l Inc Tax Payable-PY LT]"/>
        <member name="[CB - Account].[Account CB - Description].&amp;[0236960 - SC Inc Tax Payable-Prior Yr]"/>
        <member name="[CB - Account].[Account CB - Description].&amp;[0236961 - SC Inc Tax Payable - Prev Yr]"/>
        <member name="[CB - Account].[Account CB - Description].&amp;[0236962 - Current Liability UTP Fed PGN]"/>
        <member name="[CB - Account].[Account CB - Description].&amp;[0236970 - SC Inc Tax Payble - Current]"/>
        <member name="[CB - Account].[Account CB - Description].&amp;[0236982 - Fed Inc Payable - PY LT 04-05]"/>
        <member name="[CB - Account].[Account CB - Description].&amp;[0236983 - Fed Inc Tax Pay-Prior Years]"/>
        <member name="[CB - Account].[Account CB - Description].&amp;[0236984 - Curr Rec Gain Contingency Fed]"/>
        <member name="[CB - Account].[Account CB - Description].&amp;[0236985 - Fed Inc Payable-PY LT 06-07 yr]"/>
        <member name="[CB - Account].[Account CB - Description].&amp;[0236986 - LT Liability FED - KTRA]"/>
        <member name="[CB - Account].[Account CB - Description].&amp;[0236987 - FBOS for KTRA's]"/>
        <member name="[CB - Account].[Account CB - Description].&amp;[0236988 - LT Liability St UTP PGN]"/>
        <member name="[CB - Account].[Account CB - Description].&amp;[0236989 - LT Liability Fed UTP PGN]"/>
        <member name="[CB - Account].[Account CB - Description].&amp;[0236991 - Back-up Withholding Tax]"/>
        <member name="[CB - Account].[Account CB - Description].&amp;[0236992 - Current Liability UTP: Fed]"/>
        <member name="[CB - Account].[Account CB - Description].&amp;[0236994 - LT Liability Fed UTP 04-05 yrs]"/>
        <member name="[CB - Account].[Account CB - Description].&amp;[0236995 - LT Rec Gain Contingenc 4-5 yrs]"/>
        <member name="[CB - Account].[Account CB - Description].&amp;[0236996 - LT Liability Fed UTP 06-07 yr]"/>
        <member name="[CB - Account].[Account CB - Description].&amp;[0236997 - LT Receiv Gain Cont]"/>
        <member name="[CB - Account].[Account CB - Description].&amp;[0236998 - LT Receiv Gain Cont 06-07 yrs]"/>
        <member name="[CB - Account].[Account CB - Description].&amp;[0236999 - Accrued FIT - Disco Ops]"/>
        <member name="[CB - Account].[Account CB - Description].&amp;[0237000 - Accr Int-8% Due 2002]"/>
        <member name="[CB - Account].[Account CB - Description].&amp;[0237001 - Accr Int-Med Term Note-Tetco]"/>
        <member name="[CB - Account].[Account CB - Description].&amp;[0237002 - Accr Int-8.25% 2004]"/>
        <member name="[CB - Account].[Account CB - Description].&amp;[0237003 - Accr Int-9.13% Due 2003]"/>
        <member name="[CB - Account].[Account CB - Description].&amp;[0237004 - Accr Int-7 3/4% Port Fac Rev B]"/>
        <member name="[CB - Account].[Account CB - Description].&amp;[0237005 - Accr Int-8.625% Deb]"/>
        <member name="[CB - Account].[Account CB - Description].&amp;[0237006 - Accr Int-7.25%]"/>
        <member name="[CB - Account].[Account CB - Description].&amp;[0237007 - Accr Int-9.9%]"/>
        <member name="[CB - Account].[Account CB - Description].&amp;[0237008 - Accr Int-7.38%]"/>
        <member name="[CB - Account].[Account CB - Description].&amp;[0237009 - Accr Int-7%]"/>
        <member name="[CB - Account].[Account CB - Description].&amp;[0237010 - Accr Int-Cr Agree]"/>
        <member name="[CB - Account].[Account CB - Description].&amp;[0237011 - Int Payable - Notes]"/>
        <member name="[CB - Account].[Account CB - Description].&amp;[0237012 - Accrued Interest - Dfd]"/>
        <member name="[CB - Account].[Account CB - Description].&amp;[0237013 - Int Pay- 7.25% due 2004]"/>
        <member name="[CB - Account].[Account CB - Description].&amp;[0237014 - Int Pay- 7.50% due 2009]"/>
        <member name="[CB - Account].[Account CB - Description].&amp;[0237015 - Int Pay- 8.00% due 2019]"/>
        <member name="[CB - Account].[Account CB - Description].&amp;[0237016 - Accrued Interest On Swaps]"/>
        <member name="[CB - Account].[Account CB - Description].&amp;[0237017 - Accr Int-$115Mm (144A)]"/>
        <member name="[CB - Account].[Account CB - Description].&amp;[0237018 - MASS MUTUAL INT PAY 12/28/84]"/>
        <member name="[CB - Account].[Account CB - Description].&amp;[0237019 - MASS MUTUAL INT PAY 1/1/86]"/>
        <member name="[CB - Account].[Account CB - Description].&amp;[0237020 - MASS MUTUAL INT PAY 1/1/84]"/>
        <member name="[CB - Account].[Account CB - Description].&amp;[0237021 - MASS MUTUAL INT PAY 12/15/84]"/>
        <member name="[CB - Account].[Account CB - Description].&amp;[0237022 - MASS MUTUAL INT PAY 9/1/85PE]"/>
        <member name="[CB - Account].[Account CB - Description].&amp;[0237023 - MASS MUTAL INT PAY 6/1/86]"/>
        <member name="[CB - Account].[Account CB - Description].&amp;[0237024 - MASS MUTUAL INT PAY 9/1/85TE]"/>
        <member name="[CB - Account].[Account CB - Description].&amp;[0237025 - TE HARTFORD INT PAY 5/31/88]"/>
        <member name="[CB - Account].[Account CB - Description].&amp;[0237026 - PE HARTFORD INT PAY 8/31/88]"/>
        <member name="[CB - Account].[Account CB - Description].&amp;[0237027 - MANU LIFE INT PAY 12/1/85]"/>
        <member name="[CB - Account].[Account CB - Description].&amp;[0237028 - Interest Accr-NPL to Duke]"/>
        <member name="[CB - Account].[Account CB - Description].&amp;[0237029 - Interest Accr-NPL S/T to Duke]"/>
        <member name="[CB - Account].[Account CB - Description].&amp;[0237030 - Accr Int-7.30% 2 Due 2010]"/>
        <member name="[CB - Account].[Account CB - Description].&amp;[0237031 - Accr Int - Convert Debt]"/>
        <member name="[CB - Account].[Account CB - Description].&amp;[0237032 - AccIntPay-CashSweepsDukeCogema]"/>
        <member name="[CB - Account].[Account CB - Description].&amp;[0237033 - Int Pay-Sr Bonds-2013 &amp; 2032]"/>
        <member name="[CB - Account].[Account CB - Description].&amp;[0237034 - Accr Int-5.69% 2012]"/>
        <member name="[CB - Account].[Account CB - Description].&amp;[0237035 - Accr Int-5.71% 2012]"/>
        <member name="[CB - Account].[Account CB - Description].&amp;[0237036 - Accr Int-5.25% due 2007]"/>
        <member name="[CB - Account].[Account CB - Description].&amp;[0237037 - Accr Int-8.25% due 2005]"/>
        <member name="[CB - Account].[Account CB - Description].&amp;[0237038 - LT Liability Interest accrued]"/>
        <member name="[CB - Account].[Account CB - Description].&amp;[0237039 - Cur Int Accrued - Tax]"/>
        <member name="[CB - Account].[Account CB - Description].&amp;[0237040 - INS AND HEALTH CARE PAYABLES]"/>
        <member name="[CB - Account].[Account CB - Description].&amp;[0237041 - FERC Interconnect Interest LT]"/>
        <member name="[CB - Account].[Account CB - Description].&amp;[0237042 - FERC Interconnect Interest ST]"/>
        <member name="[CB - Account].[Account CB - Description].&amp;[0237115 - CLHFS INT ACCRUED]"/>
        <member name="[CB - Account].[Account CB - Description].&amp;[0237120 - Interest Accrued-A/R Financing]"/>
        <member name="[CB - Account].[Account CB - Description].&amp;[0237150 - Accrued Int on Inc Taxes]"/>
        <member name="[CB - Account].[Account CB - Description].&amp;[0237170 - Int Pay Tax Return Adj.]"/>
        <member name="[CB - Account].[Account CB - Description].&amp;[0237180 - Int Payable York Co PC Bonds]"/>
        <member name="[CB - Account].[Account CB - Description].&amp;[0237190 - Inactive]"/>
        <member name="[CB - Account].[Account CB - Description].&amp;[0237200 - Cur Liability Interest accrued]"/>
        <member name="[CB - Account].[Account CB - Description].&amp;[0237210 - Int Payable Quips, ST Notes]"/>
        <member name="[CB - Account].[Account CB - Description].&amp;[0237220 - Int Accrued On Nc Cust Deposit]"/>
        <member name="[CB - Account].[Account CB - Description].&amp;[0237222 - Int Accr Cust Dep FLA]"/>
        <member name="[CB - Account].[Account CB - Description].&amp;[0237230 - Int Pd Curr Yr On Nc Cust Dep]"/>
        <member name="[CB - Account].[Account CB - Description].&amp;[0237231 - Accr Int 5.56% due 2015]"/>
        <member name="[CB - Account].[Account CB - Description].&amp;[0237232 - Accr Int 6.19% due 2025]"/>
        <member name="[CB - Account].[Account CB - Description].&amp;[0237240 - Int Accrued On Sc Cust Dep]"/>
        <member name="[CB - Account].[Account CB - Description].&amp;[0237250 - Int Pd Curr Yr On Sc Cust Dep]"/>
        <member name="[CB - Account].[Account CB - Description].&amp;[0237260 - Inactive]"/>
        <member name="[CB - Account].[Account CB - Description].&amp;[0237270 - Int. Payable TruPS]"/>
        <member name="[CB - Account].[Account CB - Description].&amp;[0237300 - Inactive]"/>
        <member name="[CB - Account].[Account CB - Description].&amp;[0237310 - Inactive]"/>
        <member name="[CB - Account].[Account CB - Description].&amp;[0237320 - Inactive]"/>
        <member name="[CB - Account].[Account CB - Description].&amp;[0237410 - Inactive]"/>
        <member name="[CB - Account].[Account CB - Description].&amp;[0237411 - Accrued Int w/Duke Capital]"/>
        <member name="[CB - Account].[Account CB - Description].&amp;[0237415 - Accrued Interest w/DE Serv Inc]"/>
        <member name="[CB - Account].[Account CB - Description].&amp;[0237416 - Fbne - De&amp;S]"/>
        <member name="[CB - Account].[Account CB - Description].&amp;[0237417 - Fbne - Ds]"/>
        <member name="[CB - Account].[Account CB - Description].&amp;[0237418 - Other Current Liab]"/>
        <member name="[CB - Account].[Account CB - Description].&amp;[0237419 - Curr UTP Interest Accrued]"/>
        <member name="[CB - Account].[Account CB - Description].&amp;[0237420 - Deferred Liability- Acq]"/>
        <member name="[CB - Account].[Account CB - Description].&amp;[0237421 - Accrued Interest Related Pty]"/>
        <member name="[CB - Account].[Account CB - Description].&amp;[0237422 - Interest Accrued-Affiliates]"/>
        <member name="[CB - Account].[Account CB - Description].&amp;[0237423 - Accrued Interest w/20018]"/>
        <member name="[CB - Account].[Account CB - Description].&amp;[0237424 - ACCRUED INTEREST-DCC LUX]"/>
        <member name="[CB - Account].[Account CB - Description].&amp;[0237425 - VIE - Non-recourse Interest Ac]"/>
        <member name="[CB - Account].[Account CB - Description].&amp;[0237460 - Interest Payable]"/>
        <member name="[CB - Account].[Account CB - Description].&amp;[0237510 - Bonds Interest Payable]"/>
        <member name="[CB - Account].[Account CB - Description].&amp;[0238000 - Dividends Declared]"/>
        <member name="[CB - Account].[Account CB - Description].&amp;[0238001 - Prov - Contr Adju-Equity Units]"/>
        <member name="[CB - Account].[Account CB - Description].&amp;[0238002 - Provis-Contr Adj-EU-Series C]"/>
        <member name="[CB - Account].[Account CB - Description].&amp;[0238003 - Provis-Contr Adj-EU-Series B]"/>
        <member name="[CB - Account].[Account CB - Description].&amp;[0238004 - Provis-Contr Adj-EU-Series A]"/>
        <member name="[CB - Account].[Account CB - Description].&amp;[0238005 - Div.Pay. GPB-Int-Corp-Sub Note]"/>
        <member name="[CB - Account].[Account CB - Description].&amp;[0241000 - GST Payable]"/>
        <member name="[CB - Account].[Account CB - Description].&amp;[0241001 - TAX COLLECTIONS STOCK OPTIONS]"/>
        <member name="[CB - Account].[Account CB - Description].&amp;[0241002 - Aliens Fit Whwld Royalty]"/>
        <member name="[CB - Account].[Account CB - Description].&amp;[0241004 - Backup Wheld Dividends]"/>
        <member name="[CB - Account].[Account CB - Description].&amp;[0241005 - 1099 Backup Withholding]"/>
        <member name="[CB - Account].[Account CB - Description].&amp;[0241007 - Tax Coll Pay-Severance Tx]"/>
        <member name="[CB - Account].[Account CB - Description].&amp;[0241008 - Tax Coll Pay-Sales Tax]"/>
        <member name="[CB - Account].[Account CB - Description].&amp;[0241009 - Tax Coll Pay-St Dis With]"/>
        <member name="[CB - Account].[Account CB - Description].&amp;[0241012 - Occupational Tax Wheld]"/>
        <member name="[CB - Account].[Account CB - Description].&amp;[0241018 - Hypothetical Tax Wheld]"/>
        <member name="[CB - Account].[Account CB - Description].&amp;[0241120 - SC State Incm Tax WH-Employee]"/>
        <member name="[CB - Account].[Account CB - Description].&amp;[0241130 - 12/95]"/>
        <member name="[CB - Account].[Account CB - Description].&amp;[0241140 - 12/95]"/>
        <member name="[CB - Account].[Account CB - Description].&amp;[0241142 - ST SALES TAX SERV-REV 7%]"/>
        <member name="[CB - Account].[Account CB - Description].&amp;[0241170 - SC salestx-cust refunds]"/>
        <member name="[CB - Account].[Account CB - Description].&amp;[0241180 - Fed Income Tax With-Ssp]"/>
        <member name="[CB - Account].[Account CB - Description].&amp;[0241190 - Georgia State Inc Tax Withheld]"/>
        <member name="[CB - Account].[Account CB - Description].&amp;[0241200 - 5/22/96]"/>
        <member name="[CB - Account].[Account CB - Description].&amp;[0241210 - Inactive]"/>
        <member name="[CB - Account].[Account CB - Description].&amp;[0241220 - Kentucky IncomeTax WH-Employee]"/>
        <member name="[CB - Account].[Account CB - Description].&amp;[0241310 - General Sales Tax]"/>
        <member name="[CB - Account].[Account CB - Description].&amp;[0241330 - Sc Tax Withld-Non-Res Contract]"/>
        <member name="[CB - Account].[Account CB - Description].&amp;[0241340 - Foreign Municipal Tax]"/>
        <member name="[CB - Account].[Account CB - Description].&amp;[0241341 - Accrued Property Tax]"/>
        <member name="[CB - Account].[Account CB - Description].&amp;[0241343 - Disability Taxes]"/>
        <member name="[CB - Account].[Account CB - Description].&amp;[0241344 - Federal Unemployment Taxes]"/>
        <member name="[CB - Account].[Account CB - Description].&amp;[0241345 - State Unemployment Taxes]"/>
        <member name="[CB - Account].[Account CB - Description].&amp;[0241346 - Federal Tax Withholding]"/>
        <member name="[CB - Account].[Account CB - Description].&amp;[0241347 - State Tax Withholding]"/>
        <member name="[CB - Account].[Account CB - Description].&amp;[0241349 - FOREIGN TAX WITHHOLDING]"/>
        <member name="[CB - Account].[Account CB - Description].&amp;[0241350 - PNG SC FRAN FEE]"/>
        <member name="[CB - Account].[Account CB - Description].&amp;[0241400 - Other Taxes Payable]"/>
        <member name="[CB - Account].[Account CB - Description].&amp;[0241404 - Tax-Gross Receipts]"/>
        <member name="[CB - Account].[Account CB - Description].&amp;[0241405 - Tax-Energy Surcharge]"/>
        <member name="[CB - Account].[Account CB - Description].&amp;[0241406 - Tax-Utility user Tax]"/>
        <member name="[CB - Account].[Account CB - Description].&amp;[0241500 - VAT PAYABLE]"/>
        <member name="[CB - Account].[Account CB - Description].&amp;[0241800 - UTILITY TAX-COUNTY]"/>
        <member name="[CB - Account].[Account CB - Description].&amp;[0241900 - TX COL PAY-FL MUNI UTILITY TAX]"/>
        <member name="[CB - Account].[Account CB - Description].&amp;[0241980 - FOREIGN WITHHOLDING TAX]"/>
        <member name="[CB - Account].[Account CB - Description].&amp;[0241990 - GRT Payable Additional  2.6%]"/>
        <member name="[CB - Account].[Account CB - Description].&amp;[0242000 - Short Term - LTIP/RS/Retention]"/>
        <member name="[CB - Account].[Account CB - Description].&amp;[0242001 - Mark to Mark Reserves]"/>
        <member name="[CB - Account].[Account CB - Description].&amp;[0242002 - Imbalance Payable-Exchange]"/>
        <member name="[CB - Account].[Account CB - Description].&amp;[0242003 - Imbalance Payable-OBA]"/>
        <member name="[CB - Account].[Account CB - Description].&amp;[0242004 - Imbalance Payable-Park/Lend]"/>
        <member name="[CB - Account].[Account CB - Description].&amp;[0242005 - Imbalance Payable-TFO]"/>
        <member name="[CB - Account].[Account CB - Description].&amp;[0242006 - Imbalance Payable-Related Part]"/>
        <member name="[CB - Account].[Account CB - Description].&amp;[0242007 - Storage Imbalance Receivd]"/>
        <member name="[CB - Account].[Account CB - Description].&amp;[0242008 - Scheduling Penalty Refund]"/>
        <member name="[CB - Account].[Account CB - Description].&amp;[0242009 - OFO Penalty Refund]"/>
        <member name="[CB - Account].[Account CB - Description].&amp;[0242010 - Unclaim &amp; Uncashed Checks]"/>
        <member name="[CB - Account].[Account CB - Description].&amp;[0242011 - Acru Lib-American Express]"/>
        <member name="[CB - Account].[Account CB - Description].&amp;[0242012 - Oth Misc-Rev Billing]"/>
        <member name="[CB - Account].[Account CB - Description].&amp;[0242013 - Oth Accrued Liability-Tax]"/>
        <member name="[CB - Account].[Account CB - Description].&amp;[0242014 - Accru Liab-Mentor Mgt]"/>
        <member name="[CB - Account].[Account CB - Description].&amp;[0242015 - Unrealized Loss Mkt-Mkt Off Sy]"/>
        <member name="[CB - Account].[Account CB - Description].&amp;[0242016 - MiscPay-CashSweepsDukeCogema]"/>
        <member name="[CB - Account].[Account CB - Description].&amp;[0242017 - Mark to Market Reserves]"/>
        <member name="[CB - Account].[Account CB - Description].&amp;[0242018 - Tracker Account]"/>
        <member name="[CB - Account].[Account CB - Description].&amp;[0242019 - Misc Cr- Gas Accounting]"/>
        <member name="[CB - Account].[Account CB - Description].&amp;[0242020 - CY IT REVENUE DEFERRALS LIAB]"/>
        <member name="[CB - Account].[Account CB - Description].&amp;[0242021 - PY IT REVENUE DEFERRALS LIAB]"/>
        <member name="[CB - Account].[Account CB - Description].&amp;[0242022 - CY PROPTAX DEFERRALS LAIB]"/>
        <member name="[CB - Account].[Account CB - Description].&amp;[0242023 - PY PROPTQAX DEFERRALS LIAB]"/>
        <member name="[CB - Account].[Account CB - Description].&amp;[0242024 - CY INCOME TAX DEFERRALS LIAB]"/>
        <member name="[CB - Account].[Account CB - Description].&amp;[0242025 - PY INCOME TAX DEFERRALS LIAB]"/>
        <member name="[CB - Account].[Account CB - Description].&amp;[0242026 - CY INTEREST DEFERRALS LIAB]"/>
        <member name="[CB - Account].[Account CB - Description].&amp;[0242027 - PY INTEREST DEFERRALS LIAB]"/>
        <member name="[CB - Account].[Account CB - Description].&amp;[0242028 - CY OTHER DEFERRALS LIAB]"/>
        <member name="[CB - Account].[Account CB - Description].&amp;[0242029 - PY OTHER DEFERRALS LIAB]"/>
        <member name="[CB - Account].[Account CB - Description].&amp;[0242030 - Loss Reserves-current]"/>
        <member name="[CB - Account].[Account CB - Description].&amp;[0242031 - Curr UTP Penalty Accrued]"/>
        <member name="[CB - Account].[Account CB - Description].&amp;[0242032 - Claims Reserve Med Den]"/>
        <member name="[CB - Account].[Account CB - Description].&amp;[0242034 - PA 253 Billing Net Pay-F2G]"/>
        <member name="[CB - Account].[Account CB - Description].&amp;[0242035 - Unearned premiums]"/>
        <member name="[CB - Account].[Account CB - Description].&amp;[0242036 - DERIVATIVE COLLATERAL PAYABLE]"/>
        <member name="[CB - Account].[Account CB - Description].&amp;[0242037 - BOOK OVERDRAFTS]"/>
        <member name="[CB - Account].[Account CB - Description].&amp;[0242038 - Accured Workers Comp (Coal)]"/>
        <member name="[CB - Account].[Account CB - Description].&amp;[0242039 - Accrued Legal]"/>
        <member name="[CB - Account].[Account CB - Description].&amp;[0242040 - DEO Veg Mgmt Rider Defered Rev]"/>
        <member name="[CB - Account].[Account CB - Description].&amp;[0242041 - SC Bulk Utility Payments]"/>
        <member name="[CB - Account].[Account CB - Description].&amp;[0242050 - Other Curr Liability Rel Pty]"/>
        <member name="[CB - Account].[Account CB - Description].&amp;[0242051 - FERC Interconnect Deposits LT]"/>
        <member name="[CB - Account].[Account CB - Description].&amp;[0242052 - FERC Interconnect Deposits ST]"/>
        <member name="[CB - Account].[Account CB - Description].&amp;[0242053 - FERC Interconnect Penalty ST]"/>
        <member name="[CB - Account].[Account CB - Description].&amp;[0242054 - State Interconnect Deposits LT]"/>
        <member name="[CB - Account].[Account CB - Description].&amp;[0242055 - State Interconnect Deposits ST]"/>
        <member name="[CB - Account].[Account CB - Description].&amp;[0242056 - State Interconnec Penalties ST]"/>
        <member name="[CB - Account].[Account CB - Description].&amp;[0242100 - I/C COLLATERAL LIABILITIES]"/>
        <member name="[CB - Account].[Account CB - Description].&amp;[0242115 - CLHFS OTHER]"/>
        <member name="[CB - Account].[Account CB - Description].&amp;[0242120 - SCHM Admitted Liab-Injury&amp;Dam]"/>
        <member name="[CB - Account].[Account CB - Description].&amp;[0242121 - Acc Reg Comm Fees-Maint]"/>
        <member name="[CB - Account].[Account CB - Description].&amp;[0242122 - Acc Reg Comm Fees-Counsel]"/>
        <member name="[CB - Account].[Account CB - Description].&amp;[0242123 - Acc Reg Comm Fees-Div of Frcst]"/>
        <member name="[CB - Account].[Account CB - Description].&amp;[0242130 - Prepaid Ext FACL-Lighting]"/>
        <member name="[CB - Account].[Account CB - Description].&amp;[0242140 - IC MTM CURRENT LIABILITES]"/>
        <member name="[CB - Account].[Account CB - Description].&amp;[0242141 - SCHM 3rd Pty Deriv Liab-Curr]"/>
        <member name="[CB - Account].[Account CB - Description].&amp;[0242142 - Written Options Current]"/>
        <member name="[CB - Account].[Account CB - Description].&amp;[0242144 - ST FAS Contra - Liability]"/>
        <member name="[CB - Account].[Account CB - Description].&amp;[0242150 - Deferred Rev Payable for Rider]"/>
        <member name="[CB - Account].[Account CB - Description].&amp;[0242153 - Performance Securities]"/>
        <member name="[CB - Account].[Account CB - Description].&amp;[0242160 - Current Liabilities of VIEs]"/>
        <member name="[CB - Account].[Account CB - Description].&amp;[0242176 - Interco Curr Operating Lease O]"/>
        <member name="[CB - Account].[Account CB - Description].&amp;[0242185 - ST Oper Lse Obligation Red Hat]"/>
        <member name="[CB - Account].[Account CB - Description].&amp;[0242200 - Misc C&amp;A Liab Incentives]"/>
        <member name="[CB - Account].[Account CB - Description].&amp;[0242216 - Payrll ST Retention/Spcl Rsrvs]"/>
        <member name="[CB - Account].[Account CB - Description].&amp;[0242220 - Legal Employee Deductions]"/>
        <member name="[CB - Account].[Account CB - Description].&amp;[0242221 - Current Year BPM Sharing]"/>
        <member name="[CB - Account].[Account CB - Description].&amp;[0242222 - Prior Year BPM Sharing]"/>
        <member name="[CB - Account].[Account CB - Description].&amp;[0242223 - BPM Sharing 2Yrs Prior]"/>
        <member name="[CB - Account].[Account CB - Description].&amp;[0242230 - Natural Gas Fuel]"/>
        <member name="[CB - Account].[Account CB - Description].&amp;[0242260 - High Efficiency Hp Incentive]"/>
        <member name="[CB - Account].[Account CB - Description].&amp;[0242300 - Palmetto Clean Energy Payable]"/>
        <member name="[CB - Account].[Account CB - Description].&amp;[0242310 - GREEN POWER PAYABLE]"/>
        <member name="[CB - Account].[Account CB - Description].&amp;[0242320 - Transmission Open Acc-Deposits]"/>
        <member name="[CB - Account].[Account CB - Description].&amp;[0242321 - Affected System Studies]"/>
        <member name="[CB - Account].[Account CB - Description].&amp;[0242330 - Carbon Offset Program - NC]"/>
        <member name="[CB - Account].[Account CB - Description].&amp;[0242340 - Carbon Offset Program - SC]"/>
        <member name="[CB - Account].[Account CB - Description].&amp;[0242350 - Other Products &amp; Svc.-Unearned]"/>
        <member name="[CB - Account].[Account CB - Description].&amp;[0242360 - Inactive]"/>
        <member name="[CB - Account].[Account CB - Description].&amp;[0242370 - Inactive]"/>
        <member name="[CB - Account].[Account CB - Description].&amp;[0242380 - Inactive]"/>
        <member name="[CB - Account].[Account CB - Description].&amp;[0242390 - CURR&amp;ACCR LIAB-FPC LTD]"/>
        <member name="[CB - Account].[Account CB - Description].&amp;[0242391 - A/P COAL &amp; OIL COMMITMENTS]"/>
        <member name="[CB - Account].[Account CB - Description].&amp;[0242392 - Bargaining Unit Dental Reserve]"/>
        <member name="[CB - Account].[Account CB - Description].&amp;[0242393 - Misc C&amp;A Liab Def Vacation]"/>
        <member name="[CB - Account].[Account CB - Description].&amp;[0242394 - CTA S/T CHARITABLE CONTR LIAB]"/>
        <member name="[CB - Account].[Account CB - Description].&amp;[0242395 - CUR&amp;ACCR LIAB MED/DTL INS ACT]"/>
        <member name="[CB - Account].[Account CB - Description].&amp;[0242396 - CURR&amp;ACCR LIAB-WORKERS COMP]"/>
        <member name="[CB - Account].[Account CB - Description].&amp;[0242397 - IRU INDEMNIFICATION -ST]"/>
        <member name="[CB - Account].[Account CB - Description].&amp;[0242398 - CURR&amp;ACCR LIAB MISC]"/>
        <member name="[CB - Account].[Account CB - Description].&amp;[0242400 - Collections For United Way]"/>
        <member name="[CB - Account].[Account CB - Description].&amp;[0242401 - Long Term Incentive]"/>
        <member name="[CB - Account].[Account CB - Description].&amp;[0242403 - DEF INT REV]"/>
        <member name="[CB - Account].[Account CB - Description].&amp;[0242405 - Prov-Cum Int Pref Stk]"/>
        <member name="[CB - Account].[Account CB - Description].&amp;[0242410 - Prov-Cum Div Pref &amp; Pref St]"/>
        <member name="[CB - Account].[Account CB - Description].&amp;[0242411 - Short Term Incentive]"/>
        <member name="[CB - Account].[Account CB - Description].&amp;[0242420 - COLLECTIONS-UNION DUES &amp; FEES]"/>
        <member name="[CB - Account].[Account CB - Description].&amp;[0242430 - Power Agency Work Cap Fund]"/>
        <member name="[CB - Account].[Account CB - Description].&amp;[0242440 - Cash Coll &amp; Contrib To Trustee]"/>
        <member name="[CB - Account].[Account CB - Description].&amp;[0242450 - Collections From Payroll-Misc]"/>
        <member name="[CB - Account].[Account CB - Description].&amp;[0242451 - COLLECTIONS-LAUNDRY/UNIFORMS]"/>
        <member name="[CB - Account].[Account CB - Description].&amp;[0242461 - Prior Year Incentive Accrual]"/>
        <member name="[CB - Account].[Account CB - Description].&amp;[0242470 - NC Alternative Energy Payable]"/>
        <member name="[CB - Account].[Account CB - Description].&amp;[0242480 - Dividend Reinvestment-Cash Pmt]"/>
        <member name="[CB - Account].[Account CB - Description].&amp;[0242481 - Div Reinvest Pending Payable]"/>
        <member name="[CB - Account].[Account CB - Description].&amp;[0242500 - Intercompany Imbalance - Pay]"/>
        <member name="[CB - Account].[Account CB - Description].&amp;[0242510 - Escheats Officer, Dpt Treas-Nc]"/>
        <member name="[CB - Account].[Account CB - Description].&amp;[0242520 - Sc Tx Comm, Abandoned Prop Rpt]"/>
        <member name="[CB - Account].[Account CB - Description].&amp;[0242530 - ISO/DETM Keepwhole fm DENA AP]"/>
        <member name="[CB - Account].[Account CB - Description].&amp;[0242540 - Escheaments Payable]"/>
        <member name="[CB - Account].[Account CB - Description].&amp;[0242550 - ST LIAB-PHYS FIRM COMMIT]"/>
        <member name="[CB - Account].[Account CB - Description].&amp;[0242610 - Medical Insurance Plan]"/>
        <member name="[CB - Account].[Account CB - Description].&amp;[0242620 - Dental Insurance Plan]"/>
        <member name="[CB - Account].[Account CB - Description].&amp;[0242630 - SCHM Accurred Eps Credits]"/>
        <member name="[CB - Account].[Account CB - Description].&amp;[0242640 - Emp Retire(FAS87)-Admin Fees]"/>
        <member name="[CB - Account].[Account CB - Description].&amp;[0242645 - Old Duke Emp Retire (FAS87)]"/>
        <member name="[CB - Account].[Account CB - Description].&amp;[0242649 - Injuries and Damages-Current]"/>
        <member name="[CB - Account].[Account CB - Description].&amp;[0242651 - CWIP Accrual]"/>
        <member name="[CB - Account].[Account CB - Description].&amp;[0242652 - Property &amp; Liab Ins Accrual]"/>
        <member name="[CB - Account].[Account CB - Description].&amp;[0242653 - Audit Fee Accrual]"/>
        <member name="[CB - Account].[Account CB - Description].&amp;[0242654 - Franchise Tax Accrual]"/>
        <member name="[CB - Account].[Account CB - Description].&amp;[0242655 - FX G/L for Other Cur Liab]"/>
        <member name="[CB - Account].[Account CB - Description].&amp;[0242656 - Litigation Reserve - ST]"/>
        <member name="[CB - Account].[Account CB - Description].&amp;[0242657 - Litigation Reserve - Accrued]"/>
        <member name="[CB - Account].[Account CB - Description].&amp;[0242658 - Environmental Reserve - ST]"/>
        <member name="[CB - Account].[Account CB - Description].&amp;[0242659 - Severence Payable]"/>
        <member name="[CB - Account].[Account CB - Description].&amp;[0242660 - Collection-Contr Stk Pur 401-K]"/>
        <member name="[CB - Account].[Account CB - Description].&amp;[0242661 - RSP Loans Payable]"/>
        <member name="[CB - Account].[Account CB - Description].&amp;[0242662 - RSP Lns Pay Bridgeport]"/>
        <member name="[CB - Account].[Account CB - Description].&amp;[0242670 - Gift Certificate Program]"/>
        <member name="[CB - Account].[Account CB - Description].&amp;[0242675 - Current Deferred Rev - OL]"/>
        <member name="[CB - Account].[Account CB - Description].&amp;[0242680 - SCHM Accr Executive Stk Apprec]"/>
        <member name="[CB - Account].[Account CB - Description].&amp;[0242690 - Executive Incentive Accrual]"/>
        <member name="[CB - Account].[Account CB - Description].&amp;[0242697 - NQ Pension Current PNG]"/>
        <member name="[CB - Account].[Account CB - Description].&amp;[0242700 - Promissory Notes - Cur]"/>
        <member name="[CB - Account].[Account CB - Description].&amp;[0242710 - 8.95% Grnsboro Transit Due2027]"/>
        <member name="[CB - Account].[Account CB - Description].&amp;[0242720 - Unearned Interest Income]"/>
        <member name="[CB - Account].[Account CB - Description].&amp;[0242730 - Electric Center Mortgage-Curr]"/>
        <member name="[CB - Account].[Account CB - Description].&amp;[0242797 - NQ Pension Current FPC SERP/ND]"/>
        <member name="[CB - Account].[Account CB - Description].&amp;[0242800 - L-T Debt - Current Portion]"/>
        <member name="[CB - Account].[Account CB - Description].&amp;[0242801 - Accrued Commissions]"/>
        <member name="[CB - Account].[Account CB - Description].&amp;[0242802 - Accrued Incentive]"/>
        <member name="[CB - Account].[Account CB - Description].&amp;[0242803 - Deferred Rent]"/>
        <member name="[CB - Account].[Account CB - Description].&amp;[0242804 - 401K Withholdings]"/>
        <member name="[CB - Account].[Account CB - Description].&amp;[0242805 - Alimony Withholding]"/>
        <member name="[CB - Account].[Account CB - Description].&amp;[0242806 - FICA Employee W/H]"/>
        <member name="[CB - Account].[Account CB - Description].&amp;[0242807 - FICA Employer W/H]"/>
        <member name="[CB - Account].[Account CB - Description].&amp;[0242808 - Security Deposits-Tenant]"/>
        <member name="[CB - Account].[Account CB - Description].&amp;[0242809 - Garnishment Payable]"/>
        <member name="[CB - Account].[Account CB - Description].&amp;[0242810 - Accrued Bonuses]"/>
        <member name="[CB - Account].[Account CB - Description].&amp;[0242811 - Oth Payroll Deductions Payable]"/>
        <member name="[CB - Account].[Account CB - Description].&amp;[0242812 - PP&amp;E HOLDING ACCOUNT]"/>
        <member name="[CB - Account].[Account CB - Description].&amp;[0242815 - Avoided prem surcharge pay-LT]"/>
        <member name="[CB - Account].[Account CB - Description].&amp;[0242816 - Accrued Rent - amort PNG lease]"/>
        <member name="[CB - Account].[Account CB - Description].&amp;[0242879 - Def Rev Pay - TDSIC2]"/>
        <member name="[CB - Account].[Account CB - Description].&amp;[0242880 - DEFERRED REVENUES PAYABLE EMIS]"/>
        <member name="[CB - Account].[Account CB - Description].&amp;[0242881 - Def Rev Pay - Markland]"/>
        <member name="[CB - Account].[Account CB - Description].&amp;[0242882 - Def Rev Pay - Unbilled Fuel]"/>
        <member name="[CB - Account].[Account CB - Description].&amp;[0242883 - Def Rev Pay - Crane]"/>
        <member name="[CB - Account].[Account CB - Description].&amp;[0242884 - Def Rev Pay - MISO Unbilled]"/>
        <member name="[CB - Account].[Account CB - Description].&amp;[0242885 - Def Rev Pay- Unbilled EA]"/>
        <member name="[CB - Account].[Account CB - Description].&amp;[0242886 - Deferred IGCC Revenue Payable]"/>
        <member name="[CB - Account].[Account CB - Description].&amp;[0242887 - Def Rev Pay - TDSIC]"/>
        <member name="[CB - Account].[Account CB - Description].&amp;[0242888 - Def Rev Pay - Fed Mandate]"/>
        <member name="[CB - Account].[Account CB - Description].&amp;[0242889 - Def Rev Pay - CCR]"/>
        <member name="[CB - Account].[Account CB - Description].&amp;[0242894 - Wholesale - MISO Deferred Pay]"/>
        <member name="[CB - Account].[Account CB - Description].&amp;[0242896 - Deferred ECR Rider 62]"/>
        <member name="[CB - Account].[Account CB - Description].&amp;[0242899 - FAS 112 current liability]"/>
        <member name="[CB - Account].[Account CB - Description].&amp;[0242900 - SCHM Deferred Purchase Pwr-NPL]"/>
        <member name="[CB - Account].[Account CB - Description].&amp;[0242910 - Withheld-Savings Bonds]"/>
        <member name="[CB - Account].[Account CB - Description].&amp;[0242920 - Accrued Wages - NPL]"/>
        <member name="[CB - Account].[Account CB - Description].&amp;[0242930 - Vacation Carryover - Internati]"/>
        <member name="[CB - Account].[Account CB - Description].&amp;[0242940 - Accrued Vac Salary - NPL]"/>
        <member name="[CB - Account].[Account CB - Description].&amp;[0242950 - Accrued Vac Hourly Curr- NPL]"/>
        <member name="[CB - Account].[Account CB - Description].&amp;[0242960 - Accrued Vac Hourly Next - NPL]"/>
        <member name="[CB - Account].[Account CB - Description].&amp;[0242970 - Group Insurance - NPL]"/>
        <member name="[CB - Account].[Account CB - Description].&amp;[0242971 - Accum Provision - ST]"/>
        <member name="[CB - Account].[Account CB - Description].&amp;[0242975 - Reg Liability arising from MTM]"/>
        <member name="[CB - Account].[Account CB - Description].&amp;[0242980 - Currnt Liability Hldg Acct NPL]"/>
        <member name="[CB - Account].[Account CB - Description].&amp;[0242982 - Def Rev Pay - Cr Rider 67]"/>
        <member name="[CB - Account].[Account CB - Description].&amp;[0242984 - Other Curr Liability (TR)]"/>
        <member name="[CB - Account].[Account CB - Description].&amp;[0242985 - Def Rev Payable - Other]"/>
        <member name="[CB - Account].[Account CB - Description].&amp;[0242986 - Reg Liab NC Rate Remand-Curren]"/>
        <member name="[CB - Account].[Account CB - Description].&amp;[0242987 - Reg Liab SC DSM-Current]"/>
        <member name="[CB - Account].[Account CB - Description].&amp;[0242988 - Reg Liability Current]"/>
        <member name="[CB - Account].[Account CB - Description].&amp;[0242989 - Misc Current Liabilities]"/>
        <member name="[CB - Account].[Account CB - Description].&amp;[0242990 - Incentive Pay - NPL]"/>
        <member name="[CB - Account].[Account CB - Description].&amp;[0242991 - Unearned Rev - Ppd Electricity]"/>
        <member name="[CB - Account].[Account CB - Description].&amp;[0242992 - Deferred Option Premiums]"/>
        <member name="[CB - Account].[Account CB - Description].&amp;[0242993 - IC Prepaid Insurance Liab]"/>
        <member name="[CB - Account].[Account CB - Description].&amp;[0242994 - Loss Reserves current-affiliat]"/>
        <member name="[CB - Account].[Account CB - Description].&amp;[0242995 - Unearned commission income-aff]"/>
        <member name="[CB - Account].[Account CB - Description].&amp;[0242996 - I/C OTHER CUR. LIABILITIES]"/>
        <member name="[CB - Account].[Account CB - Description].&amp;[0242997 - NQ Pension Current SSERP]"/>
        <member name="[CB - Account].[Account CB - Description].&amp;[0243000 - SCHM Oblig Under Cap Lease-Cur]"/>
        <member name="[CB - Account].[Account CB - Description].&amp;[0243050 - Current Capital Lease-Meters]"/>
        <member name="[CB - Account].[Account CB - Description].&amp;[0243100 - SCHM Oblig Park Deck Lse Curr]"/>
        <member name="[CB - Account].[Account CB - Description].&amp;[0243103 - Current Cap Lease Oblig - Tax]"/>
        <member name="[CB - Account].[Account CB - Description].&amp;[0243105 - Curr Portion of Cap Lease Obl]"/>
        <member name="[CB - Account].[Account CB - Description].&amp;[0243106 - Cap Lease Current SPHQ]"/>
        <member name="[CB - Account].[Account CB - Description].&amp;[0243107 - Cap Lease Current SH]"/>
        <member name="[CB - Account].[Account CB - Description].&amp;[0243152 - IC Lease-Curr Cap(Act Op) Obl]"/>
        <member name="[CB - Account].[Account CB - Description].&amp;[0243211 - ST Cap Lease Obl - ORB Def Tax]"/>
        <member name="[CB - Account].[Account CB - Description].&amp;[0243350 - IC Lease-Curr Cap Lease Oblig]"/>
        <member name="[CB - Account].[Account CB - Description].&amp;[0243360 - Curr Cap Lease Oblig-Tax IC]"/>
        <member name="[CB - Account].[Account CB - Description].&amp;[0244000 - Inactive]"/>
        <member name="[CB - Account].[Account CB - Description].&amp;[0244002 - Deriv Liab-NonCashFlw-L-T]"/>
        <member name="[CB - Account].[Account CB - Description].&amp;[0244003 - Deriv Liab S-T I/C]"/>
        <member name="[CB - Account].[Account CB - Description].&amp;[0244004 - Deriv Liab L-T I/C]"/>
        <member name="[CB - Account].[Account CB - Description].&amp;[0244008 - Deriv Instr Liab-Broad River L]"/>
        <member name="[CB - Account].[Account CB - Description].&amp;[0244009 - DERIV INSTR LIABILITY-BROAD RI]"/>
        <member name="[CB - Account].[Account CB - Description].&amp;[0244010 - NDTF Derivative Options]"/>
        <member name="[CB - Account].[Account CB - Description].&amp;[0244011 - FV Hedge - Unrealized Losses]"/>
        <member name="[CB - Account].[Account CB - Description].&amp;[0244101 - EA Risk Mgmt Liab Curr]"/>
        <member name="[CB - Account].[Account CB - Description].&amp;[0244110 - CLHFS UNR LOSS ON MTM &amp; HEDGE]"/>
        <member name="[CB - Account].[Account CB - Description].&amp;[0245001 - 3RD PTY DERIV LIABILITY CUR]"/>
        <member name="[CB - Account].[Account CB - Description].&amp;[0245002 - 3RD PTY DERIV LIABILITY LT]"/>
        <member name="[CB - Account].[Account CB - Description].&amp;[0245003 - Accrued Interest Exp - Swaps]"/>
        <member name="[CB - Account].[Account CB - Description].&amp;[0245004 - 3rd Party Derivative Int Paybl]"/>
        <member name="[CB - Account].[Account CB - Description].&amp;[0245005 - FV Hedge - Current Liability]"/>
        <member name="[CB - Account].[Account CB - Description].&amp;[0245897 - 3rd Party Deriv Liab Cur VIE]"/>
        <member name="[CB - Account].[Account CB - Description].&amp;[0245898 - 3rd Party Deriv Liab LT VIE]"/>
        <member name="[CB - Account].[Account CB - Description].&amp;[0252001 - CUST ADV FOR CONSTRUCTION]"/>
        <member name="[CB - Account].[Account CB - Description].&amp;[0252002 - CUSTOMER DSM CAMP LEJEUNE]"/>
        <member name="[CB - Account].[Account CB - Description].&amp;[0252050 - Gas Contributions Post 1992]"/>
        <member name="[CB - Account].[Account CB - Description].&amp;[0252100 - Cost Free Capital -29 &amp; 35 NPL]"/>
        <member name="[CB - Account].[Account CB - Description].&amp;[0252110 - Cost Free Capital - 44 NPL]"/>
        <member name="[CB - Account].[Account CB - Description].&amp;[0252120 - Reserve Capacity]"/>
        <member name="[CB - Account].[Account CB - Description].&amp;[0252200 - AP - Litigation]"/>
        <member name="[CB - Account].[Account CB - Description].&amp;[0252300 - Power Agency Working Capital F]"/>
        <member name="[CB - Account].[Account CB - Description].&amp;[0252400 - Customer Advances-ST]"/>
        <member name="[CB - Account].[Account CB - Description].&amp;[0252450 - MDO Elec Distrib Deferred CIAC]"/>
        <member name="[CB - Account].[Account CB - Description].&amp;[0253000 - Loss Reserves-LT-affiliate]"/>
        <member name="[CB - Account].[Account CB - Description].&amp;[0253001 - Def Credit - Consol Elim Diff]"/>
        <member name="[CB - Account].[Account CB - Description].&amp;[0253002 - Def Credit - Minority Interest]"/>
        <member name="[CB - Account].[Account CB - Description].&amp;[0253003 - Def Credit - Min Int Equity]"/>
        <member name="[CB - Account].[Account CB - Description].&amp;[0253004 - IC MTM Noncurrent Liabilites]"/>
        <member name="[CB - Account].[Account CB - Description].&amp;[0253005 - SCHM 3rd Party Deriv Liab-Nonc]"/>
        <member name="[CB - Account].[Account CB - Description].&amp;[0253006 - SC EDP Deferred Depreciation]"/>
        <member name="[CB - Account].[Account CB - Description].&amp;[0253007 - Payrll LT Retention/Spcl Rsrvs]"/>
        <member name="[CB - Account].[Account CB - Description].&amp;[0253008 - Pole Attach - deferred revenue]"/>
        <member name="[CB - Account].[Account CB - Description].&amp;[0253009 - Environmental Liabilities]"/>
        <member name="[CB - Account].[Account CB - Description].&amp;[0253010 - Insurance-Property Gen]"/>
        <member name="[CB - Account].[Account CB - Description].&amp;[0253011 - Ins Res-Liability-General]"/>
        <member name="[CB - Account].[Account CB - Description].&amp;[0253012 - Ins Res-Workers Comp-Othr]"/>
        <member name="[CB - Account].[Account CB - Description].&amp;[0253013 - Ins Res-Auto Liability]"/>
        <member name="[CB - Account].[Account CB - Description].&amp;[0253014 - Ins Res-Primary Genl Liab]"/>
        <member name="[CB - Account].[Account CB - Description].&amp;[0253015 - Imbalance Penalty Revenue]"/>
        <member name="[CB - Account].[Account CB - Description].&amp;[0253017 - Pcb Reserve Liability]"/>
        <member name="[CB - Account].[Account CB - Description].&amp;[0253018 - Pcb Liability]"/>
        <member name="[CB - Account].[Account CB - Description].&amp;[0253019 - Pcb Fines &amp; Penalties]"/>
        <member name="[CB - Account].[Account CB - Description].&amp;[0253020 - Custom Reserv Prog-Revnu]"/>
        <member name="[CB - Account].[Account CB - Description].&amp;[0253021 - Exchange Gas Expense]"/>
        <member name="[CB - Account].[Account CB - Description].&amp;[0253022 - Misc Def Cr - Gas Acctg]"/>
        <member name="[CB - Account].[Account CB - Description].&amp;[0253023 - Provis-Real Estate Assets]"/>
        <member name="[CB - Account].[Account CB - Description].&amp;[0253024 - Misc Def Cr - Gen Acctg]"/>
        <member name="[CB - Account].[Account CB - Description].&amp;[0253025 - Misc Def Cr - Plant Acctg]"/>
        <member name="[CB - Account].[Account CB - Description].&amp;[0253026 - Regulatory Refund-Gaap]"/>
        <member name="[CB - Account].[Account CB - Description].&amp;[0253027 - Reserve For Operating Losses]"/>
        <member name="[CB - Account].[Account CB - Description].&amp;[0253028 - Def Cr-Environmental Prov]"/>
        <member name="[CB - Account].[Account CB - Description].&amp;[0253029 - Provision-Petrolane I]"/>
        <member name="[CB - Account].[Account CB - Description].&amp;[0253030 - Reserve-Anngtc Partne]"/>
        <member name="[CB - Account].[Account CB - Description].&amp;[0253031 - Retired Medical Reserve]"/>
        <member name="[CB - Account].[Account CB - Description].&amp;[0253032 - Def Cr-Ahs Hospital L]"/>
        <member name="[CB - Account].[Account CB - Description].&amp;[0253033 - Def Cr-Green Cay]"/>
        <member name="[CB - Account].[Account CB - Description].&amp;[0253034 - Def Cr-Superfund Envi]"/>
        <member name="[CB - Account].[Account CB - Description].&amp;[0253035 - Misc Def Cr - Genl Acctg]"/>
        <member name="[CB - Account].[Account CB - Description].&amp;[0253036 - JEA Option Agreement]"/>
        <member name="[CB - Account].[Account CB - Description].&amp;[0253037 - LT Liab - Current Portion]"/>
        <member name="[CB - Account].[Account CB - Description].&amp;[0253038 - Min Pension Liability - Emp]"/>
        <member name="[CB - Account].[Account CB - Description].&amp;[0253039 - Deferred Revenue]"/>
        <member name="[CB - Account].[Account CB - Description].&amp;[0253040 - Deferred Revenue-IC]"/>
        <member name="[CB - Account].[Account CB - Description].&amp;[0253041 - MIn Pension Liability - Exec]"/>
        <member name="[CB - Account].[Account CB - Description].&amp;[0253042 - Empl Ret Ben Adj]"/>
        <member name="[CB - Account].[Account CB - Description].&amp;[0253043 - OPEB - FAS106 Grantor Trust]"/>
        <member name="[CB - Account].[Account CB - Description].&amp;[0253044 - OPEB - Health]"/>
        <member name="[CB - Account].[Account CB - Description].&amp;[0253045 - Severance Reserve-Non Current]"/>
        <member name="[CB - Account].[Account CB - Description].&amp;[0253046 - Pension Cost Adj]"/>
        <member name="[CB - Account].[Account CB - Description].&amp;[0253047 - Pension Cost Adj (ODC)]"/>
        <member name="[CB - Account].[Account CB - Description].&amp;[0253048 - Pension Cost Adj - TCSR]"/>
        <member name="[CB - Account].[Account CB - Description].&amp;[0253049 - INT ON TAX DEFICIENCY-LT LIAB]"/>
        <member name="[CB - Account].[Account CB - Description].&amp;[0253050 - Def Cr-Merger Capacity Rider]"/>
        <member name="[CB - Account].[Account CB - Description].&amp;[0253051 - LEASE OBLIGATION ACCRUAL]"/>
        <member name="[CB - Account].[Account CB - Description].&amp;[0253052 - IMBALANCE RESERVE]"/>
        <member name="[CB - Account].[Account CB - Description].&amp;[0253053 - OTH DEF CREDIT-SMART GRID]"/>
        <member name="[CB - Account].[Account CB - Description].&amp;[0253054 - LT FAS Contra - Liability]"/>
        <member name="[CB - Account].[Account CB - Description].&amp;[0253055 - Def CR-Merger Capacity Rider]"/>
        <member name="[CB - Account].[Account CB - Description].&amp;[0253056 - ST Liab Closed Def Int Hedge]"/>
        <member name="[CB - Account].[Account CB - Description].&amp;[0253057 - NCEMPA NC Equity Reserve]"/>
        <member name="[CB - Account].[Account CB - Description].&amp;[0253058 - NCEMPA SC Equity Reserve]"/>
        <member name="[CB - Account].[Account CB - Description].&amp;[0253059 - C-W Licensing Proj-Future Liab]"/>
        <member name="[CB - Account].[Account CB - Description].&amp;[0253060 - MIN_PENS_LIAB_EMP_PUR_ACCT_ADJ]"/>
        <member name="[CB - Account].[Account CB - Description].&amp;[0253061 - Unbilled Rev - Gas Cost Adjust]"/>
        <member name="[CB - Account].[Account CB - Description].&amp;[0253063 - SC Coal Ash Insurance Proceeds]"/>
        <member name="[CB - Account].[Account CB - Description].&amp;[0253065 - Misc Def Cr sch M]"/>
        <member name="[CB - Account].[Account CB - Description].&amp;[0253070 - Reserve - MGP Sites]"/>
        <member name="[CB - Account].[Account CB - Description].&amp;[0253071 - Unrecognized Rev-Warranty Prog]"/>
        <member name="[CB - Account].[Account CB - Description].&amp;[0253072 - NCUC Legal Fund]"/>
        <member name="[CB - Account].[Account CB - Description].&amp;[0253075 - Bear Run Coal Settlement Whlsl]"/>
        <member name="[CB - Account].[Account CB - Description].&amp;[0253080 - DEFERRED REV-PREPAY METER PROG]"/>
        <member name="[CB - Account].[Account CB - Description].&amp;[0253081 - DEF CR FASB 146 EXIT COST RES]"/>
        <member name="[CB - Account].[Account CB - Description].&amp;[0253082 - OTH DEFER CR MISCELLANEOUS]"/>
        <member name="[CB - Account].[Account CB - Description].&amp;[0253083 - Oth Defer Cr Sale of Land Harr]"/>
        <member name="[CB - Account].[Account CB - Description].&amp;[0253084 - IRU INDEMNIFICATION -LT]"/>
        <member name="[CB - Account].[Account CB - Description].&amp;[0253085 - Other LT Liabilities]"/>
        <member name="[CB - Account].[Account CB - Description].&amp;[0253086 - ACCRUED INDEMNIFICATIONS - SFA]"/>
        <member name="[CB - Account].[Account CB - Description].&amp;[0253087 - Workers Compensation Reserve (]"/>
        <member name="[CB - Account].[Account CB - Description].&amp;[0253090 - LT Portion of Unbilled Fuel]"/>
        <member name="[CB - Account].[Account CB - Description].&amp;[0253100 - SCHM Def Credit-Npl Energy Bk]"/>
        <member name="[CB - Account].[Account CB - Description].&amp;[0253101 - Deferred Interest-Tran]"/>
        <member name="[CB - Account].[Account CB - Description].&amp;[0253102 - IC DEF CREDIT NPL ENERGY BANK]"/>
        <member name="[CB - Account].[Account CB - Description].&amp;[0253104 - LT UTP Penalty Accrued]"/>
        <member name="[CB - Account].[Account CB - Description].&amp;[0253110 - Def Credit - Yadkin Energy Bnk]"/>
        <member name="[CB - Account].[Account CB - Description].&amp;[0253111 - Def Cr DEFS Bal Sheet Elim Dif]"/>
        <member name="[CB - Account].[Account CB - Description].&amp;[0253115 - AHFS NCLIAB DEF CR]"/>
        <member name="[CB - Account].[Account CB - Description].&amp;[0253116 - Loss Reserves - LT]"/>
        <member name="[CB - Account].[Account CB - Description].&amp;[0253120 - Cust Choice Program-Deposit]"/>
        <member name="[CB - Account].[Account CB - Description].&amp;[0253121 - Def Cr DEFS Inc Stmnt Elim Dif]"/>
        <member name="[CB - Account].[Account CB - Description].&amp;[0253125 - LT LIAB RELATED PTY]"/>
        <member name="[CB - Account].[Account CB - Description].&amp;[0253127 - Int Acr-NC Cus Def Tax  CGS]"/>
        <member name="[CB - Account].[Account CB - Description].&amp;[0253130 - Gas Refunds/Recl Adj Due Cust]"/>
        <member name="[CB - Account].[Account CB - Description].&amp;[0253131 - NC Def Acct - Sales Cust]"/>
        <member name="[CB - Account].[Account CB - Description].&amp;[0253132 - NC Def Acct - All Cust]"/>
        <member name="[CB - Account].[Account CB - Description].&amp;[0253133 - SC All Customers]"/>
        <member name="[CB - Account].[Account CB - Description].&amp;[0253134 - Misc Credits]"/>
        <member name="[CB - Account].[Account CB - Description].&amp;[0253135 - 2015 NC IMR Settlement Reserve]"/>
        <member name="[CB - Account].[Account CB - Description].&amp;[0253136 - Margin Decoupling Mechanism]"/>
        <member name="[CB - Account].[Account CB - Description].&amp;[0253137 - Supp Rate Chg Ref-SC Hed-CONTR]"/>
        <member name="[CB - Account].[Account CB - Description].&amp;[0253138 - IMR Deferred Account - NC]"/>
        <member name="[CB - Account].[Account CB - Description].&amp;[0253139 - IMR Deferred Account - TN]"/>
        <member name="[CB - Account].[Account CB - Description].&amp;[0253140 - TN ACA Hedging-CONTRA]"/>
        <member name="[CB - Account].[Account CB - Description].&amp;[0253141 - NC Hedging Program-CONTRA]"/>
        <member name="[CB - Account].[Account CB - Description].&amp;[0253142 - ACA - Nashville Gas Purchases]"/>
        <member name="[CB - Account].[Account CB - Description].&amp;[0253150 - RETURN ON GRID SOUTH INV]"/>
        <member name="[CB - Account].[Account CB - Description].&amp;[0253160 - Long-Term Liabilities of VIEs]"/>
        <member name="[CB - Account].[Account CB - Description].&amp;[0253200 - Cashier'S Overs &amp; Shorts-&lt;$1]"/>
        <member name="[CB - Account].[Account CB - Description].&amp;[0253201 - Defd Rev-Warranty Prog NRB]"/>
        <member name="[CB - Account].[Account CB - Description].&amp;[0253209 - Oth NonCurr Liab Guar Pur Acct]"/>
        <member name="[CB - Account].[Account CB - Description].&amp;[0253211 - Deferred MtM Gain/Loss]"/>
        <member name="[CB - Account].[Account CB - Description].&amp;[0253221 - Non Current BPM Sharing Liab]"/>
        <member name="[CB - Account].[Account CB - Description].&amp;[0253250 - Def Cr - WVPA/IMPA Deposits]"/>
        <member name="[CB - Account].[Account CB - Description].&amp;[0253270 - Suplmtl Penison-Excess Plan]"/>
        <member name="[CB - Account].[Account CB - Description].&amp;[0253275 - Pension liab - FAS 87 NQ]"/>
        <member name="[CB - Account].[Account CB - Description].&amp;[0253280 - Phantom Shares Liability]"/>
        <member name="[CB - Account].[Account CB - Description].&amp;[0253290 - Suplmtl Retirement Plan]"/>
        <member name="[CB - Account].[Account CB - Description].&amp;[0253300 - Cashiers' Overs And Shorts]"/>
        <member name="[CB - Account].[Account CB - Description].&amp;[0253303 - LT Closed Def Int Hedge]"/>
        <member name="[CB - Account].[Account CB - Description].&amp;[0253304 - Open Def Int Hedge PreTax Liab]"/>
        <member name="[CB - Account].[Account CB - Description].&amp;[0253310 - Deferred Gain - Madcad]"/>
        <member name="[CB - Account].[Account CB - Description].&amp;[0253340 - Res - 401K Excess Plan]"/>
        <member name="[CB - Account].[Account CB - Description].&amp;[0253400 - BARTOW LTSA]"/>
        <member name="[CB - Account].[Account CB - Description].&amp;[0253401 - HINES LTSA]"/>
        <member name="[CB - Account].[Account CB - Description].&amp;[0253402 - URANIUM ACCOUNT IN PROCESS]"/>
        <member name="[CB - Account].[Account CB - Description].&amp;[0253403 - Citrus County LTSA Def Liab]"/>
        <member name="[CB - Account].[Account CB - Description].&amp;[0253410 - Agency Collections-Clearing]"/>
        <member name="[CB - Account].[Account CB - Description].&amp;[0253420 - Accrued Misc. Oprtng Provision]"/>
        <member name="[CB - Account].[Account CB - Description].&amp;[0253500 - Net Proceeds on Property Sales]"/>
        <member name="[CB - Account].[Account CB - Description].&amp;[0253550 - Current Liab Held for Sale]"/>
        <member name="[CB - Account].[Account CB - Description].&amp;[0253600 - Reg Liab - NC EDIT - SC Retail]"/>
        <member name="[CB - Account].[Account CB - Description].&amp;[0253601 - Excess DIT Refunded to Cust-TN]"/>
        <member name="[CB - Account].[Account CB - Description].&amp;[0253602 - Other Deferred Credits-Tax]"/>
        <member name="[CB - Account].[Account CB - Description].&amp;[0253603 - Oth Def Cr - NC EDIT GU]"/>
        <member name="[CB - Account].[Account CB - Description].&amp;[0253610 - SCHM Deferred Compensation]"/>
        <member name="[CB - Account].[Account CB - Description].&amp;[0253620 - SCHM Executive Savings Pln-Stk]"/>
        <member name="[CB - Account].[Account CB - Description].&amp;[0253631 - SCHM DPC EXEC CASH BAL PLAN]"/>
        <member name="[CB - Account].[Account CB - Description].&amp;[0253632 - SCHM Deferred DSM Incentive-SC]"/>
        <member name="[CB - Account].[Account CB - Description].&amp;[0253633 - SCHM Deferred DSM Costs-SC]"/>
        <member name="[CB - Account].[Account CB - Description].&amp;[0253634 - SCHM Ret on Def Cat Pur-SC]"/>
        <member name="[CB - Account].[Account CB - Description].&amp;[0253635 - EXEC CASH BAL PLAN]"/>
        <member name="[CB - Account].[Account CB - Description].&amp;[0253636 - SCHM Def Catawba Pur Cap-SC]"/>
        <member name="[CB - Account].[Account CB - Description].&amp;[0253637 - NC DSM Incentives/GAAP Adj]"/>
        <member name="[CB - Account].[Account CB - Description].&amp;[0253640 - SCHM Executive Savgs Pln-10.5%]"/>
        <member name="[CB - Account].[Account CB - Description].&amp;[0253650 - DC Restoration Plan]"/>
        <member name="[CB - Account].[Account CB - Description].&amp;[0253652 - PE Executive Def Comp]"/>
        <member name="[CB - Account].[Account CB - Description].&amp;[0253654 - PE KED Plan]"/>
        <member name="[CB - Account].[Account CB - Description].&amp;[0253656 - PE Director's Retirement]"/>
        <member name="[CB - Account].[Account CB - Description].&amp;[0253658 - PE Supplemental Severance]"/>
        <member name="[CB - Account].[Account CB - Description].&amp;[0253660 - PEC '82 Director's Retirement]"/>
        <member name="[CB - Account].[Account CB - Description].&amp;[0253670 - PE Director's Def Comp]"/>
        <member name="[CB - Account].[Account CB - Description].&amp;[0253680 - Exec Savings Plan 10.5 Vinings]"/>
        <member name="[CB - Account].[Account CB - Description].&amp;[0253690 - Pension Deferred Credits]"/>
        <member name="[CB - Account].[Account CB - Description].&amp;[0253700 - Res - NQ Def Inc Plan]"/>
        <member name="[CB - Account].[Account CB - Description].&amp;[0253710 - Flyash Reserve]"/>
        <member name="[CB - Account].[Account CB - Description].&amp;[0253720 - Reserve - Tank Farm]"/>
        <member name="[CB - Account].[Account CB - Description].&amp;[0253730 - Reserve - Demolition]"/>
        <member name="[CB - Account].[Account CB - Description].&amp;[0253740 - FX G/L for Other Def Cr]"/>
        <member name="[CB - Account].[Account CB - Description].&amp;[0253741 - Tyrone Synfuel Rem Escrow]"/>
        <member name="[CB - Account].[Account CB - Description].&amp;[0253750 - Leashold Inducements]"/>
        <member name="[CB - Account].[Account CB - Description].&amp;[0253760 - Pipeline Tariff Rebate]"/>
        <member name="[CB - Account].[Account CB - Description].&amp;[0253770 - Reserve - RMR]"/>
        <member name="[CB - Account].[Account CB - Description].&amp;[0253800 - Cash Sales-Clearing]"/>
        <member name="[CB - Account].[Account CB - Description].&amp;[0253810 - Prepaid Rent - NPL]"/>
        <member name="[CB - Account].[Account CB - Description].&amp;[0253820 - SCHM Deferred Benefit Plan-NPL]"/>
        <member name="[CB - Account].[Account CB - Description].&amp;[0253830 - CIAC Taxes - NPL]"/>
        <member name="[CB - Account].[Account CB - Description].&amp;[0253840 - TVA Rachet Costs - NPL]"/>
        <member name="[CB - Account].[Account CB - Description].&amp;[0253870 - DOE Stimulus Funds]"/>
        <member name="[CB - Account].[Account CB - Description].&amp;[0253880 - Advance Billing - Transmission]"/>
        <member name="[CB - Account].[Account CB - Description].&amp;[0253881 - SCHM Defd Transmission Revenue]"/>
        <member name="[CB - Account].[Account CB - Description].&amp;[0253882 - Straight Line Lease Defer CR]"/>
        <member name="[CB - Account].[Account CB - Description].&amp;[0253890 - SCHM Tax&amp;S/L For Surplus Mat'L]"/>
        <member name="[CB - Account].[Account CB - Description].&amp;[0253897 - VIE-NR Cur Liabilities AHFS]"/>
        <member name="[CB - Account].[Account CB - Description].&amp;[0253900 - Deferred Credit-Customer Loans]"/>
        <member name="[CB - Account].[Account CB - Description].&amp;[0253901 - DEFERRED CREDIT-UPS SALES]"/>
        <member name="[CB - Account].[Account CB - Description].&amp;[0253902 - DEFERRED CREDITS-UPS TAXES]"/>
        <member name="[CB - Account].[Account CB - Description].&amp;[0253903 - MANAGEMENT FEE PAY (TAX ONLY)]"/>
        <member name="[CB - Account].[Account CB - Description].&amp;[0253904 - Res Assurance Prods-Def Rev]"/>
        <member name="[CB - Account].[Account CB - Description].&amp;[0253905 - Deferred Debt Return - Solar]"/>
        <member name="[CB - Account].[Account CB - Description].&amp;[0253910 - POLE ATTACH-ADVANCE BILLING]"/>
        <member name="[CB - Account].[Account CB - Description].&amp;[0253911 - OTHER_DEFER_CR_PUR_ACCTG_ADJ]"/>
        <member name="[CB - Account].[Account CB - Description].&amp;[0253919 - Conservation Program]"/>
        <member name="[CB - Account].[Account CB - Description].&amp;[0253920 - Other Deferred Credits]"/>
        <member name="[CB - Account].[Account CB - Description].&amp;[0253921 - SCHM Othr Deferred Credits-Tax]"/>
        <member name="[CB - Account].[Account CB - Description].&amp;[0253922 - NC rate Remand Reserve]"/>
        <member name="[CB - Account].[Account CB - Description].&amp;[0253923 - Anderson Water Sale Reserve]"/>
        <member name="[CB - Account].[Account CB - Description].&amp;[0253924 - Int Accrl on Inc Tax Reserve]"/>
        <member name="[CB - Account].[Account CB - Description].&amp;[0253925 - Def Cr-Trans Proj Disallowance]"/>
        <member name="[CB - Account].[Account CB - Description].&amp;[0253930 - SCHM Def Charitable Giving Prg]"/>
        <member name="[CB - Account].[Account CB - Description].&amp;[0253934 - ST Accrual Reserves]"/>
        <member name="[CB - Account].[Account CB - Description].&amp;[0253935 - LT Accrual Reserves]"/>
        <member name="[CB - Account].[Account CB - Description].&amp;[0253940 - Note Payable-Town Of Davidson]"/>
        <member name="[CB - Account].[Account CB - Description].&amp;[0253950 - Other Notes Payable]"/>
        <member name="[CB - Account].[Account CB - Description].&amp;[0253955 - ST Guarantee Obligations]"/>
        <member name="[CB - Account].[Account CB - Description].&amp;[0253960 - Def Credit-Equity Redemption]"/>
        <member name="[CB - Account].[Account CB - Description].&amp;[0253970 - SCHM Def Liab NonEmpl Director]"/>
        <member name="[CB - Account].[Account CB - Description].&amp;[0253980 - SCHM Accr Decommissioning Cost]"/>
        <member name="[CB - Account].[Account CB - Description].&amp;[0253990 - Deferred Prepaid EF-Lighting]"/>
        <member name="[CB - Account].[Account CB - Description].&amp;[0253991 - Reserves Short Term]"/>
        <member name="[CB - Account].[Account CB - Description].&amp;[0253992 - Smart Grid reserve]"/>
        <member name="[CB - Account].[Account CB - Description].&amp;[0253993 - Reserves Short Term]"/>
        <member name="[CB - Account].[Account CB - Description].&amp;[0253994 - FV of hedges-Financial Hedges]"/>
        <member name="[CB - Account].[Account CB - Description].&amp;[0253995 - FV of hedges-Commodity Hedges]"/>
        <member name="[CB - Account].[Account CB - Description].&amp;[0253996 - Misc Def Cr - Revenue Billing]"/>
        <member name="[CB - Account].[Account CB - Description].&amp;[0253997 - Deferral -Prospective Disposal]"/>
        <member name="[CB - Account].[Account CB - Description].&amp;[0253998 - Deferral Demand Determinants]"/>
        <member name="[CB - Account].[Account CB - Description].&amp;[0253999 - Unearned Revenue]"/>
        <member name="[CB - Account].[Account CB - Description].&amp;[0254000 - Regulatory Refund Obliga]"/>
        <member name="[CB - Account].[Account CB - Description].&amp;[0254001 - Tax Regulatory Liab - Reclass]"/>
        <member name="[CB - Account].[Account CB - Description].&amp;[0254002 - Interest Rate Swap Reg Liabili]"/>
        <member name="[CB - Account].[Account CB - Description].&amp;[0254003 - Regulatory Def. - Onshore]"/>
        <member name="[CB - Account].[Account CB - Description].&amp;[0254004 - Regulatory Def. - Storage]"/>
        <member name="[CB - Account].[Account CB - Description].&amp;[0254005 - Pcb It Credit - Yr 12]"/>
        <member name="[CB - Account].[Account CB - Description].&amp;[0254006 - Pcb It Credit - Yr 13]"/>
        <member name="[CB - Account].[Account CB - Description].&amp;[0254007 - Pcb It Credit - Yr 14]"/>
        <member name="[CB - Account].[Account CB - Description].&amp;[0254008 - PCB IT CREDIT YR 15]"/>
        <member name="[CB - Account].[Account CB - Description].&amp;[0254009 - PCB IT Cr-15]"/>
        <member name="[CB - Account].[Account CB - Description].&amp;[0254010 - Enviromental Liability]"/>
        <member name="[CB - Account].[Account CB - Description].&amp;[0254011 - PCB IT Cr Yr 17]"/>
        <member name="[CB - Account].[Account CB - Description].&amp;[0254012 - DEF CAPACITY REV-PRIOR YEAR]"/>
        <member name="[CB - Account].[Account CB - Description].&amp;[0254013 - Reg Liab NC Deferred Fuel]"/>
        <member name="[CB - Account].[Account CB - Description].&amp;[0254014 - Reg Liab SC Deferred Fuel]"/>
        <member name="[CB - Account].[Account CB - Description].&amp;[0254015 - Reg Liability - MTM Fuel - ST]"/>
        <member name="[CB - Account].[Account CB - Description].&amp;[0254016 - Deferred SPP]"/>
        <member name="[CB - Account].[Account CB - Description].&amp;[0254017 - Sale of Land Harris Deferral]"/>
        <member name="[CB - Account].[Account CB - Description].&amp;[0254018 - Harris Land Gain Amort]"/>
        <member name="[CB - Account].[Account CB - Description].&amp;[0254019 - Harris Land Gain Amort - Curre]"/>
        <member name="[CB - Account].[Account CB - Description].&amp;[0254020 - AUCTIONED S02 ALLOWANCE]"/>
        <member name="[CB - Account].[Account CB - Description].&amp;[0254021 - Nuclear Fuel Last Core Reserv]"/>
        <member name="[CB - Account].[Account CB - Description].&amp;[0254022 - M&amp;S Inventory Reserve_PEC RC]"/>
        <member name="[CB - Account].[Account CB - Description].&amp;[0254023 - NDTF Contaminated Liability]"/>
        <member name="[CB - Account].[Account CB - Description].&amp;[0254024 - Def CR3 Liab - Depr &amp; Prop Tax]"/>
        <member name="[CB - Account].[Account CB - Description].&amp;[0254025 - Reg Liab - NCDT Overfund]"/>
        <member name="[CB - Account].[Account CB - Description].&amp;[0254026 - ARO Reg Liability]"/>
        <member name="[CB - Account].[Account CB - Description].&amp;[0254027 - FERC 494 refund]"/>
        <member name="[CB - Account].[Account CB - Description].&amp;[0254029 - DEO Rider PSR - OVEC Liability]"/>
        <member name="[CB - Account].[Account CB - Description].&amp;[0254030 - NC Long-Term Liab Defer Fuel]"/>
        <member name="[CB - Account].[Account CB - Description].&amp;[0254031 - CR4&amp;5 Accelerated Depreciaton]"/>
        <member name="[CB - Account].[Account CB - Description].&amp;[0254032 - Nuc Fuel Last Core Reserve SC]"/>
        <member name="[CB - Account].[Account CB - Description].&amp;[0254033 - M&amp;S Inv Reserve_PEC RC SC]"/>
        <member name="[CB - Account].[Account CB - Description].&amp;[0254034 - CPRE (LT)]"/>
        <member name="[CB - Account].[Account CB - Description].&amp;[0254035 - SC Long-Term Liab Defer Fuel]"/>
        <member name="[CB - Account].[Account CB - Description].&amp;[0254037 - RL- Excess NC ADIT - SC Retail]"/>
        <member name="[CB - Account].[Account CB - Description].&amp;[0254041 - Reg Liab - D&amp;E Ret on St EDIT]"/>
        <member name="[CB - Account].[Account CB - Description].&amp;[0254042 - Reg Liab - Fed EDIT - SC Retai]"/>
        <member name="[CB - Account].[Account CB - Description].&amp;[0254043 - Reg Liab - State EDIT - S-T]"/>
        <member name="[CB - Account].[Account CB - Description].&amp;[0254044 - Reg Liab - Fed EDIT - W/S]"/>
        <member name="[CB - Account].[Account CB - Description].&amp;[0254045 - Reg Liab - Debt Retrn on FEDIT]"/>
        <member name="[CB - Account].[Account CB - Description].&amp;[0254046 - DEO DCI Rider Liability]"/>
        <member name="[CB - Account].[Account CB - Description].&amp;[0254047 - Coal Ash Insurance Proceeds]"/>
        <member name="[CB - Account].[Account CB - Description].&amp;[0254048 - SC Coal Ash Insurance Proceeds]"/>
        <member name="[CB - Account].[Account CB - Description].&amp;[0254049 - Storm Secur Srvc/Admin - ST]"/>
        <member name="[CB - Account].[Account CB - Description].&amp;[0254050 - REG LIAB SC DEFERRED FUEL]"/>
        <member name="[CB - Account].[Account CB - Description].&amp;[0254051 - CPRE (ST)]"/>
        <member name="[CB - Account].[Account CB - Description].&amp;[0254052 - Storm Secur Srvc/Admin - LT]"/>
        <member name="[CB - Account].[Account CB - Description].&amp;[0254053 - Reg Liab - NC EDIT - Wholesale]"/>
        <member name="[CB - Account].[Account CB - Description].&amp;[0254054 - Reg Liab - NC EDIT - NC Retail]"/>
        <member name="[CB - Account].[Account CB - Description].&amp;[0254055 - Reg Liab - NC EDIT - GrossUp]"/>
        <member name="[CB - Account].[Account CB - Description].&amp;[0254056 - Storm Reg Liab - Upfront Costs]"/>
        <member name="[CB - Account].[Account CB - Description].&amp;[0254057 - NC NBV Retired Plant]"/>
        <member name="[CB - Account].[Account CB - Description].&amp;[0254058 - Storm Reg Liab Upfront Cost ST]"/>
        <member name="[CB - Account].[Account CB - Description].&amp;[0254059 - DOE Reg Liability]"/>
        <member name="[CB - Account].[Account CB - Description].&amp;[0254060 - DEF Tax Savings Reg Liability]"/>
        <member name="[CB - Account].[Account CB - Description].&amp;[0254061 - Deferred PTCs]"/>
        <member name="[CB - Account].[Account CB - Description].&amp;[0254062 - Deferred PTCs - Short Term]"/>
        <member name="[CB - Account].[Account CB - Description].&amp;[0254065 - Job Retention Rider Liability]"/>
        <member name="[CB - Account].[Account CB - Description].&amp;[0254087 - DEF CR4&amp;5 Accelerated Deprecia]"/>
        <member name="[CB - Account].[Account CB - Description].&amp;[0254095 - REG LIAB REPS]"/>
        <member name="[CB - Account].[Account CB - Description].&amp;[0254101 - Deferred Regulatory Liability]"/>
        <member name="[CB - Account].[Account CB - Description].&amp;[0254102 - IGCC Rate Refund]"/>
        <member name="[CB - Account].[Account CB - Description].&amp;[0254103 - SAW Regulated Deferred Liab]"/>
        <member name="[CB - Account].[Account CB - Description].&amp;[0254104 - SC SAW Regulated Defer Liab]"/>
        <member name="[CB - Account].[Account CB - Description].&amp;[0254105 - Deferred BTR Reg Liab]"/>
        <member name="[CB - Account].[Account CB - Description].&amp;[0254106 - Rotable Fleet Spare Reg Liab]"/>
        <member name="[CB - Account].[Account CB - Description].&amp;[0254107 - NCEMPA JAAR Nuclear Depr Diff]"/>
        <member name="[CB - Account].[Account CB - Description].&amp;[0254108 - Reg Liability - Gallagher 1&amp;]"/>
        <member name="[CB - Account].[Account CB - Description].&amp;[0254109 - EVSE - Customer Deposits LT]"/>
        <member name="[CB - Account].[Account CB - Description].&amp;[0254110 - Reg Liab Environmental Cst]"/>
        <member name="[CB - Account].[Account CB - Description].&amp;[0254111 - DEFCRED-ACCUM AMORT PUR PRICE]"/>
        <member name="[CB - Account].[Account CB - Description].&amp;[0254112 - DEFCRED- INVEST IN JV]"/>
        <member name="[CB - Account].[Account CB - Description].&amp;[0254113 - JV EXC-DEF PURHC PRICE]"/>
        <member name="[CB - Account].[Account CB - Description].&amp;[0254114 - Equity Post In Service Nox]"/>
        <member name="[CB - Account].[Account CB - Description].&amp;[0254120 - I &amp; D Regulatory Liability]"/>
        <member name="[CB - Account].[Account CB - Description].&amp;[0254130 - Other Reg Liab NPL - Tax Rate]"/>
        <member name="[CB - Account].[Account CB - Description].&amp;[0254140 - PostInServ Equity Nblsv Repwr]"/>
        <member name="[CB - Account].[Account CB - Description].&amp;[0254160 - Supplier Cost Recovery - Liabi]"/>
        <member name="[CB - Account].[Account CB - Description].&amp;[0254161 - Vegetation Mgmt Rider]"/>
        <member name="[CB - Account].[Account CB - Description].&amp;[0254162 - Dis Storm Rider Carrying Cost]"/>
        <member name="[CB - Account].[Account CB - Description].&amp;[0254163 - Distribution Storm Rider]"/>
        <member name="[CB - Account].[Account CB - Description].&amp;[0254164 - OVEC Rider Reg Liability]"/>
        <member name="[CB - Account].[Account CB - Description].&amp;[0254200 - Epa Auction Proceeds]"/>
        <member name="[CB - Account].[Account CB - Description].&amp;[0254221 - Equity Post In Service MAD/CAD]"/>
        <member name="[CB - Account].[Account CB - Description].&amp;[0254240 - Post in Svc equity-Wheatland]"/>
        <member name="[CB - Account].[Account CB - Description].&amp;[0254250 - NC REC Liability - Retail]"/>
        <member name="[CB - Account].[Account CB - Description].&amp;[0254251 - NC REC Liability - Whse]"/>
        <member name="[CB - Account].[Account CB - Description].&amp;[0254300 - Steam Gen Regulatory Liability]"/>
        <member name="[CB - Account].[Account CB - Description].&amp;[0254301 - Other Reg Liab-FAS109]"/>
        <member name="[CB - Account].[Account CB - Description].&amp;[0254310 - Deferred Fuel Settlements]"/>
        <member name="[CB - Account].[Account CB - Description].&amp;[0254311 - Deferred Fuel Revenue]"/>
        <member name="[CB - Account].[Account CB - Description].&amp;[0254312 - Deferred GPIF - Reg Liab Fuel]"/>
        <member name="[CB - Account].[Account CB - Description].&amp;[0254313 - Deferred Fuel - PY]"/>
        <member name="[CB - Account].[Account CB - Description].&amp;[0254314 - Deferred Levy - NCRC]"/>
        <member name="[CB - Account].[Account CB - Description].&amp;[0254315 - Deferred CR3 - NCRC]"/>
        <member name="[CB - Account].[Account CB - Description].&amp;[0254316 - Deferred Energy Conservation]"/>
        <member name="[CB - Account].[Account CB - Description].&amp;[0254317 - Deferred Environmental Cost Re]"/>
        <member name="[CB - Account].[Account CB - Description].&amp;[0254318 - Deferred Property Gains/Losses]"/>
        <member name="[CB - Account].[Account CB - Description].&amp;[0254319 - REG LIAB - DOE REFUND AMORT NC]"/>
        <member name="[CB - Account].[Account CB - Description].&amp;[0254320 - Deferred Capacity - Curr Yr]"/>
        <member name="[CB - Account].[Account CB - Description].&amp;[0254321 - Deferred Capacity - Prior Year]"/>
        <member name="[CB - Account].[Account CB - Description].&amp;[0254324 - Bad Debt Exp Over Collection]"/>
        <member name="[CB - Account].[Account CB - Description].&amp;[0254325 - WS Coal Ash Ins Proceeds-Curr]"/>
        <member name="[CB - Account].[Account CB - Description].&amp;[0254326 - WS Settlement Refund Curr]"/>
        <member name="[CB - Account].[Account CB - Description].&amp;[0254331 - LT Closed Def Int Hedge-Liab]"/>
        <member name="[CB - Account].[Account CB - Description].&amp;[0254332 - ST Closed Def Int Hedge_Liab]"/>
        <member name="[CB - Account].[Account CB - Description].&amp;[0254333 - Open Def Int Hedge-Liab]"/>
        <member name="[CB - Account].[Account CB - Description].&amp;[0254402 - SC Historical DSM]"/>
        <member name="[CB - Account].[Account CB - Description].&amp;[0254403 - SFAS 143 Asbestos-Reg Liab FTG]"/>
        <member name="[CB - Account].[Account CB - Description].&amp;[0254408 - Load Factor Adj Defer - Liab]"/>
        <member name="[CB - Account].[Account CB - Description].&amp;[0254410 - ST SO2 EA Proceeds]"/>
        <member name="[CB - Account].[Account CB - Description].&amp;[0254420 - NC Rate Remand Reg Liab]"/>
        <member name="[CB - Account].[Account CB - Description].&amp;[0254425 - NC Unbilled Fuel Giveback]"/>
        <member name="[CB - Account].[Account CB - Description].&amp;[0254430 - NC Nuc Ins Reserve Reg Liab]"/>
        <member name="[CB - Account].[Account CB - Description].&amp;[0254440 - SC Nuc Ins Reserve Reg Liab]"/>
        <member name="[CB - Account].[Account CB - Description].&amp;[0254450 - SC Storm Reserve Fund]"/>
        <member name="[CB - Account].[Account CB - Description].&amp;[0254460 - SC EDP Def. Dep.]"/>
        <member name="[CB - Account].[Account CB - Description].&amp;[0254580 - SC Pension Rider Liability]"/>
        <member name="[CB - Account].[Account CB - Description].&amp;[0254688 - Reg Liability - Qual Pension]"/>
        <member name="[CB - Account].[Account CB - Description].&amp;[0254700 - DOE SETTLEMENT DEF NC CUR]"/>
        <member name="[CB - Account].[Account CB - Description].&amp;[0254711 - Distr Storm Rider - Liability]"/>
        <member name="[CB - Account].[Account CB - Description].&amp;[0254712 - 2019 Distr Stm Rider-Liability]"/>
        <member name="[CB - Account].[Account CB - Description].&amp;[0254713 - 2020 Distr Storm Rider - Liab]"/>
        <member name="[CB - Account].[Account CB - Description].&amp;[0254755 - DEI Distrib. Veg Mgmt - Liab.]"/>
        <member name="[CB - Account].[Account CB - Description].&amp;[0254800 - Reg Liability - MTM Fuel - LT]"/>
        <member name="[CB - Account].[Account CB - Description].&amp;[0254914 - NDT - QUAL - UNREAL GAINS]"/>
        <member name="[CB - Account].[Account CB - Description].&amp;[0254915 - NDT - NONQUAL - UNREAL GAINS]"/>
        <member name="[CB - Account].[Account CB - Description].&amp;[0254980 - Open Int Rate Swap Cur Rg Liab]"/>
        <member name="[CB - Account].[Account CB - Description].&amp;[0254990 - ARO Reg Liab - Accr/ARC Depr]"/>
        <member name="[CB - Account].[Account CB - Description].&amp;[0254991 - ARO Reg Liab - Book Depr]"/>
        <member name="[CB - Account].[Account CB - Description].&amp;[0254999 - Reg Liab COR reclass from A/D]"/>
        <member name="[CB - Account].[Account CB - Description].&amp;[0255001 - Def ITC - No Normalization]"/>
        <member name="[CB - Account].[Account CB - Description].&amp;[0255100 - Gross ITC - NPL]"/>
        <member name="[CB - Account].[Account CB - Description].&amp;[0255110 - Unamort Inv Tax Cr-Util Pla]"/>
        <member name="[CB - Account].[Account CB - Description].&amp;[0255200 - Amortized ITC - NPL]"/>
        <member name="[CB - Account].[Account CB - Description].&amp;[0255201 - Def ITC-Non-Regulated]"/>
        <member name="[CB - Account].[Account CB - Description].&amp;[0255897 - VIE-NR Investment Tax Credits]"/>
        <member name="[CB - Account].[Account CB - Description].&amp;[0256000 - Deferred Gain on Sale of Asset]"/>
        <member name="[CB - Account].[Account CB - Description].&amp;[0256001 - LT Pref Stock w/mand redempt]"/>
        <member name="[CB - Account].[Account CB - Description].&amp;[0256010 - LT LIAB-PHYS FIRM COMMIT]"/>
        <member name="[CB - Account].[Account CB - Description].&amp;[0256500 - DEFERRED CREDIT AFFILIATE]"/>
        <member name="[CB - Account].[Account CB - Description].&amp;[0257010 - Unamortized Gain - Debt]"/>
        <member name="[CB - Account].[Account CB - Description].&amp;[0262100 - Inactive]"/>
        <member name="[CB - Account].[Account CB - Description].&amp;[0262110 - Inactive]"/>
        <member name="[CB - Account].[Account CB - Description].&amp;[0262120 - Inactive]"/>
        <member name="[CB - Account].[Account CB - Description].&amp;[0262130 - Inactive]"/>
        <member name="[CB - Account].[Account CB - Description].&amp;[0262140 - Inactive]"/>
        <member name="[CB - Account].[Account CB - Description].&amp;[0262150 - Inactive]"/>
        <member name="[CB - Account].[Account CB - Description].&amp;[0262170 - Inactive]"/>
        <member name="[CB - Account].[Account CB - Description].&amp;[0265200 - Inactive]"/>
        <member name="[CB - Account].[Account CB - Description].&amp;[0265300 - Inactive]"/>
        <member name="[CB - Account].[Account CB - Description].&amp;[0266100 - L-T UNREALIZED LOSSES MTM]"/>
        <member name="[CB - Account].[Account CB - Description].&amp;[0266101 - IC HEDGE LIABILITY NONCURRENT]"/>
        <member name="[CB - Account].[Account CB - Description].&amp;[0266133 - LT MTM RESERVE]"/>
        <member name="[CB - Account].[Account CB - Description].&amp;[0266200 - LT Guarantee Obligations]"/>
        <member name="[CB - Account].[Account CB - Description].&amp;[0266201 - Guaranty Credit Loss Reserve]"/>
        <member name="[CB - Account].[Account CB - Description].&amp;[0266300 - ACCRUED INDEMNIFICATIONS - FIN]"/>
        <member name="[CB - Account].[Account CB - Description].&amp;[0266400 - Liab Related to H-F-S Assets]"/>
        <member name="[CB - Account].[Account CB - Description].&amp;[0266897 - VIE - NR LT LIAB AHFS]"/>
        <member name="[CB - Account].[Account CB - Description].&amp;[0271000 - NARUC CIAC TN 2017]"/>
        <member name="[CB - Account].[Account CB - Description].&amp;[0281000 - ADIT: Accel Amort Property]"/>
        <member name="[CB - Account].[Account CB - Description].&amp;[0281100 - ADIT: Acct 28100FAS109]"/>
        <member name="[CB - Account].[Account CB - Description].&amp;[0281200 - Deferred   Federal  Income Tax]"/>
        <member name="[CB - Account].[Account CB - Description].&amp;[0281201 - Deferred State Income Tax]"/>
        <member name="[CB - Account].[Account CB - Description].&amp;[0281300 - Deferred FIT - Current]"/>
        <member name="[CB - Account].[Account CB - Description].&amp;[0281301 - Deferred SIT - Current]"/>
        <member name="[CB - Account].[Account CB - Description].&amp;[0282000 - Accum DFit-Other Property]"/>
        <member name="[CB - Account].[Account CB - Description].&amp;[0282001 - Accum Dfit Rate Change]"/>
        <member name="[CB - Account].[Account CB - Description].&amp;[0282002 - Accum Dfit-Gaap]"/>
        <member name="[CB - Account].[Account CB - Description].&amp;[0282003 - Accum Dsit Rate Change]"/>
        <member name="[CB - Account].[Account CB - Description].&amp;[0282004 - Accum Dsit-Oth Prop-Gaap]"/>
        <member name="[CB - Account].[Account CB - Description].&amp;[0282005 - LT FIN48 NONCUR PROP DTL-FED]"/>
        <member name="[CB - Account].[Account CB - Description].&amp;[0282006 - LT FIN48 NONCUR PROP DTL-FL]"/>
        <member name="[CB - Account].[Account CB - Description].&amp;[0282007 - LT FIN48 NONCUR PROP DTL-NC]"/>
        <member name="[CB - Account].[Account CB - Description].&amp;[0282008 - LT FIN48 NONCUR PROP DTL-SC]"/>
        <member name="[CB - Account].[Account CB - Description].&amp;[0282103 - LT Def Tax Liability:State-282]"/>
        <member name="[CB - Account].[Account CB - Description].&amp;[0282104 - LT Def Tax Liability: Fed]"/>
        <member name="[CB - Account].[Account CB - Description].&amp;[0282105 - LT Def Tax Liability: State]"/>
        <member name="[CB - Account].[Account CB - Description].&amp;[0282106 - LT Def Tax Liability: Fed]"/>
        <member name="[CB - Account].[Account CB - Description].&amp;[0282107 - LT Def Tax Liability: State]"/>
        <member name="[CB - Account].[Account CB - Description].&amp;[0282110 - ADIT: Reg Assets: Federal]"/>
        <member name="[CB - Account].[Account CB - Description].&amp;[0282111 - ADIT: Reg Assets: State]"/>
        <member name="[CB - Account].[Account CB - Description].&amp;[0282200 - ADIT: Other Capitalized Items]"/>
        <member name="[CB - Account].[Account CB - Description].&amp;[0282210 - ADIT: Acct28220FAS109]"/>
        <member name="[CB - Account].[Account CB - Description].&amp;[0283000 - Accum DSIT-Other]"/>
        <member name="[CB - Account].[Account CB - Description].&amp;[0283001 - Accum Def Fed Income Tax]"/>
        <member name="[CB - Account].[Account CB - Description].&amp;[0283002 - Accum Dfit - Gaap]"/>
        <member name="[CB - Account].[Account CB - Description].&amp;[0283003 - Accum DSIT-Unitary]"/>
        <member name="[CB - Account].[Account CB - Description].&amp;[0283004 - Accum Dsit-Oth-Gaap]"/>
        <member name="[CB - Account].[Account CB - Description].&amp;[0283005 - Accum Dfit Reserve-Gaap]"/>
        <member name="[CB - Account].[Account CB - Description].&amp;[0283006 - Accum Dsit Reserve-Gaap]"/>
        <member name="[CB - Account].[Account CB - Description].&amp;[0283007 - FAS 133 - OCI Deferred Tax]"/>
        <member name="[CB - Account].[Account CB - Description].&amp;[0283008 - Accum Dsit-Tetco]"/>
        <member name="[CB - Account].[Account CB - Description].&amp;[0283009 - Accum Dsit-Other]"/>
        <member name="[CB - Account].[Account CB - Description].&amp;[0283010 - Accrued State Income Taxes]"/>
        <member name="[CB - Account].[Account CB - Description].&amp;[0283011 - Current Portion-Dit]"/>
        <member name="[CB - Account].[Account CB - Description].&amp;[0283012 - Current Portion - DSIT]"/>
        <member name="[CB - Account].[Account CB - Description].&amp;[0283013 - CURRENT DTL - FED]"/>
        <member name="[CB - Account].[Account CB - Description].&amp;[0283014 - CURRENT DTL - FL]"/>
        <member name="[CB - Account].[Account CB - Description].&amp;[0283015 - CURRENT DTL - NC]"/>
        <member name="[CB - Account].[Account CB - Description].&amp;[0283016 - CURRENT DTL - SC]"/>
        <member name="[CB - Account].[Account CB - Description].&amp;[0283020 - VALUATION ALLOWANCE]"/>
        <member name="[CB - Account].[Account CB - Description].&amp;[0283102 - LT Def Tax Liability: Fed-283]"/>
        <member name="[CB - Account].[Account CB - Description].&amp;[0283103 - LT Def Tax Liability:State-283]"/>
        <member name="[CB - Account].[Account CB - Description].&amp;[0283104 - LT Def Tax Liability: Fed]"/>
        <member name="[CB - Account].[Account CB - Description].&amp;[0283105 - LT Def Liability: State]"/>
        <member name="[CB - Account].[Account CB - Description].&amp;[0283110 - ADIT: Acct28310FAS109]"/>
        <member name="[CB - Account].[Account CB - Description].&amp;[0283113 - Curr Def Credit for State Liab]"/>
        <member name="[CB - Account].[Account CB - Description].&amp;[0283114 - Curr Def Credit for State Liab]"/>
        <member name="[CB - Account].[Account CB - Description].&amp;[0283115 - Curr Def Credit for State Liab]"/>
        <member name="[CB - Account].[Account CB - Description].&amp;[0283116 - LT Def Tax Liability: Fed]"/>
        <member name="[CB - Account].[Account CB - Description].&amp;[0283117 - LT Def Tax Liability: state]"/>
        <member name="[CB - Account].[Account CB - Description].&amp;[0283120 - ADIT: Acct28310FAS109RR lev]"/>
        <member name="[CB - Account].[Account CB - Description].&amp;[0283130 - Deferred Liability - Tax]"/>
        <member name="[CB - Account].[Account CB - Description].&amp;[0283200 - Inactive]"/>
        <member name="[CB - Account].[Account CB - Description].&amp;[0283300 - Inactive]"/>
        <member name="[CB - Account].[Account CB - Description].&amp;[0283410 - ADIT: NCR Pur Cap Lev: Federal]"/>
        <member name="[CB - Account].[Account CB - Description].&amp;[0283411 - ADIT: NCR Pur Cap Lev: State]"/>
        <member name="[CB - Account].[Account CB - Description].&amp;[0283420 - ADIT: SCR Pur Cap Lev: Federal]"/>
        <member name="[CB - Account].[Account CB - Description].&amp;[0283421 - ADIT: SCR Pur Cap Lev: State]"/>
        <member name="[CB - Account].[Account CB - Description].&amp;[0283430 - ADIT: Ferc Pur Cap Lev: Fed]"/>
        <member name="[CB - Account].[Account CB - Description].&amp;[0283431 - ADIT: Ferc Pur Cap Lev: State]"/>
        <member name="[CB - Account].[Account CB - Description].&amp;[0283440 - Def Tax Purch Cap-Reg Assets]"/>
        <member name="[CB - Account].[Account CB - Description].&amp;[0283450 - Deferred Foreign Tax]"/>
        <member name="[CB - Account].[Account CB - Description].&amp;[0283460 - Deferred Foreign - Current]"/>
        <member name="[CB - Account].[Account CB - Description].&amp;[0283897 - VIE-NR Deferred Income Taxes]"/>
        <member name="[CB - Account].[Account CB - Description].&amp;[0300000 - Contra Fixed Assets]"/>
        <member name="[CB - Account].[Account CB - Description].&amp;[0302100 - FRANCHISES AND CONSENTS]"/>
        <member name="[CB - Account].[Account CB - Description].&amp;[0302200 - FEASIBILITY STUDIES]"/>
        <member name="[CB - Account].[Account CB - Description].&amp;[0303100 - Intangible Plant - Fossil]"/>
        <member name="[CB - Account].[Account CB - Description].&amp;[0303200 - Intangible Plant-Nuclear]"/>
        <member name="[CB - Account].[Account CB - Description].&amp;[0303300 - Intangible Plant - Hydro]"/>
        <member name="[CB - Account].[Account CB - Description].&amp;[0303330 - Tangible Drilling Cost]"/>
        <member name="[CB - Account].[Account CB - Description].&amp;[0303400 - Intangible Plant-Other Prod]"/>
        <member name="[CB - Account].[Account CB - Description].&amp;[0303500 - Intangible Plant - Transmiss]"/>
        <member name="[CB - Account].[Account CB - Description].&amp;[0303600 - Intangible Plt - Distribution]"/>
        <member name="[CB - Account].[Account CB - Description].&amp;[0303700 - Intangible Plant-General]"/>
        <member name="[CB - Account].[Account CB - Description].&amp;[0303800 - IDC Bond Interest]"/>
        <member name="[CB - Account].[Account CB - Description].&amp;[0310100 - Land &amp; Rights-Power Plant]"/>
        <member name="[CB - Account].[Account CB - Description].&amp;[0310400 - Land and Rights-Recreatn-Steam]"/>
        <member name="[CB - Account].[Account CB - Description].&amp;[0311100 - Str &amp; Imp-Power Plant]"/>
        <member name="[CB - Account].[Account CB - Description].&amp;[0311400 - Str and Imp-Recreation-Steam]"/>
        <member name="[CB - Account].[Account CB - Description].&amp;[0311500 - Str &amp; Imp-Landscaping]"/>
        <member name="[CB - Account].[Account CB - Description].&amp;[0311900 - BP - Structures]"/>
        <member name="[CB - Account].[Account CB - Description].&amp;[0312000 - Boiler Plant Equipment-Steam]"/>
        <member name="[CB - Account].[Account CB - Description].&amp;[0312100 - Natl Gas Fuel Connection-Steam]"/>
        <member name="[CB - Account].[Account CB - Description].&amp;[0312900 - BP- BOILER PLANT EQUIP]"/>
        <member name="[CB - Account].[Account CB - Description].&amp;[0314000 - Turbogenerator Units-Steam]"/>
        <member name="[CB - Account].[Account CB - Description].&amp;[0314900 - BP-TURBOGENERATOR UNITS]"/>
        <member name="[CB - Account].[Account CB - Description].&amp;[0315000 - Accessory Electric Eqpmt-Steam]"/>
        <member name="[CB - Account].[Account CB - Description].&amp;[0315900 - BP- ACCESSORY ELECTRIC EQUIP]"/>
        <member name="[CB - Account].[Account CB - Description].&amp;[0316100 - Misc Equipment-Power Plt Steam]"/>
        <member name="[CB - Account].[Account CB - Description].&amp;[0316400 - Misc Equipment-Recreation]"/>
        <member name="[CB - Account].[Account CB - Description].&amp;[0316900 - BP- MISC EQUIP]"/>
        <member name="[CB - Account].[Account CB - Description].&amp;[0317000 - Asset Retirement Cost Fossil]"/>
        <member name="[CB - Account].[Account CB - Description].&amp;[0317199 - ARO Fossil landfills]"/>
        <member name="[CB - Account].[Account CB - Description].&amp;[0320100 - Land and Rights-Power Plt Nuc]"/>
        <member name="[CB - Account].[Account CB - Description].&amp;[0320400 - Land in fee-Nuc]"/>
        <member name="[CB - Account].[Account CB - Description].&amp;[0321100 - Str and Imp-Power Plant Nuc]"/>
        <member name="[CB - Account].[Account CB - Description].&amp;[0321400 - Str and Imp-Recreation-Nuc]"/>
        <member name="[CB - Account].[Account CB - Description].&amp;[0321500 - Str and Imp-Landscaping-Nuc]"/>
        <member name="[CB - Account].[Account CB - Description].&amp;[0322000 - Reactor Plant Equipment-Nuc]"/>
        <member name="[CB - Account].[Account CB - Description].&amp;[0323000 - Turbogenerator Units-Nuc]"/>
        <member name="[CB - Account].[Account CB - Description].&amp;[0324000 - Accessory Electric Eq Nuc]"/>
        <member name="[CB - Account].[Account CB - Description].&amp;[0325100 - Misc Equipment-Power Plant]"/>
        <member name="[CB - Account].[Account CB - Description].&amp;[0325400 - Misc Equipment-Recreation-Nuc]"/>
        <member name="[CB - Account].[Account CB - Description].&amp;[0326000 - Asset Retirement Cost- Nuclear]"/>
        <member name="[CB - Account].[Account CB - Description].&amp;[0330100 - Land and Rights-Powr Plt Hydro]"/>
        <member name="[CB - Account].[Account CB - Description].&amp;[0330200 - Land &amp; Rights-Pond Sanitn]"/>
        <member name="[CB - Account].[Account CB - Description].&amp;[0330300 - Land &amp; Rights-Fish/Wildlife]"/>
        <member name="[CB - Account].[Account CB - Description].&amp;[0330400 - Land and Rights-Recreatn-Hydro]"/>
        <member name="[CB - Account].[Account CB - Description].&amp;[0331100 - Str and Imp-Power Plant Hydro]"/>
        <member name="[CB - Account].[Account CB - Description].&amp;[0331200 - Str and Imp-Pond Sanit Hydro]"/>
        <member name="[CB - Account].[Account CB - Description].&amp;[0331300 - Str &amp; Imp-Fish/Wildlife]"/>
        <member name="[CB - Account].[Account CB - Description].&amp;[0331400 - Str and Imp-Recreation-Hydro]"/>
        <member name="[CB - Account].[Account CB - Description].&amp;[0332100 - Res Dm and Wtr-Power Plt Hydro]"/>
        <member name="[CB - Account].[Account CB - Description].&amp;[0332150 - Non-Reg Res Dm &amp; Wtr-Hydro]"/>
        <member name="[CB - Account].[Account CB - Description].&amp;[0332200 - Res, Dm &amp; Wtr-Pond Sanitation]"/>
        <member name="[CB - Account].[Account CB - Description].&amp;[0332300 - Res, Dm &amp; Wtr-Fish/Wildlife]"/>
        <member name="[CB - Account].[Account CB - Description].&amp;[0332400 - Res Dm and Wtr-Recreat-Hydro]"/>
        <member name="[CB - Account].[Account CB - Description].&amp;[0333000 - Watr Wheels Turbns/Gen-Hydro]"/>
        <member name="[CB - Account].[Account CB - Description].&amp;[0334000 - Accessory Electric Eqpmt-Hydro]"/>
        <member name="[CB - Account].[Account CB - Description].&amp;[0335100 - Misc Equip-Pwr Plant Hydro]"/>
        <member name="[CB - Account].[Account CB - Description].&amp;[0335200 - Misc Eq-Pond Sanitation-Hydro]"/>
        <member name="[CB - Account].[Account CB - Description].&amp;[0335300 - Misc Eq-Fish  Wildlife-Hydro]"/>
        <member name="[CB - Account].[Account CB - Description].&amp;[0335400 - Misc Equip-Recreation-Hydro]"/>
        <member name="[CB - Account].[Account CB - Description].&amp;[0336000 - Roads-Railrds - Bridges-Hydro]"/>
        <member name="[CB - Account].[Account CB - Description].&amp;[0337000 - Asset Retirement Cost - Hydro]"/>
        <member name="[CB - Account].[Account CB - Description].&amp;[0340000 - Land &amp; Land Rights]"/>
        <member name="[CB - Account].[Account CB - Description].&amp;[0341000 - Structures &amp; Improvements]"/>
        <member name="[CB - Account].[Account CB - Description].&amp;[0341100 - Other Comprehensive Incom]"/>
        <member name="[CB - Account].[Account CB - Description].&amp;[0341600 - Inactive]"/>
        <member name="[CB - Account].[Account CB - Description].&amp;[0342000 - Fuel Holdr Prdcrs/Acces-CTOthr]"/>
        <member name="[CB - Account].[Account CB - Description].&amp;[0342600 - Inactive]"/>
        <member name="[CB - Account].[Account CB - Description].&amp;[0343000 - Prime Movers-CT/Other]"/>
        <member name="[CB - Account].[Account CB - Description].&amp;[0343600 - Inactive]"/>
        <member name="[CB - Account].[Account CB - Description].&amp;[0344000 - Generators-CT/Other]"/>
        <member name="[CB - Account].[Account CB - Description].&amp;[0344600 - Inactive]"/>
        <member name="[CB - Account].[Account CB - Description].&amp;[0345000 - Accessory Electric Eq-CT/Other]"/>
        <member name="[CB - Account].[Account CB - Description].&amp;[0345600 - Inactive]"/>
        <member name="[CB - Account].[Account CB - Description].&amp;[0346000 - Misc Pwr Plt Equipmnt-CT/Other]"/>
        <member name="[CB - Account].[Account CB - Description].&amp;[0346600 - Inactive]"/>
        <member name="[CB - Account].[Account CB - Description].&amp;[0347000 - Asset Retirement Cost - Other]"/>
        <member name="[CB - Account].[Account CB - Description].&amp;[0350100 - Land Purchased In Fee-Trans]"/>
        <member name="[CB - Account].[Account CB - Description].&amp;[0350200 - R/W  Like Int In Land-OthTrans]"/>
        <member name="[CB - Account].[Account CB - Description].&amp;[0352000 - Structures And Improvnts-Trans]"/>
        <member name="[CB - Account].[Account CB - Description].&amp;[0353000 - Station Equipment-Trans]"/>
        <member name="[CB - Account].[Account CB - Description].&amp;[0353500 - Substat Eq-Resrv Stock-Trans]"/>
        <member name="[CB - Account].[Account CB - Description].&amp;[0354000 - Towers And Fixtures-Trans]"/>
        <member name="[CB - Account].[Account CB - Description].&amp;[0355000 - Poles And Fixtures-Trans]"/>
        <member name="[CB - Account].[Account CB - Description].&amp;[0356000 - Overhd Condctrs/Devices-Trans]"/>
        <member name="[CB - Account].[Account CB - Description].&amp;[0357000 - Underground Conduit-Trans]"/>
        <member name="[CB - Account].[Account CB - Description].&amp;[0358000 - Undergr Condctrs/Devices-Trans]"/>
        <member name="[CB - Account].[Account CB - Description].&amp;[0359000 - Roads and Trails-Trans]"/>
        <member name="[CB - Account].[Account CB - Description].&amp;[0360100 - Land Purchased In Fee-Distr]"/>
        <member name="[CB - Account].[Account CB - Description].&amp;[0360200 - Rights Of Way-Dist]"/>
        <member name="[CB - Account].[Account CB - Description].&amp;[0361000 - Structures And Improvnts-Distr]"/>
        <member name="[CB - Account].[Account CB - Description].&amp;[0362000 - Substation Equipment-Distr]"/>
        <member name="[CB - Account].[Account CB - Description].&amp;[0362500 - Substn Equip-Resrv Stock-Distr]"/>
        <member name="[CB - Account].[Account CB - Description].&amp;[0362780 - Substat-Section Control Unit]"/>
        <member name="[CB - Account].[Account CB - Description].&amp;[0364000 - Poles Towers Fixtures-Distr]"/>
        <member name="[CB - Account].[Account CB - Description].&amp;[0364500 - Contributions - Joint Use]"/>
        <member name="[CB - Account].[Account CB - Description].&amp;[0365000 - Overhd Condctrs/Devices-Distr]"/>
        <member name="[CB - Account].[Account CB - Description].&amp;[0365780 - Section Control Unit-Line]"/>
        <member name="[CB - Account].[Account CB - Description].&amp;[0366000 - Underground Conduit-Distr]"/>
        <member name="[CB - Account].[Account CB - Description].&amp;[0366500 - Contribution In Aid-Ug]"/>
        <member name="[CB - Account].[Account CB - Description].&amp;[0367000 - Undergrd Condctrs/Device-Distr]"/>
        <member name="[CB - Account].[Account CB - Description].&amp;[0367500 - Contribution In Aid-Ug]"/>
        <member name="[CB - Account].[Account CB - Description].&amp;[0368100 - Line Trnsfrmrs-Devices-Distr]"/>
        <member name="[CB - Account].[Account CB - Description].&amp;[0368200 - Underground Line Transformers]"/>
        <member name="[CB - Account].[Account CB - Description].&amp;[0368300 - Ln Trnsfrmrs-Ind-ComCust-Distr]"/>
        <member name="[CB - Account].[Account CB - Description].&amp;[0368900 - Ln Trnsfrms and Devices-Distr]"/>
        <member name="[CB - Account].[Account CB - Description].&amp;[0369000 - Services-Distr]"/>
        <member name="[CB - Account].[Account CB - Description].&amp;[0369500 - Contribution In Aid-Ug]"/>
        <member name="[CB - Account].[Account CB - Description].&amp;[0370000 - Meters-Distr]"/>
        <member name="[CB - Account].[Account CB - Description].&amp;[0370700 - Time Of Day Meters-Distr]"/>
        <member name="[CB - Account].[Account CB - Description].&amp;[0371200 - Inst On Cust Premises-Distr]"/>
        <member name="[CB - Account].[Account CB - Description].&amp;[0371700 - Load Control Devices-Distr]"/>
        <member name="[CB - Account].[Account CB - Description].&amp;[0373000 - St Light/Signal Systems-Distr]"/>
        <member name="[CB - Account].[Account CB - Description].&amp;[0389000 - Office Land]"/>
        <member name="[CB - Account].[Account CB - Description].&amp;[0389200 - Cost Of Right Of Way]"/>
        <member name="[CB - Account].[Account CB - Description].&amp;[0389600 - Cap Leases-Land]"/>
        <member name="[CB - Account].[Account CB - Description].&amp;[0390000 - Office Struct &amp; Improvements]"/>
        <member name="[CB - Account].[Account CB - Description].&amp;[0390050 - Non-Reg Office Struct &amp; Improv]"/>
        <member name="[CB - Account].[Account CB - Description].&amp;[0390600 - Capital Leases-Buildings]"/>
        <member name="[CB - Account].[Account CB - Description].&amp;[0391000 - Office Furniture &amp; Equipment]"/>
        <member name="[CB - Account].[Account CB - Description].&amp;[0391001 - Comp Eq /Software]"/>
        <member name="[CB - Account].[Account CB - Description].&amp;[0391002 - Furniture/Fixtures]"/>
        <member name="[CB - Account].[Account CB - Description].&amp;[0391003 - Pricing Desk]"/>
        <member name="[CB - Account].[Account CB - Description].&amp;[0392000 - Transportation Equipment]"/>
        <member name="[CB - Account].[Account CB - Description].&amp;[0393000 - Stores Equipment]"/>
        <member name="[CB - Account].[Account CB - Description].&amp;[0394000 - Tools, Shop &amp; Garage Equipment]"/>
        <member name="[CB - Account].[Account CB - Description].&amp;[0395000 - Laboratory Equipment]"/>
        <member name="[CB - Account].[Account CB - Description].&amp;[0395240 - Magnetic Tape Recorders]"/>
        <member name="[CB - Account].[Account CB - Description].&amp;[0395250 - Power Line Carrier]"/>
        <member name="[CB - Account].[Account CB - Description].&amp;[0395260 - Telephone Carrier]"/>
        <member name="[CB - Account].[Account CB - Description].&amp;[0396000 - Power Operated Equipment]"/>
        <member name="[CB - Account].[Account CB - Description].&amp;[0397000 - Communication Equipment]"/>
        <member name="[CB - Account].[Account CB - Description].&amp;[0398000 - Miscellaneous Equipment]"/>
        <member name="[CB - Account].[Account CB - Description].&amp;[0398001 - Office/Field Eq]"/>
        <member name="[CB - Account].[Account CB - Description].&amp;[0398002 - Leasehold Improve]"/>
        <member name="[CB - Account].[Account CB - Description].&amp;[0398003 - Project Equipment]"/>
        <member name="[CB - Account].[Account CB - Description].&amp;[0399199 - Asset Retirement Cost Gen Plt]"/>
        <member name="[CB - Account].[Account CB - Description].&amp;[0400200 - Power Purchases w/ DENA T&amp;M]"/>
        <member name="[CB - Account].[Account CB - Description].&amp;[0400201 - Power Purchases w/ DENA T&amp;M]"/>
        <member name="[CB - Account].[Account CB - Description].&amp;[0400202 - Power Purchase w/ DENA-T&amp;M]"/>
        <member name="[CB - Account].[Account CB - Description].&amp;[0401100 - Non-reg Operation Expense]"/>
        <member name="[CB - Account].[Account CB - Description].&amp;[0401101 - Gas Trans O&amp;M Allocation]"/>
        <member name="[CB - Account].[Account CB - Description].&amp;[0401200 - Pcb - Deferral]"/>
        <member name="[CB - Account].[Account CB - Description].&amp;[0401201 - Pcb - It Credit]"/>
        <member name="[CB - Account].[Account CB - Description].&amp;[0401202 - Pcb - Capital]"/>
        <member name="[CB - Account].[Account CB - Description].&amp;[0401203 - Pcb - It Amort]"/>
        <member name="[CB - Account].[Account CB - Description].&amp;[0401204 - Pcb - Te Reserve]"/>
        <member name="[CB - Account].[Account CB - Description].&amp;[0401480 - Non-reg Cost of Sales - Other]"/>
        <member name="[CB - Account].[Account CB - Description].&amp;[0401483 - NR COGS Misc Exp Other Coal]"/>
        <member name="[CB - Account].[Account CB - Description].&amp;[0401484 - NR COGS Misc Exp Other Binder]"/>
        <member name="[CB - Account].[Account CB - Description].&amp;[0401485 - NR COGS Misc Ex Oth Cons Maint]"/>
        <member name="[CB - Account].[Account CB - Description].&amp;[0401488 - COGS Misc Exp Oth Site Costs]"/>
        <member name="[CB - Account].[Account CB - Description].&amp;[0401500 - Operating Exp - Transmission]"/>
        <member name="[CB - Account].[Account CB - Description].&amp;[0403000 - Depr-Gathering Plant]"/>
        <member name="[CB - Account].[Account CB - Description].&amp;[0403001 - Depr-Underground Storage]"/>
        <member name="[CB - Account].[Account CB - Description].&amp;[0403003 - Depr-Afudc-Gross Up-Gaap]"/>
        <member name="[CB - Account].[Account CB - Description].&amp;[0403004 - Depr-Other Storage Plant]"/>
        <member name="[CB - Account].[Account CB - Description].&amp;[0403005 - Pur Acctg - Depreciation]"/>
        <member name="[CB - Account].[Account CB - Description].&amp;[0403006 - Interco Depr Expense]"/>
        <member name="[CB - Account].[Account CB - Description].&amp;[0403007 - IGCC Depreciation Expense]"/>
        <member name="[CB - Account].[Account CB - Description].&amp;[0403008 - IGCC Depr Amortizaton Expense]"/>
        <member name="[CB - Account].[Account CB - Description].&amp;[0403009 - Clean Coal Depreciation Exp]"/>
        <member name="[CB - Account].[Account CB - Description].&amp;[0403010 - Depr - deferral offset]"/>
        <member name="[CB - Account].[Account CB - Description].&amp;[0403011 - Depr-Transmission Plant]"/>
        <member name="[CB - Account].[Account CB - Description].&amp;[0403012 - Depr-Prod Extract Plant]"/>
        <member name="[CB - Account].[Account CB - Description].&amp;[0403013 - TDSIC2 - Depreciation Exp]"/>
        <member name="[CB - Account].[Account CB - Description].&amp;[0403015 - Fed Mandate Depreciation Exp]"/>
        <member name="[CB - Account].[Account CB - Description].&amp;[0403016 - TDSIC Depreciation Exp]"/>
        <member name="[CB - Account].[Account CB - Description].&amp;[0403017 - CCR Depreciation Exp]"/>
        <member name="[CB - Account].[Account CB - Description].&amp;[0403018 - Crane Depreciation Exp]"/>
        <member name="[CB - Account].[Account CB - Description].&amp;[0403019 - Markland Depreciation Exp]"/>
        <member name="[CB - Account].[Account CB - Description].&amp;[0403020 - Land Rights]"/>
        <member name="[CB - Account].[Account CB - Description].&amp;[0403021 - M&amp;R Structures and Imp]"/>
        <member name="[CB - Account].[Account CB - Description].&amp;[0403022 - Transmission Mains]"/>
        <member name="[CB - Account].[Account CB - Description].&amp;[0403023 - M&amp;R Equipment]"/>
        <member name="[CB - Account].[Account CB - Description].&amp;[0403024 - Furniture &amp; Equipment]"/>
        <member name="[CB - Account].[Account CB - Description].&amp;[0403025 - Computer Equipment]"/>
        <member name="[CB - Account].[Account CB - Description].&amp;[0403026 - Vehicles]"/>
        <member name="[CB - Account].[Account CB - Description].&amp;[0403027 - Heavy Work Equipment]"/>
        <member name="[CB - Account].[Account CB - Description].&amp;[0403028 - Tools &amp; Equipment]"/>
        <member name="[CB - Account].[Account CB - Description].&amp;[0403029 - Compressor Station S&amp;I]"/>
        <member name="[CB - Account].[Account CB - Description].&amp;[0403030 - Compressor Station Equip]"/>
        <member name="[CB - Account].[Account CB - Description].&amp;[0403031 - Comm Structures &amp; Equip]"/>
        <member name="[CB - Account].[Account CB - Description].&amp;[0403032 - CHP Depreciation Expense]"/>
        <member name="[CB - Account].[Account CB - Description].&amp;[0403040 - HARRIS DSLW-SC IND]"/>
        <member name="[CB - Account].[Account CB - Description].&amp;[0403041 - HARRIS DSLW-WH IND]"/>
        <member name="[CB - Account].[Account CB - Description].&amp;[0403042 - DEPRECIA-CONTRA AFUDC SC PLANT]"/>
        <member name="[CB - Account].[Account CB - Description].&amp;[0403043 - DEPRECIATION-WHOLESALE PLANT]"/>
        <member name="[CB - Account].[Account CB - Description].&amp;[0403044 - DEPRECIA-CONTRA AFUDC NC PLANT]"/>
        <member name="[CB - Account].[Account CB - Description].&amp;[0403045 - DEPRECI-CONTRA AFUDC POLL CONT]"/>
        <member name="[CB - Account].[Account CB - Description].&amp;[0403046 - HARRIS DSLW-  NC DIR]"/>
        <member name="[CB - Account].[Account CB - Description].&amp;[0403047 - HARRIS DSLW-  PA DIR]"/>
        <member name="[CB - Account].[Account CB - Description].&amp;[0403048 - HARRIS DSLW-WH DIR]"/>
        <member name="[CB - Account].[Account CB - Description].&amp;[0403049 - HARRIS DSLW- NC IND]"/>
        <member name="[CB - Account].[Account CB - Description].&amp;[0403050 - CONTRA DEPR-OATT]"/>
        <member name="[CB - Account].[Account CB - Description].&amp;[0403100 - Depr Of Steam Prod Plant]"/>
        <member name="[CB - Account].[Account CB - Description].&amp;[0403101 - Depreciation -Mitigation Steam]"/>
        <member name="[CB - Account].[Account CB - Description].&amp;[0403102 - Depr Exp - Oper Lessor]"/>
        <member name="[CB - Account].[Account CB - Description].&amp;[0403103 - Lease-Depr In rate base Plant]"/>
        <member name="[CB - Account].[Account CB - Description].&amp;[0403105 - Amort of unrecovered plant]"/>
        <member name="[CB - Account].[Account CB - Description].&amp;[0403109 - Depr Exp - Disallowance - NC]"/>
        <member name="[CB - Account].[Account CB - Description].&amp;[0403110 - Depr Team Prdn Plt- NC]"/>
        <member name="[CB - Account].[Account CB - Description].&amp;[0403111 - Depr Steam Prdn Plt- SC]"/>
        <member name="[CB - Account].[Account CB - Description].&amp;[0403112 - Depr Team Prdn Plt- WH]"/>
        <member name="[CB - Account].[Account CB - Description].&amp;[0403152 - IC Lease-Depr Cap(Act as Op)]"/>
        <member name="[CB - Account].[Account CB - Description].&amp;[0403200 - Depr Of Hydro Prod Plant]"/>
        <member name="[CB - Account].[Account CB - Description].&amp;[0403201 - Depr Hydro Prod Plnt - Sec 124]"/>
        <member name="[CB - Account].[Account CB - Description].&amp;[0403202 - DEPRECIAT-WHLSALE RATE DIFF PA]"/>
        <member name="[CB - Account].[Account CB - Description].&amp;[0403203 - DEPRECIATION-WHLSALE RATE DIFF]"/>
        <member name="[CB - Account].[Account CB - Description].&amp;[0403210 - Depr of Hydro Prod. - NC]"/>
        <member name="[CB - Account].[Account CB - Description].&amp;[0403211 - Depr of Hydro Prod. - SC]"/>
        <member name="[CB - Account].[Account CB - Description].&amp;[0403212 - Depr of Hydro Prod. - WH]"/>
        <member name="[CB - Account].[Account CB - Description].&amp;[0403250 - Depr Non-Rad Decom Exp]"/>
        <member name="[CB - Account].[Account CB - Description].&amp;[0403300 - Depr Of Transm Plant]"/>
        <member name="[CB - Account].[Account CB - Description].&amp;[0403310 - Depr Transm Plt- NC]"/>
        <member name="[CB - Account].[Account CB - Description].&amp;[0403311 - Depr Transm Plt- SC]"/>
        <member name="[CB - Account].[Account CB - Description].&amp;[0403312 - Depr Transm Plt- WH]"/>
        <member name="[CB - Account].[Account CB - Description].&amp;[0403350 - IC Lease-Depr of CT Plant]"/>
        <member name="[CB - Account].[Account CB - Description].&amp;[0403360 - Lease-Depr In rate base Plt IC]"/>
        <member name="[CB - Account].[Account CB - Description].&amp;[0403400 - Depr Of Distribution Plant]"/>
        <member name="[CB - Account].[Account CB - Description].&amp;[0403401 - DEPRECIATION-SC RATE DIFF]"/>
        <member name="[CB - Account].[Account CB - Description].&amp;[0403408 - DEP COR Settlement- NCUC]"/>
        <member name="[CB - Account].[Account CB - Description].&amp;[0403410 - Depr Distribn Plt - NC]"/>
        <member name="[CB - Account].[Account CB - Description].&amp;[0403411 - Depr Distribn Plt - SC]"/>
        <member name="[CB - Account].[Account CB - Description].&amp;[0403412 - Depr Distribn Plt - WH]"/>
        <member name="[CB - Account].[Account CB - Description].&amp;[0403501 - SC EDP Depreciation Expense]"/>
        <member name="[CB - Account].[Account CB - Description].&amp;[0403600 - Depr Of Comb Turb Plant]"/>
        <member name="[CB - Account].[Account CB - Description].&amp;[0403601 - CT Plant Deprec. - Mitigation]"/>
        <member name="[CB - Account].[Account CB - Description].&amp;[0403602 - Rotable Fleet Spare Amort]"/>
        <member name="[CB - Account].[Account CB - Description].&amp;[0403610 - Depr Cmb Turbine- NC]"/>
        <member name="[CB - Account].[Account CB - Description].&amp;[0403611 - Depr Cmb Turbine- SC]"/>
        <member name="[CB - Account].[Account CB - Description].&amp;[0403612 - Depr Cmb Turbine- WH]"/>
        <member name="[CB - Account].[Account CB - Description].&amp;[0403613 - SC Grid Amort - Deferred Depr]"/>
        <member name="[CB - Account].[Account CB - Description].&amp;[0403700 - Depr Of Nuc Prod Plant]"/>
        <member name="[CB - Account].[Account CB - Description].&amp;[0403710 - Depr Nuc Product- NC]"/>
        <member name="[CB - Account].[Account CB - Description].&amp;[0403711 - Depr Nuc Product- SC]"/>
        <member name="[CB - Account].[Account CB - Description].&amp;[0403712 - Depr Nuc Product- WH]"/>
        <member name="[CB - Account].[Account CB - Description].&amp;[0403800 - Decommissioning Exp]"/>
        <member name="[CB - Account].[Account CB - Description].&amp;[0403805 - DEPREC ON  INV IN REAL ESTATE]"/>
        <member name="[CB - Account].[Account CB - Description].&amp;[0403850 - Deferral of Depr. Exp.-Solar]"/>
        <member name="[CB - Account].[Account CB - Description].&amp;[0403900 - DEPR_EXPENSE_PUR_ACCTG_ADJ]"/>
        <member name="[CB - Account].[Account CB - Description].&amp;[0403950 - BudAdj-Depreciation]"/>
        <member name="[CB - Account].[Account CB - Description].&amp;[0404000 - Amortization Expense]"/>
        <member name="[CB - Account].[Account CB - Description].&amp;[0404001 - Customer Connect Amortization]"/>
        <member name="[CB - Account].[Account CB - Description].&amp;[0404100 - Amor Of Limited Term Elec Plt]"/>
        <member name="[CB - Account].[Account CB - Description].&amp;[0404101 - AMORT OF  LTD TERM PLT- EQUITY]"/>
        <member name="[CB - Account].[Account CB - Description].&amp;[0404102 - Lease Amort]"/>
        <member name="[CB - Account].[Account CB - Description].&amp;[0404150 - Amort of LTD Term Plt]"/>
        <member name="[CB - Account].[Account CB - Description].&amp;[0404201 - Amort-Capital Leases]"/>
        <member name="[CB - Account].[Account CB - Description].&amp;[0404202 - Lease Amort]"/>
        <member name="[CB - Account].[Account CB - Description].&amp;[0404300 - Amort-Trans Agmt w/TETCO]"/>
        <member name="[CB - Account].[Account CB - Description].&amp;[0404301 - Amort-Leaseholds]"/>
        <member name="[CB - Account].[Account CB - Description].&amp;[0404302 - Amort-Intangibles]"/>
        <member name="[CB - Account].[Account CB - Description].&amp;[0404303 - AMORT OF  LTD TERM PLT- MAT/AP]"/>
        <member name="[CB - Account].[Account CB - Description].&amp;[0404400 - FRANCHISE AMORTIZATION]"/>
        <member name="[CB - Account].[Account CB - Description].&amp;[0404401 - AMORT OF LTD PLANT-FL]"/>
        <member name="[CB - Account].[Account CB - Description].&amp;[0404402 - AMORT OF ECCR PLANT]"/>
        <member name="[CB - Account].[Account CB - Description].&amp;[0404500 - FEASIBILITY STUDIES AMORT]"/>
        <member name="[CB - Account].[Account CB - Description].&amp;[0404505 - Amortization Expense Purch Adj]"/>
        <member name="[CB - Account].[Account CB - Description].&amp;[0405000 - Depr-Other Gas Plant]"/>
        <member name="[CB - Account].[Account CB - Description].&amp;[0405010 - Inactive]"/>
        <member name="[CB - Account].[Account CB - Description].&amp;[0405011 - Amort of Other Pur Acctg]"/>
        <member name="[CB - Account].[Account CB - Description].&amp;[0405100 - Inactive]"/>
        <member name="[CB - Account].[Account CB - Description].&amp;[0405200 - Inactive]"/>
        <member name="[CB - Account].[Account CB - Description].&amp;[0405220 - Inactive]"/>
        <member name="[CB - Account].[Account CB - Description].&amp;[0405310 - Amort Of Def Catwba Pur Cap-Nc]"/>
        <member name="[CB - Account].[Account CB - Description].&amp;[0405320 - Amort Of Def Catwba Pur Cap-Sc]"/>
        <member name="[CB - Account].[Account CB - Description].&amp;[0405330 - Amort Of Def Cat Pur Cap-Wlsle]"/>
        <member name="[CB - Account].[Account CB - Description].&amp;[0406000 - Amor/Elec Plt Acquisition Adj]"/>
        <member name="[CB - Account].[Account CB - Description].&amp;[0406001 - Amort Exp - Elec Plant Acq]"/>
        <member name="[CB - Account].[Account CB - Description].&amp;[0406150 - Amort of Acq Adj]"/>
        <member name="[CB - Account].[Account CB - Description].&amp;[0406505 - Amort Exp - Acq Purch Adj]"/>
        <member name="[CB - Account].[Account CB - Description].&amp;[0407000 - Amortization of Property Loss]"/>
        <member name="[CB - Account].[Account CB - Description].&amp;[0407001 - Amort of Gridsouth Cost (NC)]"/>
        <member name="[CB - Account].[Account CB - Description].&amp;[0407002 - BRUNSWICK DESIGN BASIS]"/>
        <member name="[CB - Account].[Account CB - Description].&amp;[0407003 - ROBINSON DESIGN BASIS]"/>
        <member name="[CB - Account].[Account CB - Description].&amp;[0407004 - MAYO2 ABAN LOSS &amp; AFC DBT WHLE]"/>
        <member name="[CB - Account].[Account CB - Description].&amp;[0407005 - NC Storm Amortization]"/>
        <member name="[CB - Account].[Account CB - Description].&amp;[0407100 - AMORT_REG_ASSETS]"/>
        <member name="[CB - Account].[Account CB - Description].&amp;[0407101 - Harris COLA Amort - Wholesale]"/>
        <member name="[CB - Account].[Account CB - Description].&amp;[0407102 - Harris COLA Amort - Retail]"/>
        <member name="[CB - Account].[Account CB - Description].&amp;[0407110 - Amort ExpPost In Svc Carry Chg]"/>
        <member name="[CB - Account].[Account CB - Description].&amp;[0407120 - Amort of Unrecovered Plant]"/>
        <member name="[CB - Account].[Account CB - Description].&amp;[0407150 - NCEMPA NC Debt Return]"/>
        <member name="[CB - Account].[Account CB - Description].&amp;[0407160 - NCEMPA SC Debt &amp; Equity Return]"/>
        <member name="[CB - Account].[Account CB - Description].&amp;[0407200 - AMORT_PROP_LOSS_PUR_ACCT_ADJ]"/>
        <member name="[CB - Account].[Account CB - Description].&amp;[0407214 - Amor Exp04 RSP Retrn on Debt]"/>
        <member name="[CB - Account].[Account CB - Description].&amp;[0407260 - Deferred Depreciation Expense]"/>
        <member name="[CB - Account].[Account CB - Description].&amp;[0407300 - COR Settlements Amort-SC]"/>
        <member name="[CB - Account].[Account CB - Description].&amp;[0407301 - Amort of Gridsouth Cost (NC(I)]"/>
        <member name="[CB - Account].[Account CB - Description].&amp;[0407302 - ABSAT Return Amort]"/>
        <member name="[CB - Account].[Account CB - Description].&amp;[0407303 - Hurricane Ike Amortization]"/>
        <member name="[CB - Account].[Account CB - Description].&amp;[0407304 - Amort of Gridsouth-Wholesale]"/>
        <member name="[CB - Account].[Account CB - Description].&amp;[0407306 - NC Cliffside Amortization]"/>
        <member name="[CB - Account].[Account CB - Description].&amp;[0407307 - SC Cliffside Amortization]"/>
        <member name="[CB - Account].[Account CB - Description].&amp;[0407308 - Wholesale Cliff Amortization]"/>
        <member name="[CB - Account].[Account CB - Description].&amp;[0407309 - Pension Amortization]"/>
        <member name="[CB - Account].[Account CB - Description].&amp;[0407310 - Annual Provision Environ Cost]"/>
        <member name="[CB - Account].[Account CB - Description].&amp;[0407311 - Regulatory Debits]"/>
        <member name="[CB - Account].[Account CB - Description].&amp;[0407312 - Smart Grid Amortization Expens]"/>
        <member name="[CB - Account].[Account CB - Description].&amp;[0407313 - Amortization of CWDCC]"/>
        <member name="[CB - Account].[Account CB - Description].&amp;[0407314 - OH  Dist Decoupling Deferral]"/>
        <member name="[CB - Account].[Account CB - Description].&amp;[0407315 - Amortization - EV Rebate - C&amp;I]"/>
        <member name="[CB - Account].[Account CB - Description].&amp;[0407316 - IGCC Rate Refund]"/>
        <member name="[CB - Account].[Account CB - Description].&amp;[0407317 - Amort of GridSouth (SC)]"/>
        <member name="[CB - Account].[Account CB - Description].&amp;[0407318 - Reg Debit - SPP DEF]"/>
        <member name="[CB - Account].[Account CB - Description].&amp;[0407319 - EVCS deferral amortization]"/>
        <member name="[CB - Account].[Account CB - Description].&amp;[0407320 - Depreciation Deferral Amort]"/>
        <member name="[CB - Account].[Account CB - Description].&amp;[0407321 - Dynegy Reg Debits-FERC 407.3]"/>
        <member name="[CB - Account].[Account CB - Description].&amp;[0407322 - Storm Cost Reg Asset Amort]"/>
        <member name="[CB - Account].[Account CB - Description].&amp;[0407323 - SFAS 143 - REG. DEBIT]"/>
        <member name="[CB - Account].[Account CB - Description].&amp;[0407325 - SC &amp; FL Coal Ash Amortization]"/>
        <member name="[CB - Account].[Account CB - Description].&amp;[0407326 - Wholesale Coal Ash Amort Exp]"/>
        <member name="[CB - Account].[Account CB - Description].&amp;[0407327 - Unbillable Coal Ash Expense]"/>
        <member name="[CB - Account].[Account CB - Description].&amp;[0407328 - Nuclear Levelization NC]"/>
        <member name="[CB - Account].[Account CB - Description].&amp;[0407329 - Wayne NC Regulatory Debit]"/>
        <member name="[CB - Account].[Account CB - Description].&amp;[0407330 - NC Saluda/Allen Amortization]"/>
        <member name="[CB - Account].[Account CB - Description].&amp;[0407331 - SC Saluda/Allen Amortization]"/>
        <member name="[CB - Account].[Account CB - Description].&amp;[0407332 - Wholesale Saluda/Allen Amortiz]"/>
        <member name="[CB - Account].[Account CB - Description].&amp;[0407333 - SC EDP Depreciation]"/>
        <member name="[CB - Account].[Account CB - Description].&amp;[0407334 - Reg Debit - DSM/EE NC O&amp;M]"/>
        <member name="[CB - Account].[Account CB - Description].&amp;[0407335 - Reg Debit - DSM/EE SC O&amp;M]"/>
        <member name="[CB - Account].[Account CB - Description].&amp;[0407336 - Reg Debit - REPS]"/>
        <member name="[CB - Account].[Account CB - Description].&amp;[0407337 - REG DEBIT- DSM/EE SC O&amp;M]"/>
        <member name="[CB - Account].[Account CB - Description].&amp;[0407338 - CR3 Amortization]"/>
        <member name="[CB - Account].[Account CB - Description].&amp;[0407339 - Sutton SC Regulatory Debit]"/>
        <member name="[CB - Account].[Account CB - Description].&amp;[0407340 - SC Grid Amort]"/>
        <member name="[CB - Account].[Account CB - Description].&amp;[0407341 - DE IN Phase 2 Env Plan Amort]"/>
        <member name="[CB - Account].[Account CB - Description].&amp;[0407342 - Nuclear Fuel-Last Core Amort]"/>
        <member name="[CB - Account].[Account CB - Description].&amp;[0407343 - Buck/Bridgewater amort-NC]"/>
        <member name="[CB - Account].[Account CB - Description].&amp;[0407344 - Buck/Bridgewater Amort-SC]"/>
        <member name="[CB - Account].[Account CB - Description].&amp;[0407345 - Buck/Bridgewater amort-WS]"/>
        <member name="[CB - Account].[Account CB - Description].&amp;[0407346 - Cliffside 6 Amort-NC]"/>
        <member name="[CB - Account].[Account CB - Description].&amp;[0407347 - Cliffside 6 amort-SC]"/>
        <member name="[CB - Account].[Account CB - Description].&amp;[0407348 - Cliffside 6 Amort-WS]"/>
        <member name="[CB - Account].[Account CB - Description].&amp;[0407349 - Dan River amort-NC]"/>
        <member name="[CB - Account].[Account CB - Description].&amp;[0407350 - REPS Rider NC Retail]"/>
        <member name="[CB - Account].[Account CB - Description].&amp;[0407351 - REPS Rider NC Whse]"/>
        <member name="[CB - Account].[Account CB - Description].&amp;[0407352 - REPS Rider NC Retail-Cert]"/>
        <member name="[CB - Account].[Account CB - Description].&amp;[0407353 - REPS Rider NC Whse-Cert]"/>
        <member name="[CB - Account].[Account CB - Description].&amp;[0407354 - DSM Deferral - Electric]"/>
        <member name="[CB - Account].[Account CB - Description].&amp;[0407355 - DSM Deferral - Gas]"/>
        <member name="[CB - Account].[Account CB - Description].&amp;[0407356 - Deferred VOP Amortization]"/>
        <member name="[CB - Account].[Account CB - Description].&amp;[0407357 - REG DEBIT-NUCL COST RECOVERY]"/>
        <member name="[CB - Account].[Account CB - Description].&amp;[0407358 - Reg Debit - DSM/EE NC]"/>
        <member name="[CB - Account].[Account CB - Description].&amp;[0407359 - Reg Debit - DSM/EE SC]"/>
        <member name="[CB - Account].[Account CB - Description].&amp;[0407360 - CPRE REPS Rider NC Retail]"/>
        <member name="[CB - Account].[Account CB - Description].&amp;[0407361 - REG DEBIT-ECRC O&amp;M DEF]"/>
        <member name="[CB - Account].[Account CB - Description].&amp;[0407362 - Dan River amort-SC]"/>
        <member name="[CB - Account].[Account CB - Description].&amp;[0407363 - Dan River amort-WS]"/>
        <member name="[CB - Account].[Account CB - Description].&amp;[0407364 - Oconee HELB amort-SC]"/>
        <member name="[CB - Account].[Account CB - Description].&amp;[0407365 - McGuire Uprate Amort - NC]"/>
        <member name="[CB - Account].[Account CB - Description].&amp;[0407366 - McGuire Uprate Amort - SC]"/>
        <member name="[CB - Account].[Account CB - Description].&amp;[0407367 - McGuire Uprate amort - WS]"/>
        <member name="[CB - Account].[Account CB - Description].&amp;[0407368 - Fukushima CyberSecurity Amo-SC]"/>
        <member name="[CB - Account].[Account CB - Description].&amp;[0407369 - Buck Retired Plant Amort-NC]"/>
        <member name="[CB - Account].[Account CB - Description].&amp;[0407370 - SO2 EA Amortization]"/>
        <member name="[CB - Account].[Account CB - Description].&amp;[0407371 - AMORTIZATION-STORM EXP-WHSLE]"/>
        <member name="[CB - Account].[Account CB - Description].&amp;[0407372 - AMORTIZATION RATE CASE EXP]"/>
        <member name="[CB - Account].[Account CB - Description].&amp;[0407373 - Buck Retired Plant amort-SC]"/>
        <member name="[CB - Account].[Account CB - Description].&amp;[0407374 - Buck Retired Plant amort-WS]"/>
        <member name="[CB - Account].[Account CB - Description].&amp;[0407375 - M&amp;S Inv EOL Reserve Amort]"/>
        <member name="[CB - Account].[Account CB - Description].&amp;[0407376 - Clemson Univ Grant Amort]"/>
        <member name="[CB - Account].[Account CB - Description].&amp;[0407377 - Deferred NCDT Fund]"/>
        <member name="[CB - Account].[Account CB - Description].&amp;[0407378 - Ohio MGP amortization]"/>
        <member name="[CB - Account].[Account CB - Description].&amp;[0407379 - Amort - East Bend Def Depr]"/>
        <member name="[CB - Account].[Account CB - Description].&amp;[0407380 - Reg Debit-Retired Plant NC]"/>
        <member name="[CB - Account].[Account CB - Description].&amp;[0407381 - Retired Plant Amort - Retail]"/>
        <member name="[CB - Account].[Account CB - Description].&amp;[0407382 - Retired Plant Amort - Whlsle]"/>
        <member name="[CB - Account].[Account CB - Description].&amp;[0407383 - Amort Coal Ash Spend- Whlsale]"/>
        <member name="[CB - Account].[Account CB - Description].&amp;[0407384 - IGCC Reg Asset Amort]"/>
        <member name="[CB - Account].[Account CB - Description].&amp;[0407385 - Deferred NDTF Overfund]"/>
        <member name="[CB - Account].[Account CB - Description].&amp;[0407386 - Wabash 6 WS Plant Amortiz]"/>
        <member name="[CB - Account].[Account CB - Description].&amp;[0407387 - DEF CR4&amp;5 Accelerated Deprecia]"/>
        <member name="[CB - Account].[Account CB - Description].&amp;[0407388 - COR Settlement Amortz - NC]"/>
        <member name="[CB - Account].[Account CB - Description].&amp;[0407389 - CR South Reg Asset Amrtz]"/>
        <member name="[CB - Account].[Account CB - Description].&amp;[0407390 - NCEMPA Adjustment]"/>
        <member name="[CB - Account].[Account CB - Description].&amp;[0407391 - SC Storm Reserve Accrual]"/>
        <member name="[CB - Account].[Account CB - Description].&amp;[0407392 - Amort Debt Ret-NC]"/>
        <member name="[CB - Account].[Account CB - Description].&amp;[0407393 - Amort Debt Ret SC]"/>
        <member name="[CB - Account].[Account CB - Description].&amp;[0407394 - Amortization Customer Connect]"/>
        <member name="[CB - Account].[Account CB - Description].&amp;[0407395 - Amortization Job Retention]"/>
        <member name="[CB - Account].[Account CB - Description].&amp;[0407396 - Amortization Storm NC]"/>
        <member name="[CB - Account].[Account CB - Description].&amp;[0407397 - Amortization Storm SC]"/>
        <member name="[CB - Account].[Account CB - Description].&amp;[0407398 - EDIT Rider Amortization]"/>
        <member name="[CB - Account].[Account CB - Description].&amp;[0407399 - Amortization - Misc]"/>
        <member name="[CB - Account].[Account CB - Description].&amp;[0407400 - Inactive]"/>
        <member name="[CB - Account].[Account CB - Description].&amp;[0407401 - Regulatory Credits]"/>
        <member name="[CB - Account].[Account CB - Description].&amp;[0407402 - Regulatory Cr-Onshore]"/>
        <member name="[CB - Account].[Account CB - Description].&amp;[0407403 - Regulatory Cr- Storage]"/>
        <member name="[CB - Account].[Account CB - Description].&amp;[0407404 - Amort Exp - RSP Prop Tax]"/>
        <member name="[CB - Account].[Account CB - Description].&amp;[0407405 - AmortExp-Def Dep Nblsvl Repwr]"/>
        <member name="[CB - Account].[Account CB - Description].&amp;[0407406 - Amort Exp-RSP Depreciation]"/>
        <member name="[CB - Account].[Account CB - Description].&amp;[0407408 - Smart Grid deferral Electric]"/>
        <member name="[CB - Account].[Account CB - Description].&amp;[0407409 - Smart Grid deferral Gas]"/>
        <member name="[CB - Account].[Account CB - Description].&amp;[0407410 - Misc Capacity Amortization]"/>
        <member name="[CB - Account].[Account CB - Description].&amp;[0407411 - SFAS 143 - REG. CREDIT]"/>
        <member name="[CB - Account].[Account CB - Description].&amp;[0407412 - REG CREDIT-CR3 DEPRECIATION]"/>
        <member name="[CB - Account].[Account CB - Description].&amp;[0407413 - DSM/EE O&amp;M DEFERRAL]"/>
        <member name="[CB - Account].[Account CB - Description].&amp;[0407414 - DSM/EE CAPITAL DEFERRAL]"/>
        <member name="[CB - Account].[Account CB - Description].&amp;[0407415 - REPS DEFERRAL]"/>
        <member name="[CB - Account].[Account CB - Description].&amp;[0407416 - REG CREDIT DSM/EE OTHER]"/>
        <member name="[CB - Account].[Account CB - Description].&amp;[0407417 - POLLUTION CONTROL SC O&amp;M DEFER]"/>
        <member name="[CB - Account].[Account CB - Description].&amp;[0407418 - POLLUTION CRTL SC DEPREC DEFER]"/>
        <member name="[CB - Account].[Account CB - Description].&amp;[0407419 - DSM/EE O&amp;M DEFERRAL]"/>
        <member name="[CB - Account].[Account CB - Description].&amp;[0407420 - NC Rate Remand Amortization]"/>
        <member name="[CB - Account].[Account CB - Description].&amp;[0407421 - BTR Deferral]"/>
        <member name="[CB - Account].[Account CB - Description].&amp;[0407422 - FL Deferred Capacity Exp-Credi]"/>
        <member name="[CB - Account].[Account CB - Description].&amp;[0407423 - FL Deferred Fuel Exp - Credits]"/>
        <member name="[CB - Account].[Account CB - Description].&amp;[0407424 - Amortization]"/>
        <member name="[CB - Account].[Account CB - Description].&amp;[0407425 - Amort of NC UNBLFL Giveback]"/>
        <member name="[CB - Account].[Account CB - Description].&amp;[0407426 - FL EMISS AUC PROC AMORT]"/>
        <member name="[CB - Account].[Account CB - Description].&amp;[0407427 - REG CREDIT-NUCL COST RECO]"/>
        <member name="[CB - Account].[Account CB - Description].&amp;[0407428 - REG CREDIT- ECRC O&amp;M DEF]"/>
        <member name="[CB - Account].[Account CB - Description].&amp;[0407429 - REGULATORY CREDIT-COR]"/>
        <member name="[CB - Account].[Account CB - Description].&amp;[0407430 - NC Nuc Ins Reserve Amort]"/>
        <member name="[CB - Account].[Account CB - Description].&amp;[0407431 - Pollution Control SC O&amp;M Defer]"/>
        <member name="[CB - Account].[Account CB - Description].&amp;[0407432 - Reg Credit - DSM/EE NC O&amp;M Def]"/>
        <member name="[CB - Account].[Account CB - Description].&amp;[0407433 - Reg Credit - DSM/EE SC O&amp;M Def]"/>
        <member name="[CB - Account].[Account CB - Description].&amp;[0407434 - Reg Credit - Reps Deferral]"/>
        <member name="[CB - Account].[Account CB - Description].&amp;[0407435 - NC Nuclear Levelization Reg Cr]"/>
        <member name="[CB - Account].[Account CB - Description].&amp;[0407436 - NC Wayne Regulatory Credit]"/>
        <member name="[CB - Account].[Account CB - Description].&amp;[0407437 - Harris Gains NC]"/>
        <member name="[CB - Account].[Account CB - Description].&amp;[0407438 - DEO Gas CEP revenue deferral]"/>
        <member name="[CB - Account].[Account CB - Description].&amp;[0407439 - Def Depr East Bend]"/>
        <member name="[CB - Account].[Account CB - Description].&amp;[0407440 - SC Nuc Ins Reserve Amort]"/>
        <member name="[CB - Account].[Account CB - Description].&amp;[0407441 - NITS O&amp;M Deferral]"/>
        <member name="[CB - Account].[Account CB - Description].&amp;[0407442 - NITS Depreciation Deferral]"/>
        <member name="[CB - Account].[Account CB - Description].&amp;[0407443 - NITS Other Taxes Deferral]"/>
        <member name="[CB - Account].[Account CB - Description].&amp;[0407444 - DOE Settlement Reg Liab Amort]"/>
        <member name="[CB - Account].[Account CB - Description].&amp;[0407445 - SC Storm Reserve]"/>
        <member name="[CB - Account].[Account CB - Description].&amp;[0407446 - Reactive Power Expense]"/>
        <member name="[CB - Account].[Account CB - Description].&amp;[0407447 - Lee CC Amort-NC Equity]"/>
        <member name="[CB - Account].[Account CB - Description].&amp;[0407448 - Lee CC Amort-NC Debt Ret]"/>
        <member name="[CB - Account].[Account CB - Description].&amp;[0407449 - Amort Levelized Ret LeeCC]"/>
        <member name="[CB - Account].[Account CB - Description].&amp;[0407450 - NC Amort of Retail REC Exp]"/>
        <member name="[CB - Account].[Account CB - Description].&amp;[0407451 - NC Amort of Whse REC Exp]"/>
        <member name="[CB - Account].[Account CB - Description].&amp;[0407452 - NCEMPA NC Deferral &amp; Amortiz]"/>
        <member name="[CB - Account].[Account CB - Description].&amp;[0407453 - NCEMPA SC Deferral &amp; Amortiz]"/>
        <member name="[CB - Account].[Account CB - Description].&amp;[0407454 - NCEMPA NC deferrals/recovery]"/>
        <member name="[CB - Account].[Account CB - Description].&amp;[0407455 - Lee CC Amort SC]"/>
        <member name="[CB - Account].[Account CB - Description].&amp;[0407457 - CertainTeed-Liquidated Defer]"/>
        <member name="[CB - Account].[Account CB - Description].&amp;[0407458 - NC NBV Retired Plant Def Depr]"/>
        <member name="[CB - Account].[Account CB - Description].&amp;[0407459 - TDSIC2 - Carrying Charges]"/>
        <member name="[CB - Account].[Account CB - Description].&amp;[0407460 - IGCC Defer Tax Incentive Exp]"/>
        <member name="[CB - Account].[Account CB - Description].&amp;[0407461 - IGCC Reg Liability Amort]"/>
        <member name="[CB - Account].[Account CB - Description].&amp;[0407462 - Continued Amortization]"/>
        <member name="[CB - Account].[Account CB - Description].&amp;[0407463 - Defer DEF Final Dismantlement]"/>
        <member name="[CB - Account].[Account CB - Description].&amp;[0407466 - Reactive Power Expense]"/>
        <member name="[CB - Account].[Account CB - Description].&amp;[0407500 - Amortization Of Deferrals]"/>
        <member name="[CB - Account].[Account CB - Description].&amp;[0407501 - EDIT Rider Amort - NC Retail]"/>
        <member name="[CB - Account].[Account CB - Description].&amp;[0407600 - Amortization - Gallagher 1 &amp; 3]"/>
        <member name="[CB - Account].[Account CB - Description].&amp;[0407601 - Continued Amortization]"/>
        <member name="[CB - Account].[Account CB - Description].&amp;[0407700 - SC DERP Amortization]"/>
        <member name="[CB - Account].[Account CB - Description].&amp;[0407904 - RTC Elec Retail Amort Exp]"/>
        <member name="[CB - Account].[Account CB - Description].&amp;[0407906 - RegAsset OH&amp;Muni Tax Amort Exp]"/>
        <member name="[CB - Account].[Account CB - Description].&amp;[0407907 - Regulatory Asset-Deferral Acct]"/>
        <member name="[CB - Account].[Account CB - Description].&amp;[0408010 - Nc Property Tax-Water]"/>
        <member name="[CB - Account].[Account CB - Description].&amp;[0408020 - Inactive]"/>
        <member name="[CB - Account].[Account CB - Description].&amp;[0408030 - Nc Property Tax-Merchandising]"/>
        <member name="[CB - Account].[Account CB - Description].&amp;[0408050 - Municipal License-Electric]"/>
        <member name="[CB - Account].[Account CB - Description].&amp;[0408055 - FL Property Tax-Electric]"/>
        <member name="[CB - Account].[Account CB - Description].&amp;[0408060 - Inactive]"/>
        <member name="[CB - Account].[Account CB - Description].&amp;[0408070 - Inactive]"/>
        <member name="[CB - Account].[Account CB - Description].&amp;[0408080 - Nc Municipal License-Merch]"/>
        <member name="[CB - Account].[Account CB - Description].&amp;[0408090 - Inactive]"/>
        <member name="[CB - Account].[Account CB - Description].&amp;[0408100 - Franchise Tax - Electric]"/>
        <member name="[CB - Account].[Account CB - Description].&amp;[0408101 - Ohio Kilowatt Tax]"/>
        <member name="[CB - Account].[Account CB - Description].&amp;[0408102 - Ohio MCF Tax]"/>
        <member name="[CB - Account].[Account CB - Description].&amp;[0408103 - PAYROLL TAX - PROJECT SUPT NCR]"/>
        <member name="[CB - Account].[Account CB - Description].&amp;[0408110 - Nc Franchise Tax-Water]"/>
        <member name="[CB - Account].[Account CB - Description].&amp;[0408113 - Fl Reg Assessment Fee-Elec Tax]"/>
        <member name="[CB - Account].[Account CB - Description].&amp;[0408114 - Municipal License-Electric]"/>
        <member name="[CB - Account].[Account CB - Description].&amp;[0408122 - General Taxes - Mitigation]"/>
        <member name="[CB - Account].[Account CB - Description].&amp;[0408123 - Deferred Property Tax - NC]"/>
        <member name="[CB - Account].[Account CB - Description].&amp;[0408124 - Deferred Property Tax - SC]"/>
        <member name="[CB - Account].[Account CB - Description].&amp;[0408125 - Deferred Property Taxes-WH]"/>
        <member name="[CB - Account].[Account CB - Description].&amp;[0408130 - Inactive]"/>
        <member name="[CB - Account].[Account CB - Description].&amp;[0408140 - Inactive]"/>
        <member name="[CB - Account].[Account CB - Description].&amp;[0408145 - MA Excise Tax]"/>
        <member name="[CB - Account].[Account CB - Description].&amp;[0408153 - Employer Local Tax]"/>
        <member name="[CB - Account].[Account CB - Description].&amp;[0408160 - Nc Unemployment Tax-Water]"/>
        <member name="[CB - Account].[Account CB - Description].&amp;[0408170 - Inactive]"/>
        <member name="[CB - Account].[Account CB - Description].&amp;[0408180 - Nc Unemployment Tax-Merch]"/>
        <member name="[CB - Account].[Account CB - Description].&amp;[0408190 - Inactive]"/>
        <member name="[CB - Account].[Account CB - Description].&amp;[0408191 - Commercial Activity Tax]"/>
        <member name="[CB - Account].[Account CB - Description].&amp;[0408192 - CY PROP TAX DEFERRALS]"/>
        <member name="[CB - Account].[Account CB - Description].&amp;[0408193 - PY PROPTAX DEFERRALS AMORT]"/>
        <member name="[CB - Account].[Account CB - Description].&amp;[0408200 - Nc Industrial Comm-Electric]"/>
        <member name="[CB - Account].[Account CB - Description].&amp;[0408201 - Taxes-Oth Income &amp; Deductions]"/>
        <member name="[CB - Account].[Account CB - Description].&amp;[0408210 - Nc Industrial Comm-Water]"/>
        <member name="[CB - Account].[Account CB - Description].&amp;[0408220 - Inactive]"/>
        <member name="[CB - Account].[Account CB - Description].&amp;[0408223 - FL Property Tx-Mis Non-Op]"/>
        <member name="[CB - Account].[Account CB - Description].&amp;[0408230 - Inactive]"/>
        <member name="[CB - Account].[Account CB - Description].&amp;[0408231 - CA Franchise Tax]"/>
        <member name="[CB - Account].[Account CB - Description].&amp;[0408240 - Inactive]"/>
        <member name="[CB - Account].[Account CB - Description].&amp;[0408250 - Nc Intangibles Tax-Electric]"/>
        <member name="[CB - Account].[Account CB - Description].&amp;[0408260 - Nc Intangibles Tax-Water]"/>
        <member name="[CB - Account].[Account CB - Description].&amp;[0408270 - Inactive]"/>
        <member name="[CB - Account].[Account CB - Description].&amp;[0408280 - Nc Intangibles Tax-Merch]"/>
        <member name="[CB - Account].[Account CB - Description].&amp;[0408290 - Inactive]"/>
        <member name="[CB - Account].[Account CB - Description].&amp;[0408300 - Nc Chain Store Tax-Merch]"/>
        <member name="[CB - Account].[Account CB - Description].&amp;[0408310 - Inactive]"/>
        <member name="[CB - Account].[Account CB - Description].&amp;[0408320 - Inactive]"/>
        <member name="[CB - Account].[Account CB - Description].&amp;[0408330 - Inactive]"/>
        <member name="[CB - Account].[Account CB - Description].&amp;[0408340 - Inactive]"/>
        <member name="[CB - Account].[Account CB - Description].&amp;[0408360 - Sc Property Tax-Electric]"/>
        <member name="[CB - Account].[Account CB - Description].&amp;[0408370 - Sc Property Tax-Water]"/>
        <member name="[CB - Account].[Account CB - Description].&amp;[0408380 - Inactive]"/>
        <member name="[CB - Account].[Account CB - Description].&amp;[0408390 - Sc Property Tax-Merch]"/>
        <member name="[CB - Account].[Account CB - Description].&amp;[0408400 - Sc Property Tx-Misc Nonutility]"/>
        <member name="[CB - Account].[Account CB - Description].&amp;[0408410 - Sc Municipal License-Wholesale]"/>
        <member name="[CB - Account].[Account CB - Description].&amp;[0408420 - Inactive]"/>
        <member name="[CB - Account].[Account CB - Description].&amp;[0408430 - Inactive]"/>
        <member name="[CB - Account].[Account CB - Description].&amp;[0408440 - Sc Muni License-Merchandising]"/>
        <member name="[CB - Account].[Account CB - Description].&amp;[0408450 - Inactive]"/>
        <member name="[CB - Account].[Account CB - Description].&amp;[0408460 - Sc Kwh Power Gen Tax-Electric]"/>
        <member name="[CB - Account].[Account CB - Description].&amp;[0408465 - FL Kwh Power Gen Tax-Electric]"/>
        <member name="[CB - Account].[Account CB - Description].&amp;[0408480 - SC Gross Receipts Tax - Wtr]"/>
        <member name="[CB - Account].[Account CB - Description].&amp;[0408490 - Inactive]"/>
        <member name="[CB - Account].[Account CB - Description].&amp;[0408500 - Sc Franchise Tax-Merchandising]"/>
        <member name="[CB - Account].[Account CB - Description].&amp;[0408510 - Sc Frnchs Tax-Misc Nonutility]"/>
        <member name="[CB - Account].[Account CB - Description].&amp;[0408520 - SC Public Service Com-Elec Tax]"/>
        <member name="[CB - Account].[Account CB - Description].&amp;[0408530 - Sc Public Service Comm-Water]"/>
        <member name="[CB - Account].[Account CB - Description].&amp;[0408540 - Inactive]"/>
        <member name="[CB - Account].[Account CB - Description].&amp;[0408550 - Sc Public Serv Comm-Merch]"/>
        <member name="[CB - Account].[Account CB - Description].&amp;[0408560 - Inactive]"/>
        <member name="[CB - Account].[Account CB - Description].&amp;[0408570 - Sc Unemployment Tax-Electric]"/>
        <member name="[CB - Account].[Account CB - Description].&amp;[0408580 - Sc Unemployment Tax-Water]"/>
        <member name="[CB - Account].[Account CB - Description].&amp;[0408590 - Inactive]"/>
        <member name="[CB - Account].[Account CB - Description].&amp;[0408600 - Sc Unemploy Tax-Merchandising]"/>
        <member name="[CB - Account].[Account CB - Description].&amp;[0408610 - Inactive]"/>
        <member name="[CB - Account].[Account CB - Description].&amp;[0408620 - Sc Greenwood Tax-Electric]"/>
        <member name="[CB - Account].[Account CB - Description].&amp;[0408630 - SC Industrial Comm-Elec Tax]"/>
        <member name="[CB - Account].[Account CB - Description].&amp;[0408640 - Sc Chain Store Tax-Merch]"/>
        <member name="[CB - Account].[Account CB - Description].&amp;[0408650 - Inactive]"/>
        <member name="[CB - Account].[Account CB - Description].&amp;[0408660 - Inactive]"/>
        <member name="[CB - Account].[Account CB - Description].&amp;[0408670 - Inactive]"/>
        <member name="[CB - Account].[Account CB - Description].&amp;[0408690 - Inactive]"/>
        <member name="[CB - Account].[Account CB - Description].&amp;[0408710 - Fed Social Security Tax-Water]"/>
        <member name="[CB - Account].[Account CB - Description].&amp;[0408720 - Inactive]"/>
        <member name="[CB - Account].[Account CB - Description].&amp;[0408730 - Fed Soc Sec Tax-Merchandising]"/>
        <member name="[CB - Account].[Account CB - Description].&amp;[0408740 - Inactive]"/>
        <member name="[CB - Account].[Account CB - Description].&amp;[0408750 - Federal Unemployment Tax-Elec]"/>
        <member name="[CB - Account].[Account CB - Description].&amp;[0408760 - Federal Unemployment Tax-Water]"/>
        <member name="[CB - Account].[Account CB - Description].&amp;[0408770 - Inactive]"/>
        <member name="[CB - Account].[Account CB - Description].&amp;[0408780 - Fed Unemployment Tax-Merch]"/>
        <member name="[CB - Account].[Account CB - Description].&amp;[0408790 - Inactive]"/>
        <member name="[CB - Account].[Account CB - Description].&amp;[0408810 - Inactive]"/>
        <member name="[CB - Account].[Account CB - Description].&amp;[0408830 - Misc Georgia-Electric Tax]"/>
        <member name="[CB - Account].[Account CB - Description].&amp;[0408850 - Fed Mfg Vehicle Excise Tax]"/>
        <member name="[CB - Account].[Account CB - Description].&amp;[0408860 - BudAdj-General Tax]"/>
        <member name="[CB - Account].[Account CB - Description].&amp;[0408870 - Inactive]"/>
        <member name="[CB - Account].[Account CB - Description].&amp;[0408880 - Inactive]"/>
        <member name="[CB - Account].[Account CB - Description].&amp;[0408890 - Inactive]"/>
        <member name="[CB - Account].[Account CB - Description].&amp;[0408940 - Payroll Taxes]"/>
        <member name="[CB - Account].[Account CB - Description].&amp;[0408950 - Payroll Taxes]"/>
        <member name="[CB - Account].[Account CB - Description].&amp;[0408961 - Payroll Tax Trans-Oper]"/>
        <member name="[CB - Account].[Account CB - Description].&amp;[0408962 - Payroll Tax Trans-Maint]"/>
        <member name="[CB - Account].[Account CB - Description].&amp;[0408963 - NC Alloc Payroll Tax]"/>
        <member name="[CB - Account].[Account CB - Description].&amp;[0408964 - SC Alloc Payroll Tax]"/>
        <member name="[CB - Account].[Account CB - Description].&amp;[0408970 - PAYROLL TAX RECLASS]"/>
        <member name="[CB - Account].[Account CB - Description].&amp;[0408980 - Allocated Payroll Taxes]"/>
        <member name="[CB - Account].[Account CB - Description].&amp;[0408990 - Allocated Payroll Taxes -]"/>
        <member name="[CB - Account].[Account CB - Description].&amp;[0409000 - Franchise Tax Expense]"/>
        <member name="[CB - Account].[Account CB - Description].&amp;[0409100 - GA Income Tax - Electric-CY]"/>
        <member name="[CB - Account].[Account CB - Description].&amp;[0409101 - GA Income Tax-Electric-PY]"/>
        <member name="[CB - Account].[Account CB - Description].&amp;[0409103 - Current Federal Income Tax-P]"/>
        <member name="[CB - Account].[Account CB - Description].&amp;[0409105 - GA Inc Tax-Electric-PY-Refund]"/>
        <member name="[CB - Account].[Account CB - Description].&amp;[0409107 - Fit Exp-Utility]"/>
        <member name="[CB - Account].[Account CB - Description].&amp;[0409110 - NC Income Tax-Electric-CY]"/>
        <member name="[CB - Account].[Account CB - Description].&amp;[0409111 - NC Income Tax-Electric-PY]"/>
        <member name="[CB - Account].[Account CB - Description].&amp;[0409112 - UTP Tax Expense: State Utility]"/>
        <member name="[CB - Account].[Account CB - Description].&amp;[0409113 - UTP Tax Exp: State Util-PY]"/>
        <member name="[CB - Account].[Account CB - Description].&amp;[0409115 - NC Inc Tax-Elec-PY-Audit]"/>
        <member name="[CB - Account].[Account CB - Description].&amp;[0409120 - NC Income Tax-Water-CY]"/>
        <member name="[CB - Account].[Account CB - Description].&amp;[0409121 - NC Income Tax-Water-PY]"/>
        <member name="[CB - Account].[Account CB - Description].&amp;[0409130 - Inactive]"/>
        <member name="[CB - Account].[Account CB - Description].&amp;[0409140 - NC Income Tax-Nonutility-CY]"/>
        <member name="[CB - Account].[Account CB - Description].&amp;[0409141 - NC Income Tax-Nonutility-PY]"/>
        <member name="[CB - Account].[Account CB - Description].&amp;[0409150 - SC Income Tax-Electric-CY]"/>
        <member name="[CB - Account].[Account CB - Description].&amp;[0409151 - SC Income Taax-Electric-PY]"/>
        <member name="[CB - Account].[Account CB - Description].&amp;[0409155 - SC Inc Tax-Elec-PY-Audit]"/>
        <member name="[CB - Account].[Account CB - Description].&amp;[0409156 - SC Inc Tax-Electric-PY-Refunds]"/>
        <member name="[CB - Account].[Account CB - Description].&amp;[0409160 - SC Income Tax-Water-CY]"/>
        <member name="[CB - Account].[Account CB - Description].&amp;[0409161 - SC Income Tax-Water-PY]"/>
        <member name="[CB - Account].[Account CB - Description].&amp;[0409170 - GA Income Tax-Nonutility-CY]"/>
        <member name="[CB - Account].[Account CB - Description].&amp;[0409171 - GA Income Tax-Nonutility-PY]"/>
        <member name="[CB - Account].[Account CB - Description].&amp;[0409180 - SC Income Tax-Nonutility-CY]"/>
        <member name="[CB - Account].[Account CB - Description].&amp;[0409181 - SC Income Tax-Nonutility-PY]"/>
        <member name="[CB - Account].[Account CB - Description].&amp;[0409192 - UTP Tax Expense: Fed Utility]"/>
        <member name="[CB - Account].[Account CB - Description].&amp;[0409193 - Tax Expense: Fed Utility-PY]"/>
        <member name="[CB - Account].[Account CB - Description].&amp;[0409194 - Current FIT Elec - PY Audit]"/>
        <member name="[CB - Account].[Account CB - Description].&amp;[0409196 - Curr FIT-Elec-PY Refunds]"/>
        <member name="[CB - Account].[Account CB - Description].&amp;[0409197 - Current State Inc Tax-Util]"/>
        <member name="[CB - Account].[Account CB - Description].&amp;[0409198 - BudAdj-Income Tax]"/>
        <member name="[CB - Account].[Account CB - Description].&amp;[0409200 - Federal Income Tax-Water-CY]"/>
        <member name="[CB - Account].[Account CB - Description].&amp;[0409201 - Fed Income Tax-Water-PY]"/>
        <member name="[CB - Account].[Account CB - Description].&amp;[0409203 - Foreign Income Tax]"/>
        <member name="[CB - Account].[Account CB - Description].&amp;[0409204 - Fees for Tax Projects]"/>
        <member name="[CB - Account].[Account CB - Description].&amp;[0409205 - Current Foreign Income Tax-PY]"/>
        <member name="[CB - Account].[Account CB - Description].&amp;[0409206 - Foreign Income Tax]"/>
        <member name="[CB - Account].[Account CB - Description].&amp;[0409207 - FIT Exp - Non Utility]"/>
        <member name="[CB - Account].[Account CB - Description].&amp;[0409208 - UTP Tax Expense: Intl]"/>
        <member name="[CB - Account].[Account CB - Description].&amp;[0409209 - UTP Tax Expense: Intl-PY]"/>
        <member name="[CB - Account].[Account CB - Description].&amp;[0409210 - Inactive]"/>
        <member name="[CB - Account].[Account CB - Description].&amp;[0409211 - Fit EXP-MGMT/INTEL PROP CHRG G]"/>
        <member name="[CB - Account].[Account CB - Description].&amp;[0409222 - UTP Tax Expense: Fed Non-Util]"/>
        <member name="[CB - Account].[Account CB - Description].&amp;[0409223 - UTP Tax Exp:Fed Non-Util-PY]"/>
        <member name="[CB - Account].[Account CB - Description].&amp;[0409225 - Curr FIT-Nonutility-PY-Audit]"/>
        <member name="[CB - Account].[Account CB - Description].&amp;[0409226 - Curr FIT-Nonutility-PY-Refunds]"/>
        <member name="[CB - Account].[Account CB - Description].&amp;[0409230 - NC Income Tax- Nonutility CY]"/>
        <member name="[CB - Account].[Account CB - Description].&amp;[0409231 - NC Income Tax- Nonutility PY]"/>
        <member name="[CB - Account].[Account CB - Description].&amp;[0409232 - UTP Tax Expense:State Non-Util]"/>
        <member name="[CB - Account].[Account CB - Description].&amp;[0409234 - UTP Tax Exp: State Non-Util-PY]"/>
        <member name="[CB - Account].[Account CB - Description].&amp;[0409235 - NC Inc Tax-Nonutility PY-Audit]"/>
        <member name="[CB - Account].[Account CB - Description].&amp;[0409236 - NC Inc Tax-Nonutil-PY-Refurnds]"/>
        <member name="[CB - Account].[Account CB - Description].&amp;[0409240 - GA Income Tax- Nonutility CY]"/>
        <member name="[CB - Account].[Account CB - Description].&amp;[0409241 - GA Income Tax- Nonutility PY]"/>
        <member name="[CB - Account].[Account CB - Description].&amp;[0409245 - GA Inc Tax-Nonutil PY-Refunds]"/>
        <member name="[CB - Account].[Account CB - Description].&amp;[0409246 - GA Inc Tax-Nonutil-PY-Refund]"/>
        <member name="[CB - Account].[Account CB - Description].&amp;[0409250 - Tax Consulting Fees]"/>
        <member name="[CB - Account].[Account CB - Description].&amp;[0409260 - SC Income Tax- Nonutility CY]"/>
        <member name="[CB - Account].[Account CB - Description].&amp;[0409261 - SC Income Tax- Nonutility PY]"/>
        <member name="[CB - Account].[Account CB - Description].&amp;[0409265 - SC Inc Tax-Nonutility PY-Audit]"/>
        <member name="[CB - Account].[Account CB - Description].&amp;[0409266 - SC Inc Tax-Nonutil-PY-Refunds]"/>
        <member name="[CB - Account].[Account CB - Description].&amp;[0409297 - Current State Inc Tax-Non Util]"/>
        <member name="[CB - Account].[Account CB - Description].&amp;[0409310 - State Income Taxes]"/>
        <member name="[CB - Account].[Account CB - Description].&amp;[0409311 - Current State Income Tax - PY]"/>
        <member name="[CB - Account].[Account CB - Description].&amp;[0409313 - CSIT - PY Audit]"/>
        <member name="[CB - Account].[Account CB - Description].&amp;[0409314 - Cur State Inc Tax - PY - Refun]"/>
        <member name="[CB - Account].[Account CB - Description].&amp;[0409320 - Federal Income Taxes]"/>
        <member name="[CB - Account].[Account CB - Description].&amp;[0409321 - Current Federal Income Tax-PY]"/>
        <member name="[CB - Account].[Account CB - Description].&amp;[0409322 - CFIT - PY Audit]"/>
        <member name="[CB - Account].[Account CB - Description].&amp;[0409323 - CFIT - PY Refund]"/>
        <member name="[CB - Account].[Account CB - Description].&amp;[0409340 - Foreign Income Tax Expense]"/>
        <member name="[CB - Account].[Account CB - Description].&amp;[0409350 - Current Foreign Income Tax-PY]"/>
        <member name="[CB - Account].[Account CB - Description].&amp;[0409351 - Deferred Foreign Inc Tax - PY]"/>
        <member name="[CB - Account].[Account CB - Description].&amp;[0409380 - Federal Income Tax - Ext Item]"/>
        <member name="[CB - Account].[Account CB - Description].&amp;[0409390 - State Income Tax  - Ext Item]"/>
        <member name="[CB - Account].[Account CB - Description].&amp;[0409400 - Tax on Discops-Fed Current]"/>
        <member name="[CB - Account].[Account CB - Description].&amp;[0409401 - Tax on Loss Dsp of DOP-Fed Cur]"/>
        <member name="[CB - Account].[Account CB - Description].&amp;[0409410 - Deferred FIT on Disc Op]"/>
        <member name="[CB - Account].[Account CB - Description].&amp;[0409411 - Deferred FIT on Disp Disc Ops]"/>
        <member name="[CB - Account].[Account CB - Description].&amp;[0409420 - Current SIT on Disc Op]"/>
        <member name="[CB - Account].[Account CB - Description].&amp;[0409421 - Cur SIT on Disp of Disc Op]"/>
        <member name="[CB - Account].[Account CB - Description].&amp;[0409430 - Deferred SIT on Disc Op]"/>
        <member name="[CB - Account].[Account CB - Description].&amp;[0409431 - DSIT on Loss from Dsp of DOP]"/>
        <member name="[CB - Account].[Account CB - Description].&amp;[0409440 - Current For Taxes on Disc Op]"/>
        <member name="[CB - Account].[Account CB - Description].&amp;[0409441 - Current Foreign Tax on Disc Op]"/>
        <member name="[CB - Account].[Account CB - Description].&amp;[0409450 - Deferred For Taxes on Disc OP]"/>
        <member name="[CB - Account].[Account CB - Description].&amp;[0409451 - Deferred For Taxes on Disc Op]"/>
        <member name="[CB - Account].[Account CB - Description].&amp;[0409980 - Taxes Alloc fr SC-Gas Federal]"/>
        <member name="[CB - Account].[Account CB - Description].&amp;[0409985 - Taxes Alloc fr SC - Gas State]"/>
        <member name="[CB - Account].[Account CB - Description].&amp;[0409990 - Taxes Alloc fr SC-Elec Federal]"/>
        <member name="[CB - Account].[Account CB - Description].&amp;[0409995 - Taxes Alloc fr SC-Elec State]"/>
        <member name="[CB - Account].[Account CB - Description].&amp;[0410000 - Missing]"/>
        <member name="[CB - Account].[Account CB - Description].&amp;[0410101 - Dfit Exp-Gaap]"/>
        <member name="[CB - Account].[Account CB - Description].&amp;[0410103 - Dsit Exp-Gaap]"/>
        <member name="[CB - Account].[Account CB - Description].&amp;[0410104 - Dfit Exp-Afudc Gross Up-Gaap]"/>
        <member name="[CB - Account].[Account CB - Description].&amp;[0410107 - UTP DFIT:Utility:CY]"/>
        <member name="[CB - Account].[Account CB - Description].&amp;[0410108 - UTP DSIT:Utility:CY]"/>
        <member name="[CB - Account].[Account CB - Description].&amp;[0410109 - DFIT:Utility:Prior Year]"/>
        <member name="[CB - Account].[Account CB - Description].&amp;[0410110 - DSIT:Utility:Prior Year]"/>
        <member name="[CB - Account].[Account CB - Description].&amp;[0410111 - Prov/Defd Inc Tax-Electric-PY]"/>
        <member name="[CB - Account].[Account CB - Description].&amp;[0410131 - UTP DSIT:Utility:PY]"/>
        <member name="[CB - Account].[Account CB - Description].&amp;[0410200 - Deferred Foreign Taxes Expense]"/>
        <member name="[CB - Account].[Account CB - Description].&amp;[0410201 - Deferred Foreign Inc Tax-PY]"/>
        <member name="[CB - Account].[Account CB - Description].&amp;[0410202 - PY INCOME TAX AMORT]"/>
        <member name="[CB - Account].[Account CB - Description].&amp;[0410203 - UTP Def Tax Expense: Intl]"/>
        <member name="[CB - Account].[Account CB - Description].&amp;[0410204 - UTP Def Tax Expense: Intl PY]"/>
        <member name="[CB - Account].[Account CB - Description].&amp;[0410210 - Catawba-Prov For Def Inc Taxes]"/>
        <member name="[CB - Account].[Account CB - Description].&amp;[0410220 - Deferred Tax Ncemc]"/>
        <member name="[CB - Account].[Account CB - Description].&amp;[0410230 - UTP DFIT:Non-Utility:PY]"/>
        <member name="[CB - Account].[Account CB - Description].&amp;[0410231 - UTP DSIT:Non-Utility:PY]"/>
        <member name="[CB - Account].[Account CB - Description].&amp;[0410244 - UTP DFIT:Non-Utility:CY]"/>
        <member name="[CB - Account].[Account CB - Description].&amp;[0410245 - UTP DSIT:Non-Utility:CY]"/>
        <member name="[CB - Account].[Account CB - Description].&amp;[0410246 - DFIT:Non-Utility:Prior year]"/>
        <member name="[CB - Account].[Account CB - Description].&amp;[0410247 - DSIT:Non-Utility:Prior year]"/>
        <member name="[CB - Account].[Account CB - Description].&amp;[0410300 - Tax Alloc from Svc Co NonUtil]"/>
        <member name="[CB - Account].[Account CB - Description].&amp;[0410380 - DFIT: Extraordinary Items]"/>
        <member name="[CB - Account].[Account CB - Description].&amp;[0410390 - DSIT: Extraordinary Items]"/>
        <member name="[CB - Account].[Account CB - Description].&amp;[0410400 - Missing]"/>
        <member name="[CB - Account].[Account CB - Description].&amp;[0410980 - Taxes Alloc From Svc Co - Gas]"/>
        <member name="[CB - Account].[Account CB - Description].&amp;[0410990 - Taxes Alloc From Svc Co - Elec]"/>
        <member name="[CB - Account].[Account CB - Description].&amp;[0411055 - Def FIT Cr Other Inc &amp;Ded TI 0]"/>
        <member name="[CB - Account].[Account CB - Description].&amp;[0411104 - UTP DFIT:Utility:CY]"/>
        <member name="[CB - Account].[Account CB - Description].&amp;[0411105 - UTP DSIT:Utility:CY]"/>
        <member name="[CB - Account].[Account CB - Description].&amp;[0411106 - DFIT:Utility:Prior year]"/>
        <member name="[CB - Account].[Account CB - Description].&amp;[0411107 - DSIT:Utility:Prior year]"/>
        <member name="[CB - Account].[Account CB - Description].&amp;[0411108 - FAS 143 - ACCRETION EXPENSE]"/>
        <member name="[CB - Account].[Account CB - Description].&amp;[0411110 - Def Inc Tax Credits-Electrc-CY]"/>
        <member name="[CB - Account].[Account CB - Description].&amp;[0411111 - Def Inc Tax Credits-Electc-PY]"/>
        <member name="[CB - Account].[Account CB - Description].&amp;[0411112 - AccretionExpense]"/>
        <member name="[CB - Account].[Account CB - Description].&amp;[0411130 - UTP DFIT:Utility:PY]"/>
        <member name="[CB - Account].[Account CB - Description].&amp;[0411131 - UTP DSIT:Utility:PY]"/>
        <member name="[CB - Account].[Account CB - Description].&amp;[0411210 - Catawba-Prov For Def Inc Taxes]"/>
        <member name="[CB - Account].[Account CB - Description].&amp;[0411220 - Inactive]"/>
        <member name="[CB - Account].[Account CB - Description].&amp;[0411230 - UTP DFIT:Non-Utility:PY]"/>
        <member name="[CB - Account].[Account CB - Description].&amp;[0411231 - UTP DSIT:Non-Utility:PY]"/>
        <member name="[CB - Account].[Account CB - Description].&amp;[0411244 - UTP DFIT:Non-Utility:CY]"/>
        <member name="[CB - Account].[Account CB - Description].&amp;[0411245 - UTP DSIT:Non-Utility:CY]"/>
        <member name="[CB - Account].[Account CB - Description].&amp;[0411246 - DFIT:Non-Utility:Prior year]"/>
        <member name="[CB - Account].[Account CB - Description].&amp;[0411247 - DSIT:Non-Utility:Prior year]"/>
        <member name="[CB - Account].[Account CB - Description].&amp;[0411420 - Invest Tax Credit Adj-Water]"/>
        <member name="[CB - Account].[Account CB - Description].&amp;[0411430 - Inactive]"/>
        <member name="[CB - Account].[Account CB - Description].&amp;[0411440 - Deferred  Federal  Income Tax]"/>
        <member name="[CB - Account].[Account CB - Description].&amp;[0411441 - Deferred State Income Tax]"/>
        <member name="[CB - Account].[Account CB - Description].&amp;[0411442 - Deferred Foreign Tax Exp]"/>
        <member name="[CB - Account].[Account CB - Description].&amp;[0411443 - UTP Def Tax Expense: Intl]"/>
        <member name="[CB - Account].[Account CB - Description].&amp;[0411444 - UTP Def Tax Expense: Intl PY]"/>
        <member name="[CB - Account].[Account CB - Description].&amp;[0411450 - Deferred Federal Inc Tax - PY]"/>
        <member name="[CB - Account].[Account CB - Description].&amp;[0411451 - Deferred State Income Tax - PY]"/>
        <member name="[CB - Account].[Account CB - Description].&amp;[0411452 - DSIT - PY ATA]"/>
        <member name="[CB - Account].[Account CB - Description].&amp;[0411453 - Fed Eff Dfd State - Audit]"/>
        <member name="[CB - Account].[Account CB - Description].&amp;[0411454 - Fed Eff Dfd State - Pymt/refun]"/>
        <member name="[CB - Account].[Account CB - Description].&amp;[0411455 - DFIT - PY-Refund]"/>
        <member name="[CB - Account].[Account CB - Description].&amp;[0411456 - Fed Eff Dfd State - True-up]"/>
        <member name="[CB - Account].[Account CB - Description].&amp;[0411457 - Fed Eff Dfd State - Other]"/>
        <member name="[CB - Account].[Account CB - Description].&amp;[0411458 - Fed Eff Dfd State - Unitary]"/>
        <member name="[CB - Account].[Account CB - Description].&amp;[0411500 - Invest Tax Cr Adj-Nonutility]"/>
        <member name="[CB - Account].[Account CB - Description].&amp;[0411600 - Gains/Disposition-Utility Plt]"/>
        <member name="[CB - Account].[Account CB - Description].&amp;[0411700 - Losses-Disposition Utility Plt]"/>
        <member name="[CB - Account].[Account CB - Description].&amp;[0411703 - Loss on Asset Ret Obligation]"/>
        <member name="[CB - Account].[Account CB - Description].&amp;[0411800 - GAINS-DISPOSITION ALLOWANCES]"/>
        <member name="[CB - Account].[Account CB - Description].&amp;[0411801 - Gains Disposition Allowances]"/>
        <member name="[CB - Account].[Account CB - Description].&amp;[0411802 - S02 GAIN ON DISP OF ALLOWANCES]"/>
        <member name="[CB - Account].[Account CB - Description].&amp;[0411805 - GAINS DISPOSITION_PURCH_ACCT]"/>
        <member name="[CB - Account].[Account CB - Description].&amp;[0411810 - Emmission Allowance]"/>
        <member name="[CB - Account].[Account CB - Description].&amp;[0411822 - SO2 Sales Proceeds]"/>
        <member name="[CB - Account].[Account CB - Description].&amp;[0411823 - SO2 Sales COGS]"/>
        <member name="[CB - Account].[Account CB - Description].&amp;[0411824 - SO2 Sales Proceeds-Native]"/>
        <member name="[CB - Account].[Account CB - Description].&amp;[0411825 - SO2 Sales COGS-Native]"/>
        <member name="[CB - Account].[Account CB - Description].&amp;[0411832 - NOx Sales Proceeds]"/>
        <member name="[CB - Account].[Account CB - Description].&amp;[0411833 - NOx Sales COGS]"/>
        <member name="[CB - Account].[Account CB - Description].&amp;[0411834 - NOx Sales Proceeds Native]"/>
        <member name="[CB - Account].[Account CB - Description].&amp;[0411835 - NOx Sales COGS -Native]"/>
        <member name="[CB - Account].[Account CB - Description].&amp;[0411843 - SO2 Proceeds - Native]"/>
        <member name="[CB - Account].[Account CB - Description].&amp;[0411844 - SO2 COS - Native]"/>
        <member name="[CB - Account].[Account CB - Description].&amp;[0411845 - Seasonal NOx Proceeds]"/>
        <member name="[CB - Account].[Account CB - Description].&amp;[0411846 - Seasonal NOx COS]"/>
        <member name="[CB - Account].[Account CB - Description].&amp;[0411847 - SO2 Proceeds]"/>
        <member name="[CB - Account].[Account CB - Description].&amp;[0411848 - SO2 COS]"/>
        <member name="[CB - Account].[Account CB - Description].&amp;[0411849 - SO2 COS - Purch Acctg]"/>
        <member name="[CB - Account].[Account CB - Description].&amp;[0411850 - Seasonal NOx COS - Purch Acctg]"/>
        <member name="[CB - Account].[Account CB - Description].&amp;[0411853 - Annual NOx Interco Proceeds]"/>
        <member name="[CB - Account].[Account CB - Description].&amp;[0411854 - Annual NOx Interco COGS]"/>
        <member name="[CB - Account].[Account CB - Description].&amp;[0411855 - Seasonal NOx Interco Proceeds]"/>
        <member name="[CB - Account].[Account CB - Description].&amp;[0411856 - Seasonal NOx Intercompany COGS]"/>
        <member name="[CB - Account].[Account CB - Description].&amp;[0411857 - SO2 Interco Proceeds]"/>
        <member name="[CB - Account].[Account CB - Description].&amp;[0411858 - SO2 Interco COGS]"/>
        <member name="[CB - Account].[Account CB - Description].&amp;[0411860 - RECS Proceeds]"/>
        <member name="[CB - Account].[Account CB - Description].&amp;[0411865 - REC's - Interco Gain/(Loss)]"/>
        <member name="[CB - Account].[Account CB - Description].&amp;[0411875 - Annual NOx Proceeds]"/>
        <member name="[CB - Account].[Account CB - Description].&amp;[0411876 - Annual NOx COS]"/>
        <member name="[CB - Account].[Account CB - Description].&amp;[0411980 - Taxes Alloc From Serv Co - Gas]"/>
        <member name="[CB - Account].[Account CB - Description].&amp;[0411990 - Taxes Alloc From Serv Co-Elec]"/>
        <member name="[CB - Account].[Account CB - Description].&amp;[0412000 - REV-ELEC PLT LEASE TO OTHERS]"/>
        <member name="[CB - Account].[Account CB - Description].&amp;[0414100 - Other Operating Income]"/>
        <member name="[CB - Account].[Account CB - Description].&amp;[0414230 - Water Depreciation Expenses]"/>
        <member name="[CB - Account].[Account CB - Description].&amp;[0415005 - Res Fixed Bill Rev Delta]"/>
        <member name="[CB - Account].[Account CB - Description].&amp;[0415010 - Merchandise Sales]"/>
        <member name="[CB - Account].[Account CB - Description].&amp;[0415013 - REALIZED TRADING MARGIN]"/>
        <member name="[CB - Account].[Account CB - Description].&amp;[0415020 - Mark to Market Gains &amp; Loss]"/>
        <member name="[CB - Account].[Account CB - Description].&amp;[0415023 - Contra Net Trading Margin]"/>
        <member name="[CB - Account].[Account CB - Description].&amp;[0415030 - MARGIN FAS 133 MTM INEFFECT]"/>
        <member name="[CB - Account].[Account CB - Description].&amp;[0415033 - Realized Financial Margin]"/>
        <member name="[CB - Account].[Account CB - Description].&amp;[0415043 - MTM Net Trading Reserve]"/>
        <member name="[CB - Account].[Account CB - Description].&amp;[0415100 - Other Misc Gas Rev]"/>
        <member name="[CB - Account].[Account CB - Description].&amp;[0415110 - 2/98]"/>
        <member name="[CB - Account].[Account CB - Description].&amp;[0415120 - 2/98]"/>
        <member name="[CB - Account].[Account CB - Description].&amp;[0415130 - 2/98]"/>
        <member name="[CB - Account].[Account CB - Description].&amp;[0415140 - 2/98]"/>
        <member name="[CB - Account].[Account CB - Description].&amp;[0415150 - 2/98]"/>
        <member name="[CB - Account].[Account CB - Description].&amp;[0415160 - 2/98]"/>
        <member name="[CB - Account].[Account CB - Description].&amp;[0415170 - 2/98]"/>
        <member name="[CB - Account].[Account CB - Description].&amp;[0415200 - 2/98]"/>
        <member name="[CB - Account].[Account CB - Description].&amp;[0415210 - 2/98]"/>
        <member name="[CB - Account].[Account CB - Description].&amp;[0415220 - 2/98]"/>
        <member name="[CB - Account].[Account CB - Description].&amp;[0415230 - 2/98]"/>
        <member name="[CB - Account].[Account CB - Description].&amp;[0415240 - 2/98]"/>
        <member name="[CB - Account].[Account CB - Description].&amp;[0415250 - Sales Discounts]"/>
        <member name="[CB - Account].[Account CB - Description].&amp;[0415260 - 2/98]"/>
        <member name="[CB - Account].[Account CB - Description].&amp;[0415270 - 2/98]"/>
        <member name="[CB - Account].[Account CB - Description].&amp;[0415280 - 2/98]"/>
        <member name="[CB - Account].[Account CB - Description].&amp;[0415290 - 2/98]"/>
        <member name="[CB - Account].[Account CB - Description].&amp;[0415300 - 2/98]"/>
        <member name="[CB - Account].[Account CB - Description].&amp;[0415310 - 2/98]"/>
        <member name="[CB - Account].[Account CB - Description].&amp;[0415400 - 2/98]"/>
        <member name="[CB - Account].[Account CB - Description].&amp;[0415410 - 2/98]"/>
        <member name="[CB - Account].[Account CB - Description].&amp;[0415430 - 2/98]"/>
        <member name="[CB - Account].[Account CB - Description].&amp;[0415500 - Miscellaneous Credits]"/>
        <member name="[CB - Account].[Account CB - Description].&amp;[0415510 - Capability Revenue]"/>
        <member name="[CB - Account].[Account CB - Description].&amp;[0415530 - Marketing Service Revenue]"/>
        <member name="[CB - Account].[Account CB - Description].&amp;[0416010 - Merch Cost Of Goods - Electric]"/>
        <member name="[CB - Account].[Account CB - Description].&amp;[0416011 - Merch Cost of Goods]"/>
        <member name="[CB - Account].[Account CB - Description].&amp;[0416020 - 2/98]"/>
        <member name="[CB - Account].[Account CB - Description].&amp;[0416030 - 2/98]"/>
        <member name="[CB - Account].[Account CB - Description].&amp;[0416040 - Duke Profs Charges]"/>
        <member name="[CB - Account].[Account CB - Description].&amp;[0416050 - Merch Sign Removal Costs]"/>
        <member name="[CB - Account].[Account CB - Description].&amp;[0416060 - Merch Prepaid Ins Writeoff]"/>
        <member name="[CB - Account].[Account CB - Description].&amp;[0416070 - Merch Non-CA Writeoff]"/>
        <member name="[CB - Account].[Account CB - Description].&amp;[0416080 - Merch Stores Exp Writeoff]"/>
        <member name="[CB - Account].[Account CB - Description].&amp;[0416090 - Merchandising Accts. Rec. Loss]"/>
        <member name="[CB - Account].[Account CB - Description].&amp;[0416100 - 2/98]"/>
        <member name="[CB - Account].[Account CB - Description].&amp;[0416110 - 2/98]"/>
        <member name="[CB - Account].[Account CB - Description].&amp;[0416120 - 2/98]"/>
        <member name="[CB - Account].[Account CB - Description].&amp;[0416130 - 2/98]"/>
        <member name="[CB - Account].[Account CB - Description].&amp;[0416140 - 2/98]"/>
        <member name="[CB - Account].[Account CB - Description].&amp;[0416150 - Merch Legal/Misc Costs]"/>
        <member name="[CB - Account].[Account CB - Description].&amp;[0416160 - Merch Severance Costs]"/>
        <member name="[CB - Account].[Account CB - Description].&amp;[0416170 - Merch Inv. Loss]"/>
        <member name="[CB - Account].[Account CB - Description].&amp;[0416180 - Merchandising A/R Collect Cost]"/>
        <member name="[CB - Account].[Account CB - Description].&amp;[0416190 - 2/98]"/>
        <member name="[CB - Account].[Account CB - Description].&amp;[0416210 - 2/98]"/>
        <member name="[CB - Account].[Account CB - Description].&amp;[0416220 - 2/98]"/>
        <member name="[CB - Account].[Account CB - Description].&amp;[0416230 - 2/98]"/>
        <member name="[CB - Account].[Account CB - Description].&amp;[0416240 - 2/98]"/>
        <member name="[CB - Account].[Account CB - Description].&amp;[0416250 - 2/98]"/>
        <member name="[CB - Account].[Account CB - Description].&amp;[0416260 - 2/98]"/>
        <member name="[CB - Account].[Account CB - Description].&amp;[0416270 - 2/98]"/>
        <member name="[CB - Account].[Account CB - Description].&amp;[0416280 - Credit &amp; Collections Expense]"/>
        <member name="[CB - Account].[Account CB - Description].&amp;[0416290 - 2/98]"/>
        <member name="[CB - Account].[Account CB - Description].&amp;[0416300 - 2/98]"/>
        <member name="[CB - Account].[Account CB - Description].&amp;[0416310 - 2/98]"/>
        <member name="[CB - Account].[Account CB - Description].&amp;[0416320 - Uncollectible Accounts]"/>
        <member name="[CB - Account].[Account CB - Description].&amp;[0416340 - 2/98]"/>
        <member name="[CB - Account].[Account CB - Description].&amp;[0416350 - 2/98]"/>
        <member name="[CB - Account].[Account CB - Description].&amp;[0416360 - 2/98]"/>
        <member name="[CB - Account].[Account CB - Description].&amp;[0416370 - 2/98]"/>
        <member name="[CB - Account].[Account CB - Description].&amp;[0416380 - 2/98]"/>
        <member name="[CB - Account].[Account CB - Description].&amp;[0416390 - 2/98]"/>
        <member name="[CB - Account].[Account CB - Description].&amp;[0416400 - Inactive]"/>
        <member name="[CB - Account].[Account CB - Description].&amp;[0416410 - 2/98]"/>
        <member name="[CB - Account].[Account CB - Description].&amp;[0416420 - 2/98]"/>
        <member name="[CB - Account].[Account CB - Description].&amp;[0416430 - 2/98]"/>
        <member name="[CB - Account].[Account CB - Description].&amp;[0416440 - 2/98]"/>
        <member name="[CB - Account].[Account CB - Description].&amp;[0416450 - 2/98]"/>
        <member name="[CB - Account].[Account CB - Description].&amp;[0416460 - 01-91]"/>
        <member name="[CB - Account].[Account CB - Description].&amp;[0416470 - 01-91]"/>
        <member name="[CB - Account].[Account CB - Description].&amp;[0416480 - 01-91]"/>
        <member name="[CB - Account].[Account CB - Description].&amp;[0416490 - 01-91]"/>
        <member name="[CB - Account].[Account CB - Description].&amp;[0416500 - 2/98]"/>
        <member name="[CB - Account].[Account CB - Description].&amp;[0416510 - 2/98]"/>
        <member name="[CB - Account].[Account CB - Description].&amp;[0416511 - Derivative Purchase]"/>
        <member name="[CB - Account].[Account CB - Description].&amp;[0416520 - Realized Risk Alloc]"/>
        <member name="[CB - Account].[Account CB - Description].&amp;[0416530 - FAS 133 MTM Ineffectiveness]"/>
        <member name="[CB - Account].[Account CB - Description].&amp;[0416540 - 2/98]"/>
        <member name="[CB - Account].[Account CB - Description].&amp;[0416550 - 2/98]"/>
        <member name="[CB - Account].[Account CB - Description].&amp;[0416560 - 2/98]"/>
        <member name="[CB - Account].[Account CB - Description].&amp;[0416570 - 2/98]"/>
        <member name="[CB - Account].[Account CB - Description].&amp;[0416580 - 2/98]"/>
        <member name="[CB - Account].[Account CB - Description].&amp;[0416590 - 2/98]"/>
        <member name="[CB - Account].[Account CB - Description].&amp;[0416600 - 2/98]"/>
        <member name="[CB - Account].[Account CB - Description].&amp;[0416610 - 2/98]"/>
        <member name="[CB - Account].[Account CB - Description].&amp;[0416620 - 2/98]"/>
        <member name="[CB - Account].[Account CB - Description].&amp;[0416630 - 2/98]"/>
        <member name="[CB - Account].[Account CB - Description].&amp;[0416640 - 2/98]"/>
        <member name="[CB - Account].[Account CB - Description].&amp;[0416650 - 2/98]"/>
        <member name="[CB - Account].[Account CB - Description].&amp;[0416660 - 2/98]"/>
        <member name="[CB - Account].[Account CB - Description].&amp;[0416670 - 2/98]"/>
        <member name="[CB - Account].[Account CB - Description].&amp;[0416680 - 2/98]"/>
        <member name="[CB - Account].[Account CB - Description].&amp;[0416690 - 2/98]"/>
        <member name="[CB - Account].[Account CB - Description].&amp;[0416700 - Dpco Maj Appl Warranty Exp]"/>
        <member name="[CB - Account].[Account CB - Description].&amp;[0416710 - 2/98]"/>
        <member name="[CB - Account].[Account CB - Description].&amp;[0416720 - 2/98]"/>
        <member name="[CB - Account].[Account CB - Description].&amp;[0416740 - 2/98]"/>
        <member name="[CB - Account].[Account CB - Description].&amp;[0416750 - 2/98]"/>
        <member name="[CB - Account].[Account CB - Description].&amp;[0416800 - 2/98]"/>
        <member name="[CB - Account].[Account CB - Description].&amp;[0416900 - 2/98]"/>
        <member name="[CB - Account].[Account CB - Description].&amp;[0416910 - 2/98]"/>
        <member name="[CB - Account].[Account CB - Description].&amp;[0416920 - 01-91]"/>
        <member name="[CB - Account].[Account CB - Description].&amp;[0416930 - 01-91]"/>
        <member name="[CB - Account].[Account CB - Description].&amp;[0416940 - 01-91]"/>
        <member name="[CB - Account].[Account CB - Description].&amp;[0416950 - 01-91]"/>
        <member name="[CB - Account].[Account CB - Description].&amp;[0416960 - 01-91]"/>
        <member name="[CB - Account].[Account CB - Description].&amp;[0416970 - 01-91]"/>
        <member name="[CB - Account].[Account CB - Description].&amp;[0416980 - INACTIVE]"/>
        <member name="[CB - Account].[Account CB - Description].&amp;[0416990 - 2/98]"/>
        <member name="[CB - Account].[Account CB - Description].&amp;[0417000 - Misc Revenue]"/>
        <member name="[CB - Account].[Account CB - Description].&amp;[0417001 - O&amp;M]"/>
        <member name="[CB - Account].[Account CB - Description].&amp;[0417002 - Premiums earned - Affiliate]"/>
        <member name="[CB - Account].[Account CB - Description].&amp;[0417003 - Secondary Market Revenue]"/>
        <member name="[CB - Account].[Account CB - Description].&amp;[0417004 - Secondary Market Cost of Gas]"/>
        <member name="[CB - Account].[Account CB - Description].&amp;[0417005 - Non-Utility Revenue]"/>
        <member name="[CB - Account].[Account CB - Description].&amp;[0417006 - IC Non-Util Misc Rev]"/>
        <member name="[CB - Account].[Account CB - Description].&amp;[0417007 - Misc Revenue-Reg]"/>
        <member name="[CB - Account].[Account CB - Description].&amp;[0417008 - Solar Revenue]"/>
        <member name="[CB - Account].[Account CB - Description].&amp;[0417009 - Joint Owner Fees]"/>
        <member name="[CB - Account].[Account CB - Description].&amp;[0417010 - Dukenet Communications]"/>
        <member name="[CB - Account].[Account CB - Description].&amp;[0417011 - INTERCO UNREALIZED TRADNG MARG]"/>
        <member name="[CB - Account].[Account CB - Description].&amp;[0417020 - Duke Merchandising]"/>
        <member name="[CB - Account].[Account CB - Description].&amp;[0417021 - Interco Rlzed Physical Margin]"/>
        <member name="[CB - Account].[Account CB - Description].&amp;[0417022 - Trading Margin - IC Reg Elect]"/>
        <member name="[CB - Account].[Account CB - Description].&amp;[0417023 - Non-Util Rev and Exp IC]"/>
        <member name="[CB - Account].[Account CB - Description].&amp;[0417024 - Non-Util Exp]"/>
        <member name="[CB - Account].[Account CB - Description].&amp;[0417025 - Coal Trading Exp-net]"/>
        <member name="[CB - Account].[Account CB - Description].&amp;[0417030 - Duke Water]"/>
        <member name="[CB - Account].[Account CB - Description].&amp;[0417031 - Interco Rlzed Financial Margin]"/>
        <member name="[CB - Account].[Account CB - Description].&amp;[0417040 - Intera]"/>
        <member name="[CB - Account].[Account CB - Description].&amp;[0417050 - Duke Coal]"/>
        <member name="[CB - Account].[Account CB - Description].&amp;[0417060 - Duke Esco]"/>
        <member name="[CB - Account].[Account CB - Description].&amp;[0417070 - De&amp;S Resources Inc]"/>
        <member name="[CB - Account].[Account CB - Description].&amp;[0417080 - Eastover Mining]"/>
        <member name="[CB - Account].[Account CB - Description].&amp;[0417090 - Eastover Land]"/>
        <member name="[CB - Account].[Account CB - Description].&amp;[0417100 - Mill Power Supply]"/>
        <member name="[CB - Account].[Account CB - Description].&amp;[0417101 - Losses-Prop&amp;Bus Interruption]"/>
        <member name="[CB - Account].[Account CB - Description].&amp;[0417102 - Dd&amp;A Expense-Nonutility]"/>
        <member name="[CB - Account].[Account CB - Description].&amp;[0417103 - Losses - all other]"/>
        <member name="[CB - Account].[Account CB - Description].&amp;[0417104 - Avoided Premium Surcharge]"/>
        <member name="[CB - Account].[Account CB - Description].&amp;[0417105 - Underwriting Expense]"/>
        <member name="[CB - Account].[Account CB - Description].&amp;[0417106 - Underwriting Expense-affiliate]"/>
        <member name="[CB - Account].[Account CB - Description].&amp;[0417108 - Administrative Expenses-Affil]"/>
        <member name="[CB - Account].[Account CB - Description].&amp;[0417109 - Reinsurance Expense]"/>
        <member name="[CB - Account].[Account CB - Description].&amp;[0417110 - DUKE ENERGY PANENERGY SERVICES]"/>
        <member name="[CB - Account].[Account CB - Description].&amp;[0417111 - Coal Orig Cost of Goods Sold]"/>
        <member name="[CB - Account].[Account CB - Description].&amp;[0417112 - Coal Orig COGS FPP]"/>
        <member name="[CB - Account].[Account CB - Description].&amp;[0417113 - Coal Orig COGS FPP P Acctg Adj]"/>
        <member name="[CB - Account].[Account CB - Description].&amp;[0417114 - Coal Origination COS FPP]"/>
        <member name="[CB - Account].[Account CB - Description].&amp;[0417115 - Coal Origination Rev FPP]"/>
        <member name="[CB - Account].[Account CB - Description].&amp;[0417116 - Coal Origination Intercompany]"/>
        <member name="[CB - Account].[Account CB - Description].&amp;[0417117 - EXPENSES OF NONUTILITY OPER]"/>
        <member name="[CB - Account].[Account CB - Description].&amp;[0417118 - EXP ENER PUR BUY FOR RESALE]"/>
        <member name="[CB - Account].[Account CB - Description].&amp;[0417119 - Exp Ener Pur Buy for Resale]"/>
        <member name="[CB - Account].[Account CB - Description].&amp;[0417120 - Duke Energy Marketing Corp]"/>
        <member name="[CB - Account].[Account CB - Description].&amp;[0417121 - EXP ENER PUR BLK PWR NONREG]"/>
        <member name="[CB - Account].[Account CB - Description].&amp;[0417122 - Non-Reg CNG - Sales Labor]"/>
        <member name="[CB - Account].[Account CB - Description].&amp;[0417123 - CNG Cost of Gas - TN Cust]"/>
        <member name="[CB - Account].[Account CB - Description].&amp;[0417124 - Non-Reg CNG Exp-Sales Activity]"/>
        <member name="[CB - Account].[Account CB - Description].&amp;[0417130 - De&amp;S Northwest, Inc.]"/>
        <member name="[CB - Account].[Account CB - Description].&amp;[0417140 - De&amp;S Duke Solutions]"/>
        <member name="[CB - Account].[Account CB - Description].&amp;[0417150 - Pan Energy]"/>
        <member name="[CB - Account].[Account CB - Description].&amp;[0417158 - Othr Non Util Oper-Affil Co]"/>
        <member name="[CB - Account].[Account CB - Description].&amp;[0417160 - DUKE COMMUNICATION SERVICES]"/>
        <member name="[CB - Account].[Account CB - Description].&amp;[0417165 - Depr Exp -NU Other Purch Acctg]"/>
        <member name="[CB - Account].[Account CB - Description].&amp;[0417166 - Depr Exp - NU Other Inc Exp]"/>
        <member name="[CB - Account].[Account CB - Description].&amp;[0417170 - PANENERGY RESOURCE MANAGEMENT]"/>
        <member name="[CB - Account].[Account CB - Description].&amp;[0417180 - CALIFORNIA COMPANIES]"/>
        <member name="[CB - Account].[Account CB - Description].&amp;[0417190 - DUKE ENERGY INDUSTRIAL ASSET]"/>
        <member name="[CB - Account].[Account CB - Description].&amp;[0417200 - DUKE ENERGY TRANSPORT &amp; TRADE]"/>
        <member name="[CB - Account].[Account CB - Description].&amp;[0417210 - Rev/Outside Ser-Design Eng]"/>
        <member name="[CB - Account].[Account CB - Description].&amp;[0417220 - De&amp;S]"/>
        <member name="[CB - Account].[Account CB - Description].&amp;[0417228 - Coal Orig COGS for Affil]"/>
        <member name="[CB - Account].[Account CB - Description].&amp;[0417230 - Crescent Resources]"/>
        <member name="[CB - Account].[Account CB - Description].&amp;[0417240 - Duke Energy Group]"/>
        <member name="[CB - Account].[Account CB - Description].&amp;[0417250 - D/Fd]"/>
        <member name="[CB - Account].[Account CB - Description].&amp;[0417260 - Nantahala]"/>
        <member name="[CB - Account].[Account CB - Description].&amp;[0417270 - Church Street Capital]"/>
        <member name="[CB - Account].[Account CB - Description].&amp;[0417280 - Other Subs]"/>
        <member name="[CB - Account].[Account CB - Description].&amp;[0417290 - Subsidiary Diversification Exp]"/>
        <member name="[CB - Account].[Account CB - Description].&amp;[0417295 - Interco Op Exp w/DETM-US]"/>
        <member name="[CB - Account].[Account CB - Description].&amp;[0417296 - Interco Op Exp w/DukeCapital]"/>
        <member name="[CB - Account].[Account CB - Description].&amp;[0417300 - MISC_REVENUE_PURCH ACCTG ADJ]"/>
        <member name="[CB - Account].[Account CB - Description].&amp;[0417310 - Products and Svcs - NonReg]"/>
        <member name="[CB - Account].[Account CB - Description].&amp;[0417311 - Products and Svces-NR]"/>
        <member name="[CB - Account].[Account CB - Description].&amp;[0417330 - Rev-Trans Work For Others]"/>
        <member name="[CB - Account].[Account CB - Description].&amp;[0417340 - Exp-Trans Work For Others]"/>
        <member name="[CB - Account].[Account CB - Description].&amp;[0417350 - Provision for Army Dispute]"/>
        <member name="[CB - Account].[Account CB - Description].&amp;[0417360 - Provision for Black River LLP]"/>
        <member name="[CB - Account].[Account CB - Description].&amp;[0417410 - REVENUE - HUB POWER TRANSACTIO]"/>
        <member name="[CB - Account].[Account CB - Description].&amp;[0417420 - EXP - HUB POWER TRANSACTIONS]"/>
        <member name="[CB - Account].[Account CB - Description].&amp;[0417510 - Revenue - ESS Transactions]"/>
        <member name="[CB - Account].[Account CB - Description].&amp;[0417520 - Expense - ESS Transactions]"/>
        <member name="[CB - Account].[Account CB - Description].&amp;[0417526 - Coal Origination Revenues]"/>
        <member name="[CB - Account].[Account CB - Description].&amp;[0417528 - Coal Orig Rev from Affiliate]"/>
        <member name="[CB - Account].[Account CB - Description].&amp;[0417529 - Coal Orig Rev FPP]"/>
        <member name="[CB - Account].[Account CB - Description].&amp;[0417530 - Synfuel Sales]"/>
        <member name="[CB - Account].[Account CB - Description].&amp;[0417540 - Coal Sales]"/>
        <member name="[CB - Account].[Account CB - Description].&amp;[0417550 - Misc Operating Fee]"/>
        <member name="[CB - Account].[Account CB - Description].&amp;[0417610 - Revenues - MOX Fuel]"/>
        <member name="[CB - Account].[Account CB - Description].&amp;[0417620 - Expense - MOX Fuel]"/>
        <member name="[CB - Account].[Account CB - Description].&amp;[0417891 - IC Misc Nonreg Rev VIE]"/>
        <member name="[CB - Account].[Account CB - Description].&amp;[0418000 - Inactive]"/>
        <member name="[CB - Account].[Account CB - Description].&amp;[0418001 - Misc Oth Inc-Rental]"/>
        <member name="[CB - Account].[Account CB - Description].&amp;[0418002 - Nonop Rental Inc - Florence]"/>
        <member name="[CB - Account].[Account CB - Description].&amp;[0418010 - Eq In EarnUnconsol subsid TI1]"/>
        <member name="[CB - Account].[Account CB - Description].&amp;[0418011 - Non Oper Depr - Lease Other]"/>
        <member name="[CB - Account].[Account CB - Description].&amp;[0418012 - Non Oper Depr - Florence Fac]"/>
        <member name="[CB - Account].[Account CB - Description].&amp;[0418015 - NonUtil Depr Exp Pur Acct Adj]"/>
        <member name="[CB - Account].[Account CB - Description].&amp;[0418020 - Nonoperating Rental Income]"/>
        <member name="[CB - Account].[Account CB - Description].&amp;[0418100 - Equity In Earnings Of Subs]"/>
        <member name="[CB - Account].[Account CB - Description].&amp;[0418101 - Equity Earnings-M&amp;N Lp]"/>
        <member name="[CB - Account].[Account CB - Description].&amp;[0418102 - Equity Earnings-Alliance P/L]"/>
        <member name="[CB - Account].[Account CB - Description].&amp;[0418103 - Equity Earnings-Alliance Ltd]"/>
        <member name="[CB - Account].[Account CB - Description].&amp;[0418104 - Equity Earnings-PAN BORD PAR]"/>
        <member name="[CB - Account].[Account CB - Description].&amp;[0418105 - Equity of JV Partner - UAE]"/>
        <member name="[CB - Account].[Account CB - Description].&amp;[0418106 - Equity Earnings M&amp;B Pipellc]"/>
        <member name="[CB - Account].[Account CB - Description].&amp;[0418107 - Equity Inc-Aux Sable Liquid]"/>
        <member name="[CB - Account].[Account CB - Description].&amp;[0418108 - Equityinc-Aux Sable Liquid Inc]"/>
        <member name="[CB - Account].[Account CB - Description].&amp;[0418109 - EBITGross Up-Minority Interest]"/>
        <member name="[CB - Account].[Account CB - Description].&amp;[0418110 - Equity of JV Prtnr-Duke/UAE Co]"/>
        <member name="[CB - Account].[Account CB - Description].&amp;[0418111 - EBIT-Gross Up-Reversal]"/>
        <member name="[CB - Account].[Account CB - Description].&amp;[0418112 - Equity Earnings-Gulfstream Nat]"/>
        <member name="[CB - Account].[Account CB - Description].&amp;[0418113 - Equity Earnings-Gulfstream Mgt]"/>
        <member name="[CB - Account].[Account CB - Description].&amp;[0418114 - Equity Earnings-Islander East]"/>
        <member name="[CB - Account].[Account CB - Description].&amp;[0418115 - Eq of JV Prtnr Black River LP]"/>
        <member name="[CB - Account].[Account CB - Description].&amp;[0418116 - Equity Earnings-Saltville Llc]"/>
        <member name="[CB - Account].[Account CB - Description].&amp;[0418117 - Equity earnings - Vector (US)]"/>
        <member name="[CB - Account].[Account CB - Description].&amp;[0418118 - Equity earnings - Vector (CAN)]"/>
        <member name="[CB - Account].[Account CB - Description].&amp;[0418119 - Equity earnings - Foothills]"/>
        <member name="[CB - Account].[Account CB - Description].&amp;[0418120 - Eq JV Prtnr-Moss Lnd Mut WtrCo]"/>
        <member name="[CB - Account].[Account CB - Description].&amp;[0418121 - Equity earnings - Sulpher]"/>
        <member name="[CB - Account].[Account CB - Description].&amp;[0418122 - EQUITY EARNINGS-SESH,LLC]"/>
        <member name="[CB - Account].[Account CB - Description].&amp;[0418123 - MNI-REVENUE]"/>
        <member name="[CB - Account].[Account CB - Description].&amp;[0418125 - Eq JV Prtnr-Morro Bay Mut.Wtr]"/>
        <member name="[CB - Account].[Account CB - Description].&amp;[0418150 - Quips Trust - Equity]"/>
        <member name="[CB - Account].[Account CB - Description].&amp;[0418151 - Quips Trust Equity]"/>
        <member name="[CB - Account].[Account CB - Description].&amp;[0418160 - Preferred Trust Equity]"/>
        <member name="[CB - Account].[Account CB - Description].&amp;[0418161 - Preferred Trust Equity]"/>
        <member name="[CB - Account].[Account CB - Description].&amp;[0418162 - Quips Equity Due 6/2038]"/>
        <member name="[CB - Account].[Account CB - Description].&amp;[0418163 - TrustIII Equity Due 8/2009]"/>
        <member name="[CB - Account].[Account CB - Description].&amp;[0418170 - Equity in JV-SW Pwr Partners]"/>
        <member name="[CB - Account].[Account CB - Description].&amp;[0418171 - EquityEarningsfromPartnership]"/>
        <member name="[CB - Account].[Account CB - Description].&amp;[0418172 - Amort of Basis Differential-PS]"/>
        <member name="[CB - Account].[Account CB - Description].&amp;[0418173 - EquityEarningsfromPartDep]"/>
        <member name="[CB - Account].[Account CB - Description].&amp;[0418200 - Non-Util-Depreciation Expense]"/>
        <member name="[CB - Account].[Account CB - Description].&amp;[0418210 - Nonutility Rental Income]"/>
        <member name="[CB - Account].[Account CB - Description].&amp;[0418220 - Nonutility Property Expenses]"/>
        <member name="[CB - Account].[Account CB - Description].&amp;[0418230 - Non-Util-Depreciation Expense]"/>
        <member name="[CB - Account].[Account CB - Description].&amp;[0418300 - Misc Oth Inc Rent Pur Acctg Ad]"/>
        <member name="[CB - Account].[Account CB - Description].&amp;[0418301 - Sales of Gas-CNG -TN Cust]"/>
        <member name="[CB - Account].[Account CB - Description].&amp;[0418500 - Eq in Earn Unconsl Sub Pur Acc]"/>
        <member name="[CB - Account].[Account CB - Description].&amp;[0418505 - Non-Utility Deprec Exp Pur Adj]"/>
        <member name="[CB - Account].[Account CB - Description].&amp;[0419000 - Borrowed AFUDC Account]"/>
        <member name="[CB - Account].[Account CB - Description].&amp;[0419001 - Interest Income - DEGT only]"/>
        <member name="[CB - Account].[Account CB - Description].&amp;[0419002 - Interest Income I/C Contra]"/>
        <member name="[CB - Account].[Account CB - Description].&amp;[0419003 - Int Income-Tax Exempt]"/>
        <member name="[CB - Account].[Account CB - Description].&amp;[0419004 - Int Inc/Exp Dei Bu Only]"/>
        <member name="[CB - Account].[Account CB - Description].&amp;[0419020 - Interest on Temp Invest]"/>
        <member name="[CB - Account].[Account CB - Description].&amp;[0419040 - Interest Inc (sch M)]"/>
        <member name="[CB - Account].[Account CB - Description].&amp;[0419100 - Afudc Gross Up-Gaap]"/>
        <member name="[CB - Account].[Account CB - Description].&amp;[0419110 - Afudc Equity Component]"/>
        <member name="[CB - Account].[Account CB - Description].&amp;[0419120 - ALLOW FUNDS USED DUR CONS-CWIP]"/>
        <member name="[CB - Account].[Account CB - Description].&amp;[0419130 - ALLOW FUNDS USED DUR CONST-NF]"/>
        <member name="[CB - Account].[Account CB - Description].&amp;[0419140 - CONTRA AFUDC EQUITY - OATT]"/>
        <member name="[CB - Account].[Account CB - Description].&amp;[0419150 - Amor Post In Ser Equ Nbl Repwr]"/>
        <member name="[CB - Account].[Account CB - Description].&amp;[0419160 - Amort Post In Ser Equ MAD/CAD]"/>
        <member name="[CB - Account].[Account CB - Description].&amp;[0419170 - AFUDC Equity]"/>
        <member name="[CB - Account].[Account CB - Description].&amp;[0419180 - Post In Service Equity AFUDC]"/>
        <member name="[CB - Account].[Account CB - Description].&amp;[0419190 - BudAdj-Equity AFUDC &amp; Def Ret]"/>
        <member name="[CB - Account].[Account CB - Description].&amp;[0419210 - Int-Bonds &amp; Special Deposits]"/>
        <member name="[CB - Account].[Account CB - Description].&amp;[0419220 - Int-Notes &amp; Accounts Rec]"/>
        <member name="[CB - Account].[Account CB - Description].&amp;[0419230 - Int - Advances To Subsidiaries]"/>
        <member name="[CB - Account].[Account CB - Description].&amp;[0419235 - Int Income Related Pty]"/>
        <member name="[CB - Account].[Account CB - Description].&amp;[0419241 - Interest - Sales Type Lease]"/>
        <member name="[CB - Account].[Account CB - Description].&amp;[0419250 - Int - Catawba Buyers Advances]"/>
        <member name="[CB - Account].[Account CB - Description].&amp;[0419260 - Interest On Energy Bank]"/>
        <member name="[CB - Account].[Account CB - Description].&amp;[0419270 - Inactive]"/>
        <member name="[CB - Account].[Account CB - Description].&amp;[0419280 - Steam Generator Interest]"/>
        <member name="[CB - Account].[Account CB - Description].&amp;[0419290 - Inactive]"/>
        <member name="[CB - Account].[Account CB - Description].&amp;[0419291 - Interest Income from D/FD]"/>
        <member name="[CB - Account].[Account CB - Description].&amp;[0419295 - Interco Interest Income w/DCC]"/>
        <member name="[CB - Account].[Account CB - Description].&amp;[0419400 - Interco Int Inc - NP&amp;L]"/>
        <member name="[CB - Account].[Account CB - Description].&amp;[0419410 - Interco Int Inc - DCI]"/>
        <member name="[CB - Account].[Account CB - Description].&amp;[0419420 - Interco Int Inc - DE&amp;S]"/>
        <member name="[CB - Account].[Account CB - Description].&amp;[0419421 - Interco Int Income w/DEC]"/>
        <member name="[CB - Account].[Account CB - Description].&amp;[0419422 - Interco Int Income w/DCC]"/>
        <member name="[CB - Account].[Account CB - Description].&amp;[0419423 - Interco Int Income w/DukeNet]"/>
        <member name="[CB - Account].[Account CB - Description].&amp;[0419424 - Interco Int Income w/DukeSol]"/>
        <member name="[CB - Account].[Account CB - Description].&amp;[0419425 - Interco Int Income w/DENA]"/>
        <member name="[CB - Account].[Account CB - Description].&amp;[0419426 - Interco Int Income w/Crescent]"/>
        <member name="[CB - Account].[Account CB - Description].&amp;[0419427 - Interco Int Income w/DEI]"/>
        <member name="[CB - Account].[Account CB - Description].&amp;[0419428 - Interest Income]"/>
        <member name="[CB - Account].[Account CB - Description].&amp;[0419430 - Interco Int Inc - DNGC]"/>
        <member name="[CB - Account].[Account CB - Description].&amp;[0419431 - Int Inc on Temporary Inves]"/>
        <member name="[CB - Account].[Account CB - Description].&amp;[0419500 - I/C Interest Income]"/>
        <member name="[CB - Account].[Account CB - Description].&amp;[0419890 - Int Inc-Cin Rec Co LLC]"/>
        <member name="[CB - Account].[Account CB - Description].&amp;[0420000 - Gas Sales Actuals]"/>
        <member name="[CB - Account].[Account CB - Description].&amp;[0420001 - Gas Sales Estimates]"/>
        <member name="[CB - Account].[Account CB - Description].&amp;[0420002 - Amort Def Tax Itc]"/>
        <member name="[CB - Account].[Account CB - Description].&amp;[0421000 - INTERCO DERIVATIVE GAS SALES]"/>
        <member name="[CB - Account].[Account CB - Description].&amp;[0421001 - 3RD PARTY DERIVATIVE GAS SALES]"/>
        <member name="[CB - Account].[Account CB - Description].&amp;[0421002 - INTERCO DERIV TM GAS SALES]"/>
        <member name="[CB - Account].[Account CB - Description].&amp;[0421003 - 3RD PARTY DERIV TM GAS SALES]"/>
        <member name="[CB - Account].[Account CB - Description].&amp;[0421004 - INTERCO DERIV LIQUID SALES]"/>
        <member name="[CB - Account].[Account CB - Description].&amp;[0421005 - 3RD PARTY DERIV LIQUID SALES]"/>
        <member name="[CB - Account].[Account CB - Description].&amp;[0421006 - INTERCO DERIV TRANSPORT REVS]"/>
        <member name="[CB - Account].[Account CB - Description].&amp;[0421007 - 3RD PARTY DERIV TRANSPORT REVS]"/>
        <member name="[CB - Account].[Account CB - Description].&amp;[0421008 - INTERCO DERIV STORAGE REVS]"/>
        <member name="[CB - Account].[Account CB - Description].&amp;[0421009 - 3RD PARTY DERIV STORAGE REVS]"/>
        <member name="[CB - Account].[Account CB - Description].&amp;[0421010 - INTERCO DERIV ELECTRIC REVS]"/>
        <member name="[CB - Account].[Account CB - Description].&amp;[0421011 - 3RD PARTY DERIV ELECTRIC REVS]"/>
        <member name="[CB - Account].[Account CB - Description].&amp;[0421012 - INTERCO DERIV ELECTRIC SALES]"/>
        <member name="[CB - Account].[Account CB - Description].&amp;[0421013 - 3RD PARTY DERIV ELECTRIC SALES]"/>
        <member name="[CB - Account].[Account CB - Description].&amp;[0421014 - INTERCO DERIV GAS PURCHASES]"/>
        <member name="[CB - Account].[Account CB - Description].&amp;[0421015 - 3RD PARTY DERIV GAS PURCHASES]"/>
        <member name="[CB - Account].[Account CB - Description].&amp;[0421016 - INTERCO DERIV TM GAS PURCHASES]"/>
        <member name="[CB - Account].[Account CB - Description].&amp;[0421017 - 3RD PARTY DERIV TM GAS PURCHAS]"/>
        <member name="[CB - Account].[Account CB - Description].&amp;[0421018 - INTCO DERIV FUELS COST OF SALE]"/>
        <member name="[CB - Account].[Account CB - Description].&amp;[0421019 - 3RD PARTY DERIV FUELS COST OF]"/>
        <member name="[CB - Account].[Account CB - Description].&amp;[0421020 - INTERCO DERIV POWER PURCH]"/>
        <member name="[CB - Account].[Account CB - Description].&amp;[0421021 - 3RD PARTY DERIV POWER PURCH]"/>
        <member name="[CB - Account].[Account CB - Description].&amp;[0421022 - INTERCO DERIV GEN ADMIN]"/>
        <member name="[CB - Account].[Account CB - Description].&amp;[0421023 - 3RD PARTY DERIV GEN ADMIN]"/>
        <member name="[CB - Account].[Account CB - Description].&amp;[0421024 - INTERCO DERIV OTHER INCOME]"/>
        <member name="[CB - Account].[Account CB - Description].&amp;[0421025 - 3RD PARTY DERIV OTHER INCOME]"/>
        <member name="[CB - Account].[Account CB - Description].&amp;[0421026 - INTERCO DERIV INT LT DEBT]"/>
        <member name="[CB - Account].[Account CB - Description].&amp;[0421027 - 3RD PARTY DERIV INT LT DEBT]"/>
        <member name="[CB - Account].[Account CB - Description].&amp;[0421028 - INTERCO DERIV INT OTHER DEBT]"/>
        <member name="[CB - Account].[Account CB - Description].&amp;[0421029 - 3RD PARTY DERIV INT OTHER DEBT]"/>
        <member name="[CB - Account].[Account CB - Description].&amp;[0421030 - Nonoper Income-Mgt Fees]"/>
        <member name="[CB - Account].[Account CB - Description].&amp;[0421031 - Management Fee Income]"/>
        <member name="[CB - Account].[Account CB - Description].&amp;[0421032 - Equity Return-Deferred Project]"/>
        <member name="[CB - Account].[Account CB - Description].&amp;[0421033 - 3rd Party Deriv Sales-NonReg]"/>
        <member name="[CB - Account].[Account CB - Description].&amp;[0421034 - MTM Gain on Merger Mitigation]"/>
        <member name="[CB - Account].[Account CB - Description].&amp;[0421035 - REALIZED DERIVATIVE GAINS]"/>
        <member name="[CB - Account].[Account CB - Description].&amp;[0421036 - Trading Margin Related Pty]"/>
        <member name="[CB - Account].[Account CB - Description].&amp;[0421037 - Equity Return - Mitigation]"/>
        <member name="[CB - Account].[Account CB - Description].&amp;[0421038 - GAIN/LOSS UNCONSOL EQTY INV]"/>
        <member name="[CB - Account].[Account CB - Description].&amp;[0421039 - INTEREST INC RECOVERY CLAUSES]"/>
        <member name="[CB - Account].[Account CB - Description].&amp;[0421040 - Captive IC Rev - Bus Intrup]"/>
        <member name="[CB - Account].[Account CB - Description].&amp;[0421041 - DERIVATIVE GAS SALES]"/>
        <member name="[CB - Account].[Account CB - Description].&amp;[0421042 - MNI-REVENUE CAR]"/>
        <member name="[CB - Account].[Account CB - Description].&amp;[0421043 - MNI-REVENUE-FLA]"/>
        <member name="[CB - Account].[Account CB - Description].&amp;[0421044 - Sutton Return]"/>
        <member name="[CB - Account].[Account CB - Description].&amp;[0421045 - IC Deriv Elect Rev - Reg Elect]"/>
        <member name="[CB - Account].[Account CB - Description].&amp;[0421046 - Return - Customer Connect]"/>
        <member name="[CB - Account].[Account CB - Description].&amp;[0421047 - Equity Return - Riders]"/>
        <member name="[CB - Account].[Account CB - Description].&amp;[0421048 - SH Coal Ash Insurance Proceeds]"/>
        <member name="[CB - Account].[Account CB - Description].&amp;[0421050 - REVENUE DISC OPS]"/>
        <member name="[CB - Account].[Account CB - Description].&amp;[0421051 - DEPR EXPENSE DISC OPS]"/>
        <member name="[CB - Account].[Account CB - Description].&amp;[0421052 - INTEREST EXPENSE DISC OPS]"/>
        <member name="[CB - Account].[Account CB - Description].&amp;[0421053 - MINORITY INTEREST DISC OPS]"/>
        <member name="[CB - Account].[Account CB - Description].&amp;[0421054 - FUEL EXPENSE  DISC OPS]"/>
        <member name="[CB - Account].[Account CB - Description].&amp;[0421055 - OPERATING EXP DISCOPS]"/>
        <member name="[CB - Account].[Account CB - Description].&amp;[0421056 - A&amp;G Expense - Discops]"/>
        <member name="[CB - Account].[Account CB - Description].&amp;[0421057 - Property &amp; Other Tax - Discops]"/>
        <member name="[CB - Account].[Account CB - Description].&amp;[0421058 - Other Operating Gain Loss Disc]"/>
        <member name="[CB - Account].[Account CB - Description].&amp;[0421060 - MNI-TIMBER SALES-NC]"/>
        <member name="[CB - Account].[Account CB - Description].&amp;[0421073 - Interconnection Interest]"/>
        <member name="[CB - Account].[Account CB - Description].&amp;[0421090 - Intercompany Nonoper Income]"/>
        <member name="[CB - Account].[Account CB - Description].&amp;[0421101 - CURRENT GAINS ASSETS HFS]"/>
        <member name="[CB - Account].[Account CB - Description].&amp;[0421102 - NONCURR GAINS ASSET HFS]"/>
        <member name="[CB - Account].[Account CB - Description].&amp;[0421103 - CURRENT GAINS LIAB HFS]"/>
        <member name="[CB - Account].[Account CB - Description].&amp;[0421104 - NONCURR GAINS LIAB HFS]"/>
        <member name="[CB - Account].[Account CB - Description].&amp;[0421105 - BUSINESS DISPOSITION GAINS]"/>
        <member name="[CB - Account].[Account CB - Description].&amp;[0421106 - OTHER NONCURR ASSETS GAINS]"/>
        <member name="[CB - Account].[Account CB - Description].&amp;[0421107 - GAIN SALE OF MISC OTHER ASSET]"/>
        <member name="[CB - Account].[Account CB - Description].&amp;[0421108 - AHFSC - GL (Crescent)]"/>
        <member name="[CB - Account].[Account CB - Description].&amp;[0421109 - AHFSNC - GL (Crescent)]"/>
        <member name="[CB - Account].[Account CB - Description].&amp;[0421110 - Gain on Sale of Equity Invest]"/>
        <member name="[CB - Account].[Account CB - Description].&amp;[0421111 - AHFSCL - GL (Crescent)]"/>
        <member name="[CB - Account].[Account CB - Description].&amp;[0421112 - AHFSNCL - GL (Crescent)]"/>
        <member name="[CB - Account].[Account CB - Description].&amp;[0421113 - Gain on ARO Asset Retirement]"/>
        <member name="[CB - Account].[Account CB - Description].&amp;[0421114 - Gain/Loss on Leases]"/>
        <member name="[CB - Account].[Account CB - Description].&amp;[0421120 - Captiv Invol'tary Cnvsn Clm]"/>
        <member name="[CB - Account].[Account CB - Description].&amp;[0421126 - Impairment on Equity Inv]"/>
        <member name="[CB - Account].[Account CB - Description].&amp;[0421150 - DISCOPS  GAIN SALE MISC]"/>
        <member name="[CB - Account].[Account CB - Description].&amp;[0421155 - DISCOPS GAIN SALE CAHFS]"/>
        <member name="[CB - Account].[Account CB - Description].&amp;[0421160 - DISCOPS GAIN SALE NCAHFS]"/>
        <member name="[CB - Account].[Account CB - Description].&amp;[0421165 - DISCOPS GAIN SALE CAHFS]"/>
        <member name="[CB - Account].[Account CB - Description].&amp;[0421170 - DISCOPS GAIN SALE NCLHFS]"/>
        <member name="[CB - Account].[Account CB - Description].&amp;[0421201 - CURRENT LOSS ASSETS HFS]"/>
        <member name="[CB - Account].[Account CB - Description].&amp;[0421202 - NONCURR LOSS ASSETS HFS]"/>
        <member name="[CB - Account].[Account CB - Description].&amp;[0421203 - CURRENT LOSS LIAB HFS]"/>
        <member name="[CB - Account].[Account CB - Description].&amp;[0421204 - NONCURR LOSS LIAB HFS]"/>
        <member name="[CB - Account].[Account CB - Description].&amp;[0421205 - BUSINESS DISPOSITION LOSS]"/>
        <member name="[CB - Account].[Account CB - Description].&amp;[0421206 - OTHER NONCURR ASSETS LOSS]"/>
        <member name="[CB - Account].[Account CB - Description].&amp;[0421207 - LOSS SALE OF MISC OTHER ASSETS]"/>
        <member name="[CB - Account].[Account CB - Description].&amp;[0421210 - Loss on Sale of Equity Invest]"/>
        <member name="[CB - Account].[Account CB - Description].&amp;[0421213 - Loss on ARO Asset Retirement]"/>
        <member name="[CB - Account].[Account CB - Description].&amp;[0421220 - LOSS SALE OF INV IN REAL EST]"/>
        <member name="[CB - Account].[Account CB - Description].&amp;[0421250 - DISCOPS LOSS SALE MISC]"/>
        <member name="[CB - Account].[Account CB - Description].&amp;[0421255 - DISCOPS LOSS SALE CAHFS]"/>
        <member name="[CB - Account].[Account CB - Description].&amp;[0421260 - DISCOPS  LOSS SALE NCAHFS]"/>
        <member name="[CB - Account].[Account CB - Description].&amp;[0421265 - DISCOPS LOSS SALE CLHFS]"/>
        <member name="[CB - Account].[Account CB - Description].&amp;[0421270 - DISCOPS LOSS SALE NCLHFS]"/>
        <member name="[CB - Account].[Account CB - Description].&amp;[0421300 - Gain Extinguishment Enron Liab]"/>
        <member name="[CB - Account].[Account CB - Description].&amp;[0421301 - Loss Settlement of Calif Liab]"/>
        <member name="[CB - Account].[Account CB - Description].&amp;[0421310 - Sundry Revenues]"/>
        <member name="[CB - Account].[Account CB - Description].&amp;[0421320 - Gain On Disposal Of Investment]"/>
        <member name="[CB - Account].[Account CB - Description].&amp;[0421330 - Inactive]"/>
        <member name="[CB - Account].[Account CB - Description].&amp;[0421350 - INACTIVE]"/>
        <member name="[CB - Account].[Account CB - Description].&amp;[0421360 - OTHER MISC DEDUCT]"/>
        <member name="[CB - Account].[Account CB - Description].&amp;[0421361 - INACTIVE]"/>
        <member name="[CB - Account].[Account CB - Description].&amp;[0421370 - Gain on PE Comp Own Life Ins]"/>
        <member name="[CB - Account].[Account CB - Description].&amp;[0421410 - Return - Def Emission Allow]"/>
        <member name="[CB - Account].[Account CB - Description].&amp;[0421500 - Discontinued Operations]"/>
        <member name="[CB - Account].[Account CB - Description].&amp;[0421530 - Power Trading MTM Gains]"/>
        <member name="[CB - Account].[Account CB - Description].&amp;[0421531 - MTM Unrealized Gain - Reserve]"/>
        <member name="[CB - Account].[Account CB - Description].&amp;[0421532 - Power Trading MTM Gains-Reg]"/>
        <member name="[CB - Account].[Account CB - Description].&amp;[0421534 - MTM Unrealized Gain Rsrv Reg]"/>
        <member name="[CB - Account].[Account CB - Description].&amp;[0421540 - Elect - Realiz Deriv Gain I/C]"/>
        <member name="[CB - Account].[Account CB - Description].&amp;[0421541 - Gas MTM Gains]"/>
        <member name="[CB - Account].[Account CB - Description].&amp;[0421542 - Electricity - MTM Gain I/C]"/>
        <member name="[CB - Account].[Account CB - Description].&amp;[0421543 - Non Reg IC MTM Gas Gain]"/>
        <member name="[CB - Account].[Account CB - Description].&amp;[0421548 - Reg IC MTM Power Gain]"/>
        <member name="[CB - Account].[Account CB - Description].&amp;[0421550 - Intercompany Dis Ops]"/>
        <member name="[CB - Account].[Account CB - Description].&amp;[0421551 - Disc Ops - Interco Revenues]"/>
        <member name="[CB - Account].[Account CB - Description].&amp;[0421552 - Disc  Ops - Interco Int Exp]"/>
        <member name="[CB - Account].[Account CB - Description].&amp;[0421553 - IC A&amp;G Expense - Discops]"/>
        <member name="[CB - Account].[Account CB - Description].&amp;[0421554 - IC Operating Expense - Discops]"/>
        <member name="[CB - Account].[Account CB - Description].&amp;[0421600 - Loss on Disposal of Discon Ops]"/>
        <member name="[CB - Account].[Account CB - Description].&amp;[0421630 - Fuel Risk Mgmt - Gain]"/>
        <member name="[CB - Account].[Account CB - Description].&amp;[0421631 - MTM Unreal Gains - EA]"/>
        <member name="[CB - Account].[Account CB - Description].&amp;[0421640 - Return On Deferred Dsm - Nc]"/>
        <member name="[CB - Account].[Account CB - Description].&amp;[0421650 - Return On Deferred Dsm - Sc]"/>
        <member name="[CB - Account].[Account CB - Description].&amp;[0421660 - Return on Deferred Solar]"/>
        <member name="[CB - Account].[Account CB - Description].&amp;[0421700 - Gain on Invest Real Estate]"/>
        <member name="[CB - Account].[Account CB - Description].&amp;[0421710 - Inactive]"/>
        <member name="[CB - Account].[Account CB - Description].&amp;[0421720 - Inactive]"/>
        <member name="[CB - Account].[Account CB - Description].&amp;[0421730 - Inactive]"/>
        <member name="[CB - Account].[Account CB - Description].&amp;[0421740 - Inactive]"/>
        <member name="[CB - Account].[Account CB - Description].&amp;[0421750 - Inactive]"/>
        <member name="[CB - Account].[Account CB - Description].&amp;[0421760 - Inactive]"/>
        <member name="[CB - Account].[Account CB - Description].&amp;[0421770 - Inactive]"/>
        <member name="[CB - Account].[Account CB - Description].&amp;[0421780 - Inactive]"/>
        <member name="[CB - Account].[Account CB - Description].&amp;[0421800 - NC Equity Return on Retired Pl]"/>
        <member name="[CB - Account].[Account CB - Description].&amp;[0421801 - Wayne Return]"/>
        <member name="[CB - Account].[Account CB - Description].&amp;[0421810 - INACTIVE]"/>
        <member name="[CB - Account].[Account CB - Description].&amp;[0421820 - Inactive]"/>
        <member name="[CB - Account].[Account CB - Description].&amp;[0421900 - SAB 51 GAIN]"/>
        <member name="[CB - Account].[Account CB - Description].&amp;[0421910 - NC Ret on BPM Sharing]"/>
        <member name="[CB - Account].[Account CB - Description].&amp;[0421911 - NCEMPA NC Equity Reserve]"/>
        <member name="[CB - Account].[Account CB - Description].&amp;[0421912 - NCEMPA SC Equity Reserve]"/>
        <member name="[CB - Account].[Account CB - Description].&amp;[0421913 - NDTF Shareholder  Earning/Loss]"/>
        <member name="[CB - Account].[Account CB - Description].&amp;[0421920 - Sc Ret On Catawba Def Pur Cap-]"/>
        <member name="[CB - Account].[Account CB - Description].&amp;[0421930 - Whsl Ret On Catawba Def Pur]"/>
        <member name="[CB - Account].[Account CB - Description].&amp;[0421945 - Miscellaneous Revenue Refund]"/>
        <member name="[CB - Account].[Account CB - Description].&amp;[0421950 - Gain on Sale of Assets]"/>
        <member name="[CB - Account].[Account CB - Description].&amp;[0421951 - Gain on Sales of Assets-Affil]"/>
        <member name="[CB - Account].[Account CB - Description].&amp;[0421952 - Loss on Sale of  Assets]"/>
        <member name="[CB - Account].[Account CB - Description].&amp;[0421953 - Gain on Sale of Asset]"/>
        <member name="[CB - Account].[Account CB - Description].&amp;[0421960 - NC Return on Coal Rider]"/>
        <member name="[CB - Account].[Account CB - Description].&amp;[0421970 - BudAdj-Int/Div &amp; Other Income]"/>
        <member name="[CB - Account].[Account CB - Description].&amp;[0422000 - Foreign Currency Gain/Loss]"/>
        <member name="[CB - Account].[Account CB - Description].&amp;[0425000 - Miscellaneous Amortization]"/>
        <member name="[CB - Account].[Account CB - Description].&amp;[0425001 - Goodwill - DD&amp;A]"/>
        <member name="[CB - Account].[Account CB - Description].&amp;[0425002 - Goodwill-Amortization]"/>
        <member name="[CB - Account].[Account CB - Description].&amp;[0425003 - Fit-Amortization]"/>
        <member name="[CB - Account].[Account CB - Description].&amp;[0425004 - Sit-Amortization]"/>
        <member name="[CB - Account].[Account CB - Description].&amp;[0425005 - DFIT Exp - Purchase Acctg]"/>
        <member name="[CB - Account].[Account CB - Description].&amp;[0425006 - DSIT Exp - Purchase Acctg]"/>
        <member name="[CB - Account].[Account CB - Description].&amp;[0425007 - Extraordinary Gain (Loss)]"/>
        <member name="[CB - Account].[Account CB - Description].&amp;[0425008 - Misc Amort- Bond &amp; Deb]"/>
        <member name="[CB - Account].[Account CB - Description].&amp;[0425009 - Goodwill Amoritization]"/>
        <member name="[CB - Account].[Account CB - Description].&amp;[0425010 - Gaap Depr Exp Adj]"/>
        <member name="[CB - Account].[Account CB - Description].&amp;[0425011 - MISC AMORTIZAT-ACQUIS - NC]"/>
        <member name="[CB - Account].[Account CB - Description].&amp;[0425012 - MISC AMORTIZAT-ACQUIS - POWERH]"/>
        <member name="[CB - Account].[Account CB - Description].&amp;[0425013 - MISC AMORTIZAT-ACQUIS]"/>
        <member name="[CB - Account].[Account CB - Description].&amp;[0425014 - MISC AMORTIZAT-ACQUIS]"/>
        <member name="[CB - Account].[Account CB - Description].&amp;[0425100 - Amortization Unrecovered Plant]"/>
        <member name="[CB - Account].[Account CB - Description].&amp;[0425200 - MISC_AMORT_PUR_ACCTG_ADJ]"/>
        <member name="[CB - Account].[Account CB - Description].&amp;[0426000 - Other Op Rev Related Pty]"/>
        <member name="[CB - Account].[Account CB - Description].&amp;[0426101 - BPM Donations]"/>
        <member name="[CB - Account].[Account CB - Description].&amp;[0426102 - SC Sharing Expense - Rates]"/>
        <member name="[CB - Account].[Account CB - Description].&amp;[0426110 - Inactive]"/>
        <member name="[CB - Account].[Account CB - Description].&amp;[0426120 - Inactive]"/>
        <member name="[CB - Account].[Account CB - Description].&amp;[0426130 - Donations]"/>
        <member name="[CB - Account].[Account CB - Description].&amp;[0426201 - COLI LOAN INTEREST]"/>
        <member name="[CB - Account].[Account CB - Description].&amp;[0426202 - COLI Premiums]"/>
        <member name="[CB - Account].[Account CB - Description].&amp;[0426203 - Life Ins Exec Emp]"/>
        <member name="[CB - Account].[Account CB - Description].&amp;[0426210 - Split Dollar Life Insurance Ex]"/>
        <member name="[CB - Account].[Account CB - Description].&amp;[0426220 - Toli Life Insurance Expense]"/>
        <member name="[CB - Account].[Account CB - Description].&amp;[0426230 - Interest Inc PE COLI]"/>
        <member name="[CB - Account].[Account CB - Description].&amp;[0426257 - Realzd For Exch Loss 3rd Party]"/>
        <member name="[CB - Account].[Account CB - Description].&amp;[0426301 - Penalties]"/>
        <member name="[CB - Account].[Account CB - Description].&amp;[0426415 - Misc Inc Deduct-Civis/Poli]"/>
        <member name="[CB - Account].[Account CB - Description].&amp;[0426500 - EARN_OF_EQUIRY_INV_PUR_ACC_ADJ]"/>
        <member name="[CB - Account].[Account CB - Description].&amp;[0426501 - Minority Interest Exp - Consol]"/>
        <member name="[CB - Account].[Account CB - Description].&amp;[0426502 - Preferred Stk Div - Min Int]"/>
        <member name="[CB - Account].[Account CB - Description].&amp;[0426503 - MTM Losses on Mitigation]"/>
        <member name="[CB - Account].[Account CB - Description].&amp;[0426504 - MERGER RELATED COSTS]"/>
        <member name="[CB - Account].[Account CB - Description].&amp;[0426505 - NOx Trd Sale Proceeds - Loss]"/>
        <member name="[CB - Account].[Account CB - Description].&amp;[0426506 - NOx Trd Sale Cost - Loss]"/>
        <member name="[CB - Account].[Account CB - Description].&amp;[0426507 - FUEL SETTLEMENT]"/>
        <member name="[CB - Account].[Account CB - Description].&amp;[0426508 - Inc Deduction-Other Inc &amp; Exp]"/>
        <member name="[CB - Account].[Account CB - Description].&amp;[0426511 - UNBILLED FUEL REV NC-EMSSN ALW]"/>
        <member name="[CB - Account].[Account CB - Description].&amp;[0426513 - Other Deductions - Impairments]"/>
        <member name="[CB - Account].[Account CB - Description].&amp;[0426514 - Earnings of Equity Investments]"/>
        <member name="[CB - Account].[Account CB - Description].&amp;[0426515 - Utilities]"/>
        <member name="[CB - Account].[Account CB - Description].&amp;[0426516 - Freight/Commercial Carriers]"/>
        <member name="[CB - Account].[Account CB - Description].&amp;[0426517 - Other Professional Services]"/>
        <member name="[CB - Account].[Account CB - Description].&amp;[0426518 - AMORT-CAPACITY RIDER]"/>
        <member name="[CB - Account].[Account CB - Description].&amp;[0426520 - Administrative Expenses - Toli]"/>
        <member name="[CB - Account].[Account CB - Description].&amp;[0426521 - Sale Of A/R Fees]"/>
        <member name="[CB - Account].[Account CB - Description].&amp;[0426525 - Interest - Sub]"/>
        <member name="[CB - Account].[Account CB - Description].&amp;[0426526 - Impairment of Investment]"/>
        <member name="[CB - Account].[Account CB - Description].&amp;[0426530 - Affiliate Support]"/>
        <member name="[CB - Account].[Account CB - Description].&amp;[0426531 - MTM Unreal Loss-Reserve]"/>
        <member name="[CB - Account].[Account CB - Description].&amp;[0426532 - Power Trading MTM Loss]"/>
        <member name="[CB - Account].[Account CB - Description].&amp;[0426533 - Power Trading MTM Loss-NonReg]"/>
        <member name="[CB - Account].[Account CB - Description].&amp;[0426534 - MTM Unreal Loss Rsrv Reg]"/>
        <member name="[CB - Account].[Account CB - Description].&amp;[0426535 - Tax:  Losses on AFS]"/>
        <member name="[CB - Account].[Account CB - Description].&amp;[0426541 - Gas MTM Loss]"/>
        <member name="[CB - Account].[Account CB - Description].&amp;[0426542 - Electricity - MTM Loss I/C]"/>
        <member name="[CB - Account].[Account CB - Description].&amp;[0426543 - Non Reg IC MTM Gas Loss]"/>
        <member name="[CB - Account].[Account CB - Description].&amp;[0426545 - Elect - Realiz Deriv Loss I/C]"/>
        <member name="[CB - Account].[Account CB - Description].&amp;[0426548 - IC MTM Loss for Power]"/>
        <member name="[CB - Account].[Account CB - Description].&amp;[0426550 - DEFERRED DEBT- IMPARIMENT CHGS]"/>
        <member name="[CB - Account].[Account CB - Description].&amp;[0426551 - IMPAIRMENT AND OTHER REL CHGS]"/>
        <member name="[CB - Account].[Account CB - Description].&amp;[0426552 - Notes Receivable Impairment]"/>
        <member name="[CB - Account].[Account CB - Description].&amp;[0426554 - Impairment of Goodwill]"/>
        <member name="[CB - Account].[Account CB - Description].&amp;[0426555 - Grantor Trust - Expenses]"/>
        <member name="[CB - Account].[Account CB - Description].&amp;[0426560 - ADDL Misc Deductions]"/>
        <member name="[CB - Account].[Account CB - Description].&amp;[0426565 - Transition Plan Expenses - EC]"/>
        <member name="[CB - Account].[Account CB - Description].&amp;[0426570 - Mgmt &amp; Royalty Fee]"/>
        <member name="[CB - Account].[Account CB - Description].&amp;[0426571 - Service Company Mgmt Fee]"/>
        <member name="[CB - Account].[Account CB - Description].&amp;[0426580 - NonCshFlow Hedge Exp]"/>
        <member name="[CB - Account].[Account CB - Description].&amp;[0426585 - REALIZED DERIVATIVE LOSSES]"/>
        <member name="[CB - Account].[Account CB - Description].&amp;[0426600 - Bill Inserts]"/>
        <member name="[CB - Account].[Account CB - Description].&amp;[0426631 - MTM Unreal Losses - EA's]"/>
        <member name="[CB - Account].[Account CB - Description].&amp;[0426710 - Deferred Compensation Expense]"/>
        <member name="[CB - Account].[Account CB - Description].&amp;[0426720 - Sdcp Expense]"/>
        <member name="[CB - Account].[Account CB - Description].&amp;[0426730 - Supplemental Security Plan Exp]"/>
        <member name="[CB - Account].[Account CB - Description].&amp;[0426740 - Supplemental Retirement Exp]"/>
        <member name="[CB - Account].[Account CB - Description].&amp;[0426810 - Financial System Replacement]"/>
        <member name="[CB - Account].[Account CB - Description].&amp;[0427000 - Int Ltd-Deb- 8.5% 1993]"/>
        <member name="[CB - Account].[Account CB - Description].&amp;[0427001 - Int Ltd-Deb-8% 2002]"/>
        <member name="[CB - Account].[Account CB - Description].&amp;[0427002 - Int Ltd-100Mm Med Term]"/>
        <member name="[CB - Account].[Account CB - Description].&amp;[0427003 - Int Ltd-Deb-8.25% 2004]"/>
        <member name="[CB - Account].[Account CB - Description].&amp;[0427004 - Int Ltd-Deb-9.13% 2003]"/>
        <member name="[CB - Account].[Account CB - Description].&amp;[0427005 - Int Ltd-Deb- Lch 7 3/4%]"/>
        <member name="[CB - Account].[Account CB - Description].&amp;[0427006 - Int Ltd-Deb- 8.625%]"/>
        <member name="[CB - Account].[Account CB - Description].&amp;[0427007 - Int Ltd-Note-7.25%]"/>
        <member name="[CB - Account].[Account CB - Description].&amp;[0427008 - Int Ltd-Note-7%]"/>
        <member name="[CB - Account].[Account CB - Description].&amp;[0427009 - Int. Expense Senior Note A]"/>
        <member name="[CB - Account].[Account CB - Description].&amp;[0427010 - Int. Expense Senior Note B]"/>
        <member name="[CB - Account].[Account CB - Description].&amp;[0427011 - Int Ltd-Bond Indenture]"/>
        <member name="[CB - Account].[Account CB - Description].&amp;[0427012 - Int Exp - 7.25% due 2004]"/>
        <member name="[CB - Account].[Account CB - Description].&amp;[0427013 - Int Exp - 7.50% due 2009]"/>
        <member name="[CB - Account].[Account CB - Description].&amp;[0427014 - Int Exp - 8.00% due 2019]"/>
        <member name="[CB - Account].[Account CB - Description].&amp;[0427015 - Int LTD-DEB-7.30% 2010]"/>
        <member name="[CB - Account].[Account CB - Description].&amp;[0427016 - Int Exp-Sr Bond-2032]"/>
        <member name="[CB - Account].[Account CB - Description].&amp;[0427017 - Int Exp-Sr Bond-2013]"/>
        <member name="[CB - Account].[Account CB - Description].&amp;[0427018 - Int Exp - 1 Year Bond - 2003]"/>
        <member name="[CB - Account].[Account CB - Description].&amp;[0427019 - Amort Discount - Senior A]"/>
        <member name="[CB - Account].[Account CB - Description].&amp;[0427020 - Int Ltd-Deb- 5.69% 2012]"/>
        <member name="[CB - Account].[Account CB - Description].&amp;[0427021 - Int Ltd-Deb- 5.71% 2012]"/>
        <member name="[CB - Account].[Account CB - Description].&amp;[0427022 - Int ltd-debt-5.25% 2007]"/>
        <member name="[CB - Account].[Account CB - Description].&amp;[0427023 - Int Ltd-Note-8.25% due 2005]"/>
        <member name="[CB - Account].[Account CB - Description].&amp;[0427100 - Interest On Bonds]"/>
        <member name="[CB - Account].[Account CB - Description].&amp;[0427210 - Int Expense Related Pty]"/>
        <member name="[CB - Account].[Account CB - Description].&amp;[0427219 - PY INTEREST AMORT]"/>
        <member name="[CB - Account].[Account CB - Description].&amp;[0427221 - Int Quips Due 6/2038]"/>
        <member name="[CB - Account].[Account CB - Description].&amp;[0427222 - Int Trust III Due 8/2029]"/>
        <member name="[CB - Account].[Account CB - Description].&amp;[0427230 - Interest Exp- PE COLI]"/>
        <member name="[CB - Account].[Account CB - Description].&amp;[0427231 - Int Exp 5.56% due 2015]"/>
        <member name="[CB - Account].[Account CB - Description].&amp;[0427232 - Int Exp 6.19% due 2025]"/>
        <member name="[CB - Account].[Account CB - Description].&amp;[0427260 - Gen Office Building Financing]"/>
        <member name="[CB - Account].[Account CB - Description].&amp;[0427270 - Toddville  Warehouse Financing]"/>
        <member name="[CB - Account].[Account CB - Description].&amp;[0427280 - Int of Note Payable- QUIPS]"/>
        <member name="[CB - Account].[Account CB - Description].&amp;[0427290 - Int on Note Payable- TruPS]"/>
        <member name="[CB - Account].[Account CB - Description].&amp;[0427300 - Interest-Parking Deck Lease]"/>
        <member name="[CB - Account].[Account CB - Description].&amp;[0427310 - Int/Electric Center Mortgage]"/>
        <member name="[CB - Account].[Account CB - Description].&amp;[0427320 - Interest On Comb Turbine Lease]"/>
        <member name="[CB - Account].[Account CB - Description].&amp;[0427410 - Int On L-T Commercial Paper]"/>
        <member name="[CB - Account].[Account CB - Description].&amp;[0427420 - Interest On Pollution Control]"/>
        <member name="[CB - Account].[Account CB - Description].&amp;[0427430 - Int-Oconee Co Pollution Contrl]"/>
        <member name="[CB - Account].[Account CB - Description].&amp;[0427440 - Int-Gaston Co Pollution Contrl]"/>
        <member name="[CB - Account].[Account CB - Description].&amp;[0427460 - PNG Interest Exp on LT Debt]"/>
        <member name="[CB - Account].[Account CB - Description].&amp;[0427500 - Interest on Quips]"/>
        <member name="[CB - Account].[Account CB - Description].&amp;[0427510 - Interest Expense on TruPS]"/>
        <member name="[CB - Account].[Account CB - Description].&amp;[0427520 - Ineffective-Fxd Rate FV Hedge]"/>
        <member name="[CB - Account].[Account CB - Description].&amp;[0427521 - Ineffective-Flting Rate Hedge]"/>
        <member name="[CB - Account].[Account CB - Description].&amp;[0427522 - Int LTD-Credit Agreement]"/>
        <member name="[CB - Account].[Account CB - Description].&amp;[0427523 - Interest Expense]"/>
        <member name="[CB - Account].[Account CB - Description].&amp;[0427550 - Interest On Bonds]"/>
        <member name="[CB - Account].[Account CB - Description].&amp;[0427600 - Monetary_Variation_Brazil]"/>
        <member name="[CB - Account].[Account CB - Description].&amp;[0428000 - Amor-Disc-Deb-8.25% 2004]"/>
        <member name="[CB - Account].[Account CB - Description].&amp;[0428001 - Amor-Dde-Deb-8% 2002]"/>
        <member name="[CB - Account].[Account CB - Description].&amp;[0428002 - Amor-Dde-Deb-100Mm Med]"/>
        <member name="[CB - Account].[Account CB - Description].&amp;[0428003 - Amor-Dde-Deb-8.25% 2004]"/>
        <member name="[CB - Account].[Account CB - Description].&amp;[0428004 - Amor-Dde-Deb-9.13% 2003]"/>
        <member name="[CB - Account].[Account CB - Description].&amp;[0428005 - Amor-Dde-Note--7%]"/>
        <member name="[CB - Account].[Account CB - Description].&amp;[0428006 - Amortization - Toprs]"/>
        <member name="[CB - Account].[Account CB - Description].&amp;[0428007 - Amort Discount - Senior B]"/>
        <member name="[CB - Account].[Account CB - Description].&amp;[0428008 - Amort Exp-99 Global 2004]"/>
        <member name="[CB - Account].[Account CB - Description].&amp;[0428009 - Amort Exp-99 Global 2009]"/>
        <member name="[CB - Account].[Account CB - Description].&amp;[0428010 - Amort Exp-99 Global 2019]"/>
        <member name="[CB - Account].[Account CB - Description].&amp;[0428011 - Amor-Disc-Bond-Indenture]"/>
        <member name="[CB - Account].[Account CB - Description].&amp;[0428012 - Amor-Dde_Deb-7.30%2010]"/>
        <member name="[CB - Account].[Account CB - Description].&amp;[0428013 - Amort Disc-Sr Bond-2032]"/>
        <member name="[CB - Account].[Account CB - Description].&amp;[0428014 - Amort Disc-Sr Bond-2013]"/>
        <member name="[CB - Account].[Account CB - Description].&amp;[0428015 - Amort Discount-Senior A]"/>
        <member name="[CB - Account].[Account CB - Description].&amp;[0428016 - Unamrt Dde-Deb 5.25% 2007]"/>
        <member name="[CB - Account].[Account CB - Description].&amp;[0428017 - Amor-Dde-Deb -8.25% 2005]"/>
        <member name="[CB - Account].[Account CB - Description].&amp;[0428018 - Amor-Dde-Deb-Credit Agreemt]"/>
        <member name="[CB - Account].[Account CB - Description].&amp;[0428019 - Amor-Dde-Deb-5.69% 2012]"/>
        <member name="[CB - Account].[Account CB - Description].&amp;[0428020 - Amor-Dde-Deb-5.71% 2012]"/>
        <member name="[CB - Account].[Account CB - Description].&amp;[0428101 - Amort-Dbt-Loss-12.75% Deb]"/>
        <member name="[CB - Account].[Account CB - Description].&amp;[0428102 - Amort-Dbt-Loss-13% Deb]"/>
        <member name="[CB - Account].[Account CB - Description].&amp;[0428103 - Amort-Dbt-Loss-13.25% Deb]"/>
        <member name="[CB - Account].[Account CB - Description].&amp;[0428104 - Amort-Dbt-Loss-12% Deb]"/>
        <member name="[CB - Account].[Account CB - Description].&amp;[0428105 - Amort-Dbt-Loss-10 1/8%]"/>
        <member name="[CB - Account].[Account CB - Description].&amp;[0428106 - Amort-Dbt-Loss-10%-TETCO]"/>
        <member name="[CB - Account].[Account CB - Description].&amp;[0428107 - Amor Dde Deb 5.56% due 2015]"/>
        <member name="[CB - Account].[Account CB - Description].&amp;[0428108 - Amor Dde Deb 6.19% due 2025]"/>
        <member name="[CB - Account].[Account CB - Description].&amp;[0428113 - Amor-Dde-Deb-5.69% 2012]"/>
        <member name="[CB - Account].[Account CB - Description].&amp;[0428114 - Amor-Dde-Deb-5.71% 2012]"/>
        <member name="[CB - Account].[Account CB - Description].&amp;[0428200 - AMORT_DEBT_DISC_PUR_ACCTG_ADJ]"/>
        <member name="[CB - Account].[Account CB - Description].&amp;[0429000 - Amort of Premium on Debt-CR]"/>
        <member name="[CB - Account].[Account CB - Description].&amp;[0429010 - Debt Premium/Gain]"/>
        <member name="[CB - Account].[Account CB - Description].&amp;[0429200 - Amort Debt_Prem_Pur_Acctg_Adj]"/>
        <member name="[CB - Account].[Account CB - Description].&amp;[0429250 - Missing]"/>
        <member name="[CB - Account].[Account CB - Description].&amp;[0430000 - Int On Debt/Assoc Companies]"/>
        <member name="[CB - Account].[Account CB - Description].&amp;[0430001 - Interest Exp I/C Contra]"/>
        <member name="[CB - Account].[Account CB - Description].&amp;[0430002 - Intercompany Interest Exp ST]"/>
        <member name="[CB - Account].[Account CB - Description].&amp;[0430100 - Interest On Energy Bank]"/>
        <member name="[CB - Account].[Account CB - Description].&amp;[043012 - Depr-Prod Extract Plant]"/>
        <member name="[CB - Account].[Account CB - Description].&amp;[0430200 - Interco Int Exp - DEC]"/>
        <member name="[CB - Account].[Account CB - Description].&amp;[0430210 - Interco Int Exp - MPS]"/>
        <member name="[CB - Account].[Account CB - Description].&amp;[0430211 - Interest on Debt w/Duk Capital]"/>
        <member name="[CB - Account].[Account CB - Description].&amp;[0430212 - Interco Int. Expense w/ DE&amp;S]"/>
        <member name="[CB - Account].[Account CB - Description].&amp;[0430215 - Intco Int Exp w/DE ServicesInc]"/>
        <member name="[CB - Account].[Account CB - Description].&amp;[0430217 - Interco Interest w/ 30072]"/>
        <member name="[CB - Account].[Account CB - Description].&amp;[0430218 - Interco Interest w/ 30077]"/>
        <member name="[CB - Account].[Account CB - Description].&amp;[0430219 - Interco Interest w/ 30076]"/>
        <member name="[CB - Account].[Account CB - Description].&amp;[0430220 - INTCO INT EXP-DCC LUX]"/>
        <member name="[CB - Account].[Account CB - Description].&amp;[0430891 - IC Int Expense VIE]"/>
        <member name="[CB - Account].[Account CB - Description].&amp;[0431001 - Int Exp-Pcb Deferral]"/>
        <member name="[CB - Account].[Account CB - Description].&amp;[0431002 - Int Exp-Other]"/>
        <member name="[CB - Account].[Account CB - Description].&amp;[0431004 - Amort Debt Discount Exp]"/>
        <member name="[CB - Account].[Account CB - Description].&amp;[0431005 - FX Gain/Loss on debt]"/>
        <member name="[CB - Account].[Account CB - Description].&amp;[0431006 - FX-Mark to Market]"/>
        <member name="[CB - Account].[Account CB - Description].&amp;[0431007 - Fx Gains Losses On Intco Debt]"/>
        <member name="[CB - Account].[Account CB - Description].&amp;[0431008 - Int Exp - Convert Debt]"/>
        <member name="[CB - Account].[Account CB - Description].&amp;[0431009 - IntExp-CashSweepsDukeCogema]"/>
        <member name="[CB - Account].[Account CB - Description].&amp;[0431010 - FX Gain/Loss in Bank Accts]"/>
        <member name="[CB - Account].[Account CB - Description].&amp;[0431011 - Debt Return-Deferred Projects]"/>
        <member name="[CB - Account].[Account CB - Description].&amp;[0431012 - Debt Return - Mitigation Sales]"/>
        <member name="[CB - Account].[Account CB - Description].&amp;[0431013 - Int Exp - 2013 Rate Case Light]"/>
        <member name="[CB - Account].[Account CB - Description].&amp;[0431014 - Debt Return - EDIT]"/>
        <member name="[CB - Account].[Account CB - Description].&amp;[0431021 - IC Moneypool - Interest Exp]"/>
        <member name="[CB - Account].[Account CB - Description].&amp;[0431100 - Int Accrued/Cust Deposits-Nc]"/>
        <member name="[CB - Account].[Account CB - Description].&amp;[0431130 - Interest Exp - Capital Lease]"/>
        <member name="[CB - Account].[Account CB - Description].&amp;[0431150 - Regulatory Interest Expense]"/>
        <member name="[CB - Account].[Account CB - Description].&amp;[0431152 - IC Lease-Int Cap Lease(Act Op)]"/>
        <member name="[CB - Account].[Account CB - Description].&amp;[0431200 - Int Accrued/Cust Deposits-Sc]"/>
        <member name="[CB - Account].[Account CB - Description].&amp;[0431300 - Int/Notes &amp; Acct Pay-Short Trm]"/>
        <member name="[CB - Account].[Account CB - Description].&amp;[0431350 - IC Lease-Int Exp Cap Lease]"/>
        <member name="[CB - Account].[Account CB - Description].&amp;[0431360 - Interest Exp - Cap Lease (IC)]"/>
        <member name="[CB - Account].[Account CB - Description].&amp;[0431500 - NC Debt Return on Retired Plan]"/>
        <member name="[CB - Account].[Account CB - Description].&amp;[0431510 - Int/Cat Working Capital Fund]"/>
        <member name="[CB - Account].[Account CB - Description].&amp;[0431520 - Int/Cat Buyer Advances]"/>
        <member name="[CB - Account].[Account CB - Description].&amp;[0431525 - Int/Lee Buyer Advances]"/>
        <member name="[CB - Account].[Account CB - Description].&amp;[0431530 - Interest Expense-Contract Adj]"/>
        <member name="[CB - Account].[Account CB - Description].&amp;[0431700 - Inactive]"/>
        <member name="[CB - Account].[Account CB - Description].&amp;[0431710 - Int Exp On Revenue Refunds]"/>
        <member name="[CB - Account].[Account CB - Description].&amp;[0431800 - Int On Late Payment Charges]"/>
        <member name="[CB - Account].[Account CB - Description].&amp;[0431901 - Interest Expense Comm Paper]"/>
        <member name="[CB - Account].[Account CB - Description].&amp;[0431902 - Interest Expense Other]"/>
        <member name="[CB - Account].[Account CB - Description].&amp;[0431903 - Intercompany Interest Expense]"/>
        <member name="[CB - Account].[Account CB - Description].&amp;[0431904 - Int Exp-Contr Adj-EU-Series C]"/>
        <member name="[CB - Account].[Account CB - Description].&amp;[0431905 - Int Exp-Contr Adj-EU-Series B]"/>
        <member name="[CB - Account].[Account CB - Description].&amp;[0431906 - Int Exp-Contr Adj-EU-Series A]"/>
        <member name="[CB - Account].[Account CB - Description].&amp;[0431908 - INT EXP - OTHER]"/>
        <member name="[CB - Account].[Account CB - Description].&amp;[0431910 - BudAdj-Interest Exp]"/>
        <member name="[CB - Account].[Account CB - Description].&amp;[0431920 - Other Interest - CR3 Interest]"/>
        <member name="[CB - Account].[Account CB - Description].&amp;[0431921 - Other Interest - Customer Depo]"/>
        <member name="[CB - Account].[Account CB - Description].&amp;[0431922 - Other Interest - Tax Deficienc]"/>
        <member name="[CB - Account].[Account CB - Description].&amp;[0431999 - FX_MTM_INTERCOMPANY]"/>
        <member name="[CB - Account].[Account CB - Description].&amp;[0432001 - Carrying Costs Amort - 100%]"/>
        <member name="[CB - Account].[Account CB - Description].&amp;[0432005 - Capitalized Interest]"/>
        <member name="[CB - Account].[Account CB - Description].&amp;[0432021 - Post In Svc Carrying Charges]"/>
        <member name="[CB - Account].[Account CB - Description].&amp;[0432100 - CAPITALIZED INTEREST]"/>
        <member name="[CB - Account].[Account CB - Description].&amp;[0432120 - AFUDC Debt]"/>
        <member name="[CB - Account].[Account CB - Description].&amp;[0432300 - Cap Interest Elec]"/>
        <member name="[CB - Account].[Account CB - Description].&amp;[0432500 - NU Capitalized Interest]"/>
        <member name="[CB - Account].[Account CB - Description].&amp;[0432600 - BudAdj-Debt AFUDC]"/>
        <member name="[CB - Account].[Account CB - Description].&amp;[0433000 - Balance Transferred From Inc]"/>
        <member name="[CB - Account].[Account CB - Description].&amp;[0433001 - Bal Transer From Income]"/>
        <member name="[CB - Account].[Account CB - Description].&amp;[0433002 - Interest Expense - DEGT only]"/>
        <member name="[CB - Account].[Account CB - Description].&amp;[0433003 - Balance Transfer From Income]"/>
        <member name="[CB - Account].[Account CB - Description].&amp;[0434100 - Gain On Recapitalization]"/>
        <member name="[CB - Account].[Account CB - Description].&amp;[0435000 - Extraordinary Deductions]"/>
        <member name="[CB - Account].[Account CB - Description].&amp;[0436000 - Appropriations Of Ret Earnings]"/>
        <member name="[CB - Account].[Account CB - Description].&amp;[0436001 - CUMULATIVE CHANGE IN ACCTG]"/>
        <member name="[CB - Account].[Account CB - Description].&amp;[0436100 - Approp Retained Earnings-Mklnd]"/>
        <member name="[CB - Account].[Account CB - Description].&amp;[0437000 - Dividend Declared Preferred]"/>
        <member name="[CB - Account].[Account CB - Description].&amp;[0437100 - Preferred Stock Dividends]"/>
        <member name="[CB - Account].[Account CB - Description].&amp;[0437101 - Dividends on Pref Stk Series A]"/>
        <member name="[CB - Account].[Account CB - Description].&amp;[0437102 - Dividends on Pref Stk Series B]"/>
        <member name="[CB - Account].[Account CB - Description].&amp;[0437150 - Int Exp Pref Stk Series X]"/>
        <member name="[CB - Account].[Account CB - Description].&amp;[0437200 - Preference Stock Dividends]"/>
        <member name="[CB - Account].[Account CB - Description].&amp;[0437201 - Contra-Pref stk Div Series A]"/>
        <member name="[CB - Account].[Account CB - Description].&amp;[0437202 - Contra - Pref stk Div Series B]"/>
        <member name="[CB - Account].[Account CB - Description].&amp;[0438000 - Dividend Declared Common]"/>
        <member name="[CB - Account].[Account CB - Description].&amp;[0438001 - Dummy Acct for Y/E]"/>
        <member name="[CB - Account].[Account CB - Description].&amp;[0438100 - Common Stock - Cash]"/>
        <member name="[CB - Account].[Account CB - Description].&amp;[0438101 - Contract Adjust - Eq Units]"/>
        <member name="[CB - Account].[Account CB - Description].&amp;[0438102 - Contract Adjust-EU-Series C]"/>
        <member name="[CB - Account].[Account CB - Description].&amp;[0438103 - Contract Adjust-EU-Series B]"/>
        <member name="[CB - Account].[Account CB - Description].&amp;[0438104 - Contract Adjust-EU-Series A]"/>
        <member name="[CB - Account].[Account CB - Description].&amp;[0438110 - Sub Dividends Declared]"/>
        <member name="[CB - Account].[Account CB - Description].&amp;[0439000 - Adj To Retained Earnings]"/>
        <member name="[CB - Account].[Account CB - Description].&amp;[0439001 - Other Comprehensiv Inc-DukePwr]"/>
        <member name="[CB - Account].[Account CB - Description].&amp;[0439002 - Other Comprehensive Inc-Subs]"/>
        <member name="[CB - Account].[Account CB - Description].&amp;[0439003 - CEA: UTP Other]"/>
        <member name="[CB - Account].[Account CB - Description].&amp;[0439004 - Cum Effect Acct Change Tax]"/>
        <member name="[CB - Account].[Account CB - Description].&amp;[0439005 - Cum Effect Acct Change Pre-Tax]"/>
        <member name="[CB - Account].[Account CB - Description].&amp;[0439300 - ADJUST TO R/E]"/>
        <member name="[CB - Account].[Account CB - Description].&amp;[0439410 - Oth Com Inc-Tax Expense]"/>
        <member name="[CB - Account].[Account CB - Description].&amp;[0440000 - Residential]"/>
        <member name="[CB - Account].[Account CB - Description].&amp;[0440001 - Residential Svc - NonReg]"/>
        <member name="[CB - Account].[Account CB - Description].&amp;[0440005 - Residential-Transp Only]"/>
        <member name="[CB - Account].[Account CB - Description].&amp;[0440010 - Catawba Pur Cap Lev-EBIT Only]"/>
        <member name="[CB - Account].[Account CB - Description].&amp;[0440020 - Fuel Revenues-EBIT]"/>
        <member name="[CB - Account].[Account CB - Description].&amp;[0440030 - Purchase Power Fuel Revenues]"/>
        <member name="[CB - Account].[Account CB - Description].&amp;[0440990 - Residential Unbilled Rev]"/>
        <member name="[CB - Account].[Account CB - Description].&amp;[0440995 - Residential-Transp Unbilled]"/>
        <member name="[CB - Account].[Account CB - Description].&amp;[0442100 - General Service]"/>
        <member name="[CB - Account].[Account CB - Description].&amp;[0442101 - General Service - Non-Reg]"/>
        <member name="[CB - Account].[Account CB - Description].&amp;[0442102 - General Service Rev-NonReg]"/>
        <member name="[CB - Account].[Account CB - Description].&amp;[0442105 - General Svc Transp Only]"/>
        <member name="[CB - Account].[Account CB - Description].&amp;[0442190 - General Service Unbilled Rev]"/>
        <member name="[CB - Account].[Account CB - Description].&amp;[0442195 - General Svc Transp Unbilled]"/>
        <member name="[CB - Account].[Account CB - Description].&amp;[0442200 - Industrial Service]"/>
        <member name="[CB - Account].[Account CB - Description].&amp;[0442201 - Industrial Service - NonReg]"/>
        <member name="[CB - Account].[Account CB - Description].&amp;[0442205 - Industrial Svc Transp Only]"/>
        <member name="[CB - Account].[Account CB - Description].&amp;[0442290 - Industrial Svc Unbilled Rev]"/>
        <member name="[CB - Account].[Account CB - Description].&amp;[0442295 - Industrial Svc Transp Unbilled]"/>
        <member name="[CB - Account].[Account CB - Description].&amp;[0444000 - Public St &amp; Highway Lighting]"/>
        <member name="[CB - Account].[Account CB - Description].&amp;[0444001 - Public St/Hwy Service - NonReg]"/>
        <member name="[CB - Account].[Account CB - Description].&amp;[0444005 - Pblc St &amp; Hghwy Lghtng Transp]"/>
        <member name="[CB - Account].[Account CB - Description].&amp;[0444990 - Public Street/Highway Unbilled]"/>
        <member name="[CB - Account].[Account CB - Description].&amp;[0445000 - Other Sales to Public Auth]"/>
        <member name="[CB - Account].[Account CB - Description].&amp;[0445001 - Public Authority Svc - NonReg]"/>
        <member name="[CB - Account].[Account CB - Description].&amp;[0445005 - OPA Transp Only]"/>
        <member name="[CB - Account].[Account CB - Description].&amp;[0445090 - OPA Unbilled]"/>
        <member name="[CB - Account].[Account CB - Description].&amp;[0445095 - OPA Transp Unbilled]"/>
        <member name="[CB - Account].[Account CB - Description].&amp;[0447000 - Sales For Resale]"/>
        <member name="[CB - Account].[Account CB - Description].&amp;[0447001 - Power Sales]"/>
        <member name="[CB - Account].[Account CB - Description].&amp;[0447010 - Elec Rev - I/C sales]"/>
        <member name="[CB - Account].[Account CB - Description].&amp;[0447016 - I/C Joint Disp - Revenue]"/>
        <member name="[CB - Account].[Account CB - Description].&amp;[0447040 - I/C Power Sales]"/>
        <member name="[CB - Account].[Account CB - Description].&amp;[0447100 - Sales For Resale-Catawba]"/>
        <member name="[CB - Account].[Account CB - Description].&amp;[0447101 - Special Contract Revenue]"/>
        <member name="[CB - Account].[Account CB - Description].&amp;[0447110 - Cp&amp;L Schedule J Agreement]"/>
        <member name="[CB - Account].[Account CB - Description].&amp;[0447130 - Power Sales Estimate]"/>
        <member name="[CB - Account].[Account CB - Description].&amp;[0447140 - FUEL IN SALES FOR RESALE]"/>
        <member name="[CB - Account].[Account CB - Description].&amp;[0447141 - CONTRA]"/>
        <member name="[CB - Account].[Account CB - Description].&amp;[0447150 - Sales For Resale - Outside]"/>
        <member name="[CB - Account].[Account CB - Description].&amp;[0447151 - BPM Fuel Revenues]"/>
        <member name="[CB - Account].[Account CB - Description].&amp;[0447152 - Sales for Resale-Outsid-NonReg]"/>
        <member name="[CB - Account].[Account CB - Description].&amp;[0447153 - Mitigation Revenue]"/>
        <member name="[CB - Account].[Account CB - Description].&amp;[0447155 - I/C Sales for Resale]"/>
        <member name="[CB - Account].[Account CB - Description].&amp;[0447159 - Resale Sales-Outside(Contra)]"/>
        <member name="[CB - Account].[Account CB - Description].&amp;[0447160 - BPM Capacity Revenues]"/>
        <member name="[CB - Account].[Account CB - Description].&amp;[0447161 - BudAdj-Wholesale Margin]"/>
        <member name="[CB - Account].[Account CB - Description].&amp;[0447162 - BudAdj-BPM Margin]"/>
        <member name="[CB - Account].[Account CB - Description].&amp;[0447170 - Spot Capacity Revenue]"/>
        <member name="[CB - Account].[Account CB - Description].&amp;[0447175 - Spot Energy Revenue]"/>
        <member name="[CB - Account].[Account CB - Description].&amp;[0447185 - PPA Energy Revenue]"/>
        <member name="[CB - Account].[Account CB - Description].&amp;[0447190 - PPA Capacity Revenue]"/>
        <member name="[CB - Account].[Account CB - Description].&amp;[0447200 - Sales For Resale-Npl]"/>
        <member name="[CB - Account].[Account CB - Description].&amp;[0447208 - Amort Pwr Trdg Intang or Liab]"/>
        <member name="[CB - Account].[Account CB - Description].&amp;[0447300 - Transmission Charge - Ptpnf]"/>
        <member name="[CB - Account].[Account CB - Description].&amp;[0447301 - Utility Revenues - Hoosier]"/>
        <member name="[CB - Account].[Account CB - Description].&amp;[0447302 - Unrealized Gain - 3rd Party]"/>
        <member name="[CB - Account].[Account CB - Description].&amp;[0447310 - Loss Compensation - Ptpnf]"/>
        <member name="[CB - Account].[Account CB - Description].&amp;[0447319 - Loss Comp-PTPNF(Contra)]"/>
        <member name="[CB - Account].[Account CB - Description].&amp;[0447320 - Sched, Sys Cntl, Disp - Ptpnf]"/>
        <member name="[CB - Account].[Account CB - Description].&amp;[0447330 - Reactive Pwr/Voltage Cntl Svc]"/>
        <member name="[CB - Account].[Account CB - Description].&amp;[0447339 - React Pwr/Vltg Ctl Svc(Contra)]"/>
        <member name="[CB - Account].[Account CB - Description].&amp;[0447340 - Regulation/Frequency Response]"/>
        <member name="[CB - Account].[Account CB - Description].&amp;[0447350 - Energy Imbalance Svc - Ptpnf]"/>
        <member name="[CB - Account].[Account CB - Description].&amp;[0447360 - Power Sales Bookouts]"/>
        <member name="[CB - Account].[Account CB - Description].&amp;[0447370 - Power Sales Bookouts Estimate]"/>
        <member name="[CB - Account].[Account CB - Description].&amp;[0447400 - Transmission Charge - Ptpf]"/>
        <member name="[CB - Account].[Account CB - Description].&amp;[0447401 - Unrealized Gain - Intercompany]"/>
        <member name="[CB - Account].[Account CB - Description].&amp;[0447402 - Utility Revenues - Logansport]"/>
        <member name="[CB - Account].[Account CB - Description].&amp;[0447410 - Loss Compensation - Ptpf]"/>
        <member name="[CB - Account].[Account CB - Description].&amp;[0447419 - Loss Compensation-PTPF(Contra)]"/>
        <member name="[CB - Account].[Account CB - Description].&amp;[0447420 - Sched, Sys Cntl, Disp - Ptpf]"/>
        <member name="[CB - Account].[Account CB - Description].&amp;[0447430 - Reactive Pwr/Volt Cntl Svc]"/>
        <member name="[CB - Account].[Account CB - Description].&amp;[0447439 - React Pwr/Volt Ctl Svc(Contra)]"/>
        <member name="[CB - Account].[Account CB - Description].&amp;[0447440 - Power Transmission Sales]"/>
        <member name="[CB - Account].[Account CB - Description].&amp;[0447450 - Power IB]"/>
        <member name="[CB - Account].[Account CB - Description].&amp;[0447460 - Power IB Estimate]"/>
        <member name="[CB - Account].[Account CB - Description].&amp;[0447470 - Power Transmission Sales Est]"/>
        <member name="[CB - Account].[Account CB - Description].&amp;[0447500 - Transmission Charge - Network]"/>
        <member name="[CB - Account].[Account CB - Description].&amp;[0447501 - Sales Other Elec Util - State]"/>
        <member name="[CB - Account].[Account CB - Description].&amp;[0447510 - Loss Compensation - Network]"/>
        <member name="[CB - Account].[Account CB - Description].&amp;[0447520 - Sched, Sys Cntl, Disp - Netwrk]"/>
        <member name="[CB - Account].[Account CB - Description].&amp;[0447530 - Reactive Pwr/Volt Cntl Svc]"/>
        <member name="[CB - Account].[Account CB - Description].&amp;[0447540 - Regulation/Frequency Response]"/>
        <member name="[CB - Account].[Account CB - Description].&amp;[0447550 - Energy Imbalance Svc - Network]"/>
        <member name="[CB - Account].[Account CB - Description].&amp;[0447560 - Op Res - Spinning Reserve]"/>
        <member name="[CB - Account].[Account CB - Description].&amp;[0447570 - Op Res - Supplemental Reserve]"/>
        <member name="[CB - Account].[Account CB - Description].&amp;[0447580 - Transmission Direct Assgn Chg]"/>
        <member name="[CB - Account].[Account CB - Description].&amp;[0447600 - Tariff System Impact Studies]"/>
        <member name="[CB - Account].[Account CB - Description].&amp;[0447601 - WVPA Scheduled Interim Pwr]"/>
        <member name="[CB - Account].[Account CB - Description].&amp;[0447610 - ELECTRIC SALES TRADE]"/>
        <member name="[CB - Account].[Account CB - Description].&amp;[0447611 - WVPA Revenues - 150MW]"/>
        <member name="[CB - Account].[Account CB - Description].&amp;[0447625 - Power Tolling Sales]"/>
        <member name="[CB - Account].[Account CB - Description].&amp;[0447700 - ELECTRIC SALES TRADE MARKET]"/>
        <member name="[CB - Account].[Account CB - Description].&amp;[0447701 - Power Sales - East]"/>
        <member name="[CB - Account].[Account CB - Description].&amp;[0447702 - Power Sales - West]"/>
        <member name="[CB - Account].[Account CB - Description].&amp;[0447710 - Variable RMR Revenue]"/>
        <member name="[CB - Account].[Account CB - Description].&amp;[0447720 - Electricity Marketing Sales]"/>
        <member name="[CB - Account].[Account CB - Description].&amp;[0447750 - LOAD FOLLOWING]"/>
        <member name="[CB - Account].[Account CB - Description].&amp;[0447800 - Electric Sales to 3rd Parties]"/>
        <member name="[CB - Account].[Account CB - Description].&amp;[0447810 - Elec Revenue Cash Flow Hedge]"/>
        <member name="[CB - Account].[Account CB - Description].&amp;[0447815 - REALIZED CSH FLW HEDGE REV]"/>
        <member name="[CB - Account].[Account CB - Description].&amp;[0447820 - Sales for Resale - Internal]"/>
        <member name="[CB - Account].[Account CB - Description].&amp;[0447821 - Sales for Rsale-Internl-NonReg]"/>
        <member name="[CB - Account].[Account CB - Description].&amp;[0447831 - I/C NR Sales for Resale - Inte]"/>
        <member name="[CB - Account].[Account CB - Description].&amp;[0447900 - ELEC_SALES_TRADE_PUR_ACCTG_ADJ]"/>
        <member name="[CB - Account].[Account CB - Description].&amp;[0447921 - Sales for Resale - Deriv]"/>
        <member name="[CB - Account].[Account CB - Description].&amp;[0447931 - I/C NR Sales for Resale - Deri]"/>
        <member name="[CB - Account].[Account CB - Description].&amp;[0447990 - Sales For Resale Unbilled Rev]"/>
        <member name="[CB - Account].[Account CB - Description].&amp;[0448000 - Interdepartmental Sales-Elec]"/>
        <member name="[CB - Account].[Account CB - Description].&amp;[0448099 - Power Rev Contra EITF 02-03]"/>
        <member name="[CB - Account].[Account CB - Description].&amp;[0449035 - Franchise Allocation/Holding]"/>
        <member name="[CB - Account].[Account CB - Description].&amp;[0449100 - Provisions For Rate Refunds]"/>
        <member name="[CB - Account].[Account CB - Description].&amp;[0449105 - Other Revenue]"/>
        <member name="[CB - Account].[Account CB - Description].&amp;[0449106 - Demand Revenue]"/>
        <member name="[CB - Account].[Account CB - Description].&amp;[0449107 - Supply Revenue]"/>
        <member name="[CB - Account].[Account CB - Description].&amp;[0449108 - Other Revenue - Reg gas]"/>
        <member name="[CB - Account].[Account CB - Description].&amp;[0449110 - Prov for Rate Refunds-Whsl]"/>
        <member name="[CB - Account].[Account CB - Description].&amp;[0449111 - Tax reform - Retail]"/>
        <member name="[CB - Account].[Account CB - Description].&amp;[0449112 - EDIT Amortization]"/>
        <member name="[CB - Account].[Account CB - Description].&amp;[0449113 - Tax Reform - Industrial]"/>
        <member name="[CB - Account].[Account CB - Description].&amp;[0449114 - Tax Reform Account - Other]"/>
        <member name="[CB - Account].[Account CB - Description].&amp;[0449115 - Tax Reform - Riders]"/>
        <member name="[CB - Account].[Account CB - Description].&amp;[0449116 - Tax reform - Wholesale/BPM]"/>
        <member name="[CB - Account].[Account CB - Description].&amp;[0449200 - Prov for Rate Refunds - IGCC]"/>
        <member name="[CB - Account].[Account CB - Description].&amp;[0449300 - BudAdj-Volumes Rev]"/>
        <member name="[CB - Account].[Account CB - Description].&amp;[0449301 - BudAdj-Price Rev]"/>
        <member name="[CB - Account].[Account CB - Description].&amp;[0449302 - BudAdj-EE Rider]"/>
        <member name="[CB - Account].[Account CB - Description].&amp;[0449303 - BudAdj-OH SG Rider]"/>
        <member name="[CB - Account].[Account CB - Description].&amp;[0449304 - BudAdj-IGCC Rider]"/>
        <member name="[CB - Account].[Account CB - Description].&amp;[0449305 - BudAdj-Other Riders]"/>
        <member name="[CB - Account].[Account CB - Description].&amp;[0449306 - BudAdj-Other Rev Margin]"/>
        <member name="[CB - Account].[Account CB - Description].&amp;[0450000 - Energy Sales Actuals - IC]"/>
        <member name="[CB - Account].[Account CB - Description].&amp;[0450001 - Energy Sales Estimate - IC]"/>
        <member name="[CB - Account].[Account CB - Description].&amp;[0450100 - Late Pmt and Forf Disc]"/>
        <member name="[CB - Account].[Account CB - Description].&amp;[0450200 - Charge On Returned Checks]"/>
        <member name="[CB - Account].[Account CB - Description].&amp;[0450300 - Inactive]"/>
        <member name="[CB - Account].[Account CB - Description].&amp;[0451001 - Power Revenue]"/>
        <member name="[CB - Account].[Account CB - Description].&amp;[0451100 - Misc Service Revenue]"/>
        <member name="[CB - Account].[Account CB - Description].&amp;[0451101 - Fixed Payment Termination Fee]"/>
        <member name="[CB - Account].[Account CB - Description].&amp;[0451102 - Fixed Pmt Term Fee-NonReg]"/>
        <member name="[CB - Account].[Account CB - Description].&amp;[0451105 - Miscellaneous Items - NonREg]"/>
        <member name="[CB - Account].[Account CB - Description].&amp;[0451200 - Generation Application Fee]"/>
        <member name="[CB - Account].[Account CB - Description].&amp;[0451400 - DETM-DENA Management Fees]"/>
        <member name="[CB - Account].[Account CB - Description].&amp;[0453625 - Intercompany Sales of Water]"/>
        <member name="[CB - Account].[Account CB - Description].&amp;[0454001 - Rent from Electric Prop - Nucl]"/>
        <member name="[CB - Account].[Account CB - Description].&amp;[0454002 - Rent - Lighting equipment]"/>
        <member name="[CB - Account].[Account CB - Description].&amp;[0454003 - Rent - Non-Lighting equipment]"/>
        <member name="[CB - Account].[Account CB - Description].&amp;[0454004 - Rent - Joint Use]"/>
        <member name="[CB - Account].[Account CB - Description].&amp;[0454005 - Rent - Transmission]"/>
        <member name="[CB - Account].[Account CB - Description].&amp;[0454100 - Extra-Facilities]"/>
        <member name="[CB - Account].[Account CB - Description].&amp;[0454105 - IC Other Elec Rents]"/>
        <member name="[CB - Account].[Account CB - Description].&amp;[0454110 - Inter-Connection-Cogeneration]"/>
        <member name="[CB - Account].[Account CB - Description].&amp;[0454175 - Other Lease Revenues]"/>
        <member name="[CB - Account].[Account CB - Description].&amp;[0454200 - Pole &amp; Line Attachments]"/>
        <member name="[CB - Account].[Account CB - Description].&amp;[0454300 - Tower Lease Revenues]"/>
        <member name="[CB - Account].[Account CB - Description].&amp;[0454400 - Other Electric Rents]"/>
        <member name="[CB - Account].[Account CB - Description].&amp;[0454401 - Other Electic Rents - Non-Reg]"/>
        <member name="[CB - Account].[Account CB - Description].&amp;[0454402 - Other Electric Rents-NonReg]"/>
        <member name="[CB - Account].[Account CB - Description].&amp;[0454404 - Oth. Elec Rent - Wholesale/JO]"/>
        <member name="[CB - Account].[Account CB - Description].&amp;[0454500 - Leased Facilities Fee-Catawba]"/>
        <member name="[CB - Account].[Account CB - Description].&amp;[0454510 - Rtn &amp; Dep-Joint-Owner Gen Plt]"/>
        <member name="[CB - Account].[Account CB - Description].&amp;[0454600 - Lease Revenue - CERT]"/>
        <member name="[CB - Account].[Account CB - Description].&amp;[0454601 - Other Miscellaneous Revenue]"/>
        <member name="[CB - Account].[Account CB - Description].&amp;[0454700 - Distribution Charge - Network]"/>
        <member name="[CB - Account].[Account CB - Description].&amp;[0454710 - Power Factor Penalty - Network]"/>
        <member name="[CB - Account].[Account CB - Description].&amp;[0454720 - Metering - Network]"/>
        <member name="[CB - Account].[Account CB - Description].&amp;[0455000 - Subsidiary Cost Of Capital]"/>
        <member name="[CB - Account].[Account CB - Description].&amp;[0456000 - Other Variable Revenues]"/>
        <member name="[CB - Account].[Account CB - Description].&amp;[0456001 - Other Variable Revenues-Reg]"/>
        <member name="[CB - Account].[Account CB - Description].&amp;[0456002 - DEMAND PROFILE PLOT CHARGE]"/>
        <member name="[CB - Account].[Account CB - Description].&amp;[0456003 - Retail Unbilled Revenue]"/>
        <member name="[CB - Account].[Account CB - Description].&amp;[0456004 - MAGNETIC TAPE PULSE DATA]"/>
        <member name="[CB - Account].[Account CB - Description].&amp;[0456005 - ELEC REV-COGEN/SMALL PWR PRO]"/>
        <member name="[CB - Account].[Account CB - Description].&amp;[0456006 - Muni Coty Tax Coll/Comm]"/>
        <member name="[CB - Account].[Account CB - Description].&amp;[0456007 - NITS ARP]"/>
        <member name="[CB - Account].[Account CB - Description].&amp;[0456008 - Jobs Retention Rider O/U]"/>
        <member name="[CB - Account].[Account CB - Description].&amp;[0456009 - EV Charging Revenues]"/>
        <member name="[CB - Account].[Account CB - Description].&amp;[0456016 - I/C Joint Disp - Trans NW Rev]"/>
        <member name="[CB - Account].[Account CB - Description].&amp;[0456025 - RSG Rev - MISO Make Whole]"/>
        <member name="[CB - Account].[Account CB - Description].&amp;[0456034 - IC Other Elect Revenue]"/>
        <member name="[CB - Account].[Account CB - Description].&amp;[0456035 - I/C Rev - RSG Makewhole]"/>
        <member name="[CB - Account].[Account CB - Description].&amp;[0456040 - Sales Use Tax Coll Fee]"/>
        <member name="[CB - Account].[Account CB - Description].&amp;[0456041 - Sales Use Tax Coll Fee-NonReg]"/>
        <member name="[CB - Account].[Account CB - Description].&amp;[0456050 - Transmission Study Revenue]"/>
        <member name="[CB - Account].[Account CB - Description].&amp;[0456055 - I/C NR Rev - RSG Makewhole]"/>
        <member name="[CB - Account].[Account CB - Description].&amp;[0456075 - Data Processing Service]"/>
        <member name="[CB - Account].[Account CB - Description].&amp;[0456100 - Profit Or Loss On Sale Of M&amp;S]"/>
        <member name="[CB - Account].[Account CB - Description].&amp;[0456101 - Other - Non Reg]"/>
        <member name="[CB - Account].[Account CB - Description].&amp;[0456102 - Distribution Charge - Network]"/>
        <member name="[CB - Account].[Account CB - Description].&amp;[0456103 - Metering  - Network]"/>
        <member name="[CB - Account].[Account CB - Description].&amp;[0456104 - Transmission Charge Network]"/>
        <member name="[CB - Account].[Account CB - Description].&amp;[0456105 - Sched, Sys Cntl, disp-network]"/>
        <member name="[CB - Account].[Account CB - Description].&amp;[0456106 - Reactive Pur/Volt Cntl Svc]"/>
        <member name="[CB - Account].[Account CB - Description].&amp;[0456107 - Regulation/Frequency response]"/>
        <member name="[CB - Account].[Account CB - Description].&amp;[0456108 - Op Res - Spinning Reserve]"/>
        <member name="[CB - Account].[Account CB - Description].&amp;[0456109 - Op Res - Supplimental Reserve]"/>
        <member name="[CB - Account].[Account CB - Description].&amp;[0456110 - Transmission Charge PTP]"/>
        <member name="[CB - Account].[Account CB - Description].&amp;[0456111 - Other Transmission Revenues]"/>
        <member name="[CB - Account].[Account CB - Description].&amp;[0456112 - G/L on Sale of Mands-NonReg]"/>
        <member name="[CB - Account].[Account CB - Description].&amp;[0456113 - Other Transmission Rev-NonReg]"/>
        <member name="[CB - Account].[Account CB - Description].&amp;[0456114 - PROD ANCILLARY SERV REV]"/>
        <member name="[CB - Account].[Account CB - Description].&amp;[0456115 - TRANSMISSION TARIFF REV]"/>
        <member name="[CB - Account].[Account CB - Description].&amp;[0456116 - PROD ANCILLARY SERV REV]"/>
        <member name="[CB - Account].[Account CB - Description].&amp;[0456117 - I/C WHEELING-TRANSMISSION-DUKE]"/>
        <member name="[CB - Account].[Account CB - Description].&amp;[0456118 - I/C REVENUE SHARING-DUKE]"/>
        <member name="[CB - Account].[Account CB - Description].&amp;[0456119 - I/C WHEELING-PROD ANC SER-DUKE]"/>
        <member name="[CB - Account].[Account CB - Description].&amp;[0456150 - Interest On Customer Loans-Nc]"/>
        <member name="[CB - Account].[Account CB - Description].&amp;[0456151 - Management Fees - Non- Reg]"/>
        <member name="[CB - Account].[Account CB - Description].&amp;[0456152 - Processing Fees - Non-Reg]"/>
        <member name="[CB - Account].[Account CB - Description].&amp;[0456153 - Other fee Income - Non Reg]"/>
        <member name="[CB - Account].[Account CB - Description].&amp;[0456160 - Interest On Customer Loans-Sc]"/>
        <member name="[CB - Account].[Account CB - Description].&amp;[0456191 - NC Unbilled Coal Inv Rev]"/>
        <member name="[CB - Account].[Account CB - Description].&amp;[0456192 - SC Unbilled Coal Inv Rev]"/>
        <member name="[CB - Account].[Account CB - Description].&amp;[0456200 - Wheeling Fee - Sepa]"/>
        <member name="[CB - Account].[Account CB - Description].&amp;[0456207 - Amortiz of Intag Ast-Rate Stab]"/>
        <member name="[CB - Account].[Account CB - Description].&amp;[0456210 - Wheeling Fee - Catawba]"/>
        <member name="[CB - Account].[Account CB - Description].&amp;[0456214 - Contra Rev-Convention Cntr]"/>
        <member name="[CB - Account].[Account CB - Description].&amp;[0456220 - Wheeling Fee - Cp&amp;L]"/>
        <member name="[CB - Account].[Account CB - Description].&amp;[0456300 - Comp For Serv Oth JointOwner]"/>
        <member name="[CB - Account].[Account CB - Description].&amp;[0456301 - Transmission Charge PTP]"/>
        <member name="[CB - Account].[Account CB - Description].&amp;[0456302 - RENEWABLES REC SALE REVENUE]"/>
        <member name="[CB - Account].[Account CB - Description].&amp;[0456310 - Rev-Reg Products &amp; Svcs]"/>
        <member name="[CB - Account].[Account CB - Description].&amp;[0456311 - Loss Compensation PTPNF]"/>
        <member name="[CB - Account].[Account CB - Description].&amp;[0456312 - Ash Revenue]"/>
        <member name="[CB - Account].[Account CB - Description].&amp;[0456319 - Loss Comp Contra PTPNF]"/>
        <member name="[CB - Account].[Account CB - Description].&amp;[0456321 - Sched Sys Cntl Disp PTPNF]"/>
        <member name="[CB - Account].[Account CB - Description].&amp;[0456330 - Reactpwr/Voltage Cntlsvcptpnf]"/>
        <member name="[CB - Account].[Account CB - Description].&amp;[0456339 - REACTPWR/VTGCTLSVCCONTRAPTPNF]"/>
        <member name="[CB - Account].[Account CB - Description].&amp;[0456340 - REGULATION&amp;FREQUESNCYRESPPTPNF]"/>
        <member name="[CB - Account].[Account CB - Description].&amp;[0456350 - ENERGYIMBALANCESVCEPTPNF]"/>
        <member name="[CB - Account].[Account CB - Description].&amp;[0456351 - Fuel Management Revenues]"/>
        <member name="[CB - Account].[Account CB - Description].&amp;[0456360 - OPERRESERVE-SPINNINGRESVPTPNF]"/>
        <member name="[CB - Account].[Account CB - Description].&amp;[0456370 - OPERRESERVE-SUPPLRESV-PTPNF]"/>
        <member name="[CB - Account].[Account CB - Description].&amp;[0456380 - OTHERS]"/>
        <member name="[CB - Account].[Account CB - Description].&amp;[0456381 - OTHERS CONTRA]"/>
        <member name="[CB - Account].[Account CB - Description].&amp;[0456390 - T&amp;LF Est Rev Cr-Other-WVPA]"/>
        <member name="[CB - Account].[Account CB - Description].&amp;[0456391 - T&amp;LF Est Rev Cr-Other-IMPA]"/>
        <member name="[CB - Account].[Account CB - Description].&amp;[0456392 - Jobs Retention Rider]"/>
        <member name="[CB - Account].[Account CB - Description].&amp;[0456400 - TRANSM_CHG_NET_PUR_ACCTG_ADJ]"/>
        <member name="[CB - Account].[Account CB - Description].&amp;[0456401 - TRANSMISSION CHARGE - PTPF]"/>
        <member name="[CB - Account].[Account CB - Description].&amp;[0456402 - Amortization of SC DSM]"/>
        <member name="[CB - Account].[Account CB - Description].&amp;[0456410 - Fish &amp; Wildlife Revenues]"/>
        <member name="[CB - Account].[Account CB - Description].&amp;[0456411 - LOSS COMPENSATION - PTPF]"/>
        <member name="[CB - Account].[Account CB - Description].&amp;[0456419 - LOSS COMP CONTRA PTPF]"/>
        <member name="[CB - Account].[Account CB - Description].&amp;[0456420 - Recreation Site Revenues]"/>
        <member name="[CB - Account].[Account CB - Description].&amp;[0456421 - SCHED, SYS CNTL, DISP - PTPF]"/>
        <member name="[CB - Account].[Account CB - Description].&amp;[0456430 - REACTIVEPWR/VOLTCNTLSVC PTPF]"/>
        <member name="[CB - Account].[Account CB - Description].&amp;[0456439 - REACTPWRT/VOLTCTLSVCCONTRA PTP]"/>
        <member name="[CB - Account].[Account CB - Description].&amp;[0456440 - REGULATION&amp;FREQUESNCYRESPPT]"/>
        <member name="[CB - Account].[Account CB - Description].&amp;[0456450 - ENERGYIMBALANCESVCEPTPF]"/>
        <member name="[CB - Account].[Account CB - Description].&amp;[0456460 - OPERRESERVE-SPINNINGRESV-PTPF]"/>
        <member name="[CB - Account].[Account CB - Description].&amp;[0456470 - OPERRESERVE-SUPPLRESV-PTPF]"/>
        <member name="[CB - Account].[Account CB - Description].&amp;[0456500 - Nc Unbilled Fuel Clause Rev]"/>
        <member name="[CB - Account].[Account CB - Description].&amp;[0456510 - Nc Unbilled Fuel Emf]"/>
        <member name="[CB - Account].[Account CB - Description].&amp;[0456520 - Nc Unbilled Fuel Emf Interest]"/>
        <member name="[CB - Account].[Account CB - Description].&amp;[0456528 - Lincoln CT Siemens Billing]"/>
        <member name="[CB - Account].[Account CB - Description].&amp;[0456530 - Sc Unbilled Fuel Clause Rev]"/>
        <member name="[CB - Account].[Account CB - Description].&amp;[0456540 - Wholesale Unbilled Fuel Clause]"/>
        <member name="[CB - Account].[Account CB - Description].&amp;[0456550 - Nantahala Unbilled Fuel Clause]"/>
        <member name="[CB - Account].[Account CB - Description].&amp;[0456560 - NC EE Deferred Revenue]"/>
        <member name="[CB - Account].[Account CB - Description].&amp;[0456570 - SC EE Deferred Revenue]"/>
        <member name="[CB - Account].[Account CB - Description].&amp;[0456580 - SC Pension Rider Rev]"/>
        <member name="[CB - Account].[Account CB - Description].&amp;[0456590 - BudAdj-Fuel]"/>
        <member name="[CB - Account].[Account CB - Description].&amp;[0456610 - Other Electric Revenues]"/>
        <member name="[CB - Account].[Account CB - Description].&amp;[0456611 - Other-NonReg]"/>
        <member name="[CB - Account].[Account CB - Description].&amp;[0456612 - EV Charging Station Rev]"/>
        <member name="[CB - Account].[Account CB - Description].&amp;[0456615 - Shared Solar - NC]"/>
        <member name="[CB - Account].[Account CB - Description].&amp;[0456616 - Shared Solar - SC]"/>
        <member name="[CB - Account].[Account CB - Description].&amp;[0456620 - Cp&amp;L Schedule J Agreement]"/>
        <member name="[CB - Account].[Account CB - Description].&amp;[0456630 - Gross Up-Contr In Aid Of Const]"/>
        <member name="[CB - Account].[Account CB - Description].&amp;[0456640 - Deferred Dsm Costs - Nc]"/>
        <member name="[CB - Account].[Account CB - Description].&amp;[0456650 - Deferred Dsm Costs - Sc]"/>
        <member name="[CB - Account].[Account CB - Description].&amp;[0456660 - Misc Nonjurisdictional Revenue]"/>
        <member name="[CB - Account].[Account CB - Description].&amp;[0456700 - Steam Sales Revenue]"/>
        <member name="[CB - Account].[Account CB - Description].&amp;[0456710 - LOSS COMPENSATION - NETWORK]"/>
        <member name="[CB - Account].[Account CB - Description].&amp;[0456720 - SCHED, SYS CNTL, DISP-NETWORK]"/>
        <member name="[CB - Account].[Account CB - Description].&amp;[0456730 - REACTIVE PUR/VOLT CNTL SVC]"/>
        <member name="[CB - Account].[Account CB - Description].&amp;[0456740 - REGULATION/FREQUENCY RESPONSE]"/>
        <member name="[CB - Account].[Account CB - Description].&amp;[0456750 - ENERGY IMBALANCE PLACE HOLDER]"/>
        <member name="[CB - Account].[Account CB - Description].&amp;[0456760 - OP RES - SPINNING RESERVE]"/>
        <member name="[CB - Account].[Account CB - Description].&amp;[0456770 - OP RES - SUPPLEMENTAL RESERVE]"/>
        <member name="[CB - Account].[Account CB - Description].&amp;[0456780 - TRANSMISSION DIRECT ASSGN CHG]"/>
        <member name="[CB - Account].[Account CB - Description].&amp;[0456800 - Other Elect Rev-R&amp;D Reimbursem]"/>
        <member name="[CB - Account].[Account CB - Description].&amp;[0456850 - Interco Svc Revenue w/10004]"/>
        <member name="[CB - Account].[Account CB - Description].&amp;[0456851 - Interco Svc Revenue w/10076]"/>
        <member name="[CB - Account].[Account CB - Description].&amp;[0456900 - Transmission Open Access-Firm]"/>
        <member name="[CB - Account].[Account CB - Description].&amp;[0456910 - Transmission Open Acc-Nonfirm]"/>
        <member name="[CB - Account].[Account CB - Description].&amp;[0456920 - Trans Open Acc-Short Term Firm]"/>
        <member name="[CB - Account].[Account CB - Description].&amp;[0456930 - Tariff Sys Impact - Revenue]"/>
        <member name="[CB - Account].[Account CB - Description].&amp;[0456940 - Interco Svc Rev - Elect Trans]"/>
        <member name="[CB - Account].[Account CB - Description].&amp;[0456941 - Interco Rev w/Elect Trans]"/>
        <member name="[CB - Account].[Account CB - Description].&amp;[0456942 - Disposal of Investment]"/>
        <member name="[CB - Account].[Account CB - Description].&amp;[0456943 - Royalty Revenue]"/>
        <member name="[CB - Account].[Account CB - Description].&amp;[0456944 - Management Fees]"/>
        <member name="[CB - Account].[Account CB - Description].&amp;[0456945 - Processing Fees]"/>
        <member name="[CB - Account].[Account CB - Description].&amp;[0456946 - Int Income Financial Services]"/>
        <member name="[CB - Account].[Account CB - Description].&amp;[0456947 - Other Fee Income]"/>
        <member name="[CB - Account].[Account CB - Description].&amp;[0456948 - Lease Income]"/>
        <member name="[CB - Account].[Account CB - Description].&amp;[0456949 - Other Revenue Affiliate]"/>
        <member name="[CB - Account].[Account CB - Description].&amp;[0456950 - PROCESSING FEES AFFILIATE]"/>
        <member name="[CB - Account].[Account CB - Description].&amp;[0456951 - MGMT Fee G&amp;A INC (Tax only)]"/>
        <member name="[CB - Account].[Account CB - Description].&amp;[0456952 - Realized Gain on Eq. Trades]"/>
        <member name="[CB - Account].[Account CB - Description].&amp;[0456953 - Unrealized Gain on Eq Trades]"/>
        <member name="[CB - Account].[Account CB - Description].&amp;[0456954 - Realized Gain on Fin Trades]"/>
        <member name="[CB - Account].[Account CB - Description].&amp;[0456955 - Unrealized Gain on Fin Trades]"/>
        <member name="[CB - Account].[Account CB - Description].&amp;[0456956 - MGMT FEE OPEX INC (Tax only)]"/>
        <member name="[CB - Account].[Account CB - Description].&amp;[0456957 - IC Insurance Revenue]"/>
        <member name="[CB - Account].[Account CB - Description].&amp;[0456958 - Interco Lease Revenue]"/>
        <member name="[CB - Account].[Account CB - Description].&amp;[0456960 - Trans Rev Rtl Switcher - EC]"/>
        <member name="[CB - Account].[Account CB - Description].&amp;[0456970 - Wheel Transmission Rev - ED]"/>
        <member name="[CB - Account].[Account CB - Description].&amp;[0456975 - I/C Transmission Revenue]"/>
        <member name="[CB - Account].[Account CB - Description].&amp;[0456976 - IC Wheel-Transmission-Duke]"/>
        <member name="[CB - Account].[Account CB - Description].&amp;[0456977 - IC Wheel Prod Ancil Serv-Duke]"/>
        <member name="[CB - Account].[Account CB - Description].&amp;[0456978 - IC Revenue Sharing-Duke]"/>
        <member name="[CB - Account].[Account CB - Description].&amp;[0456980 - Wheel Transmission Rev - EC]"/>
        <member name="[CB - Account].[Account CB - Description].&amp;[0456981 - Wheel Transmission EC-NonReg]"/>
        <member name="[CB - Account].[Account CB - Description].&amp;[0457010 - Rev-Svc Co-Direct to Affil]"/>
        <member name="[CB - Account].[Account CB - Description].&amp;[0457020 - Rev-Svc Co-Indirect Costs]"/>
        <member name="[CB - Account].[Account CB - Description].&amp;[0457100 - SC Direct PT Offset]"/>
        <member name="[CB - Account].[Account CB - Description].&amp;[0457101 - SC Direct A&amp;G Offst]"/>
        <member name="[CB - Account].[Account CB - Description].&amp;[0457102 - SC Direct O&amp;M Offst]"/>
        <member name="[CB - Account].[Account CB - Description].&amp;[0457103 - SC Dir Op Rev Ofst]"/>
        <member name="[CB - Account].[Account CB - Description].&amp;[0457104 - SC Direct PT Offst]"/>
        <member name="[CB - Account].[Account CB - Description].&amp;[0457105 - Scheduling &amp; Dispatch Revenues]"/>
        <member name="[CB - Account].[Account CB - Description].&amp;[0457106 - PPE Impair Offset]"/>
        <member name="[CB - Account].[Account CB - Description].&amp;[0457200 - SC Indirect PT Offst]"/>
        <member name="[CB - Account].[Account CB - Description].&amp;[0457201 - SC Indirect A&amp;G Ofst]"/>
        <member name="[CB - Account].[Account CB - Description].&amp;[0457202 - SC Indirect O&amp;M Ofst]"/>
        <member name="[CB - Account].[Account CB - Description].&amp;[0457203 - SC Indr Op Rev Offst]"/>
        <member name="[CB - Account].[Account CB - Description].&amp;[0457204 - PJM Reactive Rev]"/>
        <member name="[CB - Account].[Account CB - Description].&amp;[0457300 - Alloc Employee Bnfts Offst]"/>
        <member name="[CB - Account].[Account CB - Description].&amp;[0457301 - SC Ind Intrst Offset]"/>
        <member name="[CB - Account].[Account CB - Description].&amp;[0457801 - SC Indr G/L Offset]"/>
        <member name="[CB - Account].[Account CB - Description].&amp;[0457900 - Allocated Depred Exp Offset]"/>
        <member name="[CB - Account].[Account CB - Description].&amp;[0457981 - Rev-Reclass to Funct Exp Accts]"/>
        <member name="[CB - Account].[Account CB - Description].&amp;[0457982 - Rev-Reclass O&amp;M Labor &amp;Non Lbr]"/>
        <member name="[CB - Account].[Account CB - Description].&amp;[0457983 - Rev-Reclass A&amp;G]"/>
        <member name="[CB - Account].[Account CB - Description].&amp;[0457984 - Rev-Reclass Benefits]"/>
        <member name="[CB - Account].[Account CB - Description].&amp;[0457985 - Rev-Reclass Prop Oth Taxes]"/>
        <member name="[CB - Account].[Account CB - Description].&amp;[0457986 - ALLOCATED FUEL REVENUE OFFSET]"/>
        <member name="[CB - Account].[Account CB - Description].&amp;[0457987 - ALLOC DEPREC/AMORT REV OFFSET]"/>
        <member name="[CB - Account].[Account CB - Description].&amp;[0457988 - ALLOCATED OTHER INC/EXP OFFSET]"/>
        <member name="[CB - Account].[Account CB - Description].&amp;[0457989 - Svc Co Rev Elim]"/>
        <member name="[CB - Account].[Account CB - Description].&amp;[0457991 - ALLOC 3RD PARTY INT INC OFFSET]"/>
        <member name="[CB - Account].[Account CB - Description].&amp;[0457992 - ALLOC INTERCO INT INC OFFSET]"/>
        <member name="[CB - Account].[Account CB - Description].&amp;[0457993 - ALLOC INT EXP OFFSET]"/>
        <member name="[CB - Account].[Account CB - Description].&amp;[0457994 - ALLOC INC TAXES OFFSET]"/>
        <member name="[CB - Account].[Account CB - Description].&amp;[0461000 - Commodity Revenue]"/>
        <member name="[CB - Account].[Account CB - Description].&amp;[0466000 - Commodity Purchase]"/>
        <member name="[CB - Account].[Account CB - Description].&amp;[0466100 - Commodity Secondary Costs]"/>
        <member name="[CB - Account].[Account CB - Description].&amp;[0466105 - Comm Realized Reserves]"/>
        <member name="[CB - Account].[Account CB - Description].&amp;[0466500 - Derivative Purchase]"/>
        <member name="[CB - Account].[Account CB - Description].&amp;[0466505 - Derivative Realized Reserves]"/>
        <member name="[CB - Account].[Account CB - Description].&amp;[0466510 - DERIVATIVE REALIZED RISK ALLOC]"/>
        <member name="[CB - Account].[Account CB - Description].&amp;[0470000 - Gas Transport Rev Actuals]"/>
        <member name="[CB - Account].[Account CB - Description].&amp;[0470001 - IUB Gas Transport Rev Est]"/>
        <member name="[CB - Account].[Account CB - Description].&amp;[0470002 - IUB Mkt Schldg Coordinate Rev]"/>
        <member name="[CB - Account].[Account CB - Description].&amp;[0470010 - IUB Gas Sales Tax Rev Actual]"/>
        <member name="[CB - Account].[Account CB - Description].&amp;[0471000 - Interco Derivative Liquid Sale]"/>
        <member name="[CB - Account].[Account CB - Description].&amp;[0471001 - 3rd Party Deriv Liquid Sales]"/>
        <member name="[CB - Account].[Account CB - Description].&amp;[0475000 - LPG Sales]"/>
        <member name="[CB - Account].[Account CB - Description].&amp;[0480000 - Residential Sales-Gas]"/>
        <member name="[CB - Account].[Account CB - Description].&amp;[0480001 - Sales of Gas-Res CNG Cust Comp]"/>
        <member name="[CB - Account].[Account CB - Description].&amp;[0480990 - Gas Residential Sales-Unbilled]"/>
        <member name="[CB - Account].[Account CB - Description].&amp;[0481000 - Industrial Sales-Gas]"/>
        <member name="[CB - Account].[Account CB - Description].&amp;[0481001 - Sales of Gas-Ind CNG Cust Comp]"/>
        <member name="[CB - Account].[Account CB - Description].&amp;[0481002 - Power Generation Rev - Sales]"/>
        <member name="[CB - Account].[Account CB - Description].&amp;[0481090 - Gas Industrial Sales Unbilled]"/>
        <member name="[CB - Account].[Account CB - Description].&amp;[0481200 - Gas Commercial Sales]"/>
        <member name="[CB - Account].[Account CB - Description].&amp;[0481201 - Sales of Gas-Commercial Value]"/>
        <member name="[CB - Account].[Account CB - Description].&amp;[0481202 - Sales of Gas - CNG]"/>
        <member name="[CB - Account].[Account CB - Description].&amp;[0481203 - CNG Volume Rebate]"/>
        <member name="[CB - Account].[Account CB - Description].&amp;[0481204 - Sales Of Gas-Commercial Stand]"/>
        <member name="[CB - Account].[Account CB - Description].&amp;[0481205 - Sales of Gas-NGV billed-S2K]"/>
        <member name="[CB - Account].[Account CB - Description].&amp;[0481206 - Sales of Gas-Comm CNG PNG Comp]"/>
        <member name="[CB - Account].[Account CB - Description].&amp;[0481207 - Sales of Gas-Comm CNG CustComp]"/>
        <member name="[CB - Account].[Account CB - Description].&amp;[0481290 - Gas Commercial Sales Unbilled]"/>
        <member name="[CB - Account].[Account CB - Description].&amp;[0482000 - Other Sales to Public Auth-Gas]"/>
        <member name="[CB - Account].[Account CB - Description].&amp;[0482090 - Gas OPA Unbilled]"/>
        <member name="[CB - Account].[Account CB - Description].&amp;[0482200 - Gas Public St Hwy Ltng]"/>
        <member name="[CB - Account].[Account CB - Description].&amp;[0483000 - Gas Sales]"/>
        <member name="[CB - Account].[Account CB - Description].&amp;[0483001 - Contra Gas Sale Intra BU]"/>
        <member name="[CB - Account].[Account CB - Description].&amp;[0483002 - Natural Gas Sales]"/>
        <member name="[CB - Account].[Account CB - Description].&amp;[0483003 - Natural Gas Sales-Affiliates]"/>
        <member name="[CB - Account].[Account CB - Description].&amp;[0483004 - Gas Sales Duke Soln]"/>
        <member name="[CB - Account].[Account CB - Description].&amp;[0483005 - Gas Sales for Resale - DETM]"/>
        <member name="[CB - Account].[Account CB - Description].&amp;[0483006 - Refined Products Sales]"/>
        <member name="[CB - Account].[Account CB - Description].&amp;[0483007 - HEDGING (GAIN) LOSS-GAS SALES]"/>
        <member name="[CB - Account].[Account CB - Description].&amp;[0483008 - NG Sales - DEGT only]"/>
        <member name="[CB - Account].[Account CB - Description].&amp;[0483010 - Natural Gas Marketing Sales]"/>
        <member name="[CB - Account].[Account CB - Description].&amp;[0483011 - Sales Of Gas-For Resale]"/>
        <member name="[CB - Account].[Account CB - Description].&amp;[0483015 - Sale Gas Related Pty]"/>
        <member name="[CB - Account].[Account CB - Description].&amp;[0483016 - RPT Sales Gas &amp; NGL - COP]"/>
        <member name="[CB - Account].[Account CB - Description].&amp;[0483017 - RPT Sales Gas &amp; NGL other]"/>
        <member name="[CB - Account].[Account CB - Description].&amp;[0483099 - Gas Rev Contra EITF 02-03]"/>
        <member name="[CB - Account].[Account CB - Description].&amp;[0483101 - GAS SALES ESTIMATE]"/>
        <member name="[CB - Account].[Account CB - Description].&amp;[0483111 - Sale Gas TM Related Pty]"/>
        <member name="[CB - Account].[Account CB - Description].&amp;[0483200 - Transport. of Gas - For Resale]"/>
        <member name="[CB - Account].[Account CB - Description].&amp;[0484000 - Interdepartmental Sales]"/>
        <member name="[CB - Account].[Account CB - Description].&amp;[0485000 - Crude Oil Sales]"/>
        <member name="[CB - Account].[Account CB - Description].&amp;[0487001 - Discounts Earn/Lost-Gas]"/>
        <member name="[CB - Account].[Account CB - Description].&amp;[0487002 - Discounts Earn/Loss - Reg Gas]"/>
        <member name="[CB - Account].[Account CB - Description].&amp;[0487003 - Discounts Earn/Lost-NonReg]"/>
        <member name="[CB - Account].[Account CB - Description].&amp;[0488000 - Misc Service Revenue-Gas]"/>
        <member name="[CB - Account].[Account CB - Description].&amp;[0488001 - Miscellaneous Svc Rev-Reg Gas]"/>
        <member name="[CB - Account].[Account CB - Description].&amp;[0488100 - IC Misc Svc Reg Gas Reg]"/>
        <member name="[CB - Account].[Account CB - Description].&amp;[0488101 - I/C Gas Revenue]"/>
        <member name="[CB - Account].[Account CB - Description].&amp;[0488501 - Ft Bragg Utility Svc  Charge]"/>
        <member name="[CB - Account].[Account CB - Description].&amp;[0489000 - Transp Gas of Others]"/>
        <member name="[CB - Account].[Account CB - Description].&amp;[0489001 - Indus Transp CNG Cust Comp]"/>
        <member name="[CB - Account].[Account CB - Description].&amp;[0489002 - Power Gen Rev - Transportation]"/>
        <member name="[CB - Account].[Account CB - Description].&amp;[0489010 - IC Gas Transp Rev Reg]"/>
        <member name="[CB - Account].[Account CB - Description].&amp;[0489012 - Residential Gas Transp]"/>
        <member name="[CB - Account].[Account CB - Description].&amp;[0489015 - Res Gas Transp Unbilled]"/>
        <member name="[CB - Account].[Account CB - Description].&amp;[0489020 - Comm Gas Transp Only]"/>
        <member name="[CB - Account].[Account CB - Description].&amp;[0489025 - Comm Gas Transp Unbilled]"/>
        <member name="[CB - Account].[Account CB - Description].&amp;[0489030 - Indust Gas Transp Only]"/>
        <member name="[CB - Account].[Account CB - Description].&amp;[0489035 - Indust Gas Transp Unbilled]"/>
        <member name="[CB - Account].[Account CB - Description].&amp;[0489040 - OPA Gas Transp Only]"/>
        <member name="[CB - Account].[Account CB - Description].&amp;[0489045 - OPA Gas Transp Unbilled]"/>
        <member name="[CB - Account].[Account CB - Description].&amp;[0489100 - Rev Transport-Gathering]"/>
        <member name="[CB - Account].[Account CB - Description].&amp;[0489105 - Transportaion  Fees- Non-Reg]"/>
        <member name="[CB - Account].[Account CB - Description].&amp;[0489200 - Transportation Fees]"/>
        <member name="[CB - Account].[Account CB - Description].&amp;[0489201 - Transportation Fees-Affiliates]"/>
        <member name="[CB - Account].[Account CB - Description].&amp;[0489202 - S Georgia Amort]"/>
        <member name="[CB - Account].[Account CB - Description].&amp;[0489203 - Revenue-Tran sm-Neg Rates]"/>
        <member name="[CB - Account].[Account CB - Description].&amp;[0489204 - Transportation Revenue I/C Con]"/>
        <member name="[CB - Account].[Account CB - Description].&amp;[0489205 - Interco Transportation Revenue]"/>
        <member name="[CB - Account].[Account CB - Description].&amp;[0489206 - Revenue-Tran_neg Rates-I/C]"/>
        <member name="[CB - Account].[Account CB - Description].&amp;[0489207 - Transport Related Pty]"/>
        <member name="[CB - Account].[Account CB - Description].&amp;[0489208 - RPT Transportation - COP]"/>
        <member name="[CB - Account].[Account CB - Description].&amp;[0489209 - RPT Transportation - Other]"/>
        <member name="[CB - Account].[Account CB - Description].&amp;[0489215 - Storage Fees - Affiliates -Non]"/>
        <member name="[CB - Account].[Account CB - Description].&amp;[0489300 - Distribution Rev - 3rd Party]"/>
        <member name="[CB - Account].[Account CB - Description].&amp;[0489301 - Distribution Rev - DEGT only]"/>
        <member name="[CB - Account].[Account CB - Description].&amp;[0489350 - Public St Hwy Ltng Transp Gas]"/>
        <member name="[CB - Account].[Account CB - Description].&amp;[0489400 - Storage Fees]"/>
        <member name="[CB - Account].[Account CB - Description].&amp;[0489401 - Intercompany Storage Revenues]"/>
        <member name="[CB - Account].[Account CB - Description].&amp;[0489402 - Storage Revenue I/C Contra]"/>
        <member name="[CB - Account].[Account CB - Description].&amp;[0489403 - Storage Fees - Non Reg gas]"/>
        <member name="[CB - Account].[Account CB - Description].&amp;[0490000 - NGL Sales]"/>
        <member name="[CB - Account].[Account CB - Description].&amp;[0490001 - NGL Sales-Affiliates]"/>
        <member name="[CB - Account].[Account CB - Description].&amp;[0490002 - Coal Sales]"/>
        <member name="[CB - Account].[Account CB - Description].&amp;[0490003 - LIQUID REVENUE  - IOWA]"/>
        <member name="[CB - Account].[Account CB - Description].&amp;[0490005 - NGL Sales -Affiliates_Reg Gas]"/>
        <member name="[CB - Account].[Account CB - Description].&amp;[0490010 - Sale Liquid Related Pty]"/>
        <member name="[CB - Account].[Account CB - Description].&amp;[0490011 - Hedging Gain(Loss) - NGL Sales]"/>
        <member name="[CB - Account].[Account CB - Description].&amp;[0491000 - Liquid Revenue - Venice]"/>
        <member name="[CB - Account].[Account CB - Description].&amp;[0491001 - Rev Gas Proc By Oth-Royal]"/>
        <member name="[CB - Account].[Account CB - Description].&amp;[0491002 - Liquids Sales I/C Contra]"/>
        <member name="[CB - Account].[Account CB - Description].&amp;[0491003 - Gas Processing Hedge]"/>
        <member name="[CB - Account].[Account CB - Description].&amp;[0491004 - LIQUID REVENUE  - VENICE PLT]"/>
        <member name="[CB - Account].[Account CB - Description].&amp;[0491005 - GAS PROC BY OTHER - ROYAL]"/>
        <member name="[CB - Account].[Account CB - Description].&amp;[0491006 - LIQUID REVENUE - WILCOX]"/>
        <member name="[CB - Account].[Account CB - Description].&amp;[0491007 - GAS PROCESS HEDGE]"/>
        <member name="[CB - Account].[Account CB - Description].&amp;[0491008 - FAS 133 - INEFFECTINESS]"/>
        <member name="[CB - Account].[Account CB - Description].&amp;[0492001 - Oakford/Leidy Incidental Gasol]"/>
        <member name="[CB - Account].[Account CB - Description].&amp;[0492002 - Other Operating Rev -DEGT only]"/>
        <member name="[CB - Account].[Account CB - Description].&amp;[0492003 - PIPELINE DRIP SALES]"/>
        <member name="[CB - Account].[Account CB - Description].&amp;[0492004 - Venice- Condensate Revenue]"/>
        <member name="[CB - Account].[Account CB - Description].&amp;[0492005 - Other Interco Revenue-Nonreg]"/>
        <member name="[CB - Account].[Account CB - Description].&amp;[0493000 - Rent From Gas Properties]"/>
        <member name="[CB - Account].[Account CB - Description].&amp;[0493001 - Rent from Gas Props Non-Reg]"/>
        <member name="[CB - Account].[Account CB - Description].&amp;[0493010 - Rent from Gas Properties-IC]"/>
        <member name="[CB - Account].[Account CB - Description].&amp;[0494000 - Rents/Capsoft-Amt]"/>
        <member name="[CB - Account].[Account CB - Description].&amp;[0494001 - Other Oper Rev Rents I/C Contr]"/>
        <member name="[CB - Account].[Account CB - Description].&amp;[0494100 - I/C OPER. RENT REVENUE]"/>
        <member name="[CB - Account].[Account CB - Description].&amp;[0495000 - Fertilizer Sales]"/>
        <member name="[CB - Account].[Account CB - Description].&amp;[0495001 - Interco Rev/Exp - DEI BU Only]"/>
        <member name="[CB - Account].[Account CB - Description].&amp;[0495002 - Oth Gas Rev-Liquifi-Louis]"/>
        <member name="[CB - Account].[Account CB - Description].&amp;[0495003 - Flw Thr Adj-Cash Out Exp-Dips]"/>
        <member name="[CB - Account].[Account CB - Description].&amp;[0495004 - Cashout Revenue]"/>
        <member name="[CB - Account].[Account CB - Description].&amp;[0495005 - Imbalance Penalties]"/>
        <member name="[CB - Account].[Account CB - Description].&amp;[0495006 - Scheduling Penalties]"/>
        <member name="[CB - Account].[Account CB - Description].&amp;[0495007 - Revenue-Gas Sales-Ptms]"/>
        <member name="[CB - Account].[Account CB - Description].&amp;[0495008 - Misc Revenue-Mgt Fee]"/>
        <member name="[CB - Account].[Account CB - Description].&amp;[0495009 - Oth Gas Revenue-Misc]"/>
        <member name="[CB - Account].[Account CB - Description].&amp;[0495010 - Other Gas Rev-Stg Serv]"/>
        <member name="[CB - Account].[Account CB - Description].&amp;[0495011 - Other Revenue - Cashout Rev]"/>
        <member name="[CB - Account].[Account CB - Description].&amp;[0495012 - Other Operating Rev I/C Contra]"/>
        <member name="[CB - Account].[Account CB - Description].&amp;[0495013 - Cashout Revenue-I/C]"/>
        <member name="[CB - Account].[Account CB - Description].&amp;[0495014 - Other Rev-Liquids]"/>
        <member name="[CB - Account].[Account CB - Description].&amp;[0495015 - LNG STORAGE REVENUE]"/>
        <member name="[CB - Account].[Account CB - Description].&amp;[0495016 - OTHER REV-BILLED TO OTHERS]"/>
        <member name="[CB - Account].[Account CB - Description].&amp;[0495017 - Other Revenue - Related Party]"/>
        <member name="[CB - Account].[Account CB - Description].&amp;[0495018 - Other Revenue Billed to Others]"/>
        <member name="[CB - Account].[Account CB - Description].&amp;[0495020 - Captive Revenue BL Interco-Non]"/>
        <member name="[CB - Account].[Account CB - Description].&amp;[0495021 - Sales Use Tax Collect Fee]"/>
        <member name="[CB - Account].[Account CB - Description].&amp;[0495022 - Com Sales to Transport Cust]"/>
        <member name="[CB - Account].[Account CB - Description].&amp;[0495023 - Ind Sales to Transport Cust]"/>
        <member name="[CB - Account].[Account CB - Description].&amp;[0495024 - Secondary Market Sales]"/>
        <member name="[CB - Account].[Account CB - Description].&amp;[0495030 - Captive Revenue BI Interco]"/>
        <member name="[CB - Account].[Account CB - Description].&amp;[0495031 - Gas Losses Damaged Lines]"/>
        <member name="[CB - Account].[Account CB - Description].&amp;[0495100 - I/C INS. PREMIUMS EARNED]"/>
        <member name="[CB - Account].[Account CB - Description].&amp;[0496017 - Provision for Rate Refunds]"/>
        <member name="[CB - Account].[Account CB - Description].&amp;[0496020 - Provision for rate refund - Ta]"/>
        <member name="[CB - Account].[Account CB - Description].&amp;[0496021 - Provision for rate refund - Ta]"/>
        <member name="[CB - Account].[Account CB - Description].&amp;[0496022 - Provision for rate refund - Ta]"/>
        <member name="[CB - Account].[Account CB - Description].&amp;[0496023 - Provision for rate refund - Ta]"/>
        <member name="[CB - Account].[Account CB - Description].&amp;[0496024 - Provision for rate refund - Ta]"/>
        <member name="[CB - Account].[Account CB - Description].&amp;[0496025 - Provision for rate refund - Ta]"/>
        <member name="[CB - Account].[Account CB - Description].&amp;[0496026 - Provision for rate refund - Ta]"/>
        <member name="[CB - Account].[Account CB - Description].&amp;[0500001 - TEST]"/>
        <member name="[CB - Account].[Account CB - Description].&amp;[0500005 - Suprv&amp;Engrg-Steam Oper I/C]"/>
        <member name="[CB - Account].[Account CB - Description].&amp;[0501000 - Operating Expenses]"/>
        <member name="[CB - Account].[Account CB - Description].&amp;[0501001 - Repairs and Maintenance Expens]"/>
        <member name="[CB - Account].[Account CB - Description].&amp;[0501002 - Operating Expense Affiliate]"/>
        <member name="[CB - Account].[Account CB - Description].&amp;[0501003 - Gas Transport Exp Actuals]"/>
        <member name="[CB - Account].[Account CB - Description].&amp;[0501004 - Gas Transport Exp Est]"/>
        <member name="[CB - Account].[Account CB - Description].&amp;[0501005 - IUB Mkt Schldg Coordinate Exp]"/>
        <member name="[CB - Account].[Account CB - Description].&amp;[0501006 - Reins_Prem_Exp_Affiliate]"/>
        <member name="[CB - Account].[Account CB - Description].&amp;[0501007 - Beneficial Reuse - Coal Ash]"/>
        <member name="[CB - Account].[Account CB - Description].&amp;[0501008 - Contra Fuel Exp BR Ash - SC]"/>
        <member name="[CB - Account].[Account CB - Description].&amp;[0501009 - Contra Fuel Exp BR Ash - W/S]"/>
        <member name="[CB - Account].[Account CB - Description].&amp;[0501010 - Fuel Expense-CT]"/>
        <member name="[CB - Account].[Account CB - Description].&amp;[0501011 - Fuels Realized Deriv]"/>
        <member name="[CB - Account].[Account CB - Description].&amp;[0501012 - Fuel Synergies]"/>
        <member name="[CB - Account].[Account CB - Description].&amp;[0501013 - Natural Gas Purchases]"/>
        <member name="[CB - Account].[Account CB - Description].&amp;[0501014 - I/C Natural Gas Purchases]"/>
        <member name="[CB - Account].[Account CB - Description].&amp;[0501015 - Contra Fuel Exp BR Ash - NCR]"/>
        <member name="[CB - Account].[Account CB - Description].&amp;[0501016 - I/C Joint Dsp - Fuel Synergies]"/>
        <member name="[CB - Account].[Account CB - Description].&amp;[0501021 - IC Fuels Realized Deriv]"/>
        <member name="[CB - Account].[Account CB - Description].&amp;[0501110 - Coal Consumed-Fossil Steam]"/>
        <member name="[CB - Account].[Account CB - Description].&amp;[0501111 - Merger Mitigation Fuel - Coal]"/>
        <member name="[CB - Account].[Account CB - Description].&amp;[0501120 - Coal Consumed-Combined Cycle]"/>
        <member name="[CB - Account].[Account CB - Description].&amp;[0501121 - Fuels Unrealized MTM Gain]"/>
        <member name="[CB - Account].[Account CB - Description].&amp;[0501122 - Fuels Unrealized MTM Loss]"/>
        <member name="[CB - Account].[Account CB - Description].&amp;[0501128 - Fuels Unrealized MTM IC Gain]"/>
        <member name="[CB - Account].[Account CB - Description].&amp;[0501129 - Fuels Unrealized IC MTM Loss]"/>
        <member name="[CB - Account].[Account CB - Description].&amp;[0501130 - Coal Inventory Adjustment]"/>
        <member name="[CB - Account].[Account CB - Description].&amp;[0501140 - Coal Light-Off]"/>
        <member name="[CB - Account].[Account CB - Description].&amp;[0501160 - Coal Sampling &amp; Testing]"/>
        <member name="[CB - Account].[Account CB - Description].&amp;[0501170 - Coal Consumed - Reimbursement]"/>
        <member name="[CB - Account].[Account CB - Description].&amp;[0501181 - Contra Fuel Exp Pond Ash - SC]"/>
        <member name="[CB - Account].[Account CB - Description].&amp;[0501182 - Contra Fuel Exp Pond Ash - W/S]"/>
        <member name="[CB - Account].[Account CB - Description].&amp;[0501200 - Coal Consumed Purch Acctg Adj]"/>
        <member name="[CB - Account].[Account CB - Description].&amp;[0501210 - Biomass Consumption Expense]"/>
        <member name="[CB - Account].[Account CB - Description].&amp;[0501222 - Test Fuel Consumed]"/>
        <member name="[CB - Account].[Account CB - Description].&amp;[0501223 - Test Wood Consumed]"/>
        <member name="[CB - Account].[Account CB - Description].&amp;[0501224 - NC Incremental Renwable Fuel]"/>
        <member name="[CB - Account].[Account CB - Description].&amp;[0501230 - Natural Gas Handling]"/>
        <member name="[CB - Account].[Account CB - Description].&amp;[0501260 - Natural Gas Light-Off - Fossil]"/>
        <member name="[CB - Account].[Account CB - Description].&amp;[0501310 - Oil Consumed-Fossil Steam]"/>
        <member name="[CB - Account].[Account CB - Description].&amp;[0501330 - Oil Light-Off - Fossil Steam]"/>
        <member name="[CB - Account].[Account CB - Description].&amp;[0501350 - Oil Handling Expense]"/>
        <member name="[CB - Account].[Account CB - Description].&amp;[0501360 - Management Fee Exp (Tax only)]"/>
        <member name="[CB - Account].[Account CB - Description].&amp;[0501361 - Management Fee Exp (Tax only)]"/>
        <member name="[CB - Account].[Account CB - Description].&amp;[0501400 - Fossil Steam Fuel - Ash Sales]"/>
        <member name="[CB - Account].[Account CB - Description].&amp;[0501501 - Fuel Procurement and Handling]"/>
        <member name="[CB - Account].[Account CB - Description].&amp;[0501503 - Ash Revenue - exp offset]"/>
        <member name="[CB - Account].[Account CB - Description].&amp;[0501506 - Residual Disposal Costs I/C]"/>
        <member name="[CB - Account].[Account CB - Description].&amp;[0501996 - Fuel Expense]"/>
        <member name="[CB - Account].[Account CB - Description].&amp;[0501998 - Fuel Expense-Purch Acctg]"/>
        <member name="[CB - Account].[Account CB - Description].&amp;[0502010 - Ammonia Expense]"/>
        <member name="[CB - Account].[Account CB - Description].&amp;[0502021 - Steam Exp-Transp/Handl Exp]"/>
        <member name="[CB - Account].[Account CB - Description].&amp;[0502030 - Urea - Qualifying]"/>
        <member name="[CB - Account].[Account CB - Description].&amp;[0502041 - Gypsum Rev - exp offset]"/>
        <member name="[CB - Account].[Account CB - Description].&amp;[0502042 - Reagents &amp; ByProducts -Mitigat]"/>
        <member name="[CB - Account].[Account CB - Description].&amp;[0502050 - Diabasic Acid - Qualifying]"/>
        <member name="[CB - Account].[Account CB - Description].&amp;[0502051 - Limestone Handling]"/>
        <member name="[CB - Account].[Account CB - Description].&amp;[0502060 - Soda Ash - Qualifying]"/>
        <member name="[CB - Account].[Account CB - Description].&amp;[0502070 - Gypsum - Qualifying]"/>
        <member name="[CB - Account].[Account CB - Description].&amp;[0502080 - Mag Hydroxide Qualifying Reag]"/>
        <member name="[CB - Account].[Account CB - Description].&amp;[0502081 - Trona Expense - Reagent]"/>
        <member name="[CB - Account].[Account CB - Description].&amp;[0502082 - Re-emission Chem Exp - Reagent]"/>
        <member name="[CB - Account].[Account CB - Description].&amp;[0502083 - Activated Carbon Exp - Reagent]"/>
        <member name="[CB - Account].[Account CB - Description].&amp;[0502084 - Calcium Bromide Exp - Reagent]"/>
        <member name="[CB - Account].[Account CB - Description].&amp;[0502090 - Calcium Carbonate]"/>
        <member name="[CB - Account].[Account CB - Description].&amp;[0502102 - BTL Mitigation Sharing]"/>
        <member name="[CB - Account].[Account CB - Description].&amp;[0502150 - Reagents - Refined Coal]"/>
        <member name="[CB - Account].[Account CB - Description].&amp;[0502160 - Reagent Synergy Savings]"/>
        <member name="[CB - Account].[Account CB - Description].&amp;[0502161 - By-Product Synergy Savings]"/>
        <member name="[CB - Account].[Account CB - Description].&amp;[0502170 - I/C Joint Disp - Gas Desk Svgs]"/>
        <member name="[CB - Account].[Account CB - Description].&amp;[0502200 - Laboratory Operations]"/>
        <member name="[CB - Account].[Account CB - Description].&amp;[0502300 - STEAM OPER-CAUSTIC-FL]"/>
        <member name="[CB - Account].[Account CB - Description].&amp;[0502400 - Fossil Steam Exp - Recoverable]"/>
        <member name="[CB - Account].[Account CB - Description].&amp;[0504000 - Steam Transferred-Credit]"/>
        <member name="[CB - Account].[Account CB - Description].&amp;[0506100 - Operating Expenses - Dover]"/>
        <member name="[CB - Account].[Account CB - Description].&amp;[0506200 - Operating Expense]"/>
        <member name="[CB - Account].[Account CB - Description].&amp;[0506208 - ASSET IMPAIRMENT - OPERATING]"/>
        <member name="[CB - Account].[Account CB - Description].&amp;[0506300 - Misc Fossil Power Expenses - R]"/>
        <member name="[CB - Account].[Account CB - Description].&amp;[0507010 - I/C Steam Pwr Gen Op Rents]"/>
        <member name="[CB - Account].[Account CB - Description].&amp;[0507997 - Missing]"/>
        <member name="[CB - Account].[Account CB - Description].&amp;[0509000 - Emission Allowances]"/>
        <member name="[CB - Account].[Account CB - Description].&amp;[0509001 - EA-MTM Net Trading Reserve]"/>
        <member name="[CB - Account].[Account CB - Description].&amp;[0509002 - EA-Realized Derivative Loss]"/>
        <member name="[CB - Account].[Account CB - Description].&amp;[0509003 - Emission Allowances Mitigation]"/>
        <member name="[CB - Account].[Account CB - Description].&amp;[0509005 - Emission Allowances-IC]"/>
        <member name="[CB - Account].[Account CB - Description].&amp;[0509011 - SO2 Emission Exp-Purch Acctg]"/>
        <member name="[CB - Account].[Account CB - Description].&amp;[0509030 - SO2 Emission Expense]"/>
        <member name="[CB - Account].[Account CB - Description].&amp;[0509200 - emission allow purch acctg adj]"/>
        <member name="[CB - Account].[Account CB - Description].&amp;[0509210 - Seasonal NOx Emission Expense]"/>
        <member name="[CB - Account].[Account CB - Description].&amp;[0509211 - Seas NOx Emiss Exp-Purch Acctg]"/>
        <member name="[CB - Account].[Account CB - Description].&amp;[0509212 - Annual NOx Emission Expense]"/>
        <member name="[CB - Account].[Account CB - Description].&amp;[0509213 - RECS Consumption Expense]"/>
        <member name="[CB - Account].[Account CB - Description].&amp;[0509215 - REC's CONS - Intercompany]"/>
        <member name="[CB - Account].[Account CB - Description].&amp;[0510001 - Deferred O&amp;M-NC]"/>
        <member name="[CB - Account].[Account CB - Description].&amp;[0510002 - Deferred O&amp;M-SC]"/>
        <member name="[CB - Account].[Account CB - Description].&amp;[0510003 - Deferred O&amp;M-WH]"/>
        <member name="[CB - Account].[Account CB - Description].&amp;[0511100 - Gas Purchase Actuals]"/>
        <member name="[CB - Account].[Account CB - Description].&amp;[0511101 - Gas Purchase Estimates]"/>
        <member name="[CB - Account].[Account CB - Description].&amp;[0511200 - Maint Of Structures-Steam - Re]"/>
        <member name="[CB - Account].[Account CB - Description].&amp;[0512000 - Missing]"/>
        <member name="[CB - Account].[Account CB - Description].&amp;[0512101 - Maint BP Mitigation]"/>
        <member name="[CB - Account].[Account CB - Description].&amp;[0512200 - Coal Strg,Furnaces,Boilers,Ash]"/>
        <member name="[CB - Account].[Account CB - Description].&amp;[0512300 - Maint Of Boiler Plant Oth-Rec]"/>
        <member name="[CB - Account].[Account CB - Description].&amp;[0513101 - Maint Elec Plant - Mitigation]"/>
        <member name="[CB - Account].[Account CB - Description].&amp;[0513102 - Main. Electric Plt- NC]"/>
        <member name="[CB - Account].[Account CB - Description].&amp;[0513103 - Main. Electric Plt- SC]"/>
        <member name="[CB - Account].[Account CB - Description].&amp;[0513200 - Power Systems Recorder Maint]"/>
        <member name="[CB - Account].[Account CB - Description].&amp;[0513300 - Maint Of Electric Plant-Other]"/>
        <member name="[CB - Account].[Account CB - Description].&amp;[0514100 - Inactive]"/>
        <member name="[CB - Account].[Account CB - Description].&amp;[0514200 - Maint-Major Outage Expense]"/>
        <member name="[CB - Account].[Account CB - Description].&amp;[0514210 - Maintenance Reserve Expense]"/>
        <member name="[CB - Account].[Account CB - Description].&amp;[0514900 - Ess Mbca Fossil Service Funct]"/>
        <member name="[CB - Account].[Account CB - Description].&amp;[0515100 - IUB Gas Sales Tax Exp Actual]"/>
        <member name="[CB - Account].[Account CB - Description].&amp;[0516000 - Power Purchase Actuals]"/>
        <member name="[CB - Account].[Account CB - Description].&amp;[0516001 - Power Purchase Estimates]"/>
        <member name="[CB - Account].[Account CB - Description].&amp;[0517000 - Supervsn and Engnring-Nuc Oper]"/>
        <member name="[CB - Account].[Account CB - Description].&amp;[0517001 - Sup &amp; Engineer- NC]"/>
        <member name="[CB - Account].[Account CB - Description].&amp;[0517002 - Sup &amp; Engineer- SC]"/>
        <member name="[CB - Account].[Account CB - Description].&amp;[0517200 - Nuclear Op Super &amp; Eng - NCRC]"/>
        <member name="[CB - Account].[Account CB - Description].&amp;[0518100 - Burnup Of Owned Fuel]"/>
        <member name="[CB - Account].[Account CB - Description].&amp;[0518105 - Cos_Fuel_Elec.Gen-Actual]"/>
        <member name="[CB - Account].[Account CB - Description].&amp;[0518110 - Cos_Fuel_Elec.Gen-Estimate]"/>
        <member name="[CB - Account].[Account CB - Description].&amp;[0518200 - Burnup Of Leased Fuel]"/>
        <member name="[CB - Account].[Account CB - Description].&amp;[0518300 - Lease Use Charges]"/>
        <member name="[CB - Account].[Account CB - Description].&amp;[0518400 - Nuclear By-Products-Credit]"/>
        <member name="[CB - Account].[Account CB - Description].&amp;[0518500 - Nuclear Fuel Synergy Savings]"/>
        <member name="[CB - Account].[Account CB - Description].&amp;[0518510 - Oil In Aux Stm Gen Fac-Nuc Opr]"/>
        <member name="[CB - Account].[Account CB - Description].&amp;[0518520 - Gas Used In Aux Steam Gen Fac]"/>
        <member name="[CB - Account].[Account CB - Description].&amp;[0518530 - Diesel Unit Oil Cons-Nuc Oper]"/>
        <member name="[CB - Account].[Account CB - Description].&amp;[0518600 - Nuclear Fuel Disposal Cost]"/>
        <member name="[CB - Account].[Account CB - Description].&amp;[0518601 - Nuclear Fuel-Last Core Amort]"/>
        <member name="[CB - Account].[Account CB - Description].&amp;[0518610 - Canister Expense-Oconee Robins]"/>
        <member name="[CB - Account].[Account CB - Description].&amp;[0518611 - Canister Expense-Mcguire Bruns]"/>
        <member name="[CB - Account].[Account CB - Description].&amp;[0518612 - Canister Expense-Catawba]"/>
        <member name="[CB - Account].[Account CB - Description].&amp;[0518620 - Canister Design Expense]"/>
        <member name="[CB - Account].[Account CB - Description].&amp;[0518700 - 24 Month Fuel Cycle]"/>
        <member name="[CB - Account].[Account CB - Description].&amp;[0519000 - Coolants And Water-Nuc Oper]"/>
        <member name="[CB - Account].[Account CB - Description].&amp;[0519001 - Coolants &amp; Water Nuc Op- NC]"/>
        <member name="[CB - Account].[Account CB - Description].&amp;[0519002 - Coolants &amp; Water Nuc Op- SC]"/>
        <member name="[CB - Account].[Account CB - Description].&amp;[0520000 - Steam Expenses-Nuc Oper]"/>
        <member name="[CB - Account].[Account CB - Description].&amp;[0520001 - Steam Exp Nuc Op- NC]"/>
        <member name="[CB - Account].[Account CB - Description].&amp;[0520002 - Steam Exp Nuc Op- SC]"/>
        <member name="[CB - Account].[Account CB - Description].&amp;[0523000 - Electric Expenses]"/>
        <member name="[CB - Account].[Account CB - Description].&amp;[0523001 - Electric Exp - NC]"/>
        <member name="[CB - Account].[Account CB - Description].&amp;[0523002 - Electric Exp - SC]"/>
        <member name="[CB - Account].[Account CB - Description].&amp;[0524001 - Misc Exp Nuc - NC]"/>
        <member name="[CB - Account].[Account CB - Description].&amp;[0524002 - Misc Exp Nuc - SC]"/>
        <member name="[CB - Account].[Account CB - Description].&amp;[0524010 - Inactive]"/>
        <member name="[CB - Account].[Account CB - Description].&amp;[0524100 - Inactive]"/>
        <member name="[CB - Account].[Account CB - Description].&amp;[0524330 - Inactive]"/>
        <member name="[CB - Account].[Account CB - Description].&amp;[0524340 - Western Fuel Work Order Chrges]"/>
        <member name="[CB - Account].[Account CB - Description].&amp;[0524350 - Inactive]"/>
        <member name="[CB - Account].[Account CB - Description].&amp;[0524360 - Inactive]"/>
        <member name="[CB - Account].[Account CB - Description].&amp;[0524400 - Misc Expenses-Nuc Oper - Recov]"/>
        <member name="[CB - Account].[Account CB - Description].&amp;[0524410 - Nuclear Misc Expense - NCRC Re]"/>
        <member name="[CB - Account].[Account CB - Description].&amp;[0524800 - License Fees-Nuclear]"/>
        <member name="[CB - Account].[Account CB - Description].&amp;[0525000 - Rents]"/>
        <member name="[CB - Account].[Account CB - Description].&amp;[0525001 - Nuc Power Gen-Op Rents]"/>
        <member name="[CB - Account].[Account CB - Description].&amp;[0525010 - I/C Nuc Pwr Gen Op Rents]"/>
        <member name="[CB - Account].[Account CB - Description].&amp;[0528001 - Main Sup &amp; Eng Nuc - NC]"/>
        <member name="[CB - Account].[Account CB - Description].&amp;[0528002 - Main Sup &amp; Eng Nuc - SC]"/>
        <member name="[CB - Account].[Account CB - Description].&amp;[0528010 - M&amp;S Inventory accrual_PEC RC]"/>
        <member name="[CB - Account].[Account CB - Description].&amp;[0529000 - Maintenance Of Structures-Nuc]"/>
        <member name="[CB - Account].[Account CB - Description].&amp;[0529001 - Main of Structure Nuc - NC]"/>
        <member name="[CB - Account].[Account CB - Description].&amp;[0529002 - Main of Structure Nuc - SC]"/>
        <member name="[CB - Account].[Account CB - Description].&amp;[0530001 - Main Reactor Pit Eq Nuc - NC]"/>
        <member name="[CB - Account].[Account CB - Description].&amp;[0530002 - Main Reactor Pit Eq Nuc - SC]"/>
        <member name="[CB - Account].[Account CB - Description].&amp;[0531101 - Main Elect Plt Other Nuc - NC]"/>
        <member name="[CB - Account].[Account CB - Description].&amp;[0531102 - Main Elect Plt Other Nuc - SC]"/>
        <member name="[CB - Account].[Account CB - Description].&amp;[0531200 - Monitor Ventiltn Gas-Nuc Maint]"/>
        <member name="[CB - Account].[Account CB - Description].&amp;[0532101 - Main Misc Nuc Plt - NC]"/>
        <member name="[CB - Account].[Account CB - Description].&amp;[0532102 - Main Misc Nuc Plt - SC]"/>
        <member name="[CB - Account].[Account CB - Description].&amp;[0532110 - Inactive]"/>
        <member name="[CB - Account].[Account CB - Description].&amp;[0532200 - Inactive]"/>
        <member name="[CB - Account].[Account CB - Description].&amp;[0532300 - Inactive]"/>
        <member name="[CB - Account].[Account CB - Description].&amp;[0532900 - Ess Mbca Nuclear Service Funct]"/>
        <member name="[CB - Account].[Account CB - Description].&amp;[0536000 - Water for power]"/>
        <member name="[CB - Account].[Account CB - Description].&amp;[0537100 - Hydraulic Expenses]"/>
        <member name="[CB - Account].[Account CB - Description].&amp;[0537300 - Fish &amp; Wildlife Expenses]"/>
        <member name="[CB - Account].[Account CB - Description].&amp;[0537400 - Recreation Expenses-Hydro]"/>
        <member name="[CB - Account].[Account CB - Description].&amp;[0538100 - Electric Expenses-Other-Hydro]"/>
        <member name="[CB - Account].[Account CB - Description].&amp;[0538200 - Prime Movers And Generators]"/>
        <member name="[CB - Account].[Account CB - Description].&amp;[0539000 - Misc Hydraulic Expenses]"/>
        <member name="[CB - Account].[Account CB - Description].&amp;[0539100 - Inactive]"/>
        <member name="[CB - Account].[Account CB - Description].&amp;[0540000 - Rents-Hydro Oper]"/>
        <member name="[CB - Account].[Account CB - Description].&amp;[0540010 - I/C Hydro Op Rent]"/>
        <member name="[CB - Account].[Account CB - Description].&amp;[0541000 - Suprvsn and Engrng-Hydro Maint]"/>
        <member name="[CB - Account].[Account CB - Description].&amp;[0542000 - Maint Of Structures-Hydro]"/>
        <member name="[CB - Account].[Account CB - Description].&amp;[0543000 - Maint-Reservoir,Dam &amp; Waterway]"/>
        <member name="[CB - Account].[Account CB - Description].&amp;[0544000 - Maint Of Electric Plant-Hydro]"/>
        <member name="[CB - Account].[Account CB - Description].&amp;[0545100 - Maint-Misc Hydraulic Plant]"/>
        <member name="[CB - Account].[Account CB - Description].&amp;[0545110 - Inactive]"/>
        <member name="[CB - Account].[Account CB - Description].&amp;[0545300 - Fish &amp; Wildlife]"/>
        <member name="[CB - Account].[Account CB - Description].&amp;[0545400 - Recreation Facilities-Hydro]"/>
        <member name="[CB - Account].[Account CB - Description].&amp;[0545900 - Ess Mbca Hydro Service Funct]"/>
        <member name="[CB - Account].[Account CB - Description].&amp;[0546001 - Supvs &amp; Engineer CT Opt- NC]"/>
        <member name="[CB - Account].[Account CB - Description].&amp;[0546002 - Supvs &amp; Engineer CT Opt- SC]"/>
        <member name="[CB - Account].[Account CB - Description].&amp;[0546003 - Supvs &amp; Engineer CT Opt- WH]"/>
        <member name="[CB - Account].[Account CB - Description].&amp;[0547000 - Fuel Expense-CT]"/>
        <member name="[CB - Account].[Account CB - Description].&amp;[0547100 - Natural Gas]"/>
        <member name="[CB - Account].[Account CB - Description].&amp;[0547101 - Natural Gas - CC]"/>
        <member name="[CB - Account].[Account CB - Description].&amp;[0547102 - Merger Mitigation Fuel - CT]"/>
        <member name="[CB - Account].[Account CB - Description].&amp;[0547103 - CT Fuel CT Mitigation]"/>
        <member name="[CB - Account].[Account CB - Description].&amp;[0547104 - Gas Trading Desk Savings]"/>
        <member name="[CB - Account].[Account CB - Description].&amp;[0547105 - Burnup owned Fuel-Oremulsion]"/>
        <member name="[CB - Account].[Account CB - Description].&amp;[0547106 - Biogas Expense]"/>
        <member name="[CB - Account].[Account CB - Description].&amp;[0547107 - REC Biogas Contra Expense]"/>
        <member name="[CB - Account].[Account CB - Description].&amp;[0547108 - REC Biogas Contra Expense - SC]"/>
        <member name="[CB - Account].[Account CB - Description].&amp;[0547110 - Burnup owned Fuel-Hvy Fuel Oil]"/>
        <member name="[CB - Account].[Account CB - Description].&amp;[0547115 - Burnup owned Fuel-Diesel Fuel]"/>
        <member name="[CB - Account].[Account CB - Description].&amp;[0547120 - Burnup owned Fuel-Other Fuel]"/>
        <member name="[CB - Account].[Account CB - Description].&amp;[0547122 - I/C Gas Savings]"/>
        <member name="[CB - Account].[Account CB - Description].&amp;[0547123 - Gas Capacity - Intercompany]"/>
        <member name="[CB - Account].[Account CB - Description].&amp;[0547124 - I/C Gas Purchases]"/>
        <member name="[CB - Account].[Account CB - Description].&amp;[0547125 - Gas realized loss]"/>
        <member name="[CB - Account].[Account CB - Description].&amp;[0547126 - Gas realized gain]"/>
        <member name="[CB - Account].[Account CB - Description].&amp;[0547127 - Gas Desk Savings]"/>
        <member name="[CB - Account].[Account CB - Description].&amp;[0547170 - Coal Tolling]"/>
        <member name="[CB - Account].[Account CB - Description].&amp;[0547186 - Gas Unrealized MTM Gain]"/>
        <member name="[CB - Account].[Account CB - Description].&amp;[0547187 - Gas Unrealized MTM Loss]"/>
        <member name="[CB - Account].[Account CB - Description].&amp;[0547188 - Gas Unrealized IC MTM Gain]"/>
        <member name="[CB - Account].[Account CB - Description].&amp;[0547189 - Gas Unrealized IC MTM Loss]"/>
        <member name="[CB - Account].[Account CB - Description].&amp;[0547200 - Oil]"/>
        <member name="[CB - Account].[Account CB - Description].&amp;[0547300 - Fuel Handling and Testing-CT]"/>
        <member name="[CB - Account].[Account CB - Description].&amp;[0547310 - Gas Purchases I/C PGN]"/>
        <member name="[CB - Account].[Account CB - Description].&amp;[0547400 - Amort Of Natural Gas Fuel]"/>
        <member name="[CB - Account].[Account CB - Description].&amp;[0547500 - Light-Off Combustion Turbines]"/>
        <member name="[CB - Account].[Account CB - Description].&amp;[0547610 - COST OF SALE TRADE]"/>
        <member name="[CB - Account].[Account CB - Description].&amp;[0547701 - Propane Gas]"/>
        <member name="[CB - Account].[Account CB - Description].&amp;[0547710 - COST OF SALE TRADE MARKET]"/>
        <member name="[CB - Account].[Account CB - Description].&amp;[0547720 - Cst Sales fr 3rd Parties-CAISO]"/>
        <member name="[CB - Account].[Account CB - Description].&amp;[0547730 - COS from DENA T&amp;M]"/>
        <member name="[CB - Account].[Account CB - Description].&amp;[0548020 - Ammonia - Qualifying]"/>
        <member name="[CB - Account].[Account CB - Description].&amp;[0548110 - Operation of Energy Storage Eq]"/>
        <member name="[CB - Account].[Account CB - Description].&amp;[0548300 - GENERATION EXP OTHER I/C - CT]"/>
        <member name="[CB - Account].[Account CB - Description].&amp;[0549100 - Inactive]"/>
        <member name="[CB - Account].[Account CB - Description].&amp;[0549115 - Misc Other Power Gen Exp I/C]"/>
        <member name="[CB - Account].[Account CB - Description].&amp;[0549200 - CT Misc Power Exp-Recoverable]"/>
        <member name="[CB - Account].[Account CB - Description].&amp;[0550000 - Other Expense Related Pty]"/>
        <member name="[CB - Account].[Account CB - Description].&amp;[0550001 - Other Power Gen-Op Rents]"/>
        <member name="[CB - Account].[Account CB - Description].&amp;[0550002 - Other Op Rents (non-utility)]"/>
        <member name="[CB - Account].[Account CB - Description].&amp;[0550007 - Power Purch - I/C Gross]"/>
        <member name="[CB - Account].[Account CB - Description].&amp;[0550010 - I/C Other Pwr Gen Op Rents]"/>
        <member name="[CB - Account].[Account CB - Description].&amp;[0550220 - Solar: Rents]"/>
        <member name="[CB - Account].[Account CB - Description].&amp;[0550230 - Land and Operating Lease]"/>
        <member name="[CB - Account].[Account CB - Description].&amp;[0550235 - I/C Land and Operating Lease]"/>
        <member name="[CB - Account].[Account CB - Description].&amp;[0551220 - Solar: Maint Supv &amp; Eng]"/>
        <member name="[CB - Account].[Account CB - Description].&amp;[0553001 - Maint - CT Mitigation]"/>
        <member name="[CB - Account].[Account CB - Description].&amp;[0553100 - CT Maint of Gen and Plant-Reco]"/>
        <member name="[CB - Account].[Account CB - Description].&amp;[0553110 - Maintenance of Energy Storage]"/>
        <member name="[CB - Account].[Account CB - Description].&amp;[0553220 - Solar: Maint Gen &amp; Elect Plt]"/>
        <member name="[CB - Account].[Account CB - Description].&amp;[0554001 - Misc CT Maint - Mitigation]"/>
        <member name="[CB - Account].[Account CB - Description].&amp;[0554100 - Other Production Maintenance]"/>
        <member name="[CB - Account].[Account CB - Description].&amp;[0555002 - Power Purch - I/C CPRE]"/>
        <member name="[CB - Account].[Account CB - Description].&amp;[0555007 - Power Purch - I/C Gross]"/>
        <member name="[CB - Account].[Account CB - Description].&amp;[0555008 - Power Purchases]"/>
        <member name="[CB - Account].[Account CB - Description].&amp;[0555016 - I/C Joint Disp - Pur Pwr]"/>
        <member name="[CB - Account].[Account CB - Description].&amp;[0555019 - Purch Pwr - I/C - net]"/>
        <member name="[CB - Account].[Account CB - Description].&amp;[0555028 - Purch Pwr - Non-native - net]"/>
        <member name="[CB - Account].[Account CB - Description].&amp;[0555029 - Purch Pwr-NonNative Net-NonReg]"/>
        <member name="[CB - Account].[Account CB - Description].&amp;[0555110 - Power Purchased for Storage Op]"/>
        <member name="[CB - Account].[Account CB - Description].&amp;[0555120 - Purchased Power - Other]"/>
        <member name="[CB - Account].[Account CB - Description].&amp;[0555125 - Purchased  Power - Renewable]"/>
        <member name="[CB - Account].[Account CB - Description].&amp;[0555130 - Purchased Power-Co Generation]"/>
        <member name="[CB - Account].[Account CB - Description].&amp;[0555135 - SC Renewable Purchases]"/>
        <member name="[CB - Account].[Account CB - Description].&amp;[0555136 - SC Res Shared Solar Purchase]"/>
        <member name="[CB - Account].[Account CB - Description].&amp;[0555137 - SC NonREs Shared Solar Purch]"/>
        <member name="[CB - Account].[Account CB - Description].&amp;[0555140 - Catawba Purchased Capacity]"/>
        <member name="[CB - Account].[Account CB - Description].&amp;[0555145 - Purchased Power - CPRE]"/>
        <member name="[CB - Account].[Account CB - Description].&amp;[0555150 - Purchase Power - SEPA]"/>
        <member name="[CB - Account].[Account CB - Description].&amp;[0555151 - Purchase - Gas]"/>
        <member name="[CB - Account].[Account CB - Description].&amp;[0555170 - Coal Tolling]"/>
        <member name="[CB - Account].[Account CB - Description].&amp;[0555180 - INTERCHANGE]"/>
        <member name="[CB - Account].[Account CB - Description].&amp;[0555181 - INTERCHANGE CONTRA]"/>
        <member name="[CB - Account].[Account CB - Description].&amp;[0555185 - Energy Purchase Expense]"/>
        <member name="[CB - Account].[Account CB - Description].&amp;[0555190 - Capacity Purchase Expense]"/>
        <member name="[CB - Account].[Account CB - Description].&amp;[0555200 - Interchange Power]"/>
        <member name="[CB - Account].[Account CB - Description].&amp;[0555201 - Purch Power - Leased Capacity]"/>
        <member name="[CB - Account].[Account CB - Description].&amp;[0555202 - Purch Power-Fuel Clause]"/>
        <member name="[CB - Account].[Account CB - Description].&amp;[0555203 - BudAdj-Puch Power]"/>
        <member name="[CB - Account].[Account CB - Description].&amp;[0555204 - Purchased Power Merger Mitigat]"/>
        <member name="[CB - Account].[Account CB - Description].&amp;[0555210 - Power Purchase Estimate]"/>
        <member name="[CB - Account].[Account CB - Description].&amp;[0555211 - Purchase-Electricity]"/>
        <member name="[CB - Account].[Account CB - Description].&amp;[0555215 - Elec Purch Pwr Cash Flow Hedge]"/>
        <member name="[CB - Account].[Account CB - Description].&amp;[0555220 - Interchange Power - Joint Ownr]"/>
        <member name="[CB - Account].[Account CB - Description].&amp;[0555230 - JO Negative Generation]"/>
        <member name="[CB - Account].[Account CB - Description].&amp;[0555240 - Power Purchase Distilate]"/>
        <member name="[CB - Account].[Account CB - Description].&amp;[0555250 - PWR PURCH W/ DEM]"/>
        <member name="[CB - Account].[Account CB - Description].&amp;[0555255 - I/C Native Load Purch Pwr]"/>
        <member name="[CB - Account].[Account CB - Description].&amp;[0555260 - Power Purchase Bookouts]"/>
        <member name="[CB - Account].[Account CB - Description].&amp;[0555270 - Estimate Pwr Purch Bkouts]"/>
        <member name="[CB - Account].[Account CB - Description].&amp;[0555280 - Power IB Transfer Purchase]"/>
        <member name="[CB - Account].[Account CB - Description].&amp;[0555290 - Power IB Trfer Purch Estimate]"/>
        <member name="[CB - Account].[Account CB - Description].&amp;[0555300 - Power Purch &amp; Transportation]"/>
        <member name="[CB - Account].[Account CB - Description].&amp;[0555310 - Power Purch &amp; Tranp Estimate]"/>
        <member name="[CB - Account].[Account CB - Description].&amp;[0555320 - Margin Exp for Dover]"/>
        <member name="[CB - Account].[Account CB - Description].&amp;[0555330 - Margin Exp Profit Sharing]"/>
        <member name="[CB - Account].[Account CB - Description].&amp;[0555340 - Water Royalty Fee]"/>
        <member name="[CB - Account].[Account CB - Description].&amp;[0555350 - Other Variable Costs]"/>
        <member name="[CB - Account].[Account CB - Description].&amp;[0555550 - PURCHASES ENERGY IMBALANCE]"/>
        <member name="[CB - Account].[Account CB - Description].&amp;[0555720 - Electricity Marketing Purch]"/>
        <member name="[CB - Account].[Account CB - Description].&amp;[0555750 - Purchases-Generation Imbalance]"/>
        <member name="[CB - Account].[Account CB - Description].&amp;[0555918 - Purch Power-Brokering-Netting]"/>
        <member name="[CB - Account].[Account CB - Description].&amp;[0555998 - Deferral MISO Charges &amp;Credits]"/>
        <member name="[CB - Account].[Account CB - Description].&amp;[0555999 - Deferred Purchased Power]"/>
        <member name="[CB - Account].[Account CB - Description].&amp;[0556099 - Power Pur Contra EITF 02-03]"/>
        <member name="[CB - Account].[Account CB - Description].&amp;[0557001 - NC REPS - RECS RECOVERY]"/>
        <member name="[CB - Account].[Account CB - Description].&amp;[0557010 - Inactive]"/>
        <member name="[CB - Account].[Account CB - Description].&amp;[0557016 - I/C Joint Disp - PJM Charges]"/>
        <member name="[CB - Account].[Account CB - Description].&amp;[0557071 - CertainTeed deferral SC retail]"/>
        <member name="[CB - Account].[Account CB - Description].&amp;[0557072 - CertainTeed deferral wholesale]"/>
        <member name="[CB - Account].[Account CB - Description].&amp;[0557150 - Def Expense for RIDER 67]"/>
        <member name="[CB - Account].[Account CB - Description].&amp;[0557151 - Deferred Expense for Rr 73]"/>
        <member name="[CB - Account].[Account CB - Description].&amp;[0557201 - FL DEFERRED CAPACITY EXPENSE]"/>
        <member name="[CB - Account].[Account CB - Description].&amp;[0557202 - FL DEFERRED FUEL EXPENSES]"/>
        <member name="[CB - Account].[Account CB - Description].&amp;[0557455 - I/C Commissions/Brokerage Exp]"/>
        <member name="[CB - Account].[Account CB - Description].&amp;[0557503 - Fixed Gas O&amp;M Costs]"/>
        <member name="[CB - Account].[Account CB - Description].&amp;[0557555 - I/C Fixed Gas O&amp;M Costs]"/>
        <member name="[CB - Account].[Account CB - Description].&amp;[0557980 - Retail Deferred Fuel Expenses]"/>
        <member name="[CB - Account].[Account CB - Description].&amp;[0557988 - CHPO&amp;MEXP]"/>
        <member name="[CB - Account].[Account CB - Description].&amp;[0557990 - Wholesale Defer Fuel Exp]"/>
        <member name="[CB - Account].[Account CB - Description].&amp;[0557991 - Markland O&amp;M Expense]"/>
        <member name="[CB - Account].[Account CB - Description].&amp;[0557992 - CCR O&amp;M Expense]"/>
        <member name="[CB - Account].[Account CB - Description].&amp;[0557993 - Fed Mandate O&amp;M Expense]"/>
        <member name="[CB - Account].[Account CB - Description].&amp;[0557994 - TDSIC O&amp;M Expense]"/>
        <member name="[CB - Account].[Account CB - Description].&amp;[0557995 - ECRC O&amp;M Deferral - Qualifying]"/>
        <member name="[CB - Account].[Account CB - Description].&amp;[0557996 - Deferred ECR Rider 62]"/>
        <member name="[CB - Account].[Account CB - Description].&amp;[0557997 - IGCC O&amp;M Expense]"/>
        <member name="[CB - Account].[Account CB - Description].&amp;[0557998 - IGCC O&amp;M Amortization Expense]"/>
        <member name="[CB - Account].[Account CB - Description].&amp;[0560010 - Operating Exp - Unrlzd - MTM]"/>
        <member name="[CB - Account].[Account CB - Description].&amp;[0560011 - MTM Reserves]"/>
        <member name="[CB - Account].[Account CB - Description].&amp;[0561010 - Operating Exp - Rlzd - MTM]"/>
        <member name="[CB - Account].[Account CB - Description].&amp;[0561201 - MISO Cost Adder Amort Exp]"/>
        <member name="[CB - Account].[Account CB - Description].&amp;[0561455 - I/C TransSvc&amp;Sch ISO Fees]"/>
        <member name="[CB - Account].[Account CB - Description].&amp;[0561500 - ReliabilityPlanning&amp;StdsDev]"/>
        <member name="[CB - Account].[Account CB - Description].&amp;[0561600 - Trans Svc Studies]"/>
        <member name="[CB - Account].[Account CB - Description].&amp;[0561601 - Trans Study Reimbursement]"/>
        <member name="[CB - Account].[Account CB - Description].&amp;[0561700 - Intcon Study Costs (T)]"/>
        <member name="[CB - Account].[Account CB - Description].&amp;[0561701 - Intcon Study Costs Reimb (T)]"/>
        <member name="[CB - Account].[Account CB - Description].&amp;[056200 - Missing]"/>
        <member name="[CB - Account].[Account CB - Description].&amp;[0562110 - Operation of Energy Storage Eq]"/>
        <member name="[CB - Account].[Account CB - Description].&amp;[0564000 - Underground Line Expenses]"/>
        <member name="[CB - Account].[Account CB - Description].&amp;[0565010 - TRANS OF ELECT - PURCHASES]"/>
        <member name="[CB - Account].[Account CB - Description].&amp;[0565016 - I/C Joint Disp - Trans NW Exp]"/>
        <member name="[CB - Account].[Account CB - Description].&amp;[0565020 - Transof Elect-Mkt Sales-Native]"/>
        <member name="[CB - Account].[Account CB - Description].&amp;[0565100 - WHEELING CHARGES]"/>
        <member name="[CB - Account].[Account CB - Description].&amp;[0565855 - Tran Elec By Oth - ED- Interco]"/>
        <member name="[CB - Account].[Account CB - Description].&amp;[0566010 - ET Reactive Pwr Exp]"/>
        <member name="[CB - Account].[Account CB - Description].&amp;[0566020 - ET Loss Compensation Exp]"/>
        <member name="[CB - Account].[Account CB - Description].&amp;[0566200 - Tarif Sys Impact Fac Exp-Trans]"/>
        <member name="[CB - Account].[Account CB - Description].&amp;[0566300 - Trans Misc Exp - Proj Supt - N]"/>
        <member name="[CB - Account].[Account CB - Description].&amp;[0566301 - Miscellaneous Transmission Exp]"/>
        <member name="[CB - Account].[Account CB - Description].&amp;[0566302 - Misc Transmission Exp - TDSIC2]"/>
        <member name="[CB - Account].[Account CB - Description].&amp;[0566700 - JTA I/C O/M Exp Transfer]"/>
        <member name="[CB - Account].[Account CB - Description].&amp;[0566701 - Fixed O&amp;M - Mitigation Sales]"/>
        <member name="[CB - Account].[Account CB - Description].&amp;[0567000 - Rents-Trans Oper]"/>
        <member name="[CB - Account].[Account CB - Description].&amp;[0567010 - I/C Trans Op Rents]"/>
        <member name="[CB - Account].[Account CB - Description].&amp;[0567600 - JTA I/C Transfer Invest Pay]"/>
        <member name="[CB - Account].[Account CB - Description].&amp;[0568000 - Suprvsn and Engrng-Trans Maint]"/>
        <member name="[CB - Account].[Account CB - Description].&amp;[0569300 - Maint of Communication Equip]"/>
        <member name="[CB - Account].[Account CB - Description].&amp;[0570110 - Maintenance of Energy Storage]"/>
        <member name="[CB - Account].[Account CB - Description].&amp;[0571001 - Transmission O&amp;M Deferral SC]"/>
        <member name="[CB - Account].[Account CB - Description].&amp;[0572000 - Maintenance of Underground Lin]"/>
        <member name="[CB - Account].[Account CB - Description].&amp;[0573000 - Maint Of Misc Transm Plant]"/>
        <member name="[CB - Account].[Account CB - Description].&amp;[0573100 - Trans Maint-Misc Trans Plant -]"/>
        <member name="[CB - Account].[Account CB - Description].&amp;[0573900 - Ess Mbca Transm Service Funct]"/>
        <member name="[CB - Account].[Account CB - Description].&amp;[0575000 - LPG Purchase]"/>
        <member name="[CB - Account].[Account CB - Description].&amp;[0575001 - 3rd Party Deriv LPG Purchase]"/>
        <member name="[CB - Account].[Account CB - Description].&amp;[0575002 - Unrealized LPG]"/>
        <member name="[CB - Account].[Account CB - Description].&amp;[0575003 - Realized LPG]"/>
        <member name="[CB - Account].[Account CB - Description].&amp;[0575010 - ROYALTIES - LPG]"/>
        <member name="[CB - Account].[Account CB - Description].&amp;[0575020 - OTHER VARIABLE COSTS - LPG]"/>
        <member name="[CB - Account].[Account CB - Description].&amp;[0575400 - Capacity Market Admin]"/>
        <member name="[CB - Account].[Account CB - Description].&amp;[0575755 - I/C Market Facilitation]"/>
        <member name="[CB - Account].[Account CB - Description].&amp;[0581000 - Refined Products Purchase]"/>
        <member name="[CB - Account].[Account CB - Description].&amp;[0581001 - 3rd Prty Deriv Refn Prdt Purch]"/>
        <member name="[CB - Account].[Account CB - Description].&amp;[0581002 - Unrealized Refined Products]"/>
        <member name="[CB - Account].[Account CB - Description].&amp;[0581003 - Realized Refined Products]"/>
        <member name="[CB - Account].[Account CB - Description].&amp;[0582200 - Relays And Meters-Dist]"/>
        <member name="[CB - Account].[Account CB - Description].&amp;[0584110 - Operation of Energy Storage Eq]"/>
        <member name="[CB - Account].[Account CB - Description].&amp;[0585000 - St Lghtng and Sgnl Systm-Dist]"/>
        <member name="[CB - Account].[Account CB - Description].&amp;[0585001 - Crude Oil Purchase]"/>
        <member name="[CB - Account].[Account CB - Description].&amp;[0585002 - 3rd Prty Deriv Crude Oil Purch]"/>
        <member name="[CB - Account].[Account CB - Description].&amp;[0585003 - Unrealized Crude Oil]"/>
        <member name="[CB - Account].[Account CB - Description].&amp;[0585004 - Realized Crude Oil]"/>
        <member name="[CB - Account].[Account CB - Description].&amp;[0587100 - Lcd-Opting and Installing-Dist]"/>
        <member name="[CB - Account].[Account CB - Description].&amp;[0588101 - Grid Solutions O&amp;M Deferral]"/>
        <member name="[CB - Account].[Account CB - Description].&amp;[0588110 - Inactive]"/>
        <member name="[CB - Account].[Account CB - Description].&amp;[0588200 - Inactive]"/>
        <member name="[CB - Account].[Account CB - Description].&amp;[0588300 - Load Mang-Gen and Control-Dist]"/>
        <member name="[CB - Account].[Account CB - Description].&amp;[0588301 - Miscellaneous Distribution Exp]"/>
        <member name="[CB - Account].[Account CB - Description].&amp;[0588302 - Misc Distribution Exp - TDSIC2]"/>
        <member name="[CB - Account].[Account CB - Description].&amp;[0588400 - Interco Oper Exp - DE&amp;S]"/>
        <member name="[CB - Account].[Account CB - Description].&amp;[0588410 - Interco Oper Expense-Contra]"/>
        <member name="[CB - Account].[Account CB - Description].&amp;[0588420 - Purchasing Card Clearing]"/>
        <member name="[CB - Account].[Account CB - Description].&amp;[0588430 - Duke Labor to 500]"/>
        <member name="[CB - Account].[Account CB - Description].&amp;[0588440 - Duke Labor to 502]"/>
        <member name="[CB - Account].[Account CB - Description].&amp;[0588450 - Business Development Expense]"/>
        <member name="[CB - Account].[Account CB - Description].&amp;[0588460 - Asset Management Expense]"/>
        <member name="[CB - Account].[Account CB - Description].&amp;[0588470 - Amortization Engage]"/>
        <member name="[CB - Account].[Account CB - Description].&amp;[0588701 - Intcon Study Costs Reimb (D)]"/>
        <member name="[CB - Account].[Account CB - Description].&amp;[0589010 - I/C Dist Op Rents]"/>
        <member name="[CB - Account].[Account CB - Description].&amp;[0591100 - Coal Purchase]"/>
        <member name="[CB - Account].[Account CB - Description].&amp;[0591101 - 3rd Party Deriv Coal Purchase]"/>
        <member name="[CB - Account].[Account CB - Description].&amp;[0591102 - Unrealized Coal]"/>
        <member name="[CB - Account].[Account CB - Description].&amp;[0591103 - Realized Coal]"/>
        <member name="[CB - Account].[Account CB - Description].&amp;[0591200 - COAL_PURCHASE_PUR_ACCTG_ADJ]"/>
        <member name="[CB - Account].[Account CB - Description].&amp;[0592110 - Maintenance of Energy Storage]"/>
        <member name="[CB - Account].[Account CB - Description].&amp;[0595200 - Cir Brkrs Transf Capcitrs-Dist]"/>
        <member name="[CB - Account].[Account CB - Description].&amp;[0595400 - Fertilizer Purchase]"/>
        <member name="[CB - Account].[Account CB - Description].&amp;[0595401 - 3rd Prty Deriv Fertilizer Purc]"/>
        <member name="[CB - Account].[Account CB - Description].&amp;[0595402 - Unrealized Fertilizer]"/>
        <member name="[CB - Account].[Account CB - Description].&amp;[0595403 - Realized Fertilizer]"/>
        <member name="[CB - Account].[Account CB - Description].&amp;[0598200 - Lcd-Power Line Carrier]"/>
        <member name="[CB - Account].[Account CB - Description].&amp;[0598300 - Lcd-Radio,Telephone,Lcd Socket]"/>
        <member name="[CB - Account].[Account CB - Description].&amp;[0598400 - Distr Maint-Misc Distr Plant-R]"/>
        <member name="[CB - Account].[Account CB - Description].&amp;[0599001 - Construction]"/>
        <member name="[CB - Account].[Account CB - Description].&amp;[0599002 - Consultant Expense]"/>
        <member name="[CB - Account].[Account CB - Description].&amp;[0599003 - Copies and Reproduction-Direct]"/>
        <member name="[CB - Account].[Account CB - Description].&amp;[0599005 - Equipment Rental]"/>
        <member name="[CB - Account].[Account CB - Description].&amp;[0599006 - Meals-Direct]"/>
        <member name="[CB - Account].[Account CB - Description].&amp;[0599008 - Phone-Direct]"/>
        <member name="[CB - Account].[Account CB - Description].&amp;[0599009 - Postage-Direct]"/>
        <member name="[CB - Account].[Account CB - Description].&amp;[0599010 - Project Lease Payments]"/>
        <member name="[CB - Account].[Account CB - Description].&amp;[0599011 - Raw Material Purchases]"/>
        <member name="[CB - Account].[Account CB - Description].&amp;[0599013 - Payroll Variance-Direct]"/>
        <member name="[CB - Account].[Account CB - Description].&amp;[0599014 - Sales Tax]"/>
        <member name="[CB - Account].[Account CB - Description].&amp;[0599015 - Direct Travel]"/>
        <member name="[CB - Account].[Account CB - Description].&amp;[0599016 - Commodity Reserve Expense]"/>
        <member name="[CB - Account].[Account CB - Description].&amp;[0599017 - Salaries-Direct]"/>
        <member name="[CB - Account].[Account CB - Description].&amp;[0599018 - Depr Expense - Project Eq]"/>
        <member name="[CB - Account].[Account CB - Description].&amp;[0599020 - Direct Labor]"/>
        <member name="[CB - Account].[Account CB - Description].&amp;[0599021 - Misc Direct Costs]"/>
        <member name="[CB - Account].[Account CB - Description].&amp;[0599022 - Gas Purchases w/ DEFS]"/>
        <member name="[CB - Account].[Account CB - Description].&amp;[0599023 - Other Misc Expense]"/>
        <member name="[CB - Account].[Account CB - Description].&amp;[0599024 - Equipment Maintenance-Direct]"/>
        <member name="[CB - Account].[Account CB - Description].&amp;[0599990 - BPM Fuel Expense-EBIT Only]"/>
        <member name="[CB - Account].[Account CB - Description].&amp;[0601000 - Inactive]"/>
        <member name="[CB - Account].[Account CB - Description].&amp;[0602000 - Inactive]"/>
        <member name="[CB - Account].[Account CB - Description].&amp;[0603000 - Other Miscellaneous Income]"/>
        <member name="[CB - Account].[Account CB - Description].&amp;[0605000 - Inactive]"/>
        <member name="[CB - Account].[Account CB - Description].&amp;[0608100 - Inactive]"/>
        <member name="[CB - Account].[Account CB - Description].&amp;[0608200 - Inactive]"/>
        <member name="[CB - Account].[Account CB - Description].&amp;[0631100 - Inactive]"/>
        <member name="[CB - Account].[Account CB - Description].&amp;[0631600 - Inactive]"/>
        <member name="[CB - Account].[Account CB - Description].&amp;[0634100 - Inactive]"/>
        <member name="[CB - Account].[Account CB - Description].&amp;[0635000 - Inactive]"/>
        <member name="[CB - Account].[Account CB - Description].&amp;[0636500 - Inactive]"/>
        <member name="[CB - Account].[Account CB - Description].&amp;[0710002 - 3rd Party Deriv Other Income]"/>
        <member name="[CB - Account].[Account CB - Description].&amp;[0711000 - Gas Boiler Labor]"/>
        <member name="[CB - Account].[Account CB - Description].&amp;[0712000 - Gas Production-Other Power Ex]"/>
        <member name="[CB - Account].[Account CB - Description].&amp;[0717000 - Liq Petro Gas Exp-Vapor Proc]"/>
        <member name="[CB - Account].[Account CB - Description].&amp;[0728000 - Liquid Petroleum Gas]"/>
        <member name="[CB - Account].[Account CB - Description].&amp;[0735000 - Gas Misc Production Exp]"/>
        <member name="[CB - Account].[Account CB - Description].&amp;[0736000 - Gas Prod I/C Rent Exp - Erlan]"/>
        <member name="[CB - Account].[Account CB - Description].&amp;[0736020 - Gas Raw Material - Rents]"/>
        <member name="[CB - Account].[Account CB - Description].&amp;[0741000 - Intercompany Nonop Expense]"/>
        <member name="[CB - Account].[Account CB - Description].&amp;[0742000 - Maint Gas Production Equipmen]"/>
        <member name="[CB - Account].[Account CB - Description].&amp;[0750000 - Operation Supv &amp; Eng-Prod]"/>
        <member name="[CB - Account].[Account CB - Description].&amp;[0752000 - Gas Wells Expense]"/>
        <member name="[CB - Account].[Account CB - Description].&amp;[0753000 - Field Lines Expenses]"/>
        <member name="[CB - Account].[Account CB - Description].&amp;[0754000 - Field Compressor Station Exp]"/>
        <member name="[CB - Account].[Account CB - Description].&amp;[0755000 - Field Station Fuel &amp; Power]"/>
        <member name="[CB - Account].[Account CB - Description].&amp;[0756000 - Field M &amp; R Station Expenses]"/>
        <member name="[CB - Account].[Account CB - Description].&amp;[0757000 - Purification Expenses-Prod]"/>
        <member name="[CB - Account].[Account CB - Description].&amp;[0758000 - Gas Well Royalties]"/>
        <member name="[CB - Account].[Account CB - Description].&amp;[0759000 - Other Expenses-Prod]"/>
        <member name="[CB - Account].[Account CB - Description].&amp;[0764000 - Maintenance Of Field Lines]"/>
        <member name="[CB - Account].[Account CB - Description].&amp;[0771000 - Operation Labor]"/>
        <member name="[CB - Account].[Account CB - Description].&amp;[0772000 - Gas Shrinkage]"/>
        <member name="[CB - Account].[Account CB - Description].&amp;[0773000 - Fuel]"/>
        <member name="[CB - Account].[Account CB - Description].&amp;[0774000 - Power-Ext]"/>
        <member name="[CB - Account].[Account CB - Description].&amp;[0775000 - Materials]"/>
        <member name="[CB - Account].[Account CB - Description].&amp;[0776000 - Operation Supplies &amp; Expenses]"/>
        <member name="[CB - Account].[Account CB - Description].&amp;[0776001 - GAS PROCESS EXP RELD PTY]"/>
        <member name="[CB - Account].[Account CB - Description].&amp;[0777000 - GAS PROCESSED BY OTHERS]"/>
        <member name="[CB - Account].[Account CB - Description].&amp;[0786000 - Maint Extraction &amp; Refining Eq]"/>
        <member name="[CB - Account].[Account CB - Description].&amp;[0800000 - Purchase Gas - East]"/>
        <member name="[CB - Account].[Account CB - Description].&amp;[0800001 - Contra Gas Purchase Intra BU]"/>
        <member name="[CB - Account].[Account CB - Description].&amp;[0800002 - Gas Purchases DE Merchants]"/>
        <member name="[CB - Account].[Account CB - Description].&amp;[0800011 - Gas Purchases Field Lines]"/>
        <member name="[CB - Account].[Account CB - Description].&amp;[0800021 - Gas Purchases]"/>
        <member name="[CB - Account].[Account CB - Description].&amp;[0800031 - Wellhead Gas Purchaces]"/>
        <member name="[CB - Account].[Account CB - Description].&amp;[0800040 - Gas Purch Related Pty]"/>
        <member name="[CB - Account].[Account CB - Description].&amp;[0800041 - RPT Purchases - COP]"/>
        <member name="[CB - Account].[Account CB - Description].&amp;[0800042 - RPT Purchases - Other]"/>
        <member name="[CB - Account].[Account CB - Description].&amp;[0800099 - Gas Pur Contra EITF 02-03]"/>
        <member name="[CB - Account].[Account CB - Description].&amp;[0800101 - GAS PURCHASES ESTIMATE]"/>
        <member name="[CB - Account].[Account CB - Description].&amp;[0800102 - Purchase - Nat Gas Liquid]"/>
        <member name="[CB - Account].[Account CB - Description].&amp;[0801000 - Purchases Gas &amp; NGL]"/>
        <member name="[CB - Account].[Account CB - Description].&amp;[0801001 - Purchases Gas &amp; NGL-Aff]"/>
        <member name="[CB - Account].[Account CB - Description].&amp;[0801002 - COGS-Fee Expenses]"/>
        <member name="[CB - Account].[Account CB - Description].&amp;[0801003 - (Gain)Loss Shipper Imbalance]"/>
        <member name="[CB - Account].[Account CB - Description].&amp;[0801004 - COGS-Tax Expense]"/>
        <member name="[CB - Account].[Account CB - Description].&amp;[0801005 - OBO Operating Costs]"/>
        <member name="[CB - Account].[Account CB - Description].&amp;[0801006 - Hedging (Gain)Loss]"/>
        <member name="[CB - Account].[Account CB - Description].&amp;[0801007 - Trucking Lease Expense]"/>
        <member name="[CB - Account].[Account CB - Description].&amp;[0801008 - Gas Purchase - DETM-US]"/>
        <member name="[CB - Account].[Account CB - Description].&amp;[0801009 - Field Line Purchase TETCO]"/>
        <member name="[CB - Account].[Account CB - Description].&amp;[0801010 - Gas Purchase TETCO]"/>
        <member name="[CB - Account].[Account CB - Description].&amp;[0801011 - COGS-Fee Exp-Affiliate]"/>
        <member name="[CB - Account].[Account CB - Description].&amp;[0801012 - Purchase - Nat Gas Liquid -Aff]"/>
        <member name="[CB - Account].[Account CB - Description].&amp;[0801021 - Ng Field Line Prch-Asa-Pre 636]"/>
        <member name="[CB - Account].[Account CB - Description].&amp;[0802100 - GAS TRANSPORTATION]"/>
        <member name="[CB - Account].[Account CB - Description].&amp;[0802102 - GAS TRANSPORTATION ESTIMATE]"/>
        <member name="[CB - Account].[Account CB - Description].&amp;[0802103 - Gas Transportation Penalty]"/>
        <member name="[CB - Account].[Account CB - Description].&amp;[0803000 - Vehicle Expense - Budgets Only]"/>
        <member name="[CB - Account].[Account CB - Description].&amp;[0803001 - Ng Transmission Line Purchases]"/>
        <member name="[CB - Account].[Account CB - Description].&amp;[0803100 - Sedans And Station Wagons]"/>
        <member name="[CB - Account].[Account CB - Description].&amp;[0803110 - Light Trucks  Gvwr &lt; 10K]"/>
        <member name="[CB - Account].[Account CB - Description].&amp;[0803120 - Light/Med Trucks Gvwr 10K-26K]"/>
        <member name="[CB - Account].[Account CB - Description].&amp;[0803130 - Medium/Heavy Trucks Gvwr &gt; 26K]"/>
        <member name="[CB - Account].[Account CB - Description].&amp;[0803140 - Light/Med Trucks Gvwr 10K-26K]"/>
        <member name="[CB - Account].[Account CB - Description].&amp;[0803150 - Med/Heavy Trucks Gvwr &gt; 26K]"/>
        <member name="[CB - Account].[Account CB - Description].&amp;[0803160 - Special Heavy Hauling Equip]"/>
        <member name="[CB - Account].[Account CB - Description].&amp;[0803170 - Road Tractors]"/>
        <member name="[CB - Account].[Account CB - Description].&amp;[0803180 - Trailers All]"/>
        <member name="[CB - Account].[Account CB - Description].&amp;[0803190 - Inactive]"/>
        <member name="[CB - Account].[Account CB - Description].&amp;[0803270 - Insurance]"/>
        <member name="[CB - Account].[Account CB - Description].&amp;[0803280 - Motor Vehicle License]"/>
        <member name="[CB - Account].[Account CB - Description].&amp;[0803290 - Miscellaneous Expense]"/>
        <member name="[CB - Account].[Account CB - Description].&amp;[0803300 - Garage Training-Mechanics]"/>
        <member name="[CB - Account].[Account CB - Description].&amp;[0803400 - Auto &amp; Truck Exp Distributed]"/>
        <member name="[CB - Account].[Account CB - Description].&amp;[0803510 - Inactive]"/>
        <member name="[CB - Account].[Account CB - Description].&amp;[0803520 - Inactive]"/>
        <member name="[CB - Account].[Account CB - Description].&amp;[0803530 - Inactive]"/>
        <member name="[CB - Account].[Account CB - Description].&amp;[0803540 - Inactive]"/>
        <member name="[CB - Account].[Account CB - Description].&amp;[0803550 - Inactive]"/>
        <member name="[CB - Account].[Account CB - Description].&amp;[0803560 - Inactive]"/>
        <member name="[CB - Account].[Account CB - Description].&amp;[0803570 - Inactive]"/>
        <member name="[CB - Account].[Account CB - Description].&amp;[0803580 - Inactive]"/>
        <member name="[CB - Account].[Account CB - Description].&amp;[0803590 - Inactive]"/>
        <member name="[CB - Account].[Account CB - Description].&amp;[0803600 - Inactive]"/>
        <member name="[CB - Account].[Account CB - Description].&amp;[0803610 - Inactive]"/>
        <member name="[CB - Account].[Account CB - Description].&amp;[0803620 - Inactive]"/>
        <member name="[CB - Account].[Account CB - Description].&amp;[0803630 - Inactive]"/>
        <member name="[CB - Account].[Account CB - Description].&amp;[0803640 - Inactive]"/>
        <member name="[CB - Account].[Account CB - Description].&amp;[0803650 - Inactive]"/>
        <member name="[CB - Account].[Account CB - Description].&amp;[0803660 - Inactive]"/>
        <member name="[CB - Account].[Account CB - Description].&amp;[0803670 - Inactive]"/>
        <member name="[CB - Account].[Account CB - Description].&amp;[0803680 - Inactive]"/>
        <member name="[CB - Account].[Account CB - Description].&amp;[0803690 - Inactive]"/>
        <member name="[CB - Account].[Account CB - Description].&amp;[0803700 - Inactive]"/>
        <member name="[CB - Account].[Account CB - Description].&amp;[0803710 - Inactive]"/>
        <member name="[CB - Account].[Account CB - Description].&amp;[0803720 - Inactive]"/>
        <member name="[CB - Account].[Account CB - Description].&amp;[0803760 - Inactive]"/>
        <member name="[CB - Account].[Account CB - Description].&amp;[0803790 - Inactive]"/>
        <member name="[CB - Account].[Account CB - Description].&amp;[0803800 - Inactive]"/>
        <member name="[CB - Account].[Account CB - Description].&amp;[0804000 - Natural Gas City Gate Purchase]"/>
        <member name="[CB - Account].[Account CB - Description].&amp;[0804001 - Cost of Gas - Unbilled Revenue]"/>
        <member name="[CB - Account].[Account CB - Description].&amp;[0804101 - Lng Purchase]"/>
        <member name="[CB - Account].[Account CB - Description].&amp;[0804200 - Visits To Doctor]"/>
        <member name="[CB - Account].[Account CB - Description].&amp;[0804230 - Sick Allowance]"/>
        <member name="[CB - Account].[Account CB - Description].&amp;[0804240 - Inclement Weather]"/>
        <member name="[CB - Account].[Account CB - Description].&amp;[0804250 - Jury Duty]"/>
        <member name="[CB - Account].[Account CB - Description].&amp;[0804260 - Death In Family]"/>
        <member name="[CB - Account].[Account CB - Description].&amp;[0804270 - Call Outs (Unworked Portion)]"/>
        <member name="[CB - Account].[Account CB - Description].&amp;[0804280 - Scheduled Time Earned,Unworked]"/>
        <member name="[CB - Account].[Account CB - Description].&amp;[0804300 - Doctor/Dentist]"/>
        <member name="[CB - Account].[Account CB - Description].&amp;[0804500 - Premium O/T On Shift Employees]"/>
        <member name="[CB - Account].[Account CB - Description].&amp;[0805000 - Other Gas Purchases]"/>
        <member name="[CB - Account].[Account CB - Description].&amp;[0805001 - Other Natural Gas Purchases]"/>
        <member name="[CB - Account].[Account CB - Description].&amp;[0805002 - Unrecovered Purchase Gas Adj]"/>
        <member name="[CB - Account].[Account CB - Description].&amp;[0805003 - Purchase Gas Cost Unbilled Rev]"/>
        <member name="[CB - Account].[Account CB - Description].&amp;[0805010 - Inactive]"/>
        <member name="[CB - Account].[Account CB - Description].&amp;[0805015 - Gas Purchases -Netting]"/>
        <member name="[CB - Account].[Account CB - Description].&amp;[0805101 - Frq - Adjustment]"/>
        <member name="[CB - Account].[Account CB - Description].&amp;[0805110 - Natural Gas Marketing Purch]"/>
        <member name="[CB - Account].[Account CB - Description].&amp;[0805150 - Storage Fees]"/>
        <member name="[CB - Account].[Account CB - Description].&amp;[0805160 - Storage Fees - Demand]"/>
        <member name="[CB - Account].[Account CB - Description].&amp;[0805161 - Storage Fees - Demand - Est]"/>
        <member name="[CB - Account].[Account CB - Description].&amp;[0805170 - Storage Fees - Variable]"/>
        <member name="[CB - Account].[Account CB - Description].&amp;[0805171 - Storage Fees - Variable - Est]"/>
        <member name="[CB - Account].[Account CB - Description].&amp;[0805180 - Tport - Demand]"/>
        <member name="[CB - Account].[Account CB - Description].&amp;[0805181 - Tport - Demand - Estimate]"/>
        <member name="[CB - Account].[Account CB - Description].&amp;[0805190 - Tport - Variable]"/>
        <member name="[CB - Account].[Account CB - Description].&amp;[0805191 - Tport - Variable - Estimate]"/>
        <member name="[CB - Account].[Account CB - Description].&amp;[0805200 - OTH_GAS_PURCHASES_PUR_ACCT_ADJ]"/>
        <member name="[CB - Account].[Account CB - Description].&amp;[0806000 - Other Gas Supply-Exchange Gas]"/>
        <member name="[CB - Account].[Account CB - Description].&amp;[0806001 - OBA Imbalance]"/>
        <member name="[CB - Account].[Account CB - Description].&amp;[0806002 - Exchange Gas-Cashout]"/>
        <member name="[CB - Account].[Account CB - Description].&amp;[0806003 - TFO Imbalance-Delivery]"/>
        <member name="[CB - Account].[Account CB - Description].&amp;[0806004 - Park Imbalance]"/>
        <member name="[CB - Account].[Account CB - Description].&amp;[0806005 - Lend Imbalance]"/>
        <member name="[CB - Account].[Account CB - Description].&amp;[0806006 - System Gain/Loss]"/>
        <member name="[CB - Account].[Account CB - Description].&amp;[0806007 - Suspense Imbalance]"/>
        <member name="[CB - Account].[Account CB - Description].&amp;[0806008 - Intercompany Gas Purchases]"/>
        <member name="[CB - Account].[Account CB - Description].&amp;[0807000 - Gas Purchased Expenses]"/>
        <member name="[CB - Account].[Account CB - Description].&amp;[0807100 - I/C Gas Purchased Expenses]"/>
        <member name="[CB - Account].[Account CB - Description].&amp;[0808000 - Underground Storage-Dels/Wit]"/>
        <member name="[CB - Account].[Account CB - Description].&amp;[0808101 - Gas Withdrawn From Storage]"/>
        <member name="[CB - Account].[Account CB - Description].&amp;[0808201 - Gas To Storage]"/>
        <member name="[CB - Account].[Account CB - Description].&amp;[0809101 - Lng Withdrawal Fr Storage]"/>
        <member name="[CB - Account].[Account CB - Description].&amp;[0809201 - Operation Expense-Clearing]"/>
        <member name="[CB - Account].[Account CB - Description].&amp;[081000 - Missing]"/>
        <member name="[CB - Account].[Account CB - Description].&amp;[0810001 - Gas Used For Comp Station Fuel]"/>
        <member name="[CB - Account].[Account CB - Description].&amp;[0810002 - Gas Used For Comp Station Fuel]"/>
        <member name="[CB - Account].[Account CB - Description].&amp;[0811001 - Gas Used For Prod Extraction]"/>
        <member name="[CB - Account].[Account CB - Description].&amp;[0811002 - Gas Used for Prod Ext-Fuel]"/>
        <member name="[CB - Account].[Account CB - Description].&amp;[0812001 - Gas For Other Utility Oper]"/>
        <member name="[CB - Account].[Account CB - Description].&amp;[0812002 - Gas Used-Transport]"/>
        <member name="[CB - Account].[Account CB - Description].&amp;[0812003 - Gas Used-Lng Terminal]"/>
        <member name="[CB - Account].[Account CB - Description].&amp;[0812101 - Inventory Change]"/>
        <member name="[CB - Account].[Account CB - Description].&amp;[0813001 - Other Gas Supply Expenses]"/>
        <member name="[CB - Account].[Account CB - Description].&amp;[0813002 - Oth Op Costs-Oth Gas Exp]"/>
        <member name="[CB - Account].[Account CB - Description].&amp;[0813003 - Non Spot Recovery]"/>
        <member name="[CB - Account].[Account CB - Description].&amp;[0813004 - Fuel Reservation Chg Adj]"/>
        <member name="[CB - Account].[Account CB - Description].&amp;[0814000 - Operation Supv &amp; Eng-STG]"/>
        <member name="[CB - Account].[Account CB - Description].&amp;[0815000 - Maps &amp; Records]"/>
        <member name="[CB - Account].[Account CB - Description].&amp;[0816000 - Wells Expenses]"/>
        <member name="[CB - Account].[Account CB - Description].&amp;[0817000 - Lines Expenses]"/>
        <member name="[CB - Account].[Account CB - Description].&amp;[0818000 - Compressor Station Expenses]"/>
        <member name="[CB - Account].[Account CB - Description].&amp;[0819000 - Inactive]"/>
        <member name="[CB - Account].[Account CB - Description].&amp;[0819001 - Comp Station Fuel &amp; Power]"/>
        <member name="[CB - Account].[Account CB - Description].&amp;[0820000 - Fabricated Equipment]"/>
        <member name="[CB - Account].[Account CB - Description].&amp;[0820001 - M &amp; R Station Expenses-STG]"/>
        <member name="[CB - Account].[Account CB - Description].&amp;[0821000 - Inactive]"/>
        <member name="[CB - Account].[Account CB - Description].&amp;[0821001 - Purification Expenses-STG]"/>
        <member name="[CB - Account].[Account CB - Description].&amp;[0821102 - Interco Deriv Int LT Debt]"/>
        <member name="[CB - Account].[Account CB - Description].&amp;[0821103 - 3rd Party Deriv Int LT Debt]"/>
        <member name="[CB - Account].[Account CB - Description].&amp;[0822002 - 3rd Party Deriv Int Other Debt]"/>
        <member name="[CB - Account].[Account CB - Description].&amp;[0822100 - Inactive]"/>
        <member name="[CB - Account].[Account CB - Description].&amp;[0823000 - Storage-Gas Losses]"/>
        <member name="[CB - Account].[Account CB - Description].&amp;[0824000 - Other Expenses-STG]"/>
        <member name="[CB - Account].[Account CB - Description].&amp;[0824001 - Operating Exp Storage-Interco]"/>
        <member name="[CB - Account].[Account CB - Description].&amp;[0824002 - STORAGE FEE]"/>
        <member name="[CB - Account].[Account CB - Description].&amp;[0824100 - I/C STORAGE EXPENSE]"/>
        <member name="[CB - Account].[Account CB - Description].&amp;[0824110 - I/C OTH OPERATING EXP.]"/>
        <member name="[CB - Account].[Account CB - Description].&amp;[0825000 - Storage Well Royalties]"/>
        <member name="[CB - Account].[Account CB - Description].&amp;[0826000 - Rents-Underground Storage]"/>
        <member name="[CB - Account].[Account CB - Description].&amp;[0830000 - Equipment Expense-Budgets Only]"/>
        <member name="[CB - Account].[Account CB - Description].&amp;[0830200 - Trenchers &amp; Cable Plows]"/>
        <member name="[CB - Account].[Account CB - Description].&amp;[0830210 - Rubber Tired Tractors]"/>
        <member name="[CB - Account].[Account CB - Description].&amp;[0830220 - Inactive]"/>
        <member name="[CB - Account].[Account CB - Description].&amp;[0830230 - Inactive]"/>
        <member name="[CB - Account].[Account CB - Description].&amp;[0830290 - Missing]"/>
        <member name="[CB - Account].[Account CB - Description].&amp;[0830300 - Heavy Const. Equip]"/>
        <member name="[CB - Account].[Account CB - Description].&amp;[0830310 - Inactive]"/>
        <member name="[CB - Account].[Account CB - Description].&amp;[0830320 - Inactive]"/>
        <member name="[CB - Account].[Account CB - Description].&amp;[0830330 - Mobile Cranes]"/>
        <member name="[CB - Account].[Account CB - Description].&amp;[0830340 - Inactive]"/>
        <member name="[CB - Account].[Account CB - Description].&amp;[0830350 - Forklifts]"/>
        <member name="[CB - Account].[Account CB - Description].&amp;[0830360 - Mobile Equipment]"/>
        <member name="[CB - Account].[Account CB - Description].&amp;[0830370 - Misc Non-Hwy Equip]"/>
        <member name="[CB - Account].[Account CB - Description].&amp;[0831000 - Maint Struct &amp; Improve-Stg]"/>
        <member name="[CB - Account].[Account CB - Description].&amp;[0832000 - Maint Of Reservoirs &amp; Wells]"/>
        <member name="[CB - Account].[Account CB - Description].&amp;[0833000 - Maintenance Of Lines]"/>
        <member name="[CB - Account].[Account CB - Description].&amp;[0834000 - Maint Compressor Sta Eq-STG]"/>
        <member name="[CB - Account].[Account CB - Description].&amp;[0835000 - Maint Of M &amp; R Station Eq-STG]"/>
        <member name="[CB - Account].[Account CB - Description].&amp;[0836000 - Maint Of Purification Equip]"/>
        <member name="[CB - Account].[Account CB - Description].&amp;[0837000 - Maintenance Of Other Equip]"/>
        <member name="[CB - Account].[Account CB - Description].&amp;[0840000 - Operation Supv &amp; Eng-OSTG]"/>
        <member name="[CB - Account].[Account CB - Description].&amp;[0840200 - Undgrd Trenchers-All]"/>
        <member name="[CB - Account].[Account CB - Description].&amp;[0840210 - Inactive]"/>
        <member name="[CB - Account].[Account CB - Description].&amp;[0840220 - Inactive]"/>
        <member name="[CB - Account].[Account CB - Description].&amp;[0840230 - Inactive]"/>
        <member name="[CB - Account].[Account CB - Description].&amp;[0840300 - Trans Dept-Const Equip (All)]"/>
        <member name="[CB - Account].[Account CB - Description].&amp;[0841000 - Operation Labor &amp; Exp]"/>
        <member name="[CB - Account].[Account CB - Description].&amp;[0842000 - Rents-OSTG]"/>
        <member name="[CB - Account].[Account CB - Description].&amp;[0842200 - Power-Ostg]"/>
        <member name="[CB - Account].[Account CB - Description].&amp;[0843000 - LNG Maint of Gas Holders]"/>
        <member name="[CB - Account].[Account CB - Description].&amp;[0843200 - LNG Maint of Structures &amp; Impr]"/>
        <member name="[CB - Account].[Account CB - Description].&amp;[0843400 - LNG Maint Purification Equip]"/>
        <member name="[CB - Account].[Account CB - Description].&amp;[0843500 - LNG Maint Liquefaction Equip]"/>
        <member name="[CB - Account].[Account CB - Description].&amp;[0843600 - LNG Maint Vaporization Equip]"/>
        <member name="[CB - Account].[Account CB - Description].&amp;[0843700 - LNG Maint Compressor Equip]"/>
        <member name="[CB - Account].[Account CB - Description].&amp;[0843800 - LNG Maint Measure/Reg Equip]"/>
        <member name="[CB - Account].[Account CB - Description].&amp;[0843900 - LNG Maint Other Storage Equip]"/>
        <member name="[CB - Account].[Account CB - Description].&amp;[0844100 - LNG Ops Supv Eng Labor &amp; Exp]"/>
        <member name="[CB - Account].[Account CB - Description].&amp;[0844200 - Lng Terminal Labor &amp; Exp]"/>
        <member name="[CB - Account].[Account CB - Description].&amp;[0844400 - Lng Transp Labor &amp; Exp]"/>
        <member name="[CB - Account].[Account CB - Description].&amp;[0844600 - LNG Comp Station Labor &amp; Exp]"/>
        <member name="[CB - Account].[Account CB - Description].&amp;[0844701 - Communications Sys Exp]"/>
        <member name="[CB - Account].[Account CB - Description].&amp;[0845200 - LNG Power]"/>
        <member name="[CB - Account].[Account CB - Description].&amp;[0846200 - Other LNG Operating Expense]"/>
        <member name="[CB - Account].[Account CB - Description].&amp;[0846201 - LNG Operation Labor &amp; Exp]"/>
        <member name="[CB - Account].[Account CB - Description].&amp;[0847100 - Maintenance Supv &amp; Eng-PROC]"/>
        <member name="[CB - Account].[Account CB - Description].&amp;[0847200 - Maint Struct &amp; Imporve-Proc]"/>
        <member name="[CB - Account].[Account CB - Description].&amp;[0847300 - Maint Lng Process Terminal Eq]"/>
        <member name="[CB - Account].[Account CB - Description].&amp;[0847500 - Maint Lng Meas and Reg Eq]"/>
        <member name="[CB - Account].[Account CB - Description].&amp;[0847600 - Maint LNG Compress Station Eq]"/>
        <member name="[CB - Account].[Account CB - Description].&amp;[0847700 - Maint Of Communication Equip]"/>
        <member name="[CB - Account].[Account CB - Description].&amp;[0847800 - Maintenance Of Oth Equip-Proc]"/>
        <member name="[CB - Account].[Account CB - Description].&amp;[0850001 - Operation Supv &amp; Eng-Tran]"/>
        <member name="[CB - Account].[Account CB - Description].&amp;[0851000 - System Control &amp; Load Dispatch]"/>
        <member name="[CB - Account].[Account CB - Description].&amp;[0852000 - Communication System Expenses]"/>
        <member name="[CB - Account].[Account CB - Description].&amp;[0853000 - Compressor Station Labor &amp; Exp]"/>
        <member name="[CB - Account].[Account CB - Description].&amp;[0854000 - Gas Compressor Station Fuel]"/>
        <member name="[CB - Account].[Account CB - Description].&amp;[0855000 - Oth Fuel &amp; Power Comp Station]"/>
        <member name="[CB - Account].[Account CB - Description].&amp;[0856001 - Mains Expenses]"/>
        <member name="[CB - Account].[Account CB - Description].&amp;[0856002 - Mains Expense-Contra]"/>
        <member name="[CB - Account].[Account CB - Description].&amp;[0856003 - MAIN EXPENSE RELATED PARTY]"/>
        <member name="[CB - Account].[Account CB - Description].&amp;[0857000 - M &amp; R Station Expenses-Tran]"/>
        <member name="[CB - Account].[Account CB - Description].&amp;[0858000 - T&amp;C Of Gas By Others]"/>
        <member name="[CB - Account].[Account CB - Description].&amp;[0858001 - Operating Exp T&amp;C I/C Contra]"/>
        <member name="[CB - Account].[Account CB - Description].&amp;[0858002 - Oth Operation Exp - Rel Party]"/>
        <member name="[CB - Account].[Account CB - Description].&amp;[0858100 - I/C TRANSPORTATION EXP]"/>
        <member name="[CB - Account].[Account CB - Description].&amp;[0859000 - Other Expenses-Trans]"/>
        <member name="[CB - Account].[Account CB - Description].&amp;[0860000 - Rents-Tran]"/>
        <member name="[CB - Account].[Account CB - Description].&amp;[0861000 - Maintenance Supv &amp; Eng-Tran]"/>
        <member name="[CB - Account].[Account CB - Description].&amp;[0862000 - Maint Struct &amp; Improve-Tran]"/>
        <member name="[CB - Account].[Account CB - Description].&amp;[0863000 - Transm-Maint of Mains]"/>
        <member name="[CB - Account].[Account CB - Description].&amp;[0863001 - Maintenance Of Mains]"/>
        <member name="[CB - Account].[Account CB - Description].&amp;[0864000 - Maint Compressor Sta Eq-Tran]"/>
        <member name="[CB - Account].[Account CB - Description].&amp;[0865000 - Maint Of M &amp; R Station Eq-Tran]"/>
        <member name="[CB - Account].[Account CB - Description].&amp;[0866000 - Maint Of Communications Equip]"/>
        <member name="[CB - Account].[Account CB - Description].&amp;[0867000 - Maintenance Of Oth Equip-Tran]"/>
        <member name="[CB - Account].[Account CB - Description].&amp;[0870000 - Distribution Sys Ops-Supv/Eng]"/>
        <member name="[CB - Account].[Account CB - Description].&amp;[0871000 - Distribution Load Dispatching]"/>
        <member name="[CB - Account].[Account CB - Description].&amp;[0874000 - Mains And Services]"/>
        <member name="[CB - Account].[Account CB - Description].&amp;[0875000 - Measuring And Reg Stations-Ge]"/>
        <member name="[CB - Account].[Account CB - Description].&amp;[0876000 - Measuring &amp; Reg Station-Indus]"/>
        <member name="[CB - Account].[Account CB - Description].&amp;[0877000 - Meas Reg Sta-CityGate-Dist Ops]"/>
        <member name="[CB - Account].[Account CB - Description].&amp;[0878000 - Meter And House Regulator Exp]"/>
        <member name="[CB - Account].[Account CB - Description].&amp;[0879000 - Customer Installation Expense]"/>
        <member name="[CB - Account].[Account CB - Description].&amp;[0881000 - Intercompany Operating Rents]"/>
        <member name="[CB - Account].[Account CB - Description].&amp;[0885000 - Maint Dist Sys Fac- Supv/Engr]"/>
        <member name="[CB - Account].[Account CB - Description].&amp;[0886999 - Missing]"/>
        <member name="[CB - Account].[Account CB - Description].&amp;[0887000 - Maintenance of Mains]"/>
        <member name="[CB - Account].[Account CB - Description].&amp;[0889000 - Maint-Meas/Reg Stn Equip-Gas]"/>
        <member name="[CB - Account].[Account CB - Description].&amp;[0889001 - Maint CNG Fuel Stations-Dist]"/>
        <member name="[CB - Account].[Account CB - Description].&amp;[0890000 - Maint - Meas/Reg Stn Eq-Indus]"/>
        <member name="[CB - Account].[Account CB - Description].&amp;[0891000 - Maint M&amp;R equip City Gate]"/>
        <member name="[CB - Account].[Account CB - Description].&amp;[0892000 - Maintenance of Services]"/>
        <member name="[CB - Account].[Account CB - Description].&amp;[0893000 - Maint - Meters And House Reg]"/>
        <member name="[CB - Account].[Account CB - Description].&amp;[0894000 - Maint-Other Distribution Equip]"/>
        <member name="[CB - Account].[Account CB - Description].&amp;[0903001 - NC Cust Records &amp; Exp]"/>
        <member name="[CB - Account].[Account CB - Description].&amp;[0903002 - SC Cust Records &amp; Exp]"/>
        <member name="[CB - Account].[Account CB - Description].&amp;[0903210 - Customer Billing-Ncmpa]"/>
        <member name="[CB - Account].[Account CB - Description].&amp;[0903220 - Customer Billing-Ncemc]"/>
        <member name="[CB - Account].[Account CB - Description].&amp;[0903230 - Customer Billing-Saluda]"/>
        <member name="[CB - Account].[Account CB - Description].&amp;[0903240 - Customer Billing-Pmpa]"/>
        <member name="[CB - Account].[Account CB - Description].&amp;[0903250 - Customer Billing-Common]"/>
        <member name="[CB - Account].[Account CB - Description].&amp;[0903500 - Hand Delivery Of Bills]"/>
        <member name="[CB - Account].[Account CB - Description].&amp;[0903600 - Computer Serv Exps-Cust Accts]"/>
        <member name="[CB - Account].[Account CB - Description].&amp;[0903710 - Cust Billing Ncmpa-Operating]"/>
        <member name="[CB - Account].[Account CB - Description].&amp;[0903720 - Cust Billing Ncemc-Operating]"/>
        <member name="[CB - Account].[Account CB - Description].&amp;[0903730 - Cust Billing S.R.-Operating]"/>
        <member name="[CB - Account].[Account CB - Description].&amp;[0903740 - Cust Billing Pmpa-Operating]"/>
        <member name="[CB - Account].[Account CB - Description].&amp;[0903750 - Common - Operating-Cust Accts]"/>
        <member name="[CB - Account].[Account CB - Description].&amp;[0903800 - Missing]"/>
        <member name="[CB - Account].[Account CB - Description].&amp;[0903810 - Cust Billing Ncmpa-Spec'L Bill]"/>
        <member name="[CB - Account].[Account CB - Description].&amp;[0903820 - Cust Billing Ncemc-Spec'L Bill]"/>
        <member name="[CB - Account].[Account CB - Description].&amp;[0903830 - Cust Billing S.R.-Spec'L Bill]"/>
        <member name="[CB - Account].[Account CB - Description].&amp;[0903840 - Cust Billing Pmpa-Spec'L Bill]"/>
        <member name="[CB - Account].[Account CB - Description].&amp;[0903850 - Cust Billing Commn-Spec'L Bill]"/>
        <member name="[CB - Account].[Account CB - Description].&amp;[0903860 - Customer Billing - Npl]"/>
        <member name="[CB - Account].[Account CB - Description].&amp;[0904000 - Uncollectible Accounts]"/>
        <member name="[CB - Account].[Account CB - Description].&amp;[0904002 - Uncollectible Accounts]"/>
        <member name="[CB - Account].[Account CB - Description].&amp;[0904003 - Cust Acctg-Loss On Sale-A/R]"/>
        <member name="[CB - Account].[Account CB - Description].&amp;[0904004 - Credit Loss Expense]"/>
        <member name="[CB - Account].[Account CB - Description].&amp;[0904891 - IC Loss on Sale of AR VIE]"/>
        <member name="[CB - Account].[Account CB - Description].&amp;[0905100 - Inactive]"/>
        <member name="[CB - Account].[Account CB - Description].&amp;[0905200 - Inactive]"/>
        <member name="[CB - Account].[Account CB - Description].&amp;[0906060 - Cust Acct P/R Accr]"/>
        <member name="[CB - Account].[Account CB - Description].&amp;[0907000 - Supervision]"/>
        <member name="[CB - Account].[Account CB - Description].&amp;[0908001 - Conservation Deferral]"/>
        <member name="[CB - Account].[Account CB - Description].&amp;[0908002 - Amort of Load Mmgmt Switches]"/>
        <member name="[CB - Account].[Account CB - Description].&amp;[0908110 - Inactive]"/>
        <member name="[CB - Account].[Account CB - Description].&amp;[0908120 - Cust Assist Exp-Residential]"/>
        <member name="[CB - Account].[Account CB - Description].&amp;[0908130 - Cust Assist Exp-Agricultural]"/>
        <member name="[CB - Account].[Account CB - Description].&amp;[0908140 - Economic Development]"/>
        <member name="[CB - Account].[Account CB - Description].&amp;[0908150 - Commer/Indust Assistance Exp]"/>
        <member name="[CB - Account].[Account CB - Description].&amp;[0908160 - Cust Assist Exp-General]"/>
        <member name="[CB - Account].[Account CB - Description].&amp;[0908220 - Inactive]"/>
        <member name="[CB - Account].[Account CB - Description].&amp;[0908240 - Non-Resid Load Mgmt-Mo Tel Exp]"/>
        <member name="[CB - Account].[Account CB - Description].&amp;[0908250 - Non-Res Load Mgmt-Int Powserv]"/>
        <member name="[CB - Account].[Account CB - Description].&amp;[0908300 - Inactive]"/>
        <member name="[CB - Account].[Account CB - Description].&amp;[0908310 - Rcs Program-Public Relations]"/>
        <member name="[CB - Account].[Account CB - Description].&amp;[0908320 - Inactive]"/>
        <member name="[CB - Account].[Account CB - Description].&amp;[0908330 - Inactive]"/>
        <member name="[CB - Account].[Account CB - Description].&amp;[0908340 - Inactive]"/>
        <member name="[CB - Account].[Account CB - Description].&amp;[0908350 - Inactive]"/>
        <member name="[CB - Account].[Account CB - Description].&amp;[0908360 - Rcs Audit-Inspections]"/>
        <member name="[CB - Account].[Account CB - Description].&amp;[0908370 - Rcs Audit-Training Cost]"/>
        <member name="[CB - Account].[Account CB - Description].&amp;[0908380 - Inactive]"/>
        <member name="[CB - Account].[Account CB - Description].&amp;[0908400 - Inactive]"/>
        <member name="[CB - Account].[Account CB - Description].&amp;[0908430 - INACTIVE]"/>
        <member name="[CB - Account].[Account CB - Description].&amp;[0908440 - Loan Asst Materials/Supplies]"/>
        <member name="[CB - Account].[Account CB - Description].&amp;[0908500 - Inactive]"/>
        <member name="[CB - Account].[Account CB - Description].&amp;[0908510 - Inactive]"/>
        <member name="[CB - Account].[Account CB - Description].&amp;[0908520 - Inactive]"/>
        <member name="[CB - Account].[Account CB - Description].&amp;[0908540 - Cacs Audit-Supervision]"/>
        <member name="[CB - Account].[Account CB - Description].&amp;[0908550 - Inactive]"/>
        <member name="[CB - Account].[Account CB - Description].&amp;[0908560 - Cacs Audit-Training Cost]"/>
        <member name="[CB - Account].[Account CB - Description].&amp;[0908570 - Cacs Audit-Machine Lease/Rents]"/>
        <member name="[CB - Account].[Account CB - Description].&amp;[0909000 - Info &amp; Instruc Adv-Conservatio]"/>
        <member name="[CB - Account].[Account CB - Description].&amp;[0909110 - Bill Inserts]"/>
        <member name="[CB - Account].[Account CB - Description].&amp;[0909120 - Newspaper]"/>
        <member name="[CB - Account].[Account CB - Description].&amp;[0909130 - Television]"/>
        <member name="[CB - Account].[Account CB - Description].&amp;[0909140 - Radio]"/>
        <member name="[CB - Account].[Account CB - Description].&amp;[0909150 - Misc Advertising Expenses]"/>
        <member name="[CB - Account].[Account CB - Description].&amp;[0909160 - Direct Mail]"/>
        <member name="[CB - Account].[Account CB - Description].&amp;[0909180 - Movies,Displays,Brochures,Etc.]"/>
        <member name="[CB - Account].[Account CB - Description].&amp;[0909190 - Other Media]"/>
        <member name="[CB - Account].[Account CB - Description].&amp;[0909210 - Bill Inserts]"/>
        <member name="[CB - Account].[Account CB - Description].&amp;[0909220 - Newspaper]"/>
        <member name="[CB - Account].[Account CB - Description].&amp;[0909230 - Television]"/>
        <member name="[CB - Account].[Account CB - Description].&amp;[0909240 - Radio]"/>
        <member name="[CB - Account].[Account CB - Description].&amp;[0909250 - Misc Advertising Expenses]"/>
        <member name="[CB - Account].[Account CB - Description].&amp;[0909260 - Direct Mail]"/>
        <member name="[CB - Account].[Account CB - Description].&amp;[0909270 - Loan Assistance Adv Promotion]"/>
        <member name="[CB - Account].[Account CB - Description].&amp;[0909280 - Movies,Displays,Brochures,Etc.]"/>
        <member name="[CB - Account].[Account CB - Description].&amp;[0909290 - Other Media]"/>
        <member name="[CB - Account].[Account CB - Description].&amp;[0909310 - Bill Inserts]"/>
        <member name="[CB - Account].[Account CB - Description].&amp;[0909320 - Newspaper]"/>
        <member name="[CB - Account].[Account CB - Description].&amp;[0909330 - Television]"/>
        <member name="[CB - Account].[Account CB - Description].&amp;[0909340 - Radio]"/>
        <member name="[CB - Account].[Account CB - Description].&amp;[0909350 - Misc Advertising Expenses]"/>
        <member name="[CB - Account].[Account CB - Description].&amp;[0909360 - Direct Mail]"/>
        <member name="[CB - Account].[Account CB - Description].&amp;[0909380 - Movies,Displays,Brochures,Etc.]"/>
        <member name="[CB - Account].[Account CB - Description].&amp;[0909390 - Other Media]"/>
        <member name="[CB - Account].[Account CB - Description].&amp;[0909510 - Bill Inserts]"/>
        <member name="[CB - Account].[Account CB - Description].&amp;[0909520 - Newspaper]"/>
        <member name="[CB - Account].[Account CB - Description].&amp;[0909530 - Television]"/>
        <member name="[CB - Account].[Account CB - Description].&amp;[0909540 - Radio]"/>
        <member name="[CB - Account].[Account CB - Description].&amp;[0909550 - Misc Advertising Expenses]"/>
        <member name="[CB - Account].[Account CB - Description].&amp;[0909560 - Direct Mail]"/>
        <member name="[CB - Account].[Account CB - Description].&amp;[0909580 - Movies,Displays,Brochures,Etc.]"/>
        <member name="[CB - Account].[Account CB - Description].&amp;[0909590 - Other Media]"/>
        <member name="[CB - Account].[Account CB - Description].&amp;[0909610 - Bill Inserts]"/>
        <member name="[CB - Account].[Account CB - Description].&amp;[0909620 - Newspaper]"/>
        <member name="[CB - Account].[Account CB - Description].&amp;[0909630 - Television]"/>
        <member name="[CB - Account].[Account CB - Description].&amp;[0909640 - Radio]"/>
        <member name="[CB - Account].[Account CB - Description].&amp;[0909660 - Direct Mail]"/>
        <member name="[CB - Account].[Account CB - Description].&amp;[0909680 - Movies,Displays,Brochures,Etc.]"/>
        <member name="[CB - Account].[Account CB - Description].&amp;[0909690 - Other Media]"/>
        <member name="[CB - Account].[Account CB - Description].&amp;[0911000 - Supervision]"/>
        <member name="[CB - Account].[Account CB - Description].&amp;[0912300 - Economic Development Discount]"/>
        <member name="[CB - Account].[Account CB - Description].&amp;[0913000 - Advertising Expenses]"/>
        <member name="[CB - Account].[Account CB - Description].&amp;[0916000 - Misc Sales Expenses]"/>
        <member name="[CB - Account].[Account CB - Description].&amp;[0916001 - CNG Sales Labor &amp; Expenses]"/>
        <member name="[CB - Account].[Account CB - Description].&amp;[0920002 - NC O&amp;M Labor Deferral]"/>
        <member name="[CB - Account].[Account CB - Description].&amp;[09200AG - A&amp;G Statistical Account]"/>
        <member name="[CB - Account].[Account CB - Description].&amp;[09200CG - Corp Gov Statistical Account]"/>
        <member name="[CB - Account].[Account CB - Description].&amp;[0920300 - Project Development Labor]"/>
        <member name="[CB - Account].[Account CB - Description].&amp;[0920900 - Ess Mbca A&amp;G Service Function]"/>
        <member name="[CB - Account].[Account CB - Description].&amp;[0920902 - Allocated Labor - Offset]"/>
        <member name="[CB - Account].[Account CB - Description].&amp;[0920940 - A &amp; G Salaries]"/>
        <member name="[CB - Account].[Account CB - Description].&amp;[0920950 - A &amp; G Salaries]"/>
        <member name="[CB - Account].[Account CB - Description].&amp;[0920980 - A &amp; G Salaries For Corp.]"/>
        <member name="[CB - Account].[Account CB - Description].&amp;[0920990 - A &amp; G Salaries Corp.]"/>
        <member name="[CB - Account].[Account CB - Description].&amp;[0920991 - ADMIN &amp; GENERAL SALARIES]"/>
        <member name="[CB - Account].[Account CB - Description].&amp;[0921000 - I/C GENERAL ADMIN EXPENSE]"/>
        <member name="[CB - Account].[Account CB - Description].&amp;[0921102 - Employee Exp - SC]"/>
        <member name="[CB - Account].[Account CB - Description].&amp;[0921103 - Employee Exp - WH]"/>
        <member name="[CB - Account].[Account CB - Description].&amp;[0921150 - Gen Admin Related Pty]"/>
        <member name="[CB - Account].[Account CB - Description].&amp;[0921450 - A/G Mat/Exp-Elec -Billed DPL]"/>
        <member name="[CB - Account].[Account CB - Description].&amp;[0921580 - Allocated Computer Expenses]"/>
        <member name="[CB - Account].[Account CB - Description].&amp;[0921610 - Inventory Adjustments/Price Co]"/>
        <member name="[CB - Account].[Account CB - Description].&amp;[0921620 - Operating Expense w/10008]"/>
        <member name="[CB - Account].[Account CB - Description].&amp;[0921800 - Off Supplies &amp; Exp - Proj Supt]"/>
        <member name="[CB - Account].[Account CB - Description].&amp;[0921900 - Office Supply And Exp-Partner]"/>
        <member name="[CB - Account].[Account CB - Description].&amp;[0921901 - Alloc NonLabor Ofset]"/>
        <member name="[CB - Account].[Account CB - Description].&amp;[0921940 - Office Supplies &amp; Expenses]"/>
        <member name="[CB - Account].[Account CB - Description].&amp;[0921941 - OFFICE SUPPLIES &amp; EXPENSES]"/>
        <member name="[CB - Account].[Account CB - Description].&amp;[0921950 - Office Supplies &amp; Expenses]"/>
        <member name="[CB - Account].[Account CB - Description].&amp;[0921990 - Corp Governance Office]"/>
        <member name="[CB - Account].[Account CB - Description].&amp;[0922100 - Admin Exp Transf-Construction]"/>
        <member name="[CB - Account].[Account CB - Description].&amp;[0922200 - Admin Exp Transf-Nonutility]"/>
        <member name="[CB - Account].[Account CB - Description].&amp;[0922300 - Admin Exp Transf-Water Dept]"/>
        <member name="[CB - Account].[Account CB - Description].&amp;[0922400 - Inactive]"/>
        <member name="[CB - Account].[Account CB - Description].&amp;[0922500 - Admin Exp Transf-Subsidiaries]"/>
        <member name="[CB - Account].[Account CB - Description].&amp;[0922501 - Fringe &amp; Tax Allocations]"/>
        <member name="[CB - Account].[Account CB - Description].&amp;[0922600 - Adm Exp Transf-Outside Service]"/>
        <member name="[CB - Account].[Account CB - Description].&amp;[0922700 - Admin Exp Transf-Catawba]"/>
        <member name="[CB - Account].[Account CB - Description].&amp;[0923001 - OUTSIDE SERVICES EMPLOYED]"/>
        <member name="[CB - Account].[Account CB - Description].&amp;[0923900 - Outside Svc Employed-Partner]"/>
        <member name="[CB - Account].[Account CB - Description].&amp;[0923940 - Outside Services]"/>
        <member name="[CB - Account].[Account CB - Description].&amp;[0923950 - Outside Services]"/>
        <member name="[CB - Account].[Account CB - Description].&amp;[0923960 - Income Tax Consulting Fees-Ele]"/>
        <member name="[CB - Account].[Account CB - Description].&amp;[0923990 - Outside Services Employee &amp;]"/>
        <member name="[CB - Account].[Account CB - Description].&amp;[0924001 - PROPERTY INSURANCE]"/>
        <member name="[CB - Account].[Account CB - Description].&amp;[0924100 - Admin-EH&amp;S Expense]"/>
        <member name="[CB - Account].[Account CB - Description].&amp;[0924110 - Admin-Insurance Expense]"/>
        <member name="[CB - Account].[Account CB - Description].&amp;[0924200 - Recoverable Storm Damage Exp]"/>
        <member name="[CB - Account].[Account CB - Description].&amp;[0924940 - Property Insurance]"/>
        <member name="[CB - Account].[Account CB - Description].&amp;[0924950 - Property Insurance]"/>
        <member name="[CB - Account].[Account CB - Description].&amp;[0924990 - Property Insurance For Corp.]"/>
        <member name="[CB - Account].[Account CB - Description].&amp;[0925050 - Inter-Co Non-Prop Ins Exp]"/>
        <member name="[CB - Account].[Account CB - Description].&amp;[0925052 - Inter-Co Worker Comp Insur Exp]"/>
        <member name="[CB - Account].[Account CB - Description].&amp;[0925100 - Accrued Inj And Damages]"/>
        <member name="[CB - Account].[Account CB - Description].&amp;[0925300 - Environmental Inj &amp; Damages]"/>
        <member name="[CB - Account].[Account CB - Description].&amp;[0925940 - Injuries &amp; Damages]"/>
        <member name="[CB - Account].[Account CB - Description].&amp;[0925950 - Injuries &amp; Damages]"/>
        <member name="[CB - Account].[Account CB - Description].&amp;[0925990 - Injuries &amp; Damages For Corp.]"/>
        <member name="[CB - Account].[Account CB - Description].&amp;[0925991 - Genl Frng Benfts Frm PSI-Joint]"/>
        <member name="[CB - Account].[Account CB - Description].&amp;[0926001 - PAYROLL BURDEN CONTRA]"/>
        <member name="[CB - Account].[Account CB - Description].&amp;[0926002 - Payroll Burden Offset]"/>
        <member name="[CB - Account].[Account CB - Description].&amp;[0926003 - NC Employee Benefits]"/>
        <member name="[CB - Account].[Account CB - Description].&amp;[0926004 - SC Employee Benefits]"/>
        <member name="[CB - Account].[Account CB - Description].&amp;[0926110 - Emp Retirement Plan Cost]"/>
        <member name="[CB - Account].[Account CB - Description].&amp;[0926120 - Supplemental Pensions]"/>
        <member name="[CB - Account].[Account CB - Description].&amp;[0926210 - Medical Insurance]"/>
        <member name="[CB - Account].[Account CB - Description].&amp;[0926220 - Life Insurance]"/>
        <member name="[CB - Account].[Account CB - Description].&amp;[0926230 - Dental Insurance]"/>
        <member name="[CB - Account].[Account CB - Description].&amp;[0926240 - Aetna-Disability]"/>
        <member name="[CB - Account].[Account CB - Description].&amp;[0926250 - Vision-Basic Coverage]"/>
        <member name="[CB - Account].[Account CB - Description].&amp;[0926260 - Commercial Life-Basic Ad&amp;D]"/>
        <member name="[CB - Account].[Account CB - Description].&amp;[0926270 - BENEFITS COST RECLASS]"/>
        <member name="[CB - Account].[Account CB - Description].&amp;[0926310 - Stock Purch/Savings Program]"/>
        <member name="[CB - Account].[Account CB - Description].&amp;[0926320 - Employees Stock Ownership Plan]"/>
        <member name="[CB - Account].[Account CB - Description].&amp;[0926330 - Employee Banked Vacation]"/>
        <member name="[CB - Account].[Account CB - Description].&amp;[0926340 - Inactive]"/>
        <member name="[CB - Account].[Account CB - Description].&amp;[0926410 - Company Magazine]"/>
        <member name="[CB - Account].[Account CB - Description].&amp;[0926490 - 0Ther Employee Benefits]"/>
        <member name="[CB - Account].[Account CB - Description].&amp;[0926500 - Postretirement Benefits Other]"/>
        <member name="[CB - Account].[Account CB - Description].&amp;[0926610 - Empl Ben Trans-Oper]"/>
        <member name="[CB - Account].[Account CB - Description].&amp;[0926620 - Empl Ben Trans-Maint]"/>
        <member name="[CB - Account].[Account CB - Description].&amp;[0926710 - Employee Matching Funds-]"/>
        <member name="[CB - Account].[Account CB - Description].&amp;[0926900 - A&amp;G Empl Pension &amp; Benefit-NCR]"/>
        <member name="[CB - Account].[Account CB - Description].&amp;[0926940 - Employee Benefits]"/>
        <member name="[CB - Account].[Account CB - Description].&amp;[0926950 - Employee Benefits]"/>
        <member name="[CB - Account].[Account CB - Description].&amp;[0926980 - Employee Benefits For Corp.]"/>
        <member name="[CB - Account].[Account CB - Description].&amp;[0926990 - Employee Benefits For Corp.]"/>
        <member name="[CB - Account].[Account CB - Description].&amp;[0927000 - Amortization-Goodwill]"/>
        <member name="[CB - Account].[Account CB - Description].&amp;[0927001 - General &amp; Administration]"/>
        <member name="[CB - Account].[Account CB - Description].&amp;[0927002 - Depreciation]"/>
        <member name="[CB - Account].[Account CB - Description].&amp;[0927003 - Amortization]"/>
        <member name="[CB - Account].[Account CB - Description].&amp;[0927004 - Royalty/Mgmt fee exp]"/>
        <member name="[CB - Account].[Account CB - Description].&amp;[0927005 - MANAGEMENT FEE EXP (TAX ONLY)]"/>
        <member name="[CB - Account].[Account CB - Description].&amp;[0927006 - Goodwill Impairment Loss]"/>
        <member name="[CB - Account].[Account CB - Description].&amp;[0927008 - ASSET IMPAIRMENT-G&amp;A]"/>
        <member name="[CB - Account].[Account CB - Description].&amp;[0927010 - Missing]"/>
        <member name="[CB - Account].[Account CB - Description].&amp;[0927100 - General &amp; Admin Affiliate]"/>
        <member name="[CB - Account].[Account CB - Description].&amp;[0928001 - 401(K) Matching]"/>
        <member name="[CB - Account].[Account CB - Description].&amp;[0928003 - Advertising - Sales]"/>
        <member name="[CB - Account].[Account CB - Description].&amp;[0928004 - Amortization-Acquisition]"/>
        <member name="[CB - Account].[Account CB - Description].&amp;[0928009 - Copies &amp; Reproduction-Indirect]"/>
        <member name="[CB - Account].[Account CB - Description].&amp;[0928010 - Education/Tuition]"/>
        <member name="[CB - Account].[Account CB - Description].&amp;[0928011 - Entertainment]"/>
        <member name="[CB - Account].[Account CB - Description].&amp;[0928012 - Equipment Maintenance]"/>
        <member name="[CB - Account].[Account CB - Description].&amp;[0928013 - Equipment Rental - Office]"/>
        <member name="[CB - Account].[Account CB - Description].&amp;[0928014 - Regulatory Commission Expenses]"/>
        <member name="[CB - Account].[Account CB - Description].&amp;[0928015 - Industry Association Dues]"/>
        <member name="[CB - Account].[Account CB - Description].&amp;[0928016 - Life Insurance]"/>
        <member name="[CB - Account].[Account CB - Description].&amp;[0928017 - Meals - Indirect]"/>
        <member name="[CB - Account].[Account CB - Description].&amp;[0928018 - Medical Insurance]"/>
        <member name="[CB - Account].[Account CB - Description].&amp;[0928019 - Meetings/Conferences/Seminars]"/>
        <member name="[CB - Account].[Account CB - Description].&amp;[0928020 - Miscellaneous General Expense]"/>
        <member name="[CB - Account].[Account CB - Description].&amp;[0928021 - Mobile Phone-Indirect]"/>
        <member name="[CB - Account].[Account CB - Description].&amp;[0928022 - Office Supplies]"/>
        <member name="[CB - Account].[Account CB - Description].&amp;[0928023 - Bank Charges]"/>
        <member name="[CB - Account].[Account CB - Description].&amp;[0928024 - Parking Supplement]"/>
        <member name="[CB - Account].[Account CB - Description].&amp;[0928025 - Pension/OPEB Expense]"/>
        <member name="[CB - Account].[Account CB - Description].&amp;[0928026 - Phone-Indirect]"/>
        <member name="[CB - Account].[Account CB - Description].&amp;[0928027 - Postage-Indirect]"/>
        <member name="[CB - Account].[Account CB - Description].&amp;[0928028 - Prof Fees Consultant]"/>
        <member name="[CB - Account].[Account CB - Description].&amp;[0928029 - Prof Fees Accounting]"/>
        <member name="[CB - Account].[Account CB - Description].&amp;[0928031 - Prof Fees Legal]"/>
        <member name="[CB - Account].[Account CB - Description].&amp;[0928032 - Prof Fees Outside Services]"/>
        <member name="[CB - Account].[Account CB - Description].&amp;[0928033 - PVH Salaries]"/>
        <member name="[CB - Account].[Account CB - Description].&amp;[0928034 - Recruiting E Other]"/>
        <member name="[CB - Account].[Account CB - Description].&amp;[0928035 - Relocation Expense]"/>
        <member name="[CB - Account].[Account CB - Description].&amp;[0928036 - Placement Fees]"/>
        <member name="[CB - Account].[Account CB - Description].&amp;[0928037 - Commissions Expense]"/>
        <member name="[CB - Account].[Account CB - Description].&amp;[0928038 - Incentive Expense]"/>
        <member name="[CB - Account].[Account CB - Description].&amp;[0928039 - Indirect Marketing Salaries]"/>
        <member name="[CB - Account].[Account CB - Description].&amp;[0928041 - Indirect Salaries]"/>
        <member name="[CB - Account].[Account CB - Description].&amp;[0928043 - Taxes Misc]"/>
        <member name="[CB - Account].[Account CB - Description].&amp;[0928044 - Taxes Property]"/>
        <member name="[CB - Account].[Account CB - Description].&amp;[0928045 - Temporary Services]"/>
        <member name="[CB - Account].[Account CB - Description].&amp;[0928046 - Indirect Travel]"/>
        <member name="[CB - Account].[Account CB - Description].&amp;[0928047 - Unemployment Ins. - Fe]"/>
        <member name="[CB - Account].[Account CB - Description].&amp;[0928048 - Unemployment Ins. - St]"/>
        <member name="[CB - Account].[Account CB - Description].&amp;[0928050 - Payroll Variance-Indirect]"/>
        <member name="[CB - Account].[Account CB - Description].&amp;[0928051 - DSI Transaction Costs]"/>
        <member name="[CB - Account].[Account CB - Description].&amp;[0928052 - Employee Benefits]"/>
        <member name="[CB - Account].[Account CB - Description].&amp;[0928053 - Travel Expenses]"/>
        <member name="[CB - Account].[Account CB - Description].&amp;[0928055 - Fed Energy Reg Com Proceed]"/>
        <member name="[CB - Account].[Account CB - Description].&amp;[0928058 - lt Incentive Exp]"/>
        <member name="[CB - Account].[Account CB - Description].&amp;[0928070 - PAYROLL BEN&amp;TAX G&amp;A RECLASS]"/>
        <member name="[CB - Account].[Account CB - Description].&amp;[0928930 - Amort Def Rate Case Exp]"/>
        <member name="[CB - Account].[Account CB - Description].&amp;[0928940 - Regulatory Expenses]"/>
        <member name="[CB - Account].[Account CB - Description].&amp;[0928950 - Regulatory Expenses]"/>
        <member name="[CB - Account].[Account CB - Description].&amp;[0928980 - Regulatory Expenses For Corp.]"/>
        <member name="[CB - Account].[Account CB - Description].&amp;[0928990 - Regulatory Expenses For Corp.]"/>
        <member name="[CB - Account].[Account CB - Description].&amp;[0928995 - Misc Employee Benefits]"/>
        <member name="[CB - Account].[Account CB - Description].&amp;[0929001 - Dental Insurance]"/>
        <member name="[CB - Account].[Account CB - Description].&amp;[0929002 - Depr - Computers/Software]"/>
        <member name="[CB - Account].[Account CB - Description].&amp;[0929003 - Depr - Furniture/Fixtures]"/>
        <member name="[CB - Account].[Account CB - Description].&amp;[0929004 - Depr - Leasehold Improvements]"/>
        <member name="[CB - Account].[Account CB - Description].&amp;[0929005 - Depr - Office/Field Equipment]"/>
        <member name="[CB - Account].[Account CB - Description].&amp;[0929006 - Facility Allocation]"/>
        <member name="[CB - Account].[Account CB - Description].&amp;[0929008 - Fica]"/>
        <member name="[CB - Account].[Account CB - Description].&amp;[0929009 - General Insurance]"/>
        <member name="[CB - Account].[Account CB - Description].&amp;[0929010 - Interest Expense]"/>
        <member name="[CB - Account].[Account CB - Description].&amp;[0929012 - Facility/Office Maintenance]"/>
        <member name="[CB - Account].[Account CB - Description].&amp;[0929013 - Rent - Facilities]"/>
        <member name="[CB - Account].[Account CB - Description].&amp;[0929014 - Utilities]"/>
        <member name="[CB - Account].[Account CB - Description].&amp;[0929015 - Payroll Taxes]"/>
        <member name="[CB - Account].[Account CB - Description].&amp;[0929940 - Duplicated Charges Energy]"/>
        <member name="[CB - Account].[Account CB - Description].&amp;[0929950 - Duplicated Charges Energy]"/>
        <member name="[CB - Account].[Account CB - Description].&amp;[0929980 - Duplicated Charges Energy For]"/>
        <member name="[CB - Account].[Account CB - Description].&amp;[0929990 - Duplicated Charges Energy For]"/>
        <member name="[CB - Account].[Account CB - Description].&amp;[0930050 - Intercompany A&amp;G]"/>
        <member name="[CB - Account].[Account CB - Description].&amp;[0930120 - Newspaper]"/>
        <member name="[CB - Account].[Account CB - Description].&amp;[0930130 - Television]"/>
        <member name="[CB - Account].[Account CB - Description].&amp;[0930140 - Radio]"/>
        <member name="[CB - Account].[Account CB - Description].&amp;[0930160 - Direct Mail]"/>
        <member name="[CB - Account].[Account CB - Description].&amp;[0930180 - Movies, Displays, Brochures,]"/>
        <member name="[CB - Account].[Account CB - Description].&amp;[0930190 - Other Media]"/>
        <member name="[CB - Account].[Account CB - Description].&amp;[0930201 - Misc General Expenses-Gri]"/>
        <member name="[CB - Account].[Account CB - Description].&amp;[0930202 - Operating Exp Misc I/C Contra]"/>
        <member name="[CB - Account].[Account CB - Description].&amp;[0930260 - Site Preparation]"/>
        <member name="[CB - Account].[Account CB - Description].&amp;[0930270 - Sds Billings]"/>
        <member name="[CB - Account].[Account CB - Description].&amp;[0930280 - Misc General Exp-Proj Supt - N]"/>
        <member name="[CB - Account].[Account CB - Description].&amp;[0930300 - Disp Of Hazardous Waste-Toddvi]"/>
        <member name="[CB - Account].[Account CB - Description].&amp;[0930400 - Misc Test Projects-Other]"/>
        <member name="[CB - Account].[Account CB - Description].&amp;[0930410 - Pwr Line Carrier Load Surv Dev]"/>
        <member name="[CB - Account].[Account CB - Description].&amp;[0930500 - Line Of Business A&amp;G]"/>
        <member name="[CB - Account].[Account CB - Description].&amp;[0930600 - Leased Circuit Charges-Other]"/>
        <member name="[CB - Account].[Account CB - Description].&amp;[0930610 - Leased Circuit Chgs-Load Mang]"/>
        <member name="[CB - Account].[Account CB - Description].&amp;[0930800 - R &amp; D-Alternative Energy]"/>
        <member name="[CB - Account].[Account CB - Description].&amp;[0930891 - IC Misc Gen Exp VIE]"/>
        <member name="[CB - Account].[Account CB - Description].&amp;[0930910 - Purchasing Dept Cst-To Be Dist]"/>
        <member name="[CB - Account].[Account CB - Description].&amp;[0930920 - Purchasing Dept Clearing Costs]"/>
        <member name="[CB - Account].[Account CB - Description].&amp;[0930930 - Inactive]"/>
        <member name="[CB - Account].[Account CB - Description].&amp;[0930941 - DENA AP Suspense]"/>
        <member name="[CB - Account].[Account CB - Description].&amp;[0930950 - General Expenses]"/>
        <member name="[CB - Account].[Account CB - Description].&amp;[0930980 - Misc. General Expenses For]"/>
        <member name="[CB - Account].[Account CB - Description].&amp;[0930985 - Misc. General Expenses]"/>
        <member name="[CB - Account].[Account CB - Description].&amp;[0930990 - Misc. General Expenses For]"/>
        <member name="[CB - Account].[Account CB - Description].&amp;[0931000 - Rents]"/>
        <member name="[CB - Account].[Account CB - Description].&amp;[0931002 - Operating Exp Rents I/C Contra]"/>
        <member name="[CB - Account].[Account CB - Description].&amp;[0931003 - Lease Amortization Expense]"/>
        <member name="[CB - Account].[Account CB - Description].&amp;[0931100 - I/C OPER. RENT EXP]"/>
        <member name="[CB - Account].[Account CB - Description].&amp;[0931200 - RENTS_PURCHASE_ACCTG_ADJ]"/>
        <member name="[CB - Account].[Account CB - Description].&amp;[0931940 - Rents]"/>
        <member name="[CB - Account].[Account CB - Description].&amp;[0931950 - Rents]"/>
        <member name="[CB - Account].[Account CB - Description].&amp;[0931970 - ROR/ADVAL-TETCO]"/>
        <member name="[CB - Account].[Account CB - Description].&amp;[0931980 - Rents For Corp. Governance]"/>
        <member name="[CB - Account].[Account CB - Description].&amp;[0931990 - Rents For Corp. Governance]"/>
        <member name="[CB - Account].[Account CB - Description].&amp;[0935001 - O&amp;M - A&amp;G]"/>
        <member name="[CB - Account].[Account CB - Description].&amp;[0935300 - Mnt Gnrl Plnt-Comm Eqmt-Load]"/>
        <member name="[CB - Account].[Account CB - Description].&amp;[0935400 - Maint of Gen Plant -Proj Supt]"/>
        <member name="[CB - Account].[Account CB - Description].&amp;[0935940 - Maintenance Of General Plant]"/>
        <member name="[CB - Account].[Account CB - Description].&amp;[0935950 - Maintenance Of General Plant]"/>
        <member name="[CB - Account].[Account CB - Description].&amp;[0935980 - Maintenance Of General Plant]"/>
        <member name="[CB - Account].[Account CB - Description].&amp;[0935990 - Maintenance Of General Plant]"/>
        <member name="[CB - Account].[Account CB - Description].&amp;[0988000 - Amortization Other Investment]"/>
        <member name="[CB - Account].[Account CB - Description].&amp;[0988001 - Dividends on Pref &amp; Cap Stk]"/>
        <member name="[CB - Account].[Account CB - Description].&amp;[0988002 - Interco Pref Stk Div DEGT Only]"/>
        <member name="[CB - Account].[Account CB - Description].&amp;[0999000 - Purch Allo Labor Stat Acct]"/>
        <member name="[CB - Account].[Account CB - Description].&amp;[0999002 - Budget Purch Alloc Stat Acct]"/>
        <member name="[CB - Account].[Account CB - Description].&amp;[0999003 - Westhimer Office SQFT]"/>
        <member name="[CB - Account].[Account CB - Description].&amp;[0999004 - McKinney Bldg SQFT]"/>
        <member name="[CB - Account].[Account CB - Description].&amp;[100001 - Missing]"/>
        <member name="[CB - Account].[Account CB - Description].&amp;[1010001 - Missing]"/>
        <member name="[CB - Account].[Account CB - Description].&amp;[1010002 - Missing]"/>
        <member name="[CB - Account].[Account CB - Description].&amp;[1010004 - Missing]"/>
        <member name="[CB - Account].[Account CB - Description].&amp;[1010005 - Missing]"/>
        <member name="[CB - Account].[Account CB - Description].&amp;[1010006 - Missing]"/>
        <member name="[CB - Account].[Account CB - Description].&amp;[1010007 - Missing]"/>
        <member name="[CB - Account].[Account CB - Description].&amp;[1010008 - Missing]"/>
        <member name="[CB - Account].[Account CB - Description].&amp;[1010009 - Missing]"/>
        <member name="[CB - Account].[Account CB - Description].&amp;[1010010 - Missing]"/>
        <member name="[CB - Account].[Account CB - Description].&amp;[1010011 - Missing]"/>
        <member name="[CB - Account].[Account CB - Description].&amp;[1010013 - Missing]"/>
        <member name="[CB - Account].[Account CB - Description].&amp;[1010015 - Missing]"/>
        <member name="[CB - Account].[Account CB - Description].&amp;[1010016 - Missing]"/>
        <member name="[CB - Account].[Account CB - Description].&amp;[1010021 - Missing]"/>
        <member name="[CB - Account].[Account CB - Description].&amp;[1020001 - Missing]"/>
        <member name="[CB - Account].[Account CB - Description].&amp;[1020002 - Missing]"/>
        <member name="[CB - Account].[Account CB - Description].&amp;[1023 - Missing]"/>
        <member name="[CB - Account].[Account CB - Description].&amp;[1036 - Missing]"/>
        <member name="[CB - Account].[Account CB - Description].&amp;[1050001 - Missing]"/>
        <member name="[CB - Account].[Account CB - Description].&amp;[1050002 - Missing]"/>
        <member name="[CB - Account].[Account CB - Description].&amp;[1050003 - Missing]"/>
        <member name="[CB - Account].[Account CB - Description].&amp;[1060001 - Missing]"/>
        <member name="[CB - Account].[Account CB - Description].&amp;[1060002 - Missing]"/>
        <member name="[CB - Account].[Account CB - Description].&amp;[1060003 - Missing]"/>
        <member name="[CB - Account].[Account CB - Description].&amp;[1060004 - Missing]"/>
        <member name="[CB - Account].[Account CB - Description].&amp;[1060005 - Missing]"/>
        <member name="[CB - Account].[Account CB - Description].&amp;[1060006 - Missing]"/>
        <member name="[CB - Account].[Account CB - Description].&amp;[1060007 - Missing]"/>
        <member name="[CB - Account].[Account CB - Description].&amp;[1060008 - Missing]"/>
        <member name="[CB - Account].[Account CB - Description].&amp;[1060009 - Missing]"/>
        <member name="[CB - Account].[Account CB - Description].&amp;[107000 - Missing]"/>
        <member name="[CB - Account].[Account CB - Description].&amp;[1070001 - Missing]"/>
        <member name="[CB - Account].[Account CB - Description].&amp;[1070003 - Missing]"/>
        <member name="[CB - Account].[Account CB - Description].&amp;[1080001 - Missing]"/>
        <member name="[CB - Account].[Account CB - Description].&amp;[1080002 - Missing]"/>
        <member name="[CB - Account].[Account CB - Description].&amp;[1080003 - Missing]"/>
        <member name="[CB - Account].[Account CB - Description].&amp;[1080004 - Missing]"/>
        <member name="[CB - Account].[Account CB - Description].&amp;[1080006 - Missing]"/>
        <member name="[CB - Account].[Account CB - Description].&amp;[1080007 - Missing]"/>
        <member name="[CB - Account].[Account CB - Description].&amp;[1080008 - Missing]"/>
        <member name="[CB - Account].[Account CB - Description].&amp;[1080009 - Missing]"/>
        <member name="[CB - Account].[Account CB - Description].&amp;[1080010 - Missing]"/>
        <member name="[CB - Account].[Account CB - Description].&amp;[1080011 - Missing]"/>
        <member name="[CB - Account].[Account CB - Description].&amp;[1080012 - Missing]"/>
        <member name="[CB - Account].[Account CB - Description].&amp;[1080013 - Missing]"/>
        <member name="[CB - Account].[Account CB - Description].&amp;[1080014 - Missing]"/>
        <member name="[CB - Account].[Account CB - Description].&amp;[1080015 - Missing]"/>
        <member name="[CB - Account].[Account CB - Description].&amp;[1080016 - Missing]"/>
        <member name="[CB - Account].[Account CB - Description].&amp;[1080017 - Missing]"/>
        <member name="[CB - Account].[Account CB - Description].&amp;[1080018 - Missing]"/>
        <member name="[CB - Account].[Account CB - Description].&amp;[1080019 - Missing]"/>
        <member name="[CB - Account].[Account CB - Description].&amp;[1080021 - Missing]"/>
        <member name="[CB - Account].[Account CB - Description].&amp;[1080022 - Missing]"/>
        <member name="[CB - Account].[Account CB - Description].&amp;[1080024 - Missing]"/>
        <member name="[CB - Account].[Account CB - Description].&amp;[1080025 - Missing]"/>
        <member name="[CB - Account].[Account CB - Description].&amp;[1080026 - Missing]"/>
        <member name="[CB - Account].[Account CB - Description].&amp;[1080027 - Missing]"/>
        <member name="[CB - Account].[Account CB - Description].&amp;[1080028 - Missing]"/>
        <member name="[CB - Account].[Account CB - Description].&amp;[1080029 - Missing]"/>
        <member name="[CB - Account].[Account CB - Description].&amp;[1080030 - Missing]"/>
        <member name="[CB - Account].[Account CB - Description].&amp;[1080031 - Missing]"/>
        <member name="[CB - Account].[Account CB - Description].&amp;[1080033 - Missing]"/>
        <member name="[CB - Account].[Account CB - Description].&amp;[1080034 - Missing]"/>
        <member name="[CB - Account].[Account CB - Description].&amp;[1081001 - Missing]"/>
        <member name="[CB - Account].[Account CB - Description].&amp;[108600 - Missing]"/>
        <member name="[CB - Account].[Account CB - Description].&amp;[108610 - RWIP-EBIT-ROCE]"/>
        <member name="[CB - Account].[Account CB - Description].&amp;[1088001 - Missing]"/>
        <member name="[CB - Account].[Account CB - Description].&amp;[1088002 - Missing]"/>
        <member name="[CB - Account].[Account CB - Description].&amp;[1089001 - Missing]"/>
        <member name="[CB - Account].[Account CB - Description].&amp;[1110001 - Missing]"/>
        <member name="[CB - Account].[Account CB - Description].&amp;[1110002 - Missing]"/>
        <member name="[CB - Account].[Account CB - Description].&amp;[1110003 - Missing]"/>
        <member name="[CB - Account].[Account CB - Description].&amp;[1110004 - Missing]"/>
        <member name="[CB - Account].[Account CB - Description].&amp;[1110005 - Missing]"/>
        <member name="[CB - Account].[Account CB - Description].&amp;[1110006 - Missing]"/>
        <member name="[CB - Account].[Account CB - Description].&amp;[1110007 - Missing]"/>
        <member name="[CB - Account].[Account CB - Description].&amp;[1110008 - Missing]"/>
        <member name="[CB - Account].[Account CB - Description].&amp;[1110009 - Missing]"/>
        <member name="[CB - Account].[Account CB - Description].&amp;[1140001 - Missing]"/>
        <member name="[CB - Account].[Account CB - Description].&amp;[1140002 - Missing]"/>
        <member name="[CB - Account].[Account CB - Description].&amp;[1140003 - Missing]"/>
        <member name="[CB - Account].[Account CB - Description].&amp;[1140004 - Missing]"/>
        <member name="[CB - Account].[Account CB - Description].&amp;[1140006 - Missing]"/>
        <member name="[CB - Account].[Account CB - Description].&amp;[1140007 - Missing]"/>
        <member name="[CB - Account].[Account CB - Description].&amp;[1140008 - Missing]"/>
        <member name="[CB - Account].[Account CB - Description].&amp;[1140009 - Missing]"/>
        <member name="[CB - Account].[Account CB - Description].&amp;[1140010 - Missing]"/>
        <member name="[CB - Account].[Account CB - Description].&amp;[1140011 - Missing]"/>
        <member name="[CB - Account].[Account CB - Description].&amp;[1140012 - Missing]"/>
        <member name="[CB - Account].[Account CB - Description].&amp;[1140019 - Missing]"/>
        <member name="[CB - Account].[Account CB - Description].&amp;[1140024 - Missing]"/>
        <member name="[CB - Account].[Account CB - Description].&amp;[1140025 - Missing]"/>
        <member name="[CB - Account].[Account CB - Description].&amp;[1140027 - Missing]"/>
        <member name="[CB - Account].[Account CB - Description].&amp;[1140028 - Missing]"/>
        <member name="[CB - Account].[Account CB - Description].&amp;[1140029 - Missing]"/>
        <member name="[CB - Account].[Account CB - Description].&amp;[1140030 - Missing]"/>
        <member name="[CB - Account].[Account CB - Description].&amp;[1140031 - Missing]"/>
        <member name="[CB - Account].[Account CB - Description].&amp;[1140032 - Missing]"/>
        <member name="[CB - Account].[Account CB - Description].&amp;[1140033 - Missing]"/>
        <member name="[CB - Account].[Account CB - Description].&amp;[1140034 - Missing]"/>
        <member name="[CB - Account].[Account CB - Description].&amp;[1140035 - Missing]"/>
        <member name="[CB - Account].[Account CB - Description].&amp;[1140036 - Missing]"/>
        <member name="[CB - Account].[Account CB - Description].&amp;[1140037 - Missing]"/>
        <member name="[CB - Account].[Account CB - Description].&amp;[1140038 - Missing]"/>
        <member name="[CB - Account].[Account CB - Description].&amp;[1140039 - Missing]"/>
        <member name="[CB - Account].[Account CB - Description].&amp;[1140040 - Missing]"/>
        <member name="[CB - Account].[Account CB - Description].&amp;[1140041 - Missing]"/>
        <member name="[CB - Account].[Account CB - Description].&amp;[1140042 - Missing]"/>
        <member name="[CB - Account].[Account CB - Description].&amp;[1140043 - Missing]"/>
        <member name="[CB - Account].[Account CB - Description].&amp;[1140045 - Missing]"/>
        <member name="[CB - Account].[Account CB - Description].&amp;[1140046 - Missing]"/>
        <member name="[CB - Account].[Account CB - Description].&amp;[1140047 - Missing]"/>
        <member name="[CB - Account].[Account CB - Description].&amp;[1140048 - Missing]"/>
        <member name="[CB - Account].[Account CB - Description].&amp;[1140049 - Missing]"/>
        <member name="[CB - Account].[Account CB - Description].&amp;[1140050 - Missing]"/>
        <member name="[CB - Account].[Account CB - Description].&amp;[1140051 - Missing]"/>
        <member name="[CB - Account].[Account CB - Description].&amp;[1140052 - Missing]"/>
        <member name="[CB - Account].[Account CB - Description].&amp;[1140053 - Missing]"/>
        <member name="[CB - Account].[Account CB - Description].&amp;[1140054 - Missing]"/>
        <member name="[CB - Account].[Account CB - Description].&amp;[1140055 - Missing]"/>
        <member name="[CB - Account].[Account CB - Description].&amp;[1140056 - Missing]"/>
        <member name="[CB - Account].[Account CB - Description].&amp;[1140057 - Missing]"/>
        <member name="[CB - Account].[Account CB - Description].&amp;[1140058 - Missing]"/>
        <member name="[CB - Account].[Account CB - Description].&amp;[1140059 - Missing]"/>
        <member name="[CB - Account].[Account CB - Description].&amp;[1140060 - Missing]"/>
        <member name="[CB - Account].[Account CB - Description].&amp;[1150001 - Missing]"/>
        <member name="[CB - Account].[Account CB - Description].&amp;[1150002 - Missing]"/>
        <member name="[CB - Account].[Account CB - Description].&amp;[1150003 - Missing]"/>
        <member name="[CB - Account].[Account CB - Description].&amp;[1150006 - Missing]"/>
        <member name="[CB - Account].[Account CB - Description].&amp;[1150007 - Missing]"/>
        <member name="[CB - Account].[Account CB - Description].&amp;[1150008 - Missing]"/>
        <member name="[CB - Account].[Account CB - Description].&amp;[1150009 - Missing]"/>
        <member name="[CB - Account].[Account CB - Description].&amp;[1150010 - Missing]"/>
        <member name="[CB - Account].[Account CB - Description].&amp;[1150011 - Missing]"/>
        <member name="[CB - Account].[Account CB - Description].&amp;[1150012 - Missing]"/>
        <member name="[CB - Account].[Account CB - Description].&amp;[1150013 - Missing]"/>
        <member name="[CB - Account].[Account CB - Description].&amp;[1150014 - Missing]"/>
        <member name="[CB - Account].[Account CB - Description].&amp;[1150015 - Missing]"/>
        <member name="[CB - Account].[Account CB - Description].&amp;[1150016 - Missing]"/>
        <member name="[CB - Account].[Account CB - Description].&amp;[1150017 - Missing]"/>
        <member name="[CB - Account].[Account CB - Description].&amp;[1150018 - Missing]"/>
        <member name="[CB - Account].[Account CB - Description].&amp;[1150019 - Missing]"/>
        <member name="[CB - Account].[Account CB - Description].&amp;[1150020 - Missing]"/>
        <member name="[CB - Account].[Account CB - Description].&amp;[1150021 - Missing]"/>
        <member name="[CB - Account].[Account CB - Description].&amp;[1150022 - Missing]"/>
        <member name="[CB - Account].[Account CB - Description].&amp;[1150024 - Missing]"/>
        <member name="[CB - Account].[Account CB - Description].&amp;[1150025 - Missing]"/>
        <member name="[CB - Account].[Account CB - Description].&amp;[1150026 - Missing]"/>
        <member name="[CB - Account].[Account CB - Description].&amp;[1150027 - Missing]"/>
        <member name="[CB - Account].[Account CB - Description].&amp;[1150028 - Missing]"/>
        <member name="[CB - Account].[Account CB - Description].&amp;[1150029 - Missing]"/>
        <member name="[CB - Account].[Account CB - Description].&amp;[1150030 - Missing]"/>
        <member name="[CB - Account].[Account CB - Description].&amp;[1154110 - Nuclear Inventory Purch/Transf]"/>
        <member name="[CB - Account].[Account CB - Description].&amp;[1154120 - Non-Nuclear Inventory Pur/Tran]"/>
        <member name="[CB - Account].[Account CB - Description].&amp;[1163010 - Stores Expense - Merchandising]"/>
        <member name="[CB - Account].[Account CB - Description].&amp;[1163110 - Stores Expense]"/>
        <member name="[CB - Account].[Account CB - Description].&amp;[1163120 - Purch Dept Oper Costs-Clearing]"/>
        <member name="[CB - Account].[Account CB - Description].&amp;[1170001 - Missing]"/>
        <member name="[CB - Account].[Account CB - Description].&amp;[1171001 - Missing]"/>
        <member name="[CB - Account].[Account CB - Description].&amp;[1172001 - Missing]"/>
        <member name="[CB - Account].[Account CB - Description].&amp;[1172002 - Missing]"/>
        <member name="[CB - Account].[Account CB - Description].&amp;[1172003 - Missing]"/>
        <member name="[CB - Account].[Account CB - Description].&amp;[1172004 - Missing]"/>
        <member name="[CB - Account].[Account CB - Description].&amp;[1172005 - Missing]"/>
        <member name="[CB - Account].[Account CB - Description].&amp;[1172006 - Missing]"/>
        <member name="[CB - Account].[Account CB - Description].&amp;[1172007 - Missing]"/>
        <member name="[CB - Account].[Account CB - Description].&amp;[1172008 - Missing]"/>
        <member name="[CB - Account].[Account CB - Description].&amp;[1172009 - Missing]"/>
        <member name="[CB - Account].[Account CB - Description].&amp;[1172010 - Missing]"/>
        <member name="[CB - Account].[Account CB - Description].&amp;[1172011 - Missing]"/>
        <member name="[CB - Account].[Account CB - Description].&amp;[1172012 - Missing]"/>
        <member name="[CB - Account].[Account CB - Description].&amp;[1172013 - Missing]"/>
        <member name="[CB - Account].[Account CB - Description].&amp;[1172014 - Missing]"/>
        <member name="[CB - Account].[Account CB - Description].&amp;[1172015 - Missing]"/>
        <member name="[CB - Account].[Account CB - Description].&amp;[1172018 - Missing]"/>
        <member name="[CB - Account].[Account CB - Description].&amp;[1172019 - Missing]"/>
        <member name="[CB - Account].[Account CB - Description].&amp;[1172020 - Missing]"/>
        <member name="[CB - Account].[Account CB - Description].&amp;[1186110 - Miscellaneous Work In Process]"/>
        <member name="[CB - Account].[Account CB - Description].&amp;[1186120 - Misc. Wip - Fp Dist. Wids]"/>
        <member name="[CB - Account].[Account CB - Description].&amp;[1186130 - System Impact/Facility Studies]"/>
        <member name="[CB - Account].[Account CB - Description].&amp;[1188200 - Inactive]"/>
        <member name="[CB - Account].[Account CB - Description].&amp;[1188300 - Les Clearing]"/>
        <member name="[CB - Account].[Account CB - Description].&amp;[1199980 - Im Corporate Governance]"/>
        <member name="[CB - Account].[Account CB - Description].&amp;[1199990 - Shared Services/Im Clearing]"/>
        <member name="[CB - Account].[Account CB - Description].&amp;[1210000 - AR CONTRA]"/>
        <member name="[CB - Account].[Account CB - Description].&amp;[1210001 - Missing]"/>
        <member name="[CB - Account].[Account CB - Description].&amp;[1210002 - Missing]"/>
        <member name="[CB - Account].[Account CB - Description].&amp;[1210003 - Missing]"/>
        <member name="[CB - Account].[Account CB - Description].&amp;[1210004 - Missing]"/>
        <member name="[CB - Account].[Account CB - Description].&amp;[1210005 - Missing]"/>
        <member name="[CB - Account].[Account CB - Description].&amp;[1210006 - Missing]"/>
        <member name="[CB - Account].[Account CB - Description].&amp;[1210007 - Missing]"/>
        <member name="[CB - Account].[Account CB - Description].&amp;[1210008 - Missing]"/>
        <member name="[CB - Account].[Account CB - Description].&amp;[1210011 - Missing]"/>
        <member name="[CB - Account].[Account CB - Description].&amp;[1210012 - Missing]"/>
        <member name="[CB - Account].[Account CB - Description].&amp;[1210013 - Missing]"/>
        <member name="[CB - Account].[Account CB - Description].&amp;[1210014 - Missing]"/>
        <member name="[CB - Account].[Account CB - Description].&amp;[1210015 - Missing]"/>
        <member name="[CB - Account].[Account CB - Description].&amp;[1211001 - Missing]"/>
        <member name="[CB - Account].[Account CB - Description].&amp;[1218001 - Missing]"/>
        <member name="[CB - Account].[Account CB - Description].&amp;[1220001 - Missing]"/>
        <member name="[CB - Account].[Account CB - Description].&amp;[1220002 - Missing]"/>
        <member name="[CB - Account].[Account CB - Description].&amp;[1220003 - Missing]"/>
        <member name="[CB - Account].[Account CB - Description].&amp;[1220004 - Missing]"/>
        <member name="[CB - Account].[Account CB - Description].&amp;[1220005 - Missing]"/>
        <member name="[CB - Account].[Account CB - Description].&amp;[1220006 - Missing]"/>
        <member name="[CB - Account].[Account CB - Description].&amp;[1220007 - Missing]"/>
        <member name="[CB - Account].[Account CB - Description].&amp;[1220011 - Missing]"/>
        <member name="[CB - Account].[Account CB - Description].&amp;[1220012 - Missing]"/>
        <member name="[CB - Account].[Account CB - Description].&amp;[1228001 - Missing]"/>
        <member name="[CB - Account].[Account CB - Description].&amp;[1230002 - Missing]"/>
        <member name="[CB - Account].[Account CB - Description].&amp;[1230004 - Missing]"/>
        <member name="[CB - Account].[Account CB - Description].&amp;[1230005 - Missing]"/>
        <member name="[CB - Account].[Account CB - Description].&amp;[1230006 - Missing]"/>
        <member name="[CB - Account].[Account CB - Description].&amp;[1230007 - Missing]"/>
        <member name="[CB - Account].[Account CB - Description].&amp;[1230008 - Missing]"/>
        <member name="[CB - Account].[Account CB - Description].&amp;[1230009 - Missing]"/>
        <member name="[CB - Account].[Account CB - Description].&amp;[1230011 - Missing]"/>
        <member name="[CB - Account].[Account CB - Description].&amp;[1230012 - Missing]"/>
        <member name="[CB - Account].[Account CB - Description].&amp;[1230013 - Missing]"/>
        <member name="[CB - Account].[Account CB - Description].&amp;[1230015 - Missing]"/>
        <member name="[CB - Account].[Account CB - Description].&amp;[1230016 - Missing]"/>
        <member name="[CB - Account].[Account CB - Description].&amp;[1230017 - Missing]"/>
        <member name="[CB - Account].[Account CB - Description].&amp;[1230019 - Missing]"/>
        <member name="[CB - Account].[Account CB - Description].&amp;[1230020 - Missing]"/>
        <member name="[CB - Account].[Account CB - Description].&amp;[1230021 - Missing]"/>
        <member name="[CB - Account].[Account CB - Description].&amp;[1230022 - Missing]"/>
        <member name="[CB - Account].[Account CB - Description].&amp;[1230023 - Missing]"/>
        <member name="[CB - Account].[Account CB - Description].&amp;[1230024 - Missing]"/>
        <member name="[CB - Account].[Account CB - Description].&amp;[1230025 - Missing]"/>
        <member name="[CB - Account].[Account CB - Description].&amp;[1230026 - Missing]"/>
        <member name="[CB - Account].[Account CB - Description].&amp;[1230028 - Missing]"/>
        <member name="[CB - Account].[Account CB - Description].&amp;[1230030 - Missing]"/>
        <member name="[CB - Account].[Account CB - Description].&amp;[1230031 - Missing]"/>
        <member name="[CB - Account].[Account CB - Description].&amp;[1230037 - Missing]"/>
        <member name="[CB - Account].[Account CB - Description].&amp;[1230040 - Missing]"/>
        <member name="[CB - Account].[Account CB - Description].&amp;[1230041 - Missing]"/>
        <member name="[CB - Account].[Account CB - Description].&amp;[1230045 - Missing]"/>
        <member name="[CB - Account].[Account CB - Description].&amp;[1230046 - Missing]"/>
        <member name="[CB - Account].[Account CB - Description].&amp;[1230047 - Missing]"/>
        <member name="[CB - Account].[Account CB - Description].&amp;[1230050 - Missing]"/>
        <member name="[CB - Account].[Account CB - Description].&amp;[1230055 - Missing]"/>
        <member name="[CB - Account].[Account CB - Description].&amp;[1230056 - Missing]"/>
        <member name="[CB - Account].[Account CB - Description].&amp;[1230057 - Missing]"/>
        <member name="[CB - Account].[Account CB - Description].&amp;[1230058 - Missing]"/>
        <member name="[CB - Account].[Account CB - Description].&amp;[1230059 - Missing]"/>
        <member name="[CB - Account].[Account CB - Description].&amp;[1230064 - Missing]"/>
        <member name="[CB - Account].[Account CB - Description].&amp;[1230065 - Missing]"/>
        <member name="[CB - Account].[Account CB - Description].&amp;[1230067 - Missing]"/>
        <member name="[CB - Account].[Account CB - Description].&amp;[1230069 - Missing]"/>
        <member name="[CB - Account].[Account CB - Description].&amp;[1230070 - Missing]"/>
        <member name="[CB - Account].[Account CB - Description].&amp;[1230073 - Missing]"/>
        <member name="[CB - Account].[Account CB - Description].&amp;[1230074 - Missing]"/>
        <member name="[CB - Account].[Account CB - Description].&amp;[1230075 - Missing]"/>
        <member name="[CB - Account].[Account CB - Description].&amp;[1230076 - Missing]"/>
        <member name="[CB - Account].[Account CB - Description].&amp;[1230091 - Missing]"/>
        <member name="[CB - Account].[Account CB - Description].&amp;[1230092 - Missing]"/>
        <member name="[CB - Account].[Account CB - Description].&amp;[1230093 - Missing]"/>
        <member name="[CB - Account].[Account CB - Description].&amp;[1230094 - Missing]"/>
        <member name="[CB - Account].[Account CB - Description].&amp;[1230095 - Missing]"/>
        <member name="[CB - Account].[Account CB - Description].&amp;[1230096 - Missing]"/>
        <member name="[CB - Account].[Account CB - Description].&amp;[1230097 - Missing]"/>
        <member name="[CB - Account].[Account CB - Description].&amp;[1230098 - Missing]"/>
        <member name="[CB - Account].[Account CB - Description].&amp;[1230099 - Missing]"/>
        <member name="[CB - Account].[Account CB - Description].&amp;[1230100 - Missing]"/>
        <member name="[CB - Account].[Account CB - Description].&amp;[1230101 - Missing]"/>
        <member name="[CB - Account].[Account CB - Description].&amp;[1230102 - Missing]"/>
        <member name="[CB - Account].[Account CB - Description].&amp;[1230103 - Missing]"/>
        <member name="[CB - Account].[Account CB - Description].&amp;[1230104 - Missing]"/>
        <member name="[CB - Account].[Account CB - Description].&amp;[1230105 - Missing]"/>
        <member name="[CB - Account].[Account CB - Description].&amp;[1230106 - Missing]"/>
        <member name="[CB - Account].[Account CB - Description].&amp;[1230107 - Missing]"/>
        <member name="[CB - Account].[Account CB - Description].&amp;[1230108 - Missing]"/>
        <member name="[CB - Account].[Account CB - Description].&amp;[1230109 - Missing]"/>
        <member name="[CB - Account].[Account CB - Description].&amp;[1230110 - Missing]"/>
        <member name="[CB - Account].[Account CB - Description].&amp;[1230111 - Missing]"/>
        <member name="[CB - Account].[Account CB - Description].&amp;[1230112 - Missing]"/>
        <member name="[CB - Account].[Account CB - Description].&amp;[1230113 - Missing]"/>
        <member name="[CB - Account].[Account CB - Description].&amp;[1230114 - Missing]"/>
        <member name="[CB - Account].[Account CB - Description].&amp;[1230115 - Missing]"/>
        <member name="[CB - Account].[Account CB - Description].&amp;[1230116 - Missing]"/>
        <member name="[CB - Account].[Account CB - Description].&amp;[1230118 - Missing]"/>
        <member name="[CB - Account].[Account CB - Description].&amp;[1230119 - Missing]"/>
        <member name="[CB - Account].[Account CB - Description].&amp;[1230120 - Missing]"/>
        <member name="[CB - Account].[Account CB - Description].&amp;[1230121 - Missing]"/>
        <member name="[CB - Account].[Account CB - Description].&amp;[1230122 - Missing]"/>
        <member name="[CB - Account].[Account CB - Description].&amp;[1230123 - Missing]"/>
        <member name="[CB - Account].[Account CB - Description].&amp;[1230125 - Missing]"/>
        <member name="[CB - Account].[Account CB - Description].&amp;[1230149 - Missing]"/>
        <member name="[CB - Account].[Account CB - Description].&amp;[1230150 - Missing]"/>
        <member name="[CB - Account].[Account CB - Description].&amp;[1230151 - Missing]"/>
        <member name="[CB - Account].[Account CB - Description].&amp;[1230152 - Missing]"/>
        <member name="[CB - Account].[Account CB - Description].&amp;[1230153 - Missing]"/>
        <member name="[CB - Account].[Account CB - Description].&amp;[1230155 - Missing]"/>
        <member name="[CB - Account].[Account CB - Description].&amp;[1230156 - Missing]"/>
        <member name="[CB - Account].[Account CB - Description].&amp;[1230157 - Missing]"/>
        <member name="[CB - Account].[Account CB - Description].&amp;[1230158 - Missing]"/>
        <member name="[CB - Account].[Account CB - Description].&amp;[1230159 - Missing]"/>
        <member name="[CB - Account].[Account CB - Description].&amp;[1230160 - Missing]"/>
        <member name="[CB - Account].[Account CB - Description].&amp;[1230162 - Missing]"/>
        <member name="[CB - Account].[Account CB - Description].&amp;[1230163 - Missing]"/>
        <member name="[CB - Account].[Account CB - Description].&amp;[1230164 - Missing]"/>
        <member name="[CB - Account].[Account CB - Description].&amp;[1230166 - Missing]"/>
        <member name="[CB - Account].[Account CB - Description].&amp;[1231001 - Missing]"/>
        <member name="[CB - Account].[Account CB - Description].&amp;[1231002 - Missing]"/>
        <member name="[CB - Account].[Account CB - Description].&amp;[1231004 - Missing]"/>
        <member name="[CB - Account].[Account CB - Description].&amp;[1231006 - Missing]"/>
        <member name="[CB - Account].[Account CB - Description].&amp;[1231007 - Missing]"/>
        <member name="[CB - Account].[Account CB - Description].&amp;[1231008 - Missing]"/>
        <member name="[CB - Account].[Account CB - Description].&amp;[1231012 - Missing]"/>
        <member name="[CB - Account].[Account CB - Description].&amp;[1231013 - Missing]"/>
        <member name="[CB - Account].[Account CB - Description].&amp;[1231017 - Missing]"/>
        <member name="[CB - Account].[Account CB - Description].&amp;[1231020 - Missing]"/>
        <member name="[CB - Account].[Account CB - Description].&amp;[1231024 - Missing]"/>
        <member name="[CB - Account].[Account CB - Description].&amp;[1231029 - Missing]"/>
        <member name="[CB - Account].[Account CB - Description].&amp;[1231040 - Missing]"/>
        <member name="[CB - Account].[Account CB - Description].&amp;[1231041 - Missing]"/>
        <member name="[CB - Account].[Account CB - Description].&amp;[1231050 - Investment in Foreign Currency]"/>
        <member name="[CB - Account].[Account CB - Description].&amp;[1231051 - Investment in OCI]"/>
        <member name="[CB - Account].[Account CB - Description].&amp;[1231052 - Missing]"/>
        <member name="[CB - Account].[Account CB - Description].&amp;[1231053 - Missing]"/>
        <member name="[CB - Account].[Account CB - Description].&amp;[1231060 - Missing]"/>
        <member name="[CB - Account].[Account CB - Description].&amp;[1231062 - Missing]"/>
        <member name="[CB - Account].[Account CB - Description].&amp;[1231063 - Missing]"/>
        <member name="[CB - Account].[Account CB - Description].&amp;[1231064 - Missing]"/>
        <member name="[CB - Account].[Account CB - Description].&amp;[1231090 - Missing]"/>
        <member name="[CB - Account].[Account CB - Description].&amp;[1231091 - Missing]"/>
        <member name="[CB - Account].[Account CB - Description].&amp;[1231092 - Missing]"/>
        <member name="[CB - Account].[Account CB - Description].&amp;[1231093 - Missing]"/>
        <member name="[CB - Account].[Account CB - Description].&amp;[1231094 - Missing]"/>
        <member name="[CB - Account].[Account CB - Description].&amp;[1231095 - Missing]"/>
        <member name="[CB - Account].[Account CB - Description].&amp;[1231097 - Missing]"/>
        <member name="[CB - Account].[Account CB - Description].&amp;[1231098 - Missing]"/>
        <member name="[CB - Account].[Account CB - Description].&amp;[1231099 - Missing]"/>
        <member name="[CB - Account].[Account CB - Description].&amp;[1231100 - Missing]"/>
        <member name="[CB - Account].[Account CB - Description].&amp;[1231101 - Missing]"/>
        <member name="[CB - Account].[Account CB - Description].&amp;[1231102 - Missing]"/>
        <member name="[CB - Account].[Account CB - Description].&amp;[1231103 - Missing]"/>
        <member name="[CB - Account].[Account CB - Description].&amp;[1231104 - Missing]"/>
        <member name="[CB - Account].[Account CB - Description].&amp;[1231105 - Missing]"/>
        <member name="[CB - Account].[Account CB - Description].&amp;[1231106 - Missing]"/>
        <member name="[CB - Account].[Account CB - Description].&amp;[1231107 - Missing]"/>
        <member name="[CB - Account].[Account CB - Description].&amp;[1231109 - Missing]"/>
        <member name="[CB - Account].[Account CB - Description].&amp;[1231110 - Missing]"/>
        <member name="[CB - Account].[Account CB - Description].&amp;[1231112 - Missing]"/>
        <member name="[CB - Account].[Account CB - Description].&amp;[1231113 - Missing]"/>
        <member name="[CB - Account].[Account CB - Description].&amp;[1231114 - Missing]"/>
        <member name="[CB - Account].[Account CB - Description].&amp;[1231115 - Missing]"/>
        <member name="[CB - Account].[Account CB - Description].&amp;[1231116 - Missing]"/>
        <member name="[CB - Account].[Account CB - Description].&amp;[1231117 - Missing]"/>
        <member name="[CB - Account].[Account CB - Description].&amp;[1231118 - Missing]"/>
        <member name="[CB - Account].[Account CB - Description].&amp;[1231119 - Missing]"/>
        <member name="[CB - Account].[Account CB - Description].&amp;[1231120 - Missing]"/>
        <member name="[CB - Account].[Account CB - Description].&amp;[1231121 - Missing]"/>
        <member name="[CB - Account].[Account CB - Description].&amp;[1231122 - Missing]"/>
        <member name="[CB - Account].[Account CB - Description].&amp;[1231123 - Missing]"/>
        <member name="[CB - Account].[Account CB - Description].&amp;[1231124 - Missing]"/>
        <member name="[CB - Account].[Account CB - Description].&amp;[1231125 - Missing]"/>
        <member name="[CB - Account].[Account CB - Description].&amp;[1231126 - Missing]"/>
        <member name="[CB - Account].[Account CB - Description].&amp;[1231127 - Missing]"/>
        <member name="[CB - Account].[Account CB - Description].&amp;[1231128 - Missing]"/>
        <member name="[CB - Account].[Account CB - Description].&amp;[1231146 - Missing]"/>
        <member name="[CB - Account].[Account CB - Description].&amp;[1231148 - Missing]"/>
        <member name="[CB - Account].[Account CB - Description].&amp;[1231153 - Missing]"/>
        <member name="[CB - Account].[Account CB - Description].&amp;[1231154 - Missing]"/>
        <member name="[CB - Account].[Account CB - Description].&amp;[1231155 - Missing]"/>
        <member name="[CB - Account].[Account CB - Description].&amp;[1231156 - Missing]"/>
        <member name="[CB - Account].[Account CB - Description].&amp;[1231157 - Missing]"/>
        <member name="[CB - Account].[Account CB - Description].&amp;[1231158 - Missing]"/>
        <member name="[CB - Account].[Account CB - Description].&amp;[1231159 - Missing]"/>
        <member name="[CB - Account].[Account CB - Description].&amp;[1231160 - Missing]"/>
        <member name="[CB - Account].[Account CB - Description].&amp;[1231161 - Missing]"/>
        <member name="[CB - Account].[Account CB - Description].&amp;[1231162 - Missing]"/>
        <member name="[CB - Account].[Account CB - Description].&amp;[1231163 - Missing]"/>
        <member name="[CB - Account].[Account CB - Description].&amp;[1231164 - Missing]"/>
        <member name="[CB - Account].[Account CB - Description].&amp;[1231165 - Missing]"/>
        <member name="[CB - Account].[Account CB - Description].&amp;[1231180 - Missing]"/>
        <member name="[CB - Account].[Account CB - Description].&amp;[1231198 - Missing]"/>
        <member name="[CB - Account].[Account CB - Description].&amp;[1231199 - Missing]"/>
        <member name="[CB - Account].[Account CB - Description].&amp;[1231201 - Missing]"/>
        <member name="[CB - Account].[Account CB - Description].&amp;[1231202 - Missing]"/>
        <member name="[CB - Account].[Account CB - Description].&amp;[1231203 - Missing]"/>
        <member name="[CB - Account].[Account CB - Description].&amp;[1231213 - Missing]"/>
        <member name="[CB - Account].[Account CB - Description].&amp;[1231233 - Missing]"/>
        <member name="[CB - Account].[Account CB - Description].&amp;[1231238 - Missing]"/>
        <member name="[CB - Account].[Account CB - Description].&amp;[1231239 - Missing]"/>
        <member name="[CB - Account].[Account CB - Description].&amp;[1231240 - Missing]"/>
        <member name="[CB - Account].[Account CB - Description].&amp;[1231241 - Missing]"/>
        <member name="[CB - Account].[Account CB - Description].&amp;[1231242 - Missing]"/>
        <member name="[CB - Account].[Account CB - Description].&amp;[1231244 - Missing]"/>
        <member name="[CB - Account].[Account CB - Description].&amp;[1231245 - Missing]"/>
        <member name="[CB - Account].[Account CB - Description].&amp;[1231246 - Missing]"/>
        <member name="[CB - Account].[Account CB - Description].&amp;[1231247 - Missing]"/>
        <member name="[CB - Account].[Account CB - Description].&amp;[1231248 - Missing]"/>
        <member name="[CB - Account].[Account CB - Description].&amp;[1231250 - Missing]"/>
        <member name="[CB - Account].[Account CB - Description].&amp;[1231251 - Missing]"/>
        <member name="[CB - Account].[Account CB - Description].&amp;[1231252 - Missing]"/>
        <member name="[CB - Account].[Account CB - Description].&amp;[1231253 - Missing]"/>
        <member name="[CB - Account].[Account CB - Description].&amp;[1231255 - Missing]"/>
        <member name="[CB - Account].[Account CB - Description].&amp;[1231256 - Missing]"/>
        <member name="[CB - Account].[Account CB - Description].&amp;[1231258 - Missing]"/>
        <member name="[CB - Account].[Account CB - Description].&amp;[1231260 - Missing]"/>
        <member name="[CB - Account].[Account CB - Description].&amp;[1231261 - Missing]"/>
        <member name="[CB - Account].[Account CB - Description].&amp;[1231262 - Missing]"/>
        <member name="[CB - Account].[Account CB - Description].&amp;[1231265 - Missing]"/>
        <member name="[CB - Account].[Account CB - Description].&amp;[1231266 - Missing]"/>
        <member name="[CB - Account].[Account CB - Description].&amp;[1231267 - Missing]"/>
        <member name="[CB - Account].[Account CB - Description].&amp;[1231268 - Missing]"/>
        <member name="[CB - Account].[Account CB - Description].&amp;[1231270 - Missing]"/>
        <member name="[CB - Account].[Account CB - Description].&amp;[1231271 - Missing]"/>
        <member name="[CB - Account].[Account CB - Description].&amp;[1231278 - Missing]"/>
        <member name="[CB - Account].[Account CB - Description].&amp;[1231279 - Missing]"/>
        <member name="[CB - Account].[Account CB - Description].&amp;[1231280 - Missing]"/>
        <member name="[CB - Account].[Account CB - Description].&amp;[1231281 - Missing]"/>
        <member name="[CB - Account].[Account CB - Description].&amp;[1231282 - Missing]"/>
        <member name="[CB - Account].[Account CB - Description].&amp;[1231289 - Missing]"/>
        <member name="[CB - Account].[Account CB - Description].&amp;[1231292 - Missing]"/>
        <member name="[CB - Account].[Account CB - Description].&amp;[1231298 - Missing]"/>
        <member name="[CB - Account].[Account CB - Description].&amp;[1231299 - Missing]"/>
        <member name="[CB - Account].[Account CB - Description].&amp;[1231300 - Missing]"/>
        <member name="[CB - Account].[Account CB - Description].&amp;[1231304 - Missing]"/>
        <member name="[CB - Account].[Account CB - Description].&amp;[1231306 - Missing]"/>
        <member name="[CB - Account].[Account CB - Description].&amp;[1231307 - Missing]"/>
        <member name="[CB - Account].[Account CB - Description].&amp;[1231308 - Missing]"/>
        <member name="[CB - Account].[Account CB - Description].&amp;[1231310 - Missing]"/>
        <member name="[CB - Account].[Account CB - Description].&amp;[1231311 - Missing]"/>
        <member name="[CB - Account].[Account CB - Description].&amp;[1231312 - Missing]"/>
        <member name="[CB - Account].[Account CB - Description].&amp;[1231313 - Missing]"/>
        <member name="[CB - Account].[Account CB - Description].&amp;[1231314 - Missing]"/>
        <member name="[CB - Account].[Account CB - Description].&amp;[1231315 - Missing]"/>
        <member name="[CB - Account].[Account CB - Description].&amp;[1231316 - Missing]"/>
        <member name="[CB - Account].[Account CB - Description].&amp;[1231317 - Missing]"/>
        <member name="[CB - Account].[Account CB - Description].&amp;[1231318 - Missing]"/>
        <member name="[CB - Account].[Account CB - Description].&amp;[1231320 - Missing]"/>
        <member name="[CB - Account].[Account CB - Description].&amp;[1231321 - Missing]"/>
        <member name="[CB - Account].[Account CB - Description].&amp;[1231322 - Missing]"/>
        <member name="[CB - Account].[Account CB - Description].&amp;[1231323 - Missing]"/>
        <member name="[CB - Account].[Account CB - Description].&amp;[1231324 - Missing]"/>
        <member name="[CB - Account].[Account CB - Description].&amp;[1231325 - Missing]"/>
        <member name="[CB - Account].[Account CB - Description].&amp;[1231326 - Missing]"/>
        <member name="[CB - Account].[Account CB - Description].&amp;[1231327 - Missing]"/>
        <member name="[CB - Account].[Account CB - Description].&amp;[1231328 - Missing]"/>
        <member name="[CB - Account].[Account CB - Description].&amp;[1231329 - Missing]"/>
        <member name="[CB - Account].[Account CB - Description].&amp;[1231330 - Missing]"/>
        <member name="[CB - Account].[Account CB - Description].&amp;[1231331 - Missing]"/>
        <member name="[CB - Account].[Account CB - Description].&amp;[1231332 - Missing]"/>
        <member name="[CB - Account].[Account CB - Description].&amp;[1231333 - Missing]"/>
        <member name="[CB - Account].[Account CB - Description].&amp;[1231335 - Missing]"/>
        <member name="[CB - Account].[Account CB - Description].&amp;[1231336 - Missing]"/>
        <member name="[CB - Account].[Account CB - Description].&amp;[1231337 - Missing]"/>
        <member name="[CB - Account].[Account CB - Description].&amp;[1231338 - Missing]"/>
        <member name="[CB - Account].[Account CB - Description].&amp;[1231340 - Missing]"/>
        <member name="[CB - Account].[Account CB - Description].&amp;[1231341 - Missing]"/>
        <member name="[CB - Account].[Account CB - Description].&amp;[1231342 - Missing]"/>
        <member name="[CB - Account].[Account CB - Description].&amp;[1231343 - Missing]"/>
        <member name="[CB - Account].[Account CB - Description].&amp;[1231344 - Missing]"/>
        <member name="[CB - Account].[Account CB - Description].&amp;[1231345 - Missing]"/>
        <member name="[CB - Account].[Account CB - Description].&amp;[1231346 - Missing]"/>
        <member name="[CB - Account].[Account CB - Description].&amp;[1231347 - Missing]"/>
        <member name="[CB - Account].[Account CB - Description].&amp;[1231348 - Missing]"/>
        <member name="[CB - Account].[Account CB - Description].&amp;[1231349 - Missing]"/>
        <member name="[CB - Account].[Account CB - Description].&amp;[1231350 - Missing]"/>
        <member name="[CB - Account].[Account CB - Description].&amp;[1231351 - Missing]"/>
        <member name="[CB - Account].[Account CB - Description].&amp;[1231353 - Missing]"/>
        <member name="[CB - Account].[Account CB - Description].&amp;[1231355 - Missing]"/>
        <member name="[CB - Account].[Account CB - Description].&amp;[1231356 - Missing]"/>
        <member name="[CB - Account].[Account CB - Description].&amp;[1231357 - Missing]"/>
        <member name="[CB - Account].[Account CB - Description].&amp;[1231358 - Missing]"/>
        <member name="[CB - Account].[Account CB - Description].&amp;[1231359 - Missing]"/>
        <member name="[CB - Account].[Account CB - Description].&amp;[1231360 - Missing]"/>
        <member name="[CB - Account].[Account CB - Description].&amp;[1231361 - Missing]"/>
        <member name="[CB - Account].[Account CB - Description].&amp;[1231363 - Missing]"/>
        <member name="[CB - Account].[Account CB - Description].&amp;[1231365 - Missing]"/>
        <member name="[CB - Account].[Account CB - Description].&amp;[1231366 - Missing]"/>
        <member name="[CB - Account].[Account CB - Description].&amp;[1231367 - Missing]"/>
        <member name="[CB - Account].[Account CB - Description].&amp;[1231370 - Missing]"/>
        <member name="[CB - Account].[Account CB - Description].&amp;[1231372 - Missing]"/>
        <member name="[CB - Account].[Account CB - Description].&amp;[1231376 - Missing]"/>
        <member name="[CB - Account].[Account CB - Description].&amp;[1231379 - Missing]"/>
        <member name="[CB - Account].[Account CB - Description].&amp;[1231384 - Missing]"/>
        <member name="[CB - Account].[Account CB - Description].&amp;[1231387 - Missing]"/>
        <member name="[CB - Account].[Account CB - Description].&amp;[1231392 - Missing]"/>
        <member name="[CB - Account].[Account CB - Description].&amp;[1231395 - Missing]"/>
        <member name="[CB - Account].[Account CB - Description].&amp;[1231396 - Missing]"/>
        <member name="[CB - Account].[Account CB - Description].&amp;[1231397 - Missing]"/>
        <member name="[CB - Account].[Account CB - Description].&amp;[1231398 - Missing]"/>
        <member name="[CB - Account].[Account CB - Description].&amp;[1231400 - Missing]"/>
        <member name="[CB - Account].[Account CB - Description].&amp;[1231402 - Missing]"/>
        <member name="[CB - Account].[Account CB - Description].&amp;[1231405 - Missing]"/>
        <member name="[CB - Account].[Account CB - Description].&amp;[1231406 - Missing]"/>
        <member name="[CB - Account].[Account CB - Description].&amp;[1231408 - Missing]"/>
        <member name="[CB - Account].[Account CB - Description].&amp;[1231409 - Missing]"/>
        <member name="[CB - Account].[Account CB - Description].&amp;[1231410 - Missing]"/>
        <member name="[CB - Account].[Account CB - Description].&amp;[1231411 - Missing]"/>
        <member name="[CB - Account].[Account CB - Description].&amp;[1231412 - Missing]"/>
        <member name="[CB - Account].[Account CB - Description].&amp;[1231413 - Missing]"/>
        <member name="[CB - Account].[Account CB - Description].&amp;[1231414 - Missing]"/>
        <member name="[CB - Account].[Account CB - Description].&amp;[1231415 - Missing]"/>
        <member name="[CB - Account].[Account CB - Description].&amp;[1231416 - Missing]"/>
        <member name="[CB - Account].[Account CB - Description].&amp;[1231417 - Missing]"/>
        <member name="[CB - Account].[Account CB - Description].&amp;[1231418 - Missing]"/>
        <member name="[CB - Account].[Account CB - Description].&amp;[1231419 - Missing]"/>
        <member name="[CB - Account].[Account CB - Description].&amp;[1231420 - Missing]"/>
        <member name="[CB - Account].[Account CB - Description].&amp;[1231421 - Missing]"/>
        <member name="[CB - Account].[Account CB - Description].&amp;[1231422 - Missing]"/>
        <member name="[CB - Account].[Account CB - Description].&amp;[1231423 - Missing]"/>
        <member name="[CB - Account].[Account CB - Description].&amp;[1231424 - Missing]"/>
        <member name="[CB - Account].[Account CB - Description].&amp;[1231425 - Missing]"/>
        <member name="[CB - Account].[Account CB - Description].&amp;[1231428 - Missing]"/>
        <member name="[CB - Account].[Account CB - Description].&amp;[1231429 - Missing]"/>
        <member name="[CB - Account].[Account CB - Description].&amp;[1231430 - Missing]"/>
        <member name="[CB - Account].[Account CB - Description].&amp;[1231431 - Missing]"/>
        <member name="[CB - Account].[Account CB - Description].&amp;[1231432 - Missing]"/>
        <member name="[CB - Account].[Account CB - Description].&amp;[1231433 - Missing]"/>
        <member name="[CB - Account].[Account CB - Description].&amp;[1231434 - Missing]"/>
        <member name="[CB - Account].[Account CB - Description].&amp;[1231435 - Missing]"/>
        <member name="[CB - Account].[Account CB - Description].&amp;[1231436 - Missing]"/>
        <member name="[CB - Account].[Account CB - Description].&amp;[1231437 - Missing]"/>
        <member name="[CB - Account].[Account CB - Description].&amp;[1231439 - Missing]"/>
        <member name="[CB - Account].[Account CB - Description].&amp;[1231440 - Missing]"/>
        <member name="[CB - Account].[Account CB - Description].&amp;[1231441 - Missing]"/>
        <member name="[CB - Account].[Account CB - Description].&amp;[1231442 - Missing]"/>
        <member name="[CB - Account].[Account CB - Description].&amp;[1231443 - Missing]"/>
        <member name="[CB - Account].[Account CB - Description].&amp;[1231444 - Missing]"/>
        <member name="[CB - Account].[Account CB - Description].&amp;[1231445 - Missing]"/>
        <member name="[CB - Account].[Account CB - Description].&amp;[1231446 - Missing]"/>
        <member name="[CB - Account].[Account CB - Description].&amp;[1231449 - Missing]"/>
        <member name="[CB - Account].[Account CB - Description].&amp;[1231450 - Missing]"/>
        <member name="[CB - Account].[Account CB - Description].&amp;[1231453 - Missing]"/>
        <member name="[CB - Account].[Account CB - Description].&amp;[1231454 - Missing]"/>
        <member name="[CB - Account].[Account CB - Description].&amp;[1231455 - Missing]"/>
        <member name="[CB - Account].[Account CB - Description].&amp;[1231457 - Missing]"/>
        <member name="[CB - Account].[Account CB - Description].&amp;[1231458 - Missing]"/>
        <member name="[CB - Account].[Account CB - Description].&amp;[1231459 - Missing]"/>
        <member name="[CB - Account].[Account CB - Description].&amp;[1231460 - Missing]"/>
        <member name="[CB - Account].[Account CB - Description].&amp;[1231461 - Missing]"/>
        <member name="[CB - Account].[Account CB - Description].&amp;[1231462 - Missing]"/>
        <member name="[CB - Account].[Account CB - Description].&amp;[1231463 - Missing]"/>
        <member name="[CB - Account].[Account CB - Description].&amp;[1231464 - Missing]"/>
        <member name="[CB - Account].[Account CB - Description].&amp;[1231467 - Missing]"/>
        <member name="[CB - Account].[Account CB - Description].&amp;[1231468 - Missing]"/>
        <member name="[CB - Account].[Account CB - Description].&amp;[1231474 - Missing]"/>
        <member name="[CB - Account].[Account CB - Description].&amp;[1231476 - Missing]"/>
        <member name="[CB - Account].[Account CB - Description].&amp;[1231478 - Missing]"/>
        <member name="[CB - Account].[Account CB - Description].&amp;[1231485 - Missing]"/>
        <member name="[CB - Account].[Account CB - Description].&amp;[1231493 - Missing]"/>
        <member name="[CB - Account].[Account CB - Description].&amp;[1231494 - Missing]"/>
        <member name="[CB - Account].[Account CB - Description].&amp;[1231495 - Missing]"/>
        <member name="[CB - Account].[Account CB - Description].&amp;[1231496 - Missing]"/>
        <member name="[CB - Account].[Account CB - Description].&amp;[1231497 - Missing]"/>
        <member name="[CB - Account].[Account CB - Description].&amp;[1231498 - Missing]"/>
        <member name="[CB - Account].[Account CB - Description].&amp;[1231499 - Missing]"/>
        <member name="[CB - Account].[Account CB - Description].&amp;[1231500 - Missing]"/>
        <member name="[CB - Account].[Account CB - Description].&amp;[1231501 - Missing]"/>
        <member name="[CB - Account].[Account CB - Description].&amp;[1231502 - Missing]"/>
        <member name="[CB - Account].[Account CB - Description].&amp;[1231503 - Missing]"/>
        <member name="[CB - Account].[Account CB - Description].&amp;[1233000 - Contra Accounts Receivable]"/>
        <member name="[CB - Account].[Account CB - Description].&amp;[1240001 - Missing]"/>
        <member name="[CB - Account].[Account CB - Description].&amp;[1240002 - Missing]"/>
        <member name="[CB - Account].[Account CB - Description].&amp;[1240003 - Missing]"/>
        <member name="[CB - Account].[Account CB - Description].&amp;[1240004 - Missing]"/>
        <member name="[CB - Account].[Account CB - Description].&amp;[1240005 - Missing]"/>
        <member name="[CB - Account].[Account CB - Description].&amp;[1240006 - Missing]"/>
        <member name="[CB - Account].[Account CB - Description].&amp;[1240007 - Missing]"/>
        <member name="[CB - Account].[Account CB - Description].&amp;[1240008 - Missing]"/>
        <member name="[CB - Account].[Account CB - Description].&amp;[1240009 - Missing]"/>
        <member name="[CB - Account].[Account CB - Description].&amp;[1240010 - Missing]"/>
        <member name="[CB - Account].[Account CB - Description].&amp;[1240011 - Missing]"/>
        <member name="[CB - Account].[Account CB - Description].&amp;[1240012 - Missing]"/>
        <member name="[CB - Account].[Account CB - Description].&amp;[1240013 - Missing]"/>
        <member name="[CB - Account].[Account CB - Description].&amp;[1240014 - Missing]"/>
        <member name="[CB - Account].[Account CB - Description].&amp;[1240015 - Missing]"/>
        <member name="[CB - Account].[Account CB - Description].&amp;[1240016 - Missing]"/>
        <member name="[CB - Account].[Account CB - Description].&amp;[1240017 - Missing]"/>
        <member name="[CB - Account].[Account CB - Description].&amp;[1240018 - Missing]"/>
        <member name="[CB - Account].[Account CB - Description].&amp;[1240019 - Missing]"/>
        <member name="[CB - Account].[Account CB - Description].&amp;[1240020 - Missing]"/>
        <member name="[CB - Account].[Account CB - Description].&amp;[1240021 - Missing]"/>
        <member name="[CB - Account].[Account CB - Description].&amp;[1240023 - Missing]"/>
        <member name="[CB - Account].[Account CB - Description].&amp;[1240024 - Missing]"/>
        <member name="[CB - Account].[Account CB - Description].&amp;[1240025 - Missing]"/>
        <member name="[CB - Account].[Account CB - Description].&amp;[1240026 - Missing]"/>
        <member name="[CB - Account].[Account CB - Description].&amp;[1240028 - Missing]"/>
        <member name="[CB - Account].[Account CB - Description].&amp;[1250001 - Missing]"/>
        <member name="[CB - Account].[Account CB - Description].&amp;[1251000 - Missing]"/>
        <member name="[CB - Account].[Account CB - Description].&amp;[1251001 - Contra Note Recievable-Current]"/>
        <member name="[CB - Account].[Account CB - Description].&amp;[1260000 - Contra Interest Receivable]"/>
        <member name="[CB - Account].[Account CB - Description].&amp;[1280001 - Missing]"/>
        <member name="[CB - Account].[Account CB - Description].&amp;[1290001 - Missing]"/>
        <member name="[CB - Account].[Account CB - Description].&amp;[1310000 - Contra Cash]"/>
        <member name="[CB - Account].[Account CB - Description].&amp;[1310001 - Missing]"/>
        <member name="[CB - Account].[Account CB - Description].&amp;[1310002 - Missing]"/>
        <member name="[CB - Account].[Account CB - Description].&amp;[1310003 - Missing]"/>
        <member name="[CB - Account].[Account CB - Description].&amp;[1310005 - Missing]"/>
        <member name="[CB - Account].[Account CB - Description].&amp;[1310008 - Missing]"/>
        <member name="[CB - Account].[Account CB - Description].&amp;[1310009 - Missing]"/>
        <member name="[CB - Account].[Account CB - Description].&amp;[1310010 - Missing]"/>
        <member name="[CB - Account].[Account CB - Description].&amp;[1310012 - Missing]"/>
        <member name="[CB - Account].[Account CB - Description].&amp;[1310013 - Missing]"/>
        <member name="[CB - Account].[Account CB - Description].&amp;[1310014 - Missing]"/>
        <member name="[CB - Account].[Account CB - Description].&amp;[1310015 - Missing]"/>
        <member name="[CB - Account].[Account CB - Description].&amp;[1310016 - Missing]"/>
        <member name="[CB - Account].[Account CB - Description].&amp;[1310017 - Missing]"/>
        <member name="[CB - Account].[Account CB - Description].&amp;[1310018 - Missing]"/>
        <member name="[CB - Account].[Account CB - Description].&amp;[1310019 - Missing]"/>
        <member name="[CB - Account].[Account CB - Description].&amp;[1310020 - Missing]"/>
        <member name="[CB - Account].[Account CB - Description].&amp;[1310021 - Missing]"/>
        <member name="[CB - Account].[Account CB - Description].&amp;[1310023 - Missing]"/>
        <member name="[CB - Account].[Account CB - Description].&amp;[1310024 - Missing]"/>
        <member name="[CB - Account].[Account CB - Description].&amp;[1310026 - Missing]"/>
        <member name="[CB - Account].[Account CB - Description].&amp;[1310027 - Missing]"/>
        <member name="[CB - Account].[Account CB - Description].&amp;[1310028 - Missing]"/>
        <member name="[CB - Account].[Account CB - Description].&amp;[1310031 - Missing]"/>
        <member name="[CB - Account].[Account CB - Description].&amp;[1310042 - Missing]"/>
        <member name="[CB - Account].[Account CB - Description].&amp;[1310043 - Missing]"/>
        <member name="[CB - Account].[Account CB - Description].&amp;[1310044 - Missing]"/>
        <member name="[CB - Account].[Account CB - Description].&amp;[1310045 - Missing]"/>
        <member name="[CB - Account].[Account CB - Description].&amp;[1310046 - Missing]"/>
        <member name="[CB - Account].[Account CB - Description].&amp;[1310047 - Missing]"/>
        <member name="[CB - Account].[Account CB - Description].&amp;[1310048 - Missing]"/>
        <member name="[CB - Account].[Account CB - Description].&amp;[1310049 - Missing]"/>
        <member name="[CB - Account].[Account CB - Description].&amp;[1310050 - Missing]"/>
        <member name="[CB - Account].[Account CB - Description].&amp;[1310051 - Missing]"/>
        <member name="[CB - Account].[Account CB - Description].&amp;[1310052 - Missing]"/>
        <member name="[CB - Account].[Account CB - Description].&amp;[1310053 - Missing]"/>
        <member name="[CB - Account].[Account CB - Description].&amp;[1310054 - Missing]"/>
        <member name="[CB - Account].[Account CB - Description].&amp;[1310055 - Missing]"/>
        <member name="[CB - Account].[Account CB - Description].&amp;[1310056 - Missing]"/>
        <member name="[CB - Account].[Account CB - Description].&amp;[1310057 - Missing]"/>
        <member name="[CB - Account].[Account CB - Description].&amp;[1310058 - Missing]"/>
        <member name="[CB - Account].[Account CB - Description].&amp;[1310059 - Missing]"/>
        <member name="[CB - Account].[Account CB - Description].&amp;[1310060 - Missing]"/>
        <member name="[CB - Account].[Account CB - Description].&amp;[1310061 - Missing]"/>
        <member name="[CB - Account].[Account CB - Description].&amp;[1310062 - Missing]"/>
        <member name="[CB - Account].[Account CB - Description].&amp;[1310063 - Missing]"/>
        <member name="[CB - Account].[Account CB - Description].&amp;[1310064 - Missing]"/>
        <member name="[CB - Account].[Account CB - Description].&amp;[1310065 - Missing]"/>
        <member name="[CB - Account].[Account CB - Description].&amp;[1310066 - Missing]"/>
        <member name="[CB - Account].[Account CB - Description].&amp;[1310067 - Missing]"/>
        <member name="[CB - Account].[Account CB - Description].&amp;[1310072 - Missing]"/>
        <member name="[CB - Account].[Account CB - Description].&amp;[1310073 - Missing]"/>
        <member name="[CB - Account].[Account CB - Description].&amp;[1310074 - Missing]"/>
        <member name="[CB - Account].[Account CB - Description].&amp;[1310075 - Missing]"/>
        <member name="[CB - Account].[Account CB - Description].&amp;[131250 - Cash BOA 1639 PNG]"/>
        <member name="[CB - Account].[Account CB - Description].&amp;[1317670 - Missing]"/>
        <member name="[CB - Account].[Account CB - Description].&amp;[1317671 - Missing]"/>
        <member name="[CB - Account].[Account CB - Description].&amp;[1317672 - Missing]"/>
        <member name="[CB - Account].[Account CB - Description].&amp;[1317673 - Missing]"/>
        <member name="[CB - Account].[Account CB - Description].&amp;[1340002 - Missing]"/>
        <member name="[CB - Account].[Account CB - Description].&amp;[1340003 - Missing]"/>
        <member name="[CB - Account].[Account CB - Description].&amp;[1340006 - Missing]"/>
        <member name="[CB - Account].[Account CB - Description].&amp;[1350002 - Missing]"/>
        <member name="[CB - Account].[Account CB - Description].&amp;[1350004 - Missing]"/>
        <member name="[CB - Account].[Account CB - Description].&amp;[1350005 - Missing]"/>
        <member name="[CB - Account].[Account CB - Description].&amp;[1350006 - Missing]"/>
        <member name="[CB - Account].[Account CB - Description].&amp;[1350007 - Missing]"/>
        <member name="[CB - Account].[Account CB - Description].&amp;[1350008 - Missing]"/>
        <member name="[CB - Account].[Account CB - Description].&amp;[1350009 - Missing]"/>
        <member name="[CB - Account].[Account CB - Description].&amp;[1350010 - Missing]"/>
        <member name="[CB - Account].[Account CB - Description].&amp;[1350011 - Missing]"/>
        <member name="[CB - Account].[Account CB - Description].&amp;[1350012 - Missing]"/>
        <member name="[CB - Account].[Account CB - Description].&amp;[1350013 - Missing]"/>
        <member name="[CB - Account].[Account CB - Description].&amp;[1350014 - Missing]"/>
        <member name="[CB - Account].[Account CB - Description].&amp;[1350017 - Missing]"/>
        <member name="[CB - Account].[Account CB - Description].&amp;[1350019 - Missing]"/>
        <member name="[CB - Account].[Account CB - Description].&amp;[1350020 - Missing]"/>
        <member name="[CB - Account].[Account CB - Description].&amp;[1350021 - Missing]"/>
        <member name="[CB - Account].[Account CB - Description].&amp;[1350024 - Missing]"/>
        <member name="[CB - Account].[Account CB - Description].&amp;[1360001 - Missing]"/>
        <member name="[CB - Account].[Account CB - Description].&amp;[1360002 - Missing]"/>
        <member name="[CB - Account].[Account CB - Description].&amp;[1360003 - Missing]"/>
        <member name="[CB - Account].[Account CB - Description].&amp;[1408030 - Inactive]"/>
        <member name="[CB - Account].[Account CB - Description].&amp;[1408080 - Inactive]"/>
        <member name="[CB - Account].[Account CB - Description].&amp;[1408130 - Inactive]"/>
        <member name="[CB - Account].[Account CB - Description].&amp;[1408180 - Nc Umemployment Tax_Appl Serv]"/>
        <member name="[CB - Account].[Account CB - Description].&amp;[1408230 - Inactive]"/>
        <member name="[CB - Account].[Account CB - Description].&amp;[1408280 - Inactive]"/>
        <member name="[CB - Account].[Account CB - Description].&amp;[1408300 - Inactive]"/>
        <member name="[CB - Account].[Account CB - Description].&amp;[1408390 - Inactive]"/>
        <member name="[CB - Account].[Account CB - Description].&amp;[1408440 - Inactive]"/>
        <member name="[CB - Account].[Account CB - Description].&amp;[1408500 - Inactive]"/>
        <member name="[CB - Account].[Account CB - Description].&amp;[1408550 - Inactive]"/>
        <member name="[CB - Account].[Account CB - Description].&amp;[1408600 - Sc Unemployed Tax_Appl Serv]"/>
        <member name="[CB - Account].[Account CB - Description].&amp;[1408640 - Inactive]"/>
        <member name="[CB - Account].[Account CB - Description].&amp;[1408730 - Fed Soc Sec Tax_Appl Serv]"/>
        <member name="[CB - Account].[Account CB - Description].&amp;[1408780 - Fed Unemployement Tax_Appl Ser]"/>
        <member name="[CB - Account].[Account CB - Description].&amp;[1410001 - Missing]"/>
        <member name="[CB - Account].[Account CB - Description].&amp;[1410002 - Missing]"/>
        <member name="[CB - Account].[Account CB - Description].&amp;[1410004 - Missing]"/>
        <member name="[CB - Account].[Account CB - Description].&amp;[1410005 - Missing]"/>
        <member name="[CB - Account].[Account CB - Description].&amp;[1410006 - Missing]"/>
        <member name="[CB - Account].[Account CB - Description].&amp;[1416250 - Stores Expense Actual]"/>
        <member name="[CB - Account].[Account CB - Description].&amp;[1416350 - A &amp; G Expense Alloc-Appl Serv]"/>
        <member name="[CB - Account].[Account CB - Description].&amp;[1420001 - Missing]"/>
        <member name="[CB - Account].[Account CB - Description].&amp;[1420002 - Missing]"/>
        <member name="[CB - Account].[Account CB - Description].&amp;[1420003 - Missing]"/>
        <member name="[CB - Account].[Account CB - Description].&amp;[1420004 - Missing]"/>
        <member name="[CB - Account].[Account CB - Description].&amp;[1420007 - Missing]"/>
        <member name="[CB - Account].[Account CB - Description].&amp;[1420009 - Missing]"/>
        <member name="[CB - Account].[Account CB - Description].&amp;[1420010 - Missing]"/>
        <member name="[CB - Account].[Account CB - Description].&amp;[1420014 - Missing]"/>
        <member name="[CB - Account].[Account CB - Description].&amp;[1420015 - Missing]"/>
        <member name="[CB - Account].[Account CB - Description].&amp;[1420016 - Missing]"/>
        <member name="[CB - Account].[Account CB - Description].&amp;[1420017 - Missing]"/>
        <member name="[CB - Account].[Account CB - Description].&amp;[1420018 - Missing]"/>
        <member name="[CB - Account].[Account CB - Description].&amp;[1420020 - Missing]"/>
        <member name="[CB - Account].[Account CB - Description].&amp;[1420023 - Missing]"/>
        <member name="[CB - Account].[Account CB - Description].&amp;[1420024 - Missing]"/>
        <member name="[CB - Account].[Account CB - Description].&amp;[1420070 - Missing]"/>
        <member name="[CB - Account].[Account CB - Description].&amp;[1420071 - Missing]"/>
        <member name="[CB - Account].[Account CB - Description].&amp;[142011 - Missing]"/>
        <member name="[CB - Account].[Account CB - Description].&amp;[1430001 - Missing]"/>
        <member name="[CB - Account].[Account CB - Description].&amp;[1430002 - Missing]"/>
        <member name="[CB - Account].[Account CB - Description].&amp;[1430003 - Missing]"/>
        <member name="[CB - Account].[Account CB - Description].&amp;[1430004 - Missing]"/>
        <member name="[CB - Account].[Account CB - Description].&amp;[1430005 - Missing]"/>
        <member name="[CB - Account].[Account CB - Description].&amp;[1430006 - Missing]"/>
        <member name="[CB - Account].[Account CB - Description].&amp;[1430007 - Missing]"/>
        <member name="[CB - Account].[Account CB - Description].&amp;[1430009 - Missing]"/>
        <member name="[CB - Account].[Account CB - Description].&amp;[1430010 - Missing]"/>
        <member name="[CB - Account].[Account CB - Description].&amp;[1430011 - Missing]"/>
        <member name="[CB - Account].[Account CB - Description].&amp;[1430015 - Missing]"/>
        <member name="[CB - Account].[Account CB - Description].&amp;[1430016 - Missing]"/>
        <member name="[CB - Account].[Account CB - Description].&amp;[1430017 - Missing]"/>
        <member name="[CB - Account].[Account CB - Description].&amp;[1430018 - Missing]"/>
        <member name="[CB - Account].[Account CB - Description].&amp;[1430019 - Missing]"/>
        <member name="[CB - Account].[Account CB - Description].&amp;[1430020 - Missing]"/>
        <member name="[CB - Account].[Account CB - Description].&amp;[1430021 - Missing]"/>
        <member name="[CB - Account].[Account CB - Description].&amp;[1430022 - Missing]"/>
        <member name="[CB - Account].[Account CB - Description].&amp;[1430023 - Missing]"/>
        <member name="[CB - Account].[Account CB - Description].&amp;[1430024 - Missing]"/>
        <member name="[CB - Account].[Account CB - Description].&amp;[1430027 - Missing]"/>
        <member name="[CB - Account].[Account CB - Description].&amp;[1430028 - Missing]"/>
        <member name="[CB - Account].[Account CB - Description].&amp;[1430031 - Missing]"/>
        <member name="[CB - Account].[Account CB - Description].&amp;[1430032 - Missing]"/>
        <member name="[CB - Account].[Account CB - Description].&amp;[1430033 - Missing]"/>
        <member name="[CB - Account].[Account CB - Description].&amp;[1430034 - Missing]"/>
        <member name="[CB - Account].[Account CB - Description].&amp;[1430035 - Missing]"/>
        <member name="[CB - Account].[Account CB - Description].&amp;[1430036 - Missing]"/>
        <member name="[CB - Account].[Account CB - Description].&amp;[1430037 - Missing]"/>
        <member name="[CB - Account].[Account CB - Description].&amp;[1430039 - Missing]"/>
        <member name="[CB - Account].[Account CB - Description].&amp;[1430040 - Missing]"/>
        <member name="[CB - Account].[Account CB - Description].&amp;[1430041 - Missing]"/>
        <member name="[CB - Account].[Account CB - Description].&amp;[1430042 - Missing]"/>
        <member name="[CB - Account].[Account CB - Description].&amp;[1430043 - Missing]"/>
        <member name="[CB - Account].[Account CB - Description].&amp;[1440002 - Missing]"/>
        <member name="[CB - Account].[Account CB - Description].&amp;[1450001 - Missing]"/>
        <member name="[CB - Account].[Account CB - Description].&amp;[1450004 - Missing]"/>
        <member name="[CB - Account].[Account CB - Description].&amp;[1450007 - Missing]"/>
        <member name="[CB - Account].[Account CB - Description].&amp;[1450008 - Missing]"/>
        <member name="[CB - Account].[Account CB - Description].&amp;[1450009 - Missing]"/>
        <member name="[CB - Account].[Account CB - Description].&amp;[1450011 - Missing]"/>
        <member name="[CB - Account].[Account CB - Description].&amp;[1450012 - Missing]"/>
        <member name="[CB - Account].[Account CB - Description].&amp;[1450013 - Missing]"/>
        <member name="[CB - Account].[Account CB - Description].&amp;[1450014 - Missing]"/>
        <member name="[CB - Account].[Account CB - Description].&amp;[1450017 - Missing]"/>
        <member name="[CB - Account].[Account CB - Description].&amp;[1450018 - Missing]"/>
        <member name="[CB - Account].[Account CB - Description].&amp;[1450019 - Missing]"/>
        <member name="[CB - Account].[Account CB - Description].&amp;[1450022 - Missing]"/>
        <member name="[CB - Account].[Account CB - Description].&amp;[1450023 - Missing]"/>
        <member name="[CB - Account].[Account CB - Description].&amp;[1450024 - Missing]"/>
        <member name="[CB - Account].[Account CB - Description].&amp;[1450025 - Missing]"/>
        <member name="[CB - Account].[Account CB - Description].&amp;[1450026 - Missing]"/>
        <member name="[CB - Account].[Account CB - Description].&amp;[1450027 - Missing]"/>
        <member name="[CB - Account].[Account CB - Description].&amp;[1450028 - Missing]"/>
        <member name="[CB - Account].[Account CB - Description].&amp;[1450029 - Missing]"/>
        <member name="[CB - Account].[Account CB - Description].&amp;[1451001 - Missing]"/>
        <member name="[CB - Account].[Account CB - Description].&amp;[1451003 - Missing]"/>
        <member name="[CB - Account].[Account CB - Description].&amp;[1451004 - Missing]"/>
        <member name="[CB - Account].[Account CB - Description].&amp;[1451005 - Missing]"/>
        <member name="[CB - Account].[Account CB - Description].&amp;[1451008 - Missing]"/>
        <member name="[CB - Account].[Account CB - Description].&amp;[1451009 - Missing]"/>
        <member name="[CB - Account].[Account CB - Description].&amp;[1451010 - Missing]"/>
        <member name="[CB - Account].[Account CB - Description].&amp;[1451011 - Missing]"/>
        <member name="[CB - Account].[Account CB - Description].&amp;[1451012 - Missing]"/>
        <member name="[CB - Account].[Account CB - Description].&amp;[1451013 - Missing]"/>
        <member name="[CB - Account].[Account CB - Description].&amp;[1451014 - Missing]"/>
        <member name="[CB - Account].[Account CB - Description].&amp;[1451015 - Missing]"/>
        <member name="[CB - Account].[Account CB - Description].&amp;[1451016 - Missing]"/>
        <member name="[CB - Account].[Account CB - Description].&amp;[1451017 - Missing]"/>
        <member name="[CB - Account].[Account CB - Description].&amp;[1451019 - Missing]"/>
        <member name="[CB - Account].[Account CB - Description].&amp;[1451020 - Missing]"/>
        <member name="[CB - Account].[Account CB - Description].&amp;[1451021 - Missing]"/>
        <member name="[CB - Account].[Account CB - Description].&amp;[1451022 - Missing]"/>
        <member name="[CB - Account].[Account CB - Description].&amp;[1451023 - Missing]"/>
        <member name="[CB - Account].[Account CB - Description].&amp;[1451024 - Missing]"/>
        <member name="[CB - Account].[Account CB - Description].&amp;[1451025 - Missing]"/>
        <member name="[CB - Account].[Account CB - Description].&amp;[1451026 - Missing]"/>
        <member name="[CB - Account].[Account CB - Description].&amp;[1451027 - Missing]"/>
        <member name="[CB - Account].[Account CB - Description].&amp;[1451028 - Missing]"/>
        <member name="[CB - Account].[Account CB - Description].&amp;[1451029 - Missing]"/>
        <member name="[CB - Account].[Account CB - Description].&amp;[1451030 - Missing]"/>
        <member name="[CB - Account].[Account CB - Description].&amp;[1451031 - Missing]"/>
        <member name="[CB - Account].[Account CB - Description].&amp;[1451032 - Missing]"/>
        <member name="[CB - Account].[Account CB - Description].&amp;[1451033 - Missing]"/>
        <member name="[CB - Account].[Account CB - Description].&amp;[1451034 - Missing]"/>
        <member name="[CB - Account].[Account CB - Description].&amp;[1451035 - Missing]"/>
        <member name="[CB - Account].[Account CB - Description].&amp;[1451036 - Missing]"/>
        <member name="[CB - Account].[Account CB - Description].&amp;[1451037 - Missing]"/>
        <member name="[CB - Account].[Account CB - Description].&amp;[1451038 - Missing]"/>
        <member name="[CB - Account].[Account CB - Description].&amp;[1451039 - Missing]"/>
        <member name="[CB - Account].[Account CB - Description].&amp;[1451040 - Missing]"/>
        <member name="[CB - Account].[Account CB - Description].&amp;[1451041 - Missing]"/>
        <member name="[CB - Account].[Account CB - Description].&amp;[1451042 - Missing]"/>
        <member name="[CB - Account].[Account CB - Description].&amp;[1451043 - Missing]"/>
        <member name="[CB - Account].[Account CB - Description].&amp;[1451044 - Missing]"/>
        <member name="[CB - Account].[Account CB - Description].&amp;[1451045 - Missing]"/>
        <member name="[CB - Account].[Account CB - Description].&amp;[1460000 - COLLATERAL ASSET CONTRA]"/>
        <member name="[CB - Account].[Account CB - Description].&amp;[1460001 - Missing]"/>
        <member name="[CB - Account].[Account CB - Description].&amp;[1460002 - Missing]"/>
        <member name="[CB - Account].[Account CB - Description].&amp;[1460003 - Missing]"/>
        <member name="[CB - Account].[Account CB - Description].&amp;[1460004 - Missing]"/>
        <member name="[CB - Account].[Account CB - Description].&amp;[1460005 - Missing]"/>
        <member name="[CB - Account].[Account CB - Description].&amp;[1460007 - Missing]"/>
        <member name="[CB - Account].[Account CB - Description].&amp;[1460008 - Missing]"/>
        <member name="[CB - Account].[Account CB - Description].&amp;[1460010 - Missing]"/>
        <member name="[CB - Account].[Account CB - Description].&amp;[1460011 - Missing]"/>
        <member name="[CB - Account].[Account CB - Description].&amp;[1460012 - Missing]"/>
        <member name="[CB - Account].[Account CB - Description].&amp;[1460013 - Missing]"/>
        <member name="[CB - Account].[Account CB - Description].&amp;[1460015 - Missing]"/>
        <member name="[CB - Account].[Account CB - Description].&amp;[1460016 - Missing]"/>
        <member name="[CB - Account].[Account CB - Description].&amp;[1460019 - Missing]"/>
        <member name="[CB - Account].[Account CB - Description].&amp;[1460020 - Missing]"/>
        <member name="[CB - Account].[Account CB - Description].&amp;[1460021 - Missing]"/>
        <member name="[CB - Account].[Account CB - Description].&amp;[1460022 - Missing]"/>
        <member name="[CB - Account].[Account CB - Description].&amp;[1460032 - Missing]"/>
        <member name="[CB - Account].[Account CB - Description].&amp;[1460033 - Missing]"/>
        <member name="[CB - Account].[Account CB - Description].&amp;[1460034 - Missing]"/>
        <member name="[CB - Account].[Account CB - Description].&amp;[1460035 - Missing]"/>
        <member name="[CB - Account].[Account CB - Description].&amp;[1460044 - Missing]"/>
        <member name="[CB - Account].[Account CB - Description].&amp;[1460046 - Missing]"/>
        <member name="[CB - Account].[Account CB - Description].&amp;[1460047 - Pipes Interunit Account]"/>
        <member name="[CB - Account].[Account CB - Description].&amp;[1460049 - Missing]"/>
        <member name="[CB - Account].[Account CB - Description].&amp;[1460051 - Missing]"/>
        <member name="[CB - Account].[Account CB - Description].&amp;[1460052 - Missing]"/>
        <member name="[CB - Account].[Account CB - Description].&amp;[1460053 - Missing]"/>
        <member name="[CB - Account].[Account CB - Description].&amp;[1460054 - Missing]"/>
        <member name="[CB - Account].[Account CB - Description].&amp;[1460055 - Missing]"/>
        <member name="[CB - Account].[Account CB - Description].&amp;[1460056 - Missing]"/>
        <member name="[CB - Account].[Account CB - Description].&amp;[1460058 - Missing]"/>
        <member name="[CB - Account].[Account CB - Description].&amp;[1460075 - Missing]"/>
        <member name="[CB - Account].[Account CB - Description].&amp;[1460077 - Missing]"/>
        <member name="[CB - Account].[Account CB - Description].&amp;[1460078 - Missing]"/>
        <member name="[CB - Account].[Account CB - Description].&amp;[1460079 - Missing]"/>
        <member name="[CB - Account].[Account CB - Description].&amp;[1460080 - Missing]"/>
        <member name="[CB - Account].[Account CB - Description].&amp;[1460081 - Missing]"/>
        <member name="[CB - Account].[Account CB - Description].&amp;[1460082 - Missing]"/>
        <member name="[CB - Account].[Account CB - Description].&amp;[1460083 - Missing]"/>
        <member name="[CB - Account].[Account CB - Description].&amp;[1460084 - Missing]"/>
        <member name="[CB - Account].[Account CB - Description].&amp;[1460085 - Missing]"/>
        <member name="[CB - Account].[Account CB - Description].&amp;[1460086 - Missing]"/>
        <member name="[CB - Account].[Account CB - Description].&amp;[1460087 - Missing]"/>
        <member name="[CB - Account].[Account CB - Description].&amp;[1460088 - Missing]"/>
        <member name="[CB - Account].[Account CB - Description].&amp;[1460092 - Missing]"/>
        <member name="[CB - Account].[Account CB - Description].&amp;[1460093 - Missing]"/>
        <member name="[CB - Account].[Account CB - Description].&amp;[1460094 - Missing]"/>
        <member name="[CB - Account].[Account CB - Description].&amp;[1460095 - Missing]"/>
        <member name="[CB - Account].[Account CB - Description].&amp;[1460096 - Missing]"/>
        <member name="[CB - Account].[Account CB - Description].&amp;[1460097 - Missing]"/>
        <member name="[CB - Account].[Account CB - Description].&amp;[1460098 - Missing]"/>
        <member name="[CB - Account].[Account CB - Description].&amp;[1460099 - Missing]"/>
        <member name="[CB - Account].[Account CB - Description].&amp;[1460103 - Missing]"/>
        <member name="[CB - Account].[Account CB - Description].&amp;[1460104 - Missing]"/>
        <member name="[CB - Account].[Account CB - Description].&amp;[1460105 - Missing]"/>
        <member name="[CB - Account].[Account CB - Description].&amp;[1460106 - Missing]"/>
        <member name="[CB - Account].[Account CB - Description].&amp;[1460107 - Missing]"/>
        <member name="[CB - Account].[Account CB - Description].&amp;[1460108 - Missing]"/>
        <member name="[CB - Account].[Account CB - Description].&amp;[1460109 - Missing]"/>
        <member name="[CB - Account].[Account CB - Description].&amp;[1460110 - Missing]"/>
        <member name="[CB - Account].[Account CB - Description].&amp;[1460111 - Missing]"/>
        <member name="[CB - Account].[Account CB - Description].&amp;[1460119 - Missing]"/>
        <member name="[CB - Account].[Account CB - Description].&amp;[1460120 - Missing]"/>
        <member name="[CB - Account].[Account CB - Description].&amp;[1460123 - Missing]"/>
        <member name="[CB - Account].[Account CB - Description].&amp;[1460136 - Missing]"/>
        <member name="[CB - Account].[Account CB - Description].&amp;[1460137 - Missing]"/>
        <member name="[CB - Account].[Account CB - Description].&amp;[1460138 - Missing]"/>
        <member name="[CB - Account].[Account CB - Description].&amp;[1460139 - Missing]"/>
        <member name="[CB - Account].[Account CB - Description].&amp;[1460140 - Missing]"/>
        <member name="[CB - Account].[Account CB - Description].&amp;[1460141 - Missing]"/>
        <member name="[CB - Account].[Account CB - Description].&amp;[1460142 - Missing]"/>
        <member name="[CB - Account].[Account CB - Description].&amp;[1460158 - Missing]"/>
        <member name="[CB - Account].[Account CB - Description].&amp;[1460160 - Missing]"/>
        <member name="[CB - Account].[Account CB - Description].&amp;[1460162 - Missing]"/>
        <member name="[CB - Account].[Account CB - Description].&amp;[1460163 - Missing]"/>
        <member name="[CB - Account].[Account CB - Description].&amp;[1460165 - Missing]"/>
        <member name="[CB - Account].[Account CB - Description].&amp;[1460167 - Missing]"/>
        <member name="[CB - Account].[Account CB - Description].&amp;[1460168 - Missing]"/>
        <member name="[CB - Account].[Account CB - Description].&amp;[1460170 - Missing]"/>
        <member name="[CB - Account].[Account CB - Description].&amp;[1460171 - Missing]"/>
        <member name="[CB - Account].[Account CB - Description].&amp;[1460173 - Missing]"/>
        <member name="[CB - Account].[Account CB - Description].&amp;[1460174 - Missing]"/>
        <member name="[CB - Account].[Account CB - Description].&amp;[1460179 - Missing]"/>
        <member name="[CB - Account].[Account CB - Description].&amp;[1460180 - Missing]"/>
        <member name="[CB - Account].[Account CB - Description].&amp;[1460181 - Missing]"/>
        <member name="[CB - Account].[Account CB - Description].&amp;[1460182 - Missing]"/>
        <member name="[CB - Account].[Account CB - Description].&amp;[1460183 - Missing]"/>
        <member name="[CB - Account].[Account CB - Description].&amp;[1460184 - Missing]"/>
        <member name="[CB - Account].[Account CB - Description].&amp;[1460185 - Missing]"/>
        <member name="[CB - Account].[Account CB - Description].&amp;[1460186 - Missing]"/>
        <member name="[CB - Account].[Account CB - Description].&amp;[1460187 - Missing]"/>
        <member name="[CB - Account].[Account CB - Description].&amp;[1460188 - Missing]"/>
        <member name="[CB - Account].[Account CB - Description].&amp;[1460189 - Missing]"/>
        <member name="[CB - Account].[Account CB - Description].&amp;[1460190 - Missing]"/>
        <member name="[CB - Account].[Account CB - Description].&amp;[1460191 - Missing]"/>
        <member name="[CB - Account].[Account CB - Description].&amp;[1460192 - Missing]"/>
        <member name="[CB - Account].[Account CB - Description].&amp;[1460193 - Missing]"/>
        <member name="[CB - Account].[Account CB - Description].&amp;[1460194 - Missing]"/>
        <member name="[CB - Account].[Account CB - Description].&amp;[1460195 - Missing]"/>
        <member name="[CB - Account].[Account CB - Description].&amp;[1460196 - Missing]"/>
        <member name="[CB - Account].[Account CB - Description].&amp;[1460198 - Missing]"/>
        <member name="[CB - Account].[Account CB - Description].&amp;[1460200 - Missing]"/>
        <member name="[CB - Account].[Account CB - Description].&amp;[1460201 - Missing]"/>
        <member name="[CB - Account].[Account CB - Description].&amp;[1460202 - Missing]"/>
        <member name="[CB - Account].[Account CB - Description].&amp;[1460203 - Missing]"/>
        <member name="[CB - Account].[Account CB - Description].&amp;[1460219 - Missing]"/>
        <member name="[CB - Account].[Account CB - Description].&amp;[1460220 - Missing]"/>
        <member name="[CB - Account].[Account CB - Description].&amp;[1460221 - Missing]"/>
        <member name="[CB - Account].[Account CB - Description].&amp;[1460222 - Missing]"/>
        <member name="[CB - Account].[Account CB - Description].&amp;[1460226 - Missing]"/>
        <member name="[CB - Account].[Account CB - Description].&amp;[1460228 - Missing]"/>
        <member name="[CB - Account].[Account CB - Description].&amp;[1460232 - Missing]"/>
        <member name="[CB - Account].[Account CB - Description].&amp;[1460234 - Missing]"/>
        <member name="[CB - Account].[Account CB - Description].&amp;[1460235 - Missing]"/>
        <member name="[CB - Account].[Account CB - Description].&amp;[1460236 - A/R Interest w/GAD]"/>
        <member name="[CB - Account].[Account CB - Description].&amp;[1460238 - Missing]"/>
        <member name="[CB - Account].[Account CB - Description].&amp;[1460239 - Missing]"/>
        <member name="[CB - Account].[Account CB - Description].&amp;[1460240 - Missing]"/>
        <member name="[CB - Account].[Account CB - Description].&amp;[1460241 - Missing]"/>
        <member name="[CB - Account].[Account CB - Description].&amp;[1460242 - Missing]"/>
        <member name="[CB - Account].[Account CB - Description].&amp;[1460244 - Missing]"/>
        <member name="[CB - Account].[Account CB - Description].&amp;[1460247 - Missing]"/>
        <member name="[CB - Account].[Account CB - Description].&amp;[1460248 - Missing]"/>
        <member name="[CB - Account].[Account CB - Description].&amp;[1460249 - Missing]"/>
        <member name="[CB - Account].[Account CB - Description].&amp;[1460250 - Missing]"/>
        <member name="[CB - Account].[Account CB - Description].&amp;[1460252 - Missing]"/>
        <member name="[CB - Account].[Account CB - Description].&amp;[1460253 - Missing]"/>
        <member name="[CB - Account].[Account CB - Description].&amp;[1460260 - Missing]"/>
        <member name="[CB - Account].[Account CB - Description].&amp;[1460270 - Missing]"/>
        <member name="[CB - Account].[Account CB - Description].&amp;[1460280 - Missing]"/>
        <member name="[CB - Account].[Account CB - Description].&amp;[1460294 - Missing]"/>
        <member name="[CB - Account].[Account CB - Description].&amp;[1460300 - Missing]"/>
        <member name="[CB - Account].[Account CB - Description].&amp;[1460301 - Missing]"/>
        <member name="[CB - Account].[Account CB - Description].&amp;[1460302 - Missing]"/>
        <member name="[CB - Account].[Account CB - Description].&amp;[1460303 - Missing]"/>
        <member name="[CB - Account].[Account CB - Description].&amp;[1460304 - Missing]"/>
        <member name="[CB - Account].[Account CB - Description].&amp;[1460305 - Missing]"/>
        <member name="[CB - Account].[Account CB - Description].&amp;[1460306 - Missing]"/>
        <member name="[CB - Account].[Account CB - Description].&amp;[1460307 - Missing]"/>
        <member name="[CB - Account].[Account CB - Description].&amp;[1460308 - Missing]"/>
        <member name="[CB - Account].[Account CB - Description].&amp;[1460309 - Missing]"/>
        <member name="[CB - Account].[Account CB - Description].&amp;[1460311 - Missing]"/>
        <member name="[CB - Account].[Account CB - Description].&amp;[1460312 - Missing]"/>
        <member name="[CB - Account].[Account CB - Description].&amp;[1460315 - Missing]"/>
        <member name="[CB - Account].[Account CB - Description].&amp;[1460316 - Missing]"/>
        <member name="[CB - Account].[Account CB - Description].&amp;[1460317 - Missing]"/>
        <member name="[CB - Account].[Account CB - Description].&amp;[1460318 - Missing]"/>
        <member name="[CB - Account].[Account CB - Description].&amp;[1460319 - Missing]"/>
        <member name="[CB - Account].[Account CB - Description].&amp;[1460320 - Missing]"/>
        <member name="[CB - Account].[Account CB - Description].&amp;[1460323 - Missing]"/>
        <member name="[CB - Account].[Account CB - Description].&amp;[1460324 - Missing]"/>
        <member name="[CB - Account].[Account CB - Description].&amp;[1460325 - Missing]"/>
        <member name="[CB - Account].[Account CB - Description].&amp;[1460328 - Missing]"/>
        <member name="[CB - Account].[Account CB - Description].&amp;[1460329 - Missing]"/>
        <member name="[CB - Account].[Account CB - Description].&amp;[1460331 - Missing]"/>
        <member name="[CB - Account].[Account CB - Description].&amp;[1460332 - Missing]"/>
        <member name="[CB - Account].[Account CB - Description].&amp;[1460333 - Missing]"/>
        <member name="[CB - Account].[Account CB - Description].&amp;[1460334 - Missing]"/>
        <member name="[CB - Account].[Account CB - Description].&amp;[1460335 - Missing]"/>
        <member name="[CB - Account].[Account CB - Description].&amp;[1460337 - Missing]"/>
        <member name="[CB - Account].[Account CB - Description].&amp;[1460338 - Missing]"/>
        <member name="[CB - Account].[Account CB - Description].&amp;[1460339 - Missing]"/>
        <member name="[CB - Account].[Account CB - Description].&amp;[1460341 - Missing]"/>
        <member name="[CB - Account].[Account CB - Description].&amp;[1460344 - Missing]"/>
        <member name="[CB - Account].[Account CB - Description].&amp;[1460346 - Missing]"/>
        <member name="[CB - Account].[Account CB - Description].&amp;[1460347 - Missing]"/>
        <member name="[CB - Account].[Account CB - Description].&amp;[1460348 - Missing]"/>
        <member name="[CB - Account].[Account CB - Description].&amp;[1460349 - Missing]"/>
        <member name="[CB - Account].[Account CB - Description].&amp;[1460350 - Missing]"/>
        <member name="[CB - Account].[Account CB - Description].&amp;[1460351 - Missing]"/>
        <member name="[CB - Account].[Account CB - Description].&amp;[1460352 - Missing]"/>
        <member name="[CB - Account].[Account CB - Description].&amp;[1460353 - Missing]"/>
        <member name="[CB - Account].[Account CB - Description].&amp;[1460354 - Missing]"/>
        <member name="[CB - Account].[Account CB - Description].&amp;[1460356 - Missing]"/>
        <member name="[CB - Account].[Account CB - Description].&amp;[1460357 - Missing]"/>
        <member name="[CB - Account].[Account CB - Description].&amp;[1460360 - Missing]"/>
        <member name="[CB - Account].[Account CB - Description].&amp;[1460363 - Missing]"/>
        <member name="[CB - Account].[Account CB - Description].&amp;[1460364 - Missing]"/>
        <member name="[CB - Account].[Account CB - Description].&amp;[1460365 - Missing]"/>
        <member name="[CB - Account].[Account CB - Description].&amp;[1460366 - Missing]"/>
        <member name="[CB - Account].[Account CB - Description].&amp;[1460367 - Missing]"/>
        <member name="[CB - Account].[Account CB - Description].&amp;[1460369 - Missing]"/>
        <member name="[CB - Account].[Account CB - Description].&amp;[1460370 - Missing]"/>
        <member name="[CB - Account].[Account CB - Description].&amp;[1460371 - Missing]"/>
        <member name="[CB - Account].[Account CB - Description].&amp;[1460372 - Missing]"/>
        <member name="[CB - Account].[Account CB - Description].&amp;[1460373 - Missing]"/>
        <member name="[CB - Account].[Account CB - Description].&amp;[1460374 - Missing]"/>
        <member name="[CB - Account].[Account CB - Description].&amp;[1460376 - Missing]"/>
        <member name="[CB - Account].[Account CB - Description].&amp;[1460377 - Missing]"/>
        <member name="[CB - Account].[Account CB - Description].&amp;[1460378 - Missing]"/>
        <member name="[CB - Account].[Account CB - Description].&amp;[1460379 - Missing]"/>
        <member name="[CB - Account].[Account CB - Description].&amp;[1460380 - Missing]"/>
        <member name="[CB - Account].[Account CB - Description].&amp;[1460381 - Missing]"/>
        <member name="[CB - Account].[Account CB - Description].&amp;[1460382 - Missing]"/>
        <member name="[CB - Account].[Account CB - Description].&amp;[1460383 - Missing]"/>
        <member name="[CB - Account].[Account CB - Description].&amp;[1460384 - Missing]"/>
        <member name="[CB - Account].[Account CB - Description].&amp;[1469002 - Missing]"/>
        <member name="[CB - Account].[Account CB - Description].&amp;[1469003 - Missing]"/>
        <member name="[CB - Account].[Account CB - Description].&amp;[1469999 - Inter-Unit Unconsolidated BU]"/>
        <member name="[CB - Account].[Account CB - Description].&amp;[1494210 - CONTRA MTM CURRENT ASSETS]"/>
        <member name="[CB - Account].[Account CB - Description].&amp;[1495000 - Missing]"/>
        <member name="[CB - Account].[Account CB - Description].&amp;[1495001 - Missing]"/>
        <member name="[CB - Account].[Account CB - Description].&amp;[1503000 - Contra Advances]"/>
        <member name="[CB - Account].[Account CB - Description].&amp;[1506000 - Contra Note Receivable-LongTer]"/>
        <member name="[CB - Account].[Account CB - Description].&amp;[1510000 - Missing]"/>
        <member name="[CB - Account].[Account CB - Description].&amp;[1510001 - Missing]"/>
        <member name="[CB - Account].[Account CB - Description].&amp;[1511910 - CONTRA MTM NONCURRENT ASSETS]"/>
        <member name="[CB - Account].[Account CB - Description].&amp;[1530001 - Missing]"/>
        <member name="[CB - Account].[Account CB - Description].&amp;[1530002 - Missing]"/>
        <member name="[CB - Account].[Account CB - Description].&amp;[1540001 - Missing]"/>
        <member name="[CB - Account].[Account CB - Description].&amp;[1540002 - Missing]"/>
        <member name="[CB - Account].[Account CB - Description].&amp;[1540003 - Missing]"/>
        <member name="[CB - Account].[Account CB - Description].&amp;[1549001 - Missing]"/>
        <member name="[CB - Account].[Account CB - Description].&amp;[1560002 - Missing]"/>
        <member name="[CB - Account].[Account CB - Description].&amp;[1560003 - Missing]"/>
        <member name="[CB - Account].[Account CB - Description].&amp;[1630001 - Missing]"/>
        <member name="[CB - Account].[Account CB - Description].&amp;[1641001 - Missing]"/>
        <member name="[CB - Account].[Account CB - Description].&amp;[1641002 - Missing]"/>
        <member name="[CB - Account].[Account CB - Description].&amp;[1641006 - Missing]"/>
        <member name="[CB - Account].[Account CB - Description].&amp;[1642001 - Missing]"/>
        <member name="[CB - Account].[Account CB - Description].&amp;[1642002 - Missing]"/>
        <member name="[CB - Account].[Account CB - Description].&amp;[1643001 - Missing]"/>
        <member name="[CB - Account].[Account CB - Description].&amp;[1643002 - Missing]"/>
        <member name="[CB - Account].[Account CB - Description].&amp;[1650000 - Contra Other Cur Assets]"/>
        <member name="[CB - Account].[Account CB - Description].&amp;[1650001 - Missing]"/>
        <member name="[CB - Account].[Account CB - Description].&amp;[1650002 - Missing]"/>
        <member name="[CB - Account].[Account CB - Description].&amp;[1650003 - Missing]"/>
        <member name="[CB - Account].[Account CB - Description].&amp;[1650004 - Missing]"/>
        <member name="[CB - Account].[Account CB - Description].&amp;[1650005 - Missing]"/>
        <member name="[CB - Account].[Account CB - Description].&amp;[1650006 - Missing]"/>
        <member name="[CB - Account].[Account CB - Description].&amp;[1650007 - Missing]"/>
        <member name="[CB - Account].[Account CB - Description].&amp;[1650010 - Missing]"/>
        <member name="[CB - Account].[Account CB - Description].&amp;[1650011 - Missing]"/>
        <member name="[CB - Account].[Account CB - Description].&amp;[1650013 - Missing]"/>
        <member name="[CB - Account].[Account CB - Description].&amp;[1650014 - Missing]"/>
        <member name="[CB - Account].[Account CB - Description].&amp;[1650015 - Missing]"/>
        <member name="[CB - Account].[Account CB - Description].&amp;[1650016 - Missing]"/>
        <member name="[CB - Account].[Account CB - Description].&amp;[1650017 - Missing]"/>
        <member name="[CB - Account].[Account CB - Description].&amp;[1650018 - Missing]"/>
        <member name="[CB - Account].[Account CB - Description].&amp;[1650019 - Missing]"/>
        <member name="[CB - Account].[Account CB - Description].&amp;[1650020 - Missing]"/>
        <member name="[CB - Account].[Account CB - Description].&amp;[1650021 - Missing]"/>
        <member name="[CB - Account].[Account CB - Description].&amp;[1650022 - Missing]"/>
        <member name="[CB - Account].[Account CB - Description].&amp;[1650023 - Missing]"/>
        <member name="[CB - Account].[Account CB - Description].&amp;[1650024 - Missing]"/>
        <member name="[CB - Account].[Account CB - Description].&amp;[1650030 - Missing]"/>
        <member name="[CB - Account].[Account CB - Description].&amp;[1650031 - Missing]"/>
        <member name="[CB - Account].[Account CB - Description].&amp;[1650032 - Missing]"/>
        <member name="[CB - Account].[Account CB - Description].&amp;[1650033 - Missing]"/>
        <member name="[CB - Account].[Account CB - Description].&amp;[1650034 - Missing]"/>
        <member name="[CB - Account].[Account CB - Description].&amp;[1650035 - Missing]"/>
        <member name="[CB - Account].[Account CB - Description].&amp;[1650036 - Missing]"/>
        <member name="[CB - Account].[Account CB - Description].&amp;[1650037 - Missing]"/>
        <member name="[CB - Account].[Account CB - Description].&amp;[1650038 - Missing]"/>
        <member name="[CB - Account].[Account CB - Description].&amp;[1650039 - Missing]"/>
        <member name="[CB - Account].[Account CB - Description].&amp;[1650040 - Missing]"/>
        <member name="[CB - Account].[Account CB - Description].&amp;[1650041 - Missing]"/>
        <member name="[CB - Account].[Account CB - Description].&amp;[1650043 - Missing]"/>
        <member name="[CB - Account].[Account CB - Description].&amp;[1650045 - Missing]"/>
        <member name="[CB - Account].[Account CB - Description].&amp;[1650046 - Missing]"/>
        <member name="[CB - Account].[Account CB - Description].&amp;[1650047 - Missing]"/>
        <member name="[CB - Account].[Account CB - Description].&amp;[1650049 - Missing]"/>
        <member name="[CB - Account].[Account CB - Description].&amp;[1650051 - Missing]"/>
        <member name="[CB - Account].[Account CB - Description].&amp;[1650053 - Missing]"/>
        <member name="[CB - Account].[Account CB - Description].&amp;[1650056 - Missing]"/>
        <member name="[CB - Account].[Account CB - Description].&amp;[1650057 - Missing]"/>
        <member name="[CB - Account].[Account CB - Description].&amp;[1650058 - Missing]"/>
        <member name="[CB - Account].[Account CB - Description].&amp;[1650059 - Missing]"/>
        <member name="[CB - Account].[Account CB - Description].&amp;[1650060 - Missing]"/>
        <member name="[CB - Account].[Account CB - Description].&amp;[1650061 - Missing]"/>
        <member name="[CB - Account].[Account CB - Description].&amp;[1650062 - Missing]"/>
        <member name="[CB - Account].[Account CB - Description].&amp;[1710001 - Missing]"/>
        <member name="[CB - Account].[Account CB - Description].&amp;[1740001 - Missing]"/>
        <member name="[CB - Account].[Account CB - Description].&amp;[1740002 - Missing]"/>
        <member name="[CB - Account].[Account CB - Description].&amp;[1740003 - Missing]"/>
        <member name="[CB - Account].[Account CB - Description].&amp;[1740004 - Missing]"/>
        <member name="[CB - Account].[Account CB - Description].&amp;[1740005 - Missing]"/>
        <member name="[CB - Account].[Account CB - Description].&amp;[1740006 - Missing]"/>
        <member name="[CB - Account].[Account CB - Description].&amp;[1740007 - Missing]"/>
        <member name="[CB - Account].[Account CB - Description].&amp;[1740008 - Missing]"/>
        <member name="[CB - Account].[Account CB - Description].&amp;[1740009 - Missing]"/>
        <member name="[CB - Account].[Account CB - Description].&amp;[1740010 - Missing]"/>
        <member name="[CB - Account].[Account CB - Description].&amp;[1740012 - Missing]"/>
        <member name="[CB - Account].[Account CB - Description].&amp;[1740013 - Missing]"/>
        <member name="[CB - Account].[Account CB - Description].&amp;[1740014 - Missing]"/>
        <member name="[CB - Account].[Account CB - Description].&amp;[1740015 - Missing]"/>
        <member name="[CB - Account].[Account CB - Description].&amp;[1740016 - Missing]"/>
        <member name="[CB - Account].[Account CB - Description].&amp;[1740017 - Missing]"/>
        <member name="[CB - Account].[Account CB - Description].&amp;[1740019 - Missing]"/>
        <member name="[CB - Account].[Account CB - Description].&amp;[1740020 - Missing]"/>
        <member name="[CB - Account].[Account CB - Description].&amp;[1740022 - Missing]"/>
        <member name="[CB - Account].[Account CB - Description].&amp;[1740023 - Missing]"/>
        <member name="[CB - Account].[Account CB - Description].&amp;[1803000 - Vehicle Expense - Budgets Only]"/>
        <member name="[CB - Account].[Account CB - Description].&amp;[1803100 - Passenger Cars/ Station Wagons]"/>
        <member name="[CB - Account].[Account CB - Description].&amp;[1803110 - Light Trucks]"/>
        <member name="[CB - Account].[Account CB - Description].&amp;[1803120 - Medium Duty Trucks]"/>
        <member name="[CB - Account].[Account CB - Description].&amp;[1803130 - Heavy Duty Trucks]"/>
        <member name="[CB - Account].[Account CB - Description].&amp;[1803140 - Med Duty Tks/W Power Take Off]"/>
        <member name="[CB - Account].[Account CB - Description].&amp;[1803150 - Hvy Duty Trks W/Pwr Take Off]"/>
        <member name="[CB - Account].[Account CB - Description].&amp;[1803160 - Special Tractor/Trailer Comb]"/>
        <member name="[CB - Account].[Account CB - Description].&amp;[1803170 - Truck Tractors]"/>
        <member name="[CB - Account].[Account CB - Description].&amp;[1803180 - All Trailers]"/>
        <member name="[CB - Account].[Account CB - Description].&amp;[1803190 - Inactive]"/>
        <member name="[CB - Account].[Account CB - Description].&amp;[1803270 - Insurance]"/>
        <member name="[CB - Account].[Account CB - Description].&amp;[1803280 - Motor Vehicle License]"/>
        <member name="[CB - Account].[Account CB - Description].&amp;[1803290 - Miscellaneous Expense]"/>
        <member name="[CB - Account].[Account CB - Description].&amp;[1803300 - Garage Training]"/>
        <member name="[CB - Account].[Account CB - Description].&amp;[1803400 - Auto &amp; Truck Clearing]"/>
        <member name="[CB - Account].[Account CB - Description].&amp;[1803510 - Inactive]"/>
        <member name="[CB - Account].[Account CB - Description].&amp;[1803520 - Inactive]"/>
        <member name="[CB - Account].[Account CB - Description].&amp;[1803530 - Inactive]"/>
        <member name="[CB - Account].[Account CB - Description].&amp;[1803540 - Bus Maint Exp-Power Train]"/>
        <member name="[CB - Account].[Account CB - Description].&amp;[1803550 - Inactive]"/>
        <member name="[CB - Account].[Account CB - Description].&amp;[1803560 - Inactive]"/>
        <member name="[CB - Account].[Account CB - Description].&amp;[1803570 - Inactive]"/>
        <member name="[CB - Account].[Account CB - Description].&amp;[1803580 - Inactive]"/>
        <member name="[CB - Account].[Account CB - Description].&amp;[1803590 - Inactive]"/>
        <member name="[CB - Account].[Account CB - Description].&amp;[1803600 - Inactive]"/>
        <member name="[CB - Account].[Account CB - Description].&amp;[1803610 - Inactive]"/>
        <member name="[CB - Account].[Account CB - Description].&amp;[1803620 - Inactive]"/>
        <member name="[CB - Account].[Account CB - Description].&amp;[1803630 - Inactive]"/>
        <member name="[CB - Account].[Account CB - Description].&amp;[1803640 - Inactive]"/>
        <member name="[CB - Account].[Account CB - Description].&amp;[1803650 - Inactive]"/>
        <member name="[CB - Account].[Account CB - Description].&amp;[1803660 - Inactive]"/>
        <member name="[CB - Account].[Account CB - Description].&amp;[1803670 - Inactive]"/>
        <member name="[CB - Account].[Account CB - Description].&amp;[1803680 - Inactive]"/>
        <member name="[CB - Account].[Account CB - Description].&amp;[1803690 - Inactive]"/>
        <member name="[CB - Account].[Account CB - Description].&amp;[1803700 - Inactive]"/>
        <member name="[CB - Account].[Account CB - Description].&amp;[1803710 - Inactive]"/>
        <member name="[CB - Account].[Account CB - Description].&amp;[1803720 - Inactive]"/>
        <member name="[CB - Account].[Account CB - Description].&amp;[1803760 - Garage-Unproductive Wages-Sick]"/>
        <member name="[CB - Account].[Account CB - Description].&amp;[1803790 - Garage-Unprod Wages-Doctor/Den]"/>
        <member name="[CB - Account].[Account CB - Description].&amp;[1803800 - Inactive]"/>
        <member name="[CB - Account].[Account CB - Description].&amp;[1810001 - Missing]"/>
        <member name="[CB - Account].[Account CB - Description].&amp;[1810002 - Missing]"/>
        <member name="[CB - Account].[Account CB - Description].&amp;[1810003 - Missing]"/>
        <member name="[CB - Account].[Account CB - Description].&amp;[1810004 - Missing]"/>
        <member name="[CB - Account].[Account CB - Description].&amp;[1810005 - Missing]"/>
        <member name="[CB - Account].[Account CB - Description].&amp;[1810006 - Missing]"/>
        <member name="[CB - Account].[Account CB - Description].&amp;[1810009 - Missing]"/>
        <member name="[CB - Account].[Account CB - Description].&amp;[1810010 - Missing]"/>
        <member name="[CB - Account].[Account CB - Description].&amp;[1810011 - Missing]"/>
        <member name="[CB - Account].[Account CB - Description].&amp;[1810012 - Missing]"/>
        <member name="[CB - Account].[Account CB - Description].&amp;[1810013 - Missing]"/>
        <member name="[CB - Account].[Account CB - Description].&amp;[1810014 - Missing]"/>
        <member name="[CB - Account].[Account CB - Description].&amp;[1810015 - Missing]"/>
        <member name="[CB - Account].[Account CB - Description].&amp;[1810017 - Missing]"/>
        <member name="[CB - Account].[Account CB - Description].&amp;[1810018 - Missing]"/>
        <member name="[CB - Account].[Account CB - Description].&amp;[1810020 - Missing]"/>
        <member name="[CB - Account].[Account CB - Description].&amp;[1810021 - Missing]"/>
        <member name="[CB - Account].[Account CB - Description].&amp;[1810022 - Missing]"/>
        <member name="[CB - Account].[Account CB - Description].&amp;[1810023 - Missing]"/>
        <member name="[CB - Account].[Account CB - Description].&amp;[1810024 - Missing]"/>
        <member name="[CB - Account].[Account CB - Description].&amp;[1810025 - Missing]"/>
        <member name="[CB - Account].[Account CB - Description].&amp;[1810026 - Missing]"/>
        <member name="[CB - Account].[Account CB - Description].&amp;[1810027 - Missing]"/>
        <member name="[CB - Account].[Account CB - Description].&amp;[1810028 - Missing]"/>
        <member name="[CB - Account].[Account CB - Description].&amp;[1810029 - Missing]"/>
        <member name="[CB - Account].[Account CB - Description].&amp;[1810030 - Missing]"/>
        <member name="[CB - Account].[Account CB - Description].&amp;[1810031 - Missing]"/>
        <member name="[CB - Account].[Account CB - Description].&amp;[1810032 - Missing]"/>
        <member name="[CB - Account].[Account CB - Description].&amp;[1810033 - Missing]"/>
        <member name="[CB - Account].[Account CB - Description].&amp;[1810034 - Missing]"/>
        <member name="[CB - Account].[Account CB - Description].&amp;[1810035 - Missing]"/>
        <member name="[CB - Account].[Account CB - Description].&amp;[1810036 - Missing]"/>
        <member name="[CB - Account].[Account CB - Description].&amp;[1810037 - Missing]"/>
        <member name="[CB - Account].[Account CB - Description].&amp;[1823001 - Missing]"/>
        <member name="[CB - Account].[Account CB - Description].&amp;[1823002 - Missing]"/>
        <member name="[CB - Account].[Account CB - Description].&amp;[1823004 - Missing]"/>
        <member name="[CB - Account].[Account CB - Description].&amp;[1823005 - Missing]"/>
        <member name="[CB - Account].[Account CB - Description].&amp;[1823006 - Missing]"/>
        <member name="[CB - Account].[Account CB - Description].&amp;[1823007 - Missing]"/>
        <member name="[CB - Account].[Account CB - Description].&amp;[1823008 - Missing]"/>
        <member name="[CB - Account].[Account CB - Description].&amp;[1823009 - Missing]"/>
        <member name="[CB - Account].[Account CB - Description].&amp;[1823010 - Missing]"/>
        <member name="[CB - Account].[Account CB - Description].&amp;[1823011 - Missing]"/>
        <member name="[CB - Account].[Account CB - Description].&amp;[1823012 - Missing]"/>
        <member name="[CB - Account].[Account CB - Description].&amp;[1823013 - Missing]"/>
        <member name="[CB - Account].[Account CB - Description].&amp;[1823014 - Missing]"/>
        <member name="[CB - Account].[Account CB - Description].&amp;[1823015 - Missing]"/>
        <member name="[CB - Account].[Account CB - Description].&amp;[1823017 - Missing]"/>
        <member name="[CB - Account].[Account CB - Description].&amp;[1823018 - Missing]"/>
        <member name="[CB - Account].[Account CB - Description].&amp;[1823020 - Missing]"/>
        <member name="[CB - Account].[Account CB - Description].&amp;[1823021 - Missing]"/>
        <member name="[CB - Account].[Account CB - Description].&amp;[1823023 - Missing]"/>
        <member name="[CB - Account].[Account CB - Description].&amp;[1823024 - Missing]"/>
        <member name="[CB - Account].[Account CB - Description].&amp;[1823025 - Missing]"/>
        <member name="[CB - Account].[Account CB - Description].&amp;[1823026 - Missing]"/>
        <member name="[CB - Account].[Account CB - Description].&amp;[1823027 - Missing]"/>
        <member name="[CB - Account].[Account CB - Description].&amp;[1823028 - Missing]"/>
        <member name="[CB - Account].[Account CB - Description].&amp;[1823030 - Missing]"/>
        <member name="[CB - Account].[Account CB - Description].&amp;[1823031 - Missing]"/>
        <member name="[CB - Account].[Account CB - Description].&amp;[1823032 - Missing]"/>
        <member name="[CB - Account].[Account CB - Description].&amp;[1823035 - Missing]"/>
        <member name="[CB - Account].[Account CB - Description].&amp;[1823038 - Missing]"/>
        <member name="[CB - Account].[Account CB - Description].&amp;[1823040 - Missing]"/>
        <member name="[CB - Account].[Account CB - Description].&amp;[1823042 - Missing]"/>
        <member name="[CB - Account].[Account CB - Description].&amp;[1823043 - Missing]"/>
        <member name="[CB - Account].[Account CB - Description].&amp;[1823044 - Missing]"/>
        <member name="[CB - Account].[Account CB - Description].&amp;[1823045 - Missing]"/>
        <member name="[CB - Account].[Account CB - Description].&amp;[1823046 - Missing]"/>
        <member name="[CB - Account].[Account CB - Description].&amp;[1823047 - Missing]"/>
        <member name="[CB - Account].[Account CB - Description].&amp;[1823048 - Missing]"/>
        <member name="[CB - Account].[Account CB - Description].&amp;[1823049 - Missing]"/>
        <member name="[CB - Account].[Account CB - Description].&amp;[1823051 - Missing]"/>
        <member name="[CB - Account].[Account CB - Description].&amp;[1823052 - Missing]"/>
        <member name="[CB - Account].[Account CB - Description].&amp;[1823053 - Missing]"/>
        <member name="[CB - Account].[Account CB - Description].&amp;[1823054 - Missing]"/>
        <member name="[CB - Account].[Account CB - Description].&amp;[1823055 - Missing]"/>
        <member name="[CB - Account].[Account CB - Description].&amp;[1823056 - Missing]"/>
        <member name="[CB - Account].[Account CB - Description].&amp;[1823058 - Missing]"/>
        <member name="[CB - Account].[Account CB - Description].&amp;[1823059 - Missing]"/>
        <member name="[CB - Account].[Account CB - Description].&amp;[1823060 - Missing]"/>
        <member name="[CB - Account].[Account CB - Description].&amp;[1823061 - Missing]"/>
        <member name="[CB - Account].[Account CB - Description].&amp;[1823062 - Missing]"/>
        <member name="[CB - Account].[Account CB - Description].&amp;[1823063 - Missing]"/>
        <member name="[CB - Account].[Account CB - Description].&amp;[1823064 - Missing]"/>
        <member name="[CB - Account].[Account CB - Description].&amp;[1823065 - Missing]"/>
        <member name="[CB - Account].[Account CB - Description].&amp;[1823067 - Missing]"/>
        <member name="[CB - Account].[Account CB - Description].&amp;[1823069 - Missing]"/>
        <member name="[CB - Account].[Account CB - Description].&amp;[1823070 - Missing]"/>
        <member name="[CB - Account].[Account CB - Description].&amp;[1823071 - Missing]"/>
        <member name="[CB - Account].[Account CB - Description].&amp;[1823073 - Missing]"/>
        <member name="[CB - Account].[Account CB - Description].&amp;[1823074 - Missing]"/>
        <member name="[CB - Account].[Account CB - Description].&amp;[1823075 - Missing]"/>
        <member name="[CB - Account].[Account CB - Description].&amp;[1823076 - Missing]"/>
        <member name="[CB - Account].[Account CB - Description].&amp;[1823077 - Missing]"/>
        <member name="[CB - Account].[Account CB - Description].&amp;[1823082 - Missing]"/>
        <member name="[CB - Account].[Account CB - Description].&amp;[1823083 - Missing]"/>
        <member name="[CB - Account].[Account CB - Description].&amp;[1823084 - Missing]"/>
        <member name="[CB - Account].[Account CB - Description].&amp;[1823085 - Missing]"/>
        <member name="[CB - Account].[Account CB - Description].&amp;[1823086 - Missing]"/>
        <member name="[CB - Account].[Account CB - Description].&amp;[1823087 - Missing]"/>
        <member name="[CB - Account].[Account CB - Description].&amp;[1823088 - Missing]"/>
        <member name="[CB - Account].[Account CB - Description].&amp;[1823090 - Missing]"/>
        <member name="[CB - Account].[Account CB - Description].&amp;[1823091 - Missing]"/>
        <member name="[CB - Account].[Account CB - Description].&amp;[1823092 - Missing]"/>
        <member name="[CB - Account].[Account CB - Description].&amp;[1823093 - Missing]"/>
        <member name="[CB - Account].[Account CB - Description].&amp;[1823094 - Missing]"/>
        <member name="[CB - Account].[Account CB - Description].&amp;[1823096 - Missing]"/>
        <member name="[CB - Account].[Account CB - Description].&amp;[1823098 - Missing]"/>
        <member name="[CB - Account].[Account CB - Description].&amp;[1823099 - Missing]"/>
        <member name="[CB - Account].[Account CB - Description].&amp;[1823120 - Missing]"/>
        <member name="[CB - Account].[Account CB - Description].&amp;[1823121 - Missing]"/>
        <member name="[CB - Account].[Account CB - Description].&amp;[1823141 - Missing]"/>
        <member name="[CB - Account].[Account CB - Description].&amp;[1823142 - Missing]"/>
        <member name="[CB - Account].[Account CB - Description].&amp;[1823143 - Missing]"/>
        <member name="[CB - Account].[Account CB - Description].&amp;[1823144 - Missing]"/>
        <member name="[CB - Account].[Account CB - Description].&amp;[1823145 - Missing]"/>
        <member name="[CB - Account].[Account CB - Description].&amp;[1823147 - Missing]"/>
        <member name="[CB - Account].[Account CB - Description].&amp;[1823148 - Missing]"/>
        <member name="[CB - Account].[Account CB - Description].&amp;[1823149 - Missing]"/>
        <member name="[CB - Account].[Account CB - Description].&amp;[1823150 - Missing]"/>
        <member name="[CB - Account].[Account CB - Description].&amp;[1823151 - Missing]"/>
        <member name="[CB - Account].[Account CB - Description].&amp;[1823152 - Missing]"/>
        <member name="[CB - Account].[Account CB - Description].&amp;[1823153 - Missing]"/>
        <member name="[CB - Account].[Account CB - Description].&amp;[1823154 - Missing]"/>
        <member name="[CB - Account].[Account CB - Description].&amp;[1823155 - Missing]"/>
        <member name="[CB - Account].[Account CB - Description].&amp;[1823156 - Missing]"/>
        <member name="[CB - Account].[Account CB - Description].&amp;[1823157 - Missing]"/>
        <member name="[CB - Account].[Account CB - Description].&amp;[1823166 - Missing]"/>
        <member name="[CB - Account].[Account CB - Description].&amp;[1823167 - Missing]"/>
        <member name="[CB - Account].[Account CB - Description].&amp;[1823168 - Missing]"/>
        <member name="[CB - Account].[Account CB - Description].&amp;[1823169 - Missing]"/>
        <member name="[CB - Account].[Account CB - Description].&amp;[1823170 - Missing]"/>
        <member name="[CB - Account].[Account CB - Description].&amp;[1823171 - Missing]"/>
        <member name="[CB - Account].[Account CB - Description].&amp;[1823172 - Missing]"/>
        <member name="[CB - Account].[Account CB - Description].&amp;[1823173 - Missing]"/>
        <member name="[CB - Account].[Account CB - Description].&amp;[183000 - Missing]"/>
        <member name="[CB - Account].[Account CB - Description].&amp;[1830000 - Equipment Expense-Budgets Only]"/>
        <member name="[CB - Account].[Account CB - Description].&amp;[1830200 - Underground Trenchers]"/>
        <member name="[CB - Account].[Account CB - Description].&amp;[1830210 - Underground Back Hoes]"/>
        <member name="[CB - Account].[Account CB - Description].&amp;[1830220 - Inactive]"/>
        <member name="[CB - Account].[Account CB - Description].&amp;[1830230 - Inactive]"/>
        <member name="[CB - Account].[Account CB - Description].&amp;[1830300 - Dozers-Medium]"/>
        <member name="[CB - Account].[Account CB - Description].&amp;[1830310 - Inactive]"/>
        <member name="[CB - Account].[Account CB - Description].&amp;[1830320 - Inactive]"/>
        <member name="[CB - Account].[Account CB - Description].&amp;[1830330 - Cranes-Small]"/>
        <member name="[CB - Account].[Account CB - Description].&amp;[1830340 - Inactive]"/>
        <member name="[CB - Account].[Account CB - Description].&amp;[1830350 - Stringing Equip-Reel Carts]"/>
        <member name="[CB - Account].[Account CB - Description].&amp;[1830360 - Mobile Equipment]"/>
        <member name="[CB - Account].[Account CB - Description].&amp;[1830370 - Miscellaneous Equipment]"/>
        <member name="[CB - Account].[Account CB - Description].&amp;[1831001 - Missing]"/>
        <member name="[CB - Account].[Account CB - Description].&amp;[1832001 - Missing]"/>
        <member name="[CB - Account].[Account CB - Description].&amp;[1840001 - Missing]"/>
        <member name="[CB - Account].[Account CB - Description].&amp;[1840002 - Missing]"/>
        <member name="[CB - Account].[Account CB - Description].&amp;[1840003 - Missing]"/>
        <member name="[CB - Account].[Account CB - Description].&amp;[1840005 - Missing]"/>
        <member name="[CB - Account].[Account CB - Description].&amp;[1840006 - Missing]"/>
        <member name="[CB - Account].[Account CB - Description].&amp;[1840007 - Missing]"/>
        <member name="[CB - Account].[Account CB - Description].&amp;[1840009 - Missing]"/>
        <member name="[CB - Account].[Account CB - Description].&amp;[1840010 - Missing]"/>
        <member name="[CB - Account].[Account CB - Description].&amp;[1840011 - Missing]"/>
        <member name="[CB - Account].[Account CB - Description].&amp;[1840012 - Missing]"/>
        <member name="[CB - Account].[Account CB - Description].&amp;[1840013 - Missing]"/>
        <member name="[CB - Account].[Account CB - Description].&amp;[1840015 - Missing]"/>
        <member name="[CB - Account].[Account CB - Description].&amp;[1840016 - Missing]"/>
        <member name="[CB - Account].[Account CB - Description].&amp;[1840021 - Missing]"/>
        <member name="[CB - Account].[Account CB - Description].&amp;[1840022 - Missing]"/>
        <member name="[CB - Account].[Account CB - Description].&amp;[1840023 - Missing]"/>
        <member name="[CB - Account].[Account CB - Description].&amp;[1840026 - Missing]"/>
        <member name="[CB - Account].[Account CB - Description].&amp;[1840027 - Missing]"/>
        <member name="[CB - Account].[Account CB - Description].&amp;[1840029 - Missing]"/>
        <member name="[CB - Account].[Account CB - Description].&amp;[1840031 - Missing]"/>
        <member name="[CB - Account].[Account CB - Description].&amp;[1840033 - Missing]"/>
        <member name="[CB - Account].[Account CB - Description].&amp;[1840034 - Missing]"/>
        <member name="[CB - Account].[Account CB - Description].&amp;[1840035 - Missing]"/>
        <member name="[CB - Account].[Account CB - Description].&amp;[1840036 - Missing]"/>
        <member name="[CB - Account].[Account CB - Description].&amp;[1840037 - Missing]"/>
        <member name="[CB - Account].[Account CB - Description].&amp;[1840038 - Missing]"/>
        <member name="[CB - Account].[Account CB - Description].&amp;[1840046 - Missing]"/>
        <member name="[CB - Account].[Account CB - Description].&amp;[1840049 - Missing]"/>
        <member name="[CB - Account].[Account CB - Description].&amp;[1840050 - Missing]"/>
        <member name="[CB - Account].[Account CB - Description].&amp;[1840051 - Missing]"/>
        <member name="[CB - Account].[Account CB - Description].&amp;[1840053 - Missing]"/>
        <member name="[CB - Account].[Account CB - Description].&amp;[1840054 - Missing]"/>
        <member name="[CB - Account].[Account CB - Description].&amp;[1840200 - Ug Trenchers-Distributed]"/>
        <member name="[CB - Account].[Account CB - Description].&amp;[1840210 - Ug Backhoes-Distributed]"/>
        <member name="[CB - Account].[Account CB - Description].&amp;[1840220 - Inactive]"/>
        <member name="[CB - Account].[Account CB - Description].&amp;[1840230 - Inactive]"/>
        <member name="[CB - Account].[Account CB - Description].&amp;[1840300 - Trans Dept Equip-Distributed]"/>
        <member name="[CB - Account].[Account CB - Description].&amp;[1840301 - Missing]"/>
        <member name="[CB - Account].[Account CB - Description].&amp;[1840302 - Missing]"/>
        <member name="[CB - Account].[Account CB - Description].&amp;[1840303 - Missing]"/>
        <member name="[CB - Account].[Account CB - Description].&amp;[1840304 - Missing]"/>
        <member name="[CB - Account].[Account CB - Description].&amp;[1840307 - Missing]"/>
        <member name="[CB - Account].[Account CB - Description].&amp;[1840308 - Missing]"/>
        <member name="[CB - Account].[Account CB - Description].&amp;[1840309 - Missing]"/>
        <member name="[CB - Account].[Account CB - Description].&amp;[1840902 - Missing]"/>
        <member name="[CB - Account].[Account CB - Description].&amp;[1840903 - Missing]"/>
        <member name="[CB - Account].[Account CB - Description].&amp;[1840917 - Missing]"/>
        <member name="[CB - Account].[Account CB - Description].&amp;[1840918 - Missing]"/>
        <member name="[CB - Account].[Account CB - Description].&amp;[1840999 - Missing]"/>
        <member name="[CB - Account].[Account CB - Description].&amp;[1841001 - Missing]"/>
        <member name="[CB - Account].[Account CB - Description].&amp;[1841065 - Missing]"/>
        <member name="[CB - Account].[Account CB - Description].&amp;[1841066 - Missing]"/>
        <member name="[CB - Account].[Account CB - Description].&amp;[1842001 - Missing]"/>
        <member name="[CB - Account].[Account CB - Description].&amp;[1843001 - Missing]"/>
        <member name="[CB - Account].[Account CB - Description].&amp;[1845001 - Missing]"/>
        <member name="[CB - Account].[Account CB - Description].&amp;[1845002 - Missing]"/>
        <member name="[CB - Account].[Account CB - Description].&amp;[1845003 - Missing]"/>
        <member name="[CB - Account].[Account CB - Description].&amp;[1845004 - Missing]"/>
        <member name="[CB - Account].[Account CB - Description].&amp;[1845005 - Missing]"/>
        <member name="[CB - Account].[Account CB - Description].&amp;[1845006 - Missing]"/>
        <member name="[CB - Account].[Account CB - Description].&amp;[1846001 - Missing]"/>
        <member name="[CB - Account].[Account CB - Description].&amp;[1846002 - Missing]"/>
        <member name="[CB - Account].[Account CB - Description].&amp;[1847001 - Missing]"/>
        <member name="[CB - Account].[Account CB - Description].&amp;[1847002 - Missing]"/>
        <member name="[CB - Account].[Account CB - Description].&amp;[1848001 - Missing]"/>
        <member name="[CB - Account].[Account CB - Description].&amp;[1849001 - Missing]"/>
        <member name="[CB - Account].[Account CB - Description].&amp;[1849002 - Missing]"/>
        <member name="[CB - Account].[Account CB - Description].&amp;[1860000 - Contra Deferred Debit]"/>
        <member name="[CB - Account].[Account CB - Description].&amp;[1860001 - Missing]"/>
        <member name="[CB - Account].[Account CB - Description].&amp;[1860003 - Missing]"/>
        <member name="[CB - Account].[Account CB - Description].&amp;[1860004 - Missing]"/>
        <member name="[CB - Account].[Account CB - Description].&amp;[1860005 - Missing]"/>
        <member name="[CB - Account].[Account CB - Description].&amp;[1860006 - Missing]"/>
        <member name="[CB - Account].[Account CB - Description].&amp;[1860007 - Missing]"/>
        <member name="[CB - Account].[Account CB - Description].&amp;[1860008 - Missing]"/>
        <member name="[CB - Account].[Account CB - Description].&amp;[1860010 - Missing]"/>
        <member name="[CB - Account].[Account CB - Description].&amp;[1860011 - Missing]"/>
        <member name="[CB - Account].[Account CB - Description].&amp;[1860013 - Missing]"/>
        <member name="[CB - Account].[Account CB - Description].&amp;[1860014 - Missing]"/>
        <member name="[CB - Account].[Account CB - Description].&amp;[1860015 - Missing]"/>
        <member name="[CB - Account].[Account CB - Description].&amp;[1860016 - Missing]"/>
        <member name="[CB - Account].[Account CB - Description].&amp;[1860017 - Missing]"/>
        <member name="[CB - Account].[Account CB - Description].&amp;[1860018 - Missing]"/>
        <member name="[CB - Account].[Account CB - Description].&amp;[1860019 - Missing]"/>
        <member name="[CB - Account].[Account CB - Description].&amp;[1860021 - Missing]"/>
        <member name="[CB - Account].[Account CB - Description].&amp;[1860022 - Missing]"/>
        <member name="[CB - Account].[Account CB - Description].&amp;[1860023 - Missing]"/>
        <member name="[CB - Account].[Account CB - Description].&amp;[1860024 - Missing]"/>
        <member name="[CB - Account].[Account CB - Description].&amp;[1860025 - Missing]"/>
        <member name="[CB - Account].[Account CB - Description].&amp;[1860026 - Missing]"/>
        <member name="[CB - Account].[Account CB - Description].&amp;[1860027 - Missing]"/>
        <member name="[CB - Account].[Account CB - Description].&amp;[1860028 - Missing]"/>
        <member name="[CB - Account].[Account CB - Description].&amp;[1860029 - Missing]"/>
        <member name="[CB - Account].[Account CB - Description].&amp;[1860030 - Missing]"/>
        <member name="[CB - Account].[Account CB - Description].&amp;[1860031 - Missing]"/>
        <member name="[CB - Account].[Account CB - Description].&amp;[1860032 - Missing]"/>
        <member name="[CB - Account].[Account CB - Description].&amp;[1860033 - Missing]"/>
        <member name="[CB - Account].[Account CB - Description].&amp;[1860034 - Missing]"/>
        <member name="[CB - Account].[Account CB - Description].&amp;[1860035 - Missing]"/>
        <member name="[CB - Account].[Account CB - Description].&amp;[1860078 - Missing]"/>
        <member name="[CB - Account].[Account CB - Description].&amp;[1860079 - Missing]"/>
        <member name="[CB - Account].[Account CB - Description].&amp;[1860087 - Missing]"/>
        <member name="[CB - Account].[Account CB - Description].&amp;[1860089 - Missing]"/>
        <member name="[CB - Account].[Account CB - Description].&amp;[1860090 - Missing]"/>
        <member name="[CB - Account].[Account CB - Description].&amp;[1860091 - Missing]"/>
        <member name="[CB - Account].[Account CB - Description].&amp;[1860092 - Missing]"/>
        <member name="[CB - Account].[Account CB - Description].&amp;[1860093 - Missing]"/>
        <member name="[CB - Account].[Account CB - Description].&amp;[1860094 - Missing]"/>
        <member name="[CB - Account].[Account CB - Description].&amp;[1860095 - Missing]"/>
        <member name="[CB - Account].[Account CB - Description].&amp;[1860096 - Missing]"/>
        <member name="[CB - Account].[Account CB - Description].&amp;[1860097 - Missing]"/>
        <member name="[CB - Account].[Account CB - Description].&amp;[1860102 - Missing]"/>
        <member name="[CB - Account].[Account CB - Description].&amp;[1860105 - Missing]"/>
        <member name="[CB - Account].[Account CB - Description].&amp;[1860106 - Missing]"/>
        <member name="[CB - Account].[Account CB - Description].&amp;[1860107 - Missing]"/>
        <member name="[CB - Account].[Account CB - Description].&amp;[1860108 - Missing]"/>
        <member name="[CB - Account].[Account CB - Description].&amp;[1860109 - Missing]"/>
        <member name="[CB - Account].[Account CB - Description].&amp;[1860110 - Missing]"/>
        <member name="[CB - Account].[Account CB - Description].&amp;[1860111 - Missing]"/>
        <member name="[CB - Account].[Account CB - Description].&amp;[1860112 - Missing]"/>
        <member name="[CB - Account].[Account CB - Description].&amp;[1860113 - Missing]"/>
        <member name="[CB - Account].[Account CB - Description].&amp;[1860114 - Missing]"/>
        <member name="[CB - Account].[Account CB - Description].&amp;[1860117 - Missing]"/>
        <member name="[CB - Account].[Account CB - Description].&amp;[1860118 - Missing]"/>
        <member name="[CB - Account].[Account CB - Description].&amp;[1860119 - Missing]"/>
        <member name="[CB - Account].[Account CB - Description].&amp;[1860120 - Missing]"/>
        <member name="[CB - Account].[Account CB - Description].&amp;[1861001 - Missing]"/>
        <member name="[CB - Account].[Account CB - Description].&amp;[1861003 - Missing]"/>
        <member name="[CB - Account].[Account CB - Description].&amp;[186120 - Missing]"/>
        <member name="[CB - Account].[Account CB - Description].&amp;[1864700 - Missing]"/>
        <member name="[CB - Account].[Account CB - Description].&amp;[1865001 - Missing]"/>
        <member name="[CB - Account].[Account CB - Description].&amp;[1868001 - Missing]"/>
        <member name="[CB - Account].[Account CB - Description].&amp;[1868002 - Missing]"/>
        <member name="[CB - Account].[Account CB - Description].&amp;[1880001 - Missing]"/>
        <member name="[CB - Account].[Account CB - Description].&amp;[1890001 - Missing]"/>
        <member name="[CB - Account].[Account CB - Description].&amp;[1890002 - Missing]"/>
        <member name="[CB - Account].[Account CB - Description].&amp;[1890003 - Missing]"/>
        <member name="[CB - Account].[Account CB - Description].&amp;[1890004 - Missing]"/>
        <member name="[CB - Account].[Account CB - Description].&amp;[1890005 - Missing]"/>
        <member name="[CB - Account].[Account CB - Description].&amp;[1890006 - Missing]"/>
        <member name="[CB - Account].[Account CB - Description].&amp;[1890007 - Missing]"/>
        <member name="[CB - Account].[Account CB - Description].&amp;[1890008 - Missing]"/>
        <member name="[CB - Account].[Account CB - Description].&amp;[1890010 - Missing]"/>
        <member name="[CB - Account].[Account CB - Description].&amp;[1890011 - Missing]"/>
        <member name="[CB - Account].[Account CB - Description].&amp;[1890013 - Missing]"/>
        <member name="[CB - Account].[Account CB - Description].&amp;[1890014 - Missing]"/>
        <member name="[CB - Account].[Account CB - Description].&amp;[1900001 - Missing]"/>
        <member name="[CB - Account].[Account CB - Description].&amp;[1900002 - Missing]"/>
        <member name="[CB - Account].[Account CB - Description].&amp;[1900003 - Missing]"/>
        <member name="[CB - Account].[Account CB - Description].&amp;[1900004 - Missing]"/>
        <member name="[CB - Account].[Account CB - Description].&amp;[1900005 - Missing]"/>
        <member name="[CB - Account].[Account CB - Description].&amp;[1900006 - Missing]"/>
        <member name="[CB - Account].[Account CB - Description].&amp;[1900007 - Missing]"/>
        <member name="[CB - Account].[Account CB - Description].&amp;[1900008 - Missing]"/>
        <member name="[CB - Account].[Account CB - Description].&amp;[1900009 - Missing]"/>
        <member name="[CB - Account].[Account CB - Description].&amp;[1900010 - Missing]"/>
        <member name="[CB - Account].[Account CB - Description].&amp;[1900012 - Missing]"/>
        <member name="[CB - Account].[Account CB - Description].&amp;[1910001 - Missing]"/>
        <member name="[CB - Account].[Account CB - Description].&amp;[1910002 - Missing]"/>
        <member name="[CB - Account].[Account CB - Description].&amp;[2010001 - Missing]"/>
        <member name="[CB - Account].[Account CB - Description].&amp;[2010002 - Missing]"/>
        <member name="[CB - Account].[Account CB - Description].&amp;[2040005 - Missing]"/>
        <member name="[CB - Account].[Account CB - Description].&amp;[2040008 - Missing]"/>
        <member name="[CB - Account].[Account CB - Description].&amp;[2040009 - Missing]"/>
        <member name="[CB - Account].[Account CB - Description].&amp;[2040011 - Missing]"/>
        <member name="[CB - Account].[Account CB - Description].&amp;[2040012 - Missing]"/>
        <member name="[CB - Account].[Account CB - Description].&amp;[2040013 - Missing]"/>
        <member name="[CB - Account].[Account CB - Description].&amp;[2040014 - Missing]"/>
        <member name="[CB - Account].[Account CB - Description].&amp;[2070001 - Missing]"/>
        <member name="[CB - Account].[Account CB - Description].&amp;[2070002 - Missing]"/>
        <member name="[CB - Account].[Account CB - Description].&amp;[2070003 - Missing]"/>
        <member name="[CB - Account].[Account CB - Description].&amp;[2080001 - Missing]"/>
        <member name="[CB - Account].[Account CB - Description].&amp;[2100001 - Missing]"/>
        <member name="[CB - Account].[Account CB - Description].&amp;[2100002 - Missing]"/>
        <member name="[CB - Account].[Account CB - Description].&amp;[2100004 - Missing]"/>
        <member name="[CB - Account].[Account CB - Description].&amp;[2100005 - Missing]"/>
        <member name="[CB - Account].[Account CB - Description].&amp;[2100006 - Missing]"/>
        <member name="[CB - Account].[Account CB - Description].&amp;[2100007 - Missing]"/>
        <member name="[CB - Account].[Account CB - Description].&amp;[2100008 - Missing]"/>
        <member name="[CB - Account].[Account CB - Description].&amp;[2100009 - Missing]"/>
        <member name="[CB - Account].[Account CB - Description].&amp;[2100010 - Missing]"/>
        <member name="[CB - Account].[Account CB - Description].&amp;[2100011 - Missing]"/>
        <member name="[CB - Account].[Account CB - Description].&amp;[2100012 - Missing]"/>
        <member name="[CB - Account].[Account CB - Description].&amp;[2107000 - Contra Accounts Payable]"/>
        <member name="[CB - Account].[Account CB - Description].&amp;[2110001 - Missing]"/>
        <member name="[CB - Account].[Account CB - Description].&amp;[2110002 - Missing]"/>
        <member name="[CB - Account].[Account CB - Description].&amp;[2110004 - Missing]"/>
        <member name="[CB - Account].[Account CB - Description].&amp;[2110005 - Missing]"/>
        <member name="[CB - Account].[Account CB - Description].&amp;[2110006 - Missing]"/>
        <member name="[CB - Account].[Account CB - Description].&amp;[2110007 - Missing]"/>
        <member name="[CB - Account].[Account CB - Description].&amp;[2110008 - Missing]"/>
        <member name="[CB - Account].[Account CB - Description].&amp;[2110009 - Missing]"/>
        <member name="[CB - Account].[Account CB - Description].&amp;[2110010 - Missing]"/>
        <member name="[CB - Account].[Account CB - Description].&amp;[2110011 - Missing]"/>
        <member name="[CB - Account].[Account CB - Description].&amp;[2110012 - Missing]"/>
        <member name="[CB - Account].[Account CB - Description].&amp;[2110014 - Missing]"/>
        <member name="[CB - Account].[Account CB - Description].&amp;[2110015 - Missing]"/>
        <member name="[CB - Account].[Account CB - Description].&amp;[2110016 - Missing]"/>
        <member name="[CB - Account].[Account CB - Description].&amp;[2110017 - Missing]"/>
        <member name="[CB - Account].[Account CB - Description].&amp;[2140001 - Missing]"/>
        <member name="[CB - Account].[Account CB - Description].&amp;[2160001 - Missing]"/>
        <member name="[CB - Account].[Account CB - Description].&amp;[2160002 - Missing]"/>
        <member name="[CB - Account].[Account CB - Description].&amp;[2160003 - Missing]"/>
        <member name="[CB - Account].[Account CB - Description].&amp;[2160004 - Missing]"/>
        <member name="[CB - Account].[Account CB - Description].&amp;[2160005 - Missing]"/>
        <member name="[CB - Account].[Account CB - Description].&amp;[2160010 - Missing]"/>
        <member name="[CB - Account].[Account CB - Description].&amp;[2160011 - Missing]"/>
        <member name="[CB - Account].[Account CB - Description].&amp;[2160012 - Missing]"/>
        <member name="[CB - Account].[Account CB - Description].&amp;[2160013 - Missing]"/>
        <member name="[CB - Account].[Account CB - Description].&amp;[2160014 - Missing]"/>
        <member name="[CB - Account].[Account CB - Description].&amp;[2160015 - Missing]"/>
        <member name="[CB - Account].[Account CB - Description].&amp;[2160016 - Missing]"/>
        <member name="[CB - Account].[Account CB - Description].&amp;[2161000 - FC_Rollup_Acct]"/>
        <member name="[CB - Account].[Account CB - Description].&amp;[2161001 - Missing]"/>
        <member name="[CB - Account].[Account CB - Description].&amp;[2161002 - Missing]"/>
        <member name="[CB - Account].[Account CB - Description].&amp;[2161004 - Missing]"/>
        <member name="[CB - Account].[Account CB - Description].&amp;[2161010 - Missing]"/>
        <member name="[CB - Account].[Account CB - Description].&amp;[2161012 - Missing]"/>
        <member name="[CB - Account].[Account CB - Description].&amp;[2161018 - Missing]"/>
        <member name="[CB - Account].[Account CB - Description].&amp;[2161033 - Missing]"/>
        <member name="[CB - Account].[Account CB - Description].&amp;[2161034 - Missing]"/>
        <member name="[CB - Account].[Account CB - Description].&amp;[2161036 - Missing]"/>
        <member name="[CB - Account].[Account CB - Description].&amp;[2161038 - Missing]"/>
        <member name="[CB - Account].[Account CB - Description].&amp;[2161039 - Missing]"/>
        <member name="[CB - Account].[Account CB - Description].&amp;[2161040 - Missing]"/>
        <member name="[CB - Account].[Account CB - Description].&amp;[2161041 - Missing]"/>
        <member name="[CB - Account].[Account CB - Description].&amp;[2161042 - Missing]"/>
        <member name="[CB - Account].[Account CB - Description].&amp;[2161046 - Missing]"/>
        <member name="[CB - Account].[Account CB - Description].&amp;[2161047 - Missing]"/>
        <member name="[CB - Account].[Account CB - Description].&amp;[2161048 - Missing]"/>
        <member name="[CB - Account].[Account CB - Description].&amp;[2161049 - Missing]"/>
        <member name="[CB - Account].[Account CB - Description].&amp;[2161050 - Missing]"/>
        <member name="[CB - Account].[Account CB - Description].&amp;[2170001 - Missing]"/>
        <member name="[CB - Account].[Account CB - Description].&amp;[2170002 - Missing]"/>
        <member name="[CB - Account].[Account CB - Description].&amp;[2180001 - Missing]"/>
        <member name="[CB - Account].[Account CB - Description].&amp;[2180002 - Missing]"/>
        <member name="[CB - Account].[Account CB - Description].&amp;[2180003 - Missing]"/>
        <member name="[CB - Account].[Account CB - Description].&amp;[2180004 - Missing]"/>
        <member name="[CB - Account].[Account CB - Description].&amp;[2180005 - Missing]"/>
        <member name="[CB - Account].[Account CB - Description].&amp;[2180006 - Missing]"/>
        <member name="[CB - Account].[Account CB - Description].&amp;[2180007 - Missing]"/>
        <member name="[CB - Account].[Account CB - Description].&amp;[2180008 - Missing]"/>
        <member name="[CB - Account].[Account CB - Description].&amp;[2180009 - Missing]"/>
        <member name="[CB - Account].[Account CB - Description].&amp;[2180010 - Missing]"/>
        <member name="[CB - Account].[Account CB - Description].&amp;[2180011 - Missing]"/>
        <member name="[CB - Account].[Account CB - Description].&amp;[2180012 - Missing]"/>
        <member name="[CB - Account].[Account CB - Description].&amp;[2180013 - Missing]"/>
        <member name="[CB - Account].[Account CB - Description].&amp;[2180015 - Missing]"/>
        <member name="[CB - Account].[Account CB - Description].&amp;[2180016 - Missing]"/>
        <member name="[CB - Account].[Account CB - Description].&amp;[2180017 - Missing]"/>
        <member name="[CB - Account].[Account CB - Description].&amp;[2180018 - Missing]"/>
        <member name="[CB - Account].[Account CB - Description].&amp;[2180019 - Missing]"/>
        <member name="[CB - Account].[Account CB - Description].&amp;[2180020 - Missing]"/>
        <member name="[CB - Account].[Account CB - Description].&amp;[2180021 - Missing]"/>
        <member name="[CB - Account].[Account CB - Description].&amp;[2191000 - FC_Rollup_Acct]"/>
        <member name="[CB - Account].[Account CB - Description].&amp;[2191002 - OCI_Rollup_Acct]"/>
        <member name="[CB - Account].[Account CB - Description].&amp;[2204000 - Missing]"/>
        <member name="[CB - Account].[Account CB - Description].&amp;[2204001 - Contra Notes Payable - Current]"/>
        <member name="[CB - Account].[Account CB - Description].&amp;[2210018 - Missing]"/>
        <member name="[CB - Account].[Account CB - Description].&amp;[2210019 - Missing]"/>
        <member name="[CB - Account].[Account CB - Description].&amp;[2210020 - Missing]"/>
        <member name="[CB - Account].[Account CB - Description].&amp;[2210022 - Missing]"/>
        <member name="[CB - Account].[Account CB - Description].&amp;[2210023 - Missing]"/>
        <member name="[CB - Account].[Account CB - Description].&amp;[2210024 - Missing]"/>
        <member name="[CB - Account].[Account CB - Description].&amp;[2210025 - Missing]"/>
        <member name="[CB - Account].[Account CB - Description].&amp;[2240001 - Missing]"/>
        <member name="[CB - Account].[Account CB - Description].&amp;[2240003 - Missing]"/>
        <member name="[CB - Account].[Account CB - Description].&amp;[2240004 - Missing]"/>
        <member name="[CB - Account].[Account CB - Description].&amp;[2240005 - Missing]"/>
        <member name="[CB - Account].[Account CB - Description].&amp;[2240006 - Missing]"/>
        <member name="[CB - Account].[Account CB - Description].&amp;[2240007 - Missing]"/>
        <member name="[CB - Account].[Account CB - Description].&amp;[2240008 - Missing]"/>
        <member name="[CB - Account].[Account CB - Description].&amp;[2240009 - Missing]"/>
        <member name="[CB - Account].[Account CB - Description].&amp;[2240010 - Missing]"/>
        <member name="[CB - Account].[Account CB - Description].&amp;[2240011 - Missing]"/>
        <member name="[CB - Account].[Account CB - Description].&amp;[2240012 - Missing]"/>
        <member name="[CB - Account].[Account CB - Description].&amp;[2240013 - Missing]"/>
        <member name="[CB - Account].[Account CB - Description].&amp;[2240014 - Missing]"/>
        <member name="[CB - Account].[Account CB - Description].&amp;[2240015 - Missing]"/>
        <member name="[CB - Account].[Account CB - Description].&amp;[2240016 - Missing]"/>
        <member name="[CB - Account].[Account CB - Description].&amp;[2240017 - Missing]"/>
        <member name="[CB - Account].[Account CB - Description].&amp;[2240018 - Missing]"/>
        <member name="[CB - Account].[Account CB - Description].&amp;[2240020 - Missing]"/>
        <member name="[CB - Account].[Account CB - Description].&amp;[2240021 - Missing]"/>
        <member name="[CB - Account].[Account CB - Description].&amp;[2240022 - Missing]"/>
        <member name="[CB - Account].[Account CB - Description].&amp;[2240023 - Missing]"/>
        <member name="[CB - Account].[Account CB - Description].&amp;[2240024 - Missing]"/>
        <member name="[CB - Account].[Account CB - Description].&amp;[2240025 - Missing]"/>
        <member name="[CB - Account].[Account CB - Description].&amp;[2240026 - Missing]"/>
        <member name="[CB - Account].[Account CB - Description].&amp;[2240027 - Missing]"/>
        <member name="[CB - Account].[Account CB - Description].&amp;[2240028 - Missing]"/>
        <member name="[CB - Account].[Account CB - Description].&amp;[2240029 - Missing]"/>
        <member name="[CB - Account].[Account CB - Description].&amp;[2240030 - Missing]"/>
        <member name="[CB - Account].[Account CB - Description].&amp;[2240031 - Missing]"/>
        <member name="[CB - Account].[Account CB - Description].&amp;[2240032 - Missing]"/>
        <member name="[CB - Account].[Account CB - Description].&amp;[2240033 - Missing]"/>
        <member name="[CB - Account].[Account CB - Description].&amp;[2240034 - Missing]"/>
        <member name="[CB - Account].[Account CB - Description].&amp;[2240035 - Missing]"/>
        <member name="[CB - Account].[Account CB - Description].&amp;[2240036 - Missing]"/>
        <member name="[CB - Account].[Account CB - Description].&amp;[2240038 - Missing]"/>
        <member name="[CB - Account].[Account CB - Description].&amp;[2240039 - Missing]"/>
        <member name="[CB - Account].[Account CB - Description].&amp;[2240040 - Missing]"/>
        <member name="[CB - Account].[Account CB - Description].&amp;[2240041 - Missing]"/>
        <member name="[CB - Account].[Account CB - Description].&amp;[2240042 - Missing]"/>
        <member name="[CB - Account].[Account CB - Description].&amp;[2240043 - Missing]"/>
        <member name="[CB - Account].[Account CB - Description].&amp;[2240044 - Missing]"/>
        <member name="[CB - Account].[Account CB - Description].&amp;[2240045 - Missing]"/>
        <member name="[CB - Account].[Account CB - Description].&amp;[2240046 - Missing]"/>
        <member name="[CB - Account].[Account CB - Description].&amp;[2240047 - Missing]"/>
        <member name="[CB - Account].[Account CB - Description].&amp;[2240048 - Missing]"/>
        <member name="[CB - Account].[Account CB - Description].&amp;[2240049 - Missing]"/>
        <member name="[CB - Account].[Account CB - Description].&amp;[2240050 - Missing]"/>
        <member name="[CB - Account].[Account CB - Description].&amp;[2240051 - Missing]"/>
        <member name="[CB - Account].[Account CB - Description].&amp;[2240052 - Missing]"/>
        <member name="[CB - Account].[Account CB - Description].&amp;[2240053 - Missing]"/>
        <member name="[CB - Account].[Account CB - Description].&amp;[224697 - Missing]"/>
        <member name="[CB - Account].[Account CB - Description].&amp;[2250001 - Missing]"/>
        <member name="[CB - Account].[Account CB - Description].&amp;[2250002 - Missing]"/>
        <member name="[CB - Account].[Account CB - Description].&amp;[2250003 - Missing]"/>
        <member name="[CB - Account].[Account CB - Description].&amp;[2250005 - Missing]"/>
        <member name="[CB - Account].[Account CB - Description].&amp;[2250006 - Missing]"/>
        <member name="[CB - Account].[Account CB - Description].&amp;[2250007 - Missing]"/>
        <member name="[CB - Account].[Account CB - Description].&amp;[2254001 - Missing]"/>
        <member name="[CB - Account].[Account CB - Description].&amp;[2260002 - Missing]"/>
        <member name="[CB - Account].[Account CB - Description].&amp;[2260003 - Missing]"/>
        <member name="[CB - Account].[Account CB - Description].&amp;[2260004 - Missing]"/>
        <member name="[CB - Account].[Account CB - Description].&amp;[2260005 - Missing]"/>
        <member name="[CB - Account].[Account CB - Description].&amp;[2260006 - Missing]"/>
        <member name="[CB - Account].[Account CB - Description].&amp;[2260007 - Missing]"/>
        <member name="[CB - Account].[Account CB - Description].&amp;[2260008 - Missing]"/>
        <member name="[CB - Account].[Account CB - Description].&amp;[2260009 - Missing]"/>
        <member name="[CB - Account].[Account CB - Description].&amp;[2260011 - Missing]"/>
        <member name="[CB - Account].[Account CB - Description].&amp;[2260012 - Missing]"/>
        <member name="[CB - Account].[Account CB - Description].&amp;[2260013 - Missing]"/>
        <member name="[CB - Account].[Account CB - Description].&amp;[2260014 - Missing]"/>
        <member name="[CB - Account].[Account CB - Description].&amp;[2260015 - Missing]"/>
        <member name="[CB - Account].[Account CB - Description].&amp;[2260016 - Missing]"/>
        <member name="[CB - Account].[Account CB - Description].&amp;[2260017 - Missing]"/>
        <member name="[CB - Account].[Account CB - Description].&amp;[2260018 - Missing]"/>
        <member name="[CB - Account].[Account CB - Description].&amp;[2260019 - Missing]"/>
        <member name="[CB - Account].[Account CB - Description].&amp;[2260021 - Missing]"/>
        <member name="[CB - Account].[Account CB - Description].&amp;[2260022 - Missing]"/>
        <member name="[CB - Account].[Account CB - Description].&amp;[2260023 - Missing]"/>
        <member name="[CB - Account].[Account CB - Description].&amp;[2260024 - Missing]"/>
        <member name="[CB - Account].[Account CB - Description].&amp;[2260025 - Missing]"/>
        <member name="[CB - Account].[Account CB - Description].&amp;[2260026 - Missing]"/>
        <member name="[CB - Account].[Account CB - Description].&amp;[2260027 - Missing]"/>
        <member name="[CB - Account].[Account CB - Description].&amp;[2270001 - Missing]"/>
        <member name="[CB - Account].[Account CB - Description].&amp;[2283001 - Missing]"/>
        <member name="[CB - Account].[Account CB - Description].&amp;[2283002 - Missing]"/>
        <member name="[CB - Account].[Account CB - Description].&amp;[2283004 - Missing]"/>
        <member name="[CB - Account].[Account CB - Description].&amp;[2290001 - Missing]"/>
        <member name="[CB - Account].[Account CB - Description].&amp;[2290003 - Missing]"/>
        <member name="[CB - Account].[Account CB - Description].&amp;[2302000 - Contra Interest Payable]"/>
        <member name="[CB - Account].[Account CB - Description].&amp;[2310001 - Missing]"/>
        <member name="[CB - Account].[Account CB - Description].&amp;[2310007 - Missing]"/>
        <member name="[CB - Account].[Account CB - Description].&amp;[2310008 - Missing]"/>
        <member name="[CB - Account].[Account CB - Description].&amp;[2310009 - Missing]"/>
        <member name="[CB - Account].[Account CB - Description].&amp;[2310010 - Missing]"/>
        <member name="[CB - Account].[Account CB - Description].&amp;[2310100 - Land In Fee]"/>
        <member name="[CB - Account].[Account CB - Description].&amp;[2310200 - Land Rights]"/>
        <member name="[CB - Account].[Account CB - Description].&amp;[2311000 - Structures &amp; Improvements]"/>
        <member name="[CB - Account].[Account CB - Description].&amp;[2312000 - Reservoirs]"/>
        <member name="[CB - Account].[Account CB - Description].&amp;[2313000 - Lake,River &amp; Other Intakes]"/>
        <member name="[CB - Account].[Account CB - Description].&amp;[2314000 - Wells &amp; Springs]"/>
        <member name="[CB - Account].[Account CB - Description].&amp;[2316000 - Supply Mains]"/>
        <member name="[CB - Account].[Account CB - Description].&amp;[2317000 - Other Water Source Plant]"/>
        <member name="[CB - Account].[Account CB - Description].&amp;[2320001 - Missing]"/>
        <member name="[CB - Account].[Account CB - Description].&amp;[2320002 - Missing]"/>
        <member name="[CB - Account].[Account CB - Description].&amp;[2320003 - Missing]"/>
        <member name="[CB - Account].[Account CB - Description].&amp;[2320004 - Missing]"/>
        <member name="[CB - Account].[Account CB - Description].&amp;[2320005 - Missing]"/>
        <member name="[CB - Account].[Account CB - Description].&amp;[2320006 - Missing]"/>
        <member name="[CB - Account].[Account CB - Description].&amp;[2320007 - Missing]"/>
        <member name="[CB - Account].[Account CB - Description].&amp;[2320008 - Missing]"/>
        <member name="[CB - Account].[Account CB - Description].&amp;[2320009 - Missing]"/>
        <member name="[CB - Account].[Account CB - Description].&amp;[2320022 - Missing]"/>
        <member name="[CB - Account].[Account CB - Description].&amp;[2320023 - Missing]"/>
        <member name="[CB - Account].[Account CB - Description].&amp;[2320024 - Missing]"/>
        <member name="[CB - Account].[Account CB - Description].&amp;[2320025 - Missing]"/>
        <member name="[CB - Account].[Account CB - Description].&amp;[2320026 - Missing]"/>
        <member name="[CB - Account].[Account CB - Description].&amp;[2320027 - Missing]"/>
        <member name="[CB - Account].[Account CB - Description].&amp;[2320028 - Missing]"/>
        <member name="[CB - Account].[Account CB - Description].&amp;[2320029 - Missing]"/>
        <member name="[CB - Account].[Account CB - Description].&amp;[2320030 - Missing]"/>
        <member name="[CB - Account].[Account CB - Description].&amp;[2320031 - Missing]"/>
        <member name="[CB - Account].[Account CB - Description].&amp;[2320032 - Missing]"/>
        <member name="[CB - Account].[Account CB - Description].&amp;[2320033 - Missing]"/>
        <member name="[CB - Account].[Account CB - Description].&amp;[2320034 - Missing]"/>
        <member name="[CB - Account].[Account CB - Description].&amp;[2320035 - Missing]"/>
        <member name="[CB - Account].[Account CB - Description].&amp;[2320036 - Missing]"/>
        <member name="[CB - Account].[Account CB - Description].&amp;[2320037 - Missing]"/>
        <member name="[CB - Account].[Account CB - Description].&amp;[2320038 - Missing]"/>
        <member name="[CB - Account].[Account CB - Description].&amp;[2320039 - Missing]"/>
        <member name="[CB - Account].[Account CB - Description].&amp;[2320040 - Missing]"/>
        <member name="[CB - Account].[Account CB - Description].&amp;[2320041 - Missing]"/>
        <member name="[CB - Account].[Account CB - Description].&amp;[2320042 - Missing]"/>
        <member name="[CB - Account].[Account CB - Description].&amp;[2320043 - Missing]"/>
        <member name="[CB - Account].[Account CB - Description].&amp;[2320044 - Missing]"/>
        <member name="[CB - Account].[Account CB - Description].&amp;[2320046 - Missing]"/>
        <member name="[CB - Account].[Account CB - Description].&amp;[2320047 - Missing]"/>
        <member name="[CB - Account].[Account CB - Description].&amp;[2320048 - Missing]"/>
        <member name="[CB - Account].[Account CB - Description].&amp;[2320049 - Missing]"/>
        <member name="[CB - Account].[Account CB - Description].&amp;[2320050 - Missing]"/>
        <member name="[CB - Account].[Account CB - Description].&amp;[2320051 - Missing]"/>
        <member name="[CB - Account].[Account CB - Description].&amp;[2320052 - Missing]"/>
        <member name="[CB - Account].[Account CB - Description].&amp;[2320053 - Missing]"/>
        <member name="[CB - Account].[Account CB - Description].&amp;[2320054 - Missing]"/>
        <member name="[CB - Account].[Account CB - Description].&amp;[2320055 - Missing]"/>
        <member name="[CB - Account].[Account CB - Description].&amp;[2320056 - Missing]"/>
        <member name="[CB - Account].[Account CB - Description].&amp;[2320057 - Missing]"/>
        <member name="[CB - Account].[Account CB - Description].&amp;[2320058 - Missing]"/>
        <member name="[CB - Account].[Account CB - Description].&amp;[2320059 - Missing]"/>
        <member name="[CB - Account].[Account CB - Description].&amp;[2320060 - Missing]"/>
        <member name="[CB - Account].[Account CB - Description].&amp;[2320061 - Missing]"/>
        <member name="[CB - Account].[Account CB - Description].&amp;[2320062 - Missing]"/>
        <member name="[CB - Account].[Account CB - Description].&amp;[2320063 - Missing]"/>
        <member name="[CB - Account].[Account CB - Description].&amp;[2320064 - Missing]"/>
        <member name="[CB - Account].[Account CB - Description].&amp;[2320065 - Missing]"/>
        <member name="[CB - Account].[Account CB - Description].&amp;[2320066 - Missing]"/>
        <member name="[CB - Account].[Account CB - Description].&amp;[2320067 - Missing]"/>
        <member name="[CB - Account].[Account CB - Description].&amp;[2320068 - Missing]"/>
        <member name="[CB - Account].[Account CB - Description].&amp;[2320069 - Missing]"/>
        <member name="[CB - Account].[Account CB - Description].&amp;[2320070 - Missing]"/>
        <member name="[CB - Account].[Account CB - Description].&amp;[2320072 - Missing]"/>
        <member name="[CB - Account].[Account CB - Description].&amp;[2320073 - Missing]"/>
        <member name="[CB - Account].[Account CB - Description].&amp;[2320074 - Missing]"/>
        <member name="[CB - Account].[Account CB - Description].&amp;[2320075 - Missing]"/>
        <member name="[CB - Account].[Account CB - Description].&amp;[2320076 - Missing]"/>
        <member name="[CB - Account].[Account CB - Description].&amp;[2320077 - Missing]"/>
        <member name="[CB - Account].[Account CB - Description].&amp;[2320078 - Missing]"/>
        <member name="[CB - Account].[Account CB - Description].&amp;[2320079 - Missing]"/>
        <member name="[CB - Account].[Account CB - Description].&amp;[2320080 - Missing]"/>
        <member name="[CB - Account].[Account CB - Description].&amp;[2320082 - Missing]"/>
        <member name="[CB - Account].[Account CB - Description].&amp;[2320084 - Missing]"/>
        <member name="[CB - Account].[Account CB - Description].&amp;[2320088 - Missing]"/>
        <member name="[CB - Account].[Account CB - Description].&amp;[2320089 - Missing]"/>
        <member name="[CB - Account].[Account CB - Description].&amp;[2320090 - Missing]"/>
        <member name="[CB - Account].[Account CB - Description].&amp;[2320091 - Missing]"/>
        <member name="[CB - Account].[Account CB - Description].&amp;[2320100 - Land In Fee]"/>
        <member name="[CB - Account].[Account CB - Description].&amp;[2320105 - Missing]"/>
        <member name="[CB - Account].[Account CB - Description].&amp;[2320110 - Missing]"/>
        <member name="[CB - Account].[Account CB - Description].&amp;[2320121 - Missing]"/>
        <member name="[CB - Account].[Account CB - Description].&amp;[2320122 - Missing]"/>
        <member name="[CB - Account].[Account CB - Description].&amp;[2320123 - Missing]"/>
        <member name="[CB - Account].[Account CB - Description].&amp;[2320126 - Missing]"/>
        <member name="[CB - Account].[Account CB - Description].&amp;[2320127 - Missing]"/>
        <member name="[CB - Account].[Account CB - Description].&amp;[2320129 - Missing]"/>
        <member name="[CB - Account].[Account CB - Description].&amp;[2320132 - Missing]"/>
        <member name="[CB - Account].[Account CB - Description].&amp;[2320133 - Missing]"/>
        <member name="[CB - Account].[Account CB - Description].&amp;[2320134 - Missing]"/>
        <member name="[CB - Account].[Account CB - Description].&amp;[2320135 - Missing]"/>
        <member name="[CB - Account].[Account CB - Description].&amp;[2320136 - Missing]"/>
        <member name="[CB - Account].[Account CB - Description].&amp;[2320137 - Missing]"/>
        <member name="[CB - Account].[Account CB - Description].&amp;[2320138 - Missing]"/>
        <member name="[CB - Account].[Account CB - Description].&amp;[2320139 - Missing]"/>
        <member name="[CB - Account].[Account CB - Description].&amp;[2320140 - Missing]"/>
        <member name="[CB - Account].[Account CB - Description].&amp;[2320141 - Missing]"/>
        <member name="[CB - Account].[Account CB - Description].&amp;[2320143 - Missing]"/>
        <member name="[CB - Account].[Account CB - Description].&amp;[2320144 - Missing]"/>
        <member name="[CB - Account].[Account CB - Description].&amp;[2320145 - Missing]"/>
        <member name="[CB - Account].[Account CB - Description].&amp;[2320146 - Missing]"/>
        <member name="[CB - Account].[Account CB - Description].&amp;[2320148 - Missing]"/>
        <member name="[CB - Account].[Account CB - Description].&amp;[2320149 - Missing]"/>
        <member name="[CB - Account].[Account CB - Description].&amp;[2320200 - Land Rights]"/>
        <member name="[CB - Account].[Account CB - Description].&amp;[2320215 - Missing]"/>
        <member name="[CB - Account].[Account CB - Description].&amp;[2321000 - Structures &amp; Improvements]"/>
        <member name="[CB - Account].[Account CB - Description].&amp;[2325000 - Electric Pumping Equipment]"/>
        <member name="[CB - Account].[Account CB - Description].&amp;[2328000 - Other Pumping Equipment]"/>
        <member name="[CB - Account].[Account CB - Description].&amp;[2330001 - Missing]"/>
        <member name="[CB - Account].[Account CB - Description].&amp;[2330002 - Missing]"/>
        <member name="[CB - Account].[Account CB - Description].&amp;[2330003 - Missing]"/>
        <member name="[CB - Account].[Account CB - Description].&amp;[2330004 - Missing]"/>
        <member name="[CB - Account].[Account CB - Description].&amp;[2330005 - Missing]"/>
        <member name="[CB - Account].[Account CB - Description].&amp;[2330006 - Missing]"/>
        <member name="[CB - Account].[Account CB - Description].&amp;[2330007 - Missing]"/>
        <member name="[CB - Account].[Account CB - Description].&amp;[2330008 - Missing]"/>
        <member name="[CB - Account].[Account CB - Description].&amp;[2330010 - Missing]"/>
        <member name="[CB - Account].[Account CB - Description].&amp;[2330011 - Missing]"/>
        <member name="[CB - Account].[Account CB - Description].&amp;[2330012 - Missing]"/>
        <member name="[CB - Account].[Account CB - Description].&amp;[2330013 - Missing]"/>
        <member name="[CB - Account].[Account CB - Description].&amp;[2330016 - Missing]"/>
        <member name="[CB - Account].[Account CB - Description].&amp;[2330017 - Missing]"/>
        <member name="[CB - Account].[Account CB - Description].&amp;[2330018 - Missing]"/>
        <member name="[CB - Account].[Account CB - Description].&amp;[2330019 - Missing]"/>
        <member name="[CB - Account].[Account CB - Description].&amp;[2330020 - Missing]"/>
        <member name="[CB - Account].[Account CB - Description].&amp;[2330021 - Missing]"/>
        <member name="[CB - Account].[Account CB - Description].&amp;[2330022 - Missing]"/>
        <member name="[CB - Account].[Account CB - Description].&amp;[2330024 - Missing]"/>
        <member name="[CB - Account].[Account CB - Description].&amp;[2330025 - Missing]"/>
        <member name="[CB - Account].[Account CB - Description].&amp;[2330026 - Missing]"/>
        <member name="[CB - Account].[Account CB - Description].&amp;[2330027 - Missing]"/>
        <member name="[CB - Account].[Account CB - Description].&amp;[2330028 - Missing]"/>
        <member name="[CB - Account].[Account CB - Description].&amp;[2330029 - Missing]"/>
        <member name="[CB - Account].[Account CB - Description].&amp;[2330031 - Missing]"/>
        <member name="[CB - Account].[Account CB - Description].&amp;[2330032 - Missing]"/>
        <member name="[CB - Account].[Account CB - Description].&amp;[2330033 - Missing]"/>
        <member name="[CB - Account].[Account CB - Description].&amp;[2330100 - Land In Fee]"/>
        <member name="[CB - Account].[Account CB - Description].&amp;[2330200 - Land Rights]"/>
        <member name="[CB - Account].[Account CB - Description].&amp;[2331000 - Structures &amp; Improvements]"/>
        <member name="[CB - Account].[Account CB - Description].&amp;[2331001 - Missing]"/>
        <member name="[CB - Account].[Account CB - Description].&amp;[2331003 - Missing]"/>
        <member name="[CB - Account].[Account CB - Description].&amp;[2331004 - Missing]"/>
        <member name="[CB - Account].[Account CB - Description].&amp;[2331005 - Missing]"/>
        <member name="[CB - Account].[Account CB - Description].&amp;[2331007 - Missing]"/>
        <member name="[CB - Account].[Account CB - Description].&amp;[2331008 - Missing]"/>
        <member name="[CB - Account].[Account CB - Description].&amp;[2331009 - Missing]"/>
        <member name="[CB - Account].[Account CB - Description].&amp;[2331010 - Missing]"/>
        <member name="[CB - Account].[Account CB - Description].&amp;[2331011 - Missing]"/>
        <member name="[CB - Account].[Account CB - Description].&amp;[2331013 - Missing]"/>
        <member name="[CB - Account].[Account CB - Description].&amp;[2331014 - Missing]"/>
        <member name="[CB - Account].[Account CB - Description].&amp;[2331015 - Missing]"/>
        <member name="[CB - Account].[Account CB - Description].&amp;[2331017 - Missing]"/>
        <member name="[CB - Account].[Account CB - Description].&amp;[2331019 - Missing]"/>
        <member name="[CB - Account].[Account CB - Description].&amp;[2331020 - Missing]"/>
        <member name="[CB - Account].[Account CB - Description].&amp;[2331021 - Missing]"/>
        <member name="[CB - Account].[Account CB - Description].&amp;[2331022 - Missing]"/>
        <member name="[CB - Account].[Account CB - Description].&amp;[2331023 - Missing]"/>
        <member name="[CB - Account].[Account CB - Description].&amp;[2331024 - Missing]"/>
        <member name="[CB - Account].[Account CB - Description].&amp;[2331025 - Missing]"/>
        <member name="[CB - Account].[Account CB - Description].&amp;[2331026 - Missing]"/>
        <member name="[CB - Account].[Account CB - Description].&amp;[2331027 - Missing]"/>
        <member name="[CB - Account].[Account CB - Description].&amp;[2331028 - Missing]"/>
        <member name="[CB - Account].[Account CB - Description].&amp;[2331029 - Missing]"/>
        <member name="[CB - Account].[Account CB - Description].&amp;[2331030 - Missing]"/>
        <member name="[CB - Account].[Account CB - Description].&amp;[2331031 - Missing]"/>
        <member name="[CB - Account].[Account CB - Description].&amp;[2331032 - Missing]"/>
        <member name="[CB - Account].[Account CB - Description].&amp;[2331033 - Missing]"/>
        <member name="[CB - Account].[Account CB - Description].&amp;[2331034 - Missing]"/>
        <member name="[CB - Account].[Account CB - Description].&amp;[2331035 - Missing]"/>
        <member name="[CB - Account].[Account CB - Description].&amp;[2331036 - Missing]"/>
        <member name="[CB - Account].[Account CB - Description].&amp;[2332000 - Water Treatment Equipment]"/>
        <member name="[CB - Account].[Account CB - Description].&amp;[2340001 - Missing]"/>
        <member name="[CB - Account].[Account CB - Description].&amp;[2340002 - Missing]"/>
        <member name="[CB - Account].[Account CB - Description].&amp;[2340003 - Missing]"/>
        <member name="[CB - Account].[Account CB - Description].&amp;[2340004 - Missing]"/>
        <member name="[CB - Account].[Account CB - Description].&amp;[2340005 - Missing]"/>
        <member name="[CB - Account].[Account CB - Description].&amp;[2340006 - Missing]"/>
        <member name="[CB - Account].[Account CB - Description].&amp;[2340007 - Missing]"/>
        <member name="[CB - Account].[Account CB - Description].&amp;[2340008 - Missing]"/>
        <member name="[CB - Account].[Account CB - Description].&amp;[2340009 - Missing]"/>
        <member name="[CB - Account].[Account CB - Description].&amp;[2340010 - Missing]"/>
        <member name="[CB - Account].[Account CB - Description].&amp;[2340011 - Missing]"/>
        <member name="[CB - Account].[Account CB - Description].&amp;[2340012 - Missing]"/>
        <member name="[CB - Account].[Account CB - Description].&amp;[2340013 - Missing]"/>
        <member name="[CB - Account].[Account CB - Description].&amp;[2340014 - Missing]"/>
        <member name="[CB - Account].[Account CB - Description].&amp;[2340015 - Missing]"/>
        <member name="[CB - Account].[Account CB - Description].&amp;[2340016 - Missing]"/>
        <member name="[CB - Account].[Account CB - Description].&amp;[2340017 - Missing]"/>
        <member name="[CB - Account].[Account CB - Description].&amp;[2340018 - Missing]"/>
        <member name="[CB - Account].[Account CB - Description].&amp;[2340019 - Missing]"/>
        <member name="[CB - Account].[Account CB - Description].&amp;[2340020 - Missing]"/>
        <member name="[CB - Account].[Account CB - Description].&amp;[2340021 - Missing]"/>
        <member name="[CB - Account].[Account CB - Description].&amp;[2340023 - Missing]"/>
        <member name="[CB - Account].[Account CB - Description].&amp;[2340026 - Missing]"/>
        <member name="[CB - Account].[Account CB - Description].&amp;[2340028 - Missing]"/>
        <member name="[CB - Account].[Account CB - Description].&amp;[2340031 - Missing]"/>
        <member name="[CB - Account].[Account CB - Description].&amp;[2340032 - Missing]"/>
        <member name="[CB - Account].[Account CB - Description].&amp;[2340036 - Missing]"/>
        <member name="[CB - Account].[Account CB - Description].&amp;[2340039 - Missing]"/>
        <member name="[CB - Account].[Account CB - Description].&amp;[2340040 - Missing]"/>
        <member name="[CB - Account].[Account CB - Description].&amp;[2340042 - Missing]"/>
        <member name="[CB - Account].[Account CB - Description].&amp;[2340045 - Missing]"/>
        <member name="[CB - Account].[Account CB - Description].&amp;[2340047 - Missing]"/>
        <member name="[CB - Account].[Account CB - Description].&amp;[2340048 - Missing]"/>
        <member name="[CB - Account].[Account CB - Description].&amp;[2340051 - Missing]"/>
        <member name="[CB - Account].[Account CB - Description].&amp;[2340052 - Missing]"/>
        <member name="[CB - Account].[Account CB - Description].&amp;[2340060 - Missing]"/>
        <member name="[CB - Account].[Account CB - Description].&amp;[2340063 - Missing]"/>
        <member name="[CB - Account].[Account CB - Description].&amp;[2340066 - Missing]"/>
        <member name="[CB - Account].[Account CB - Description].&amp;[2340069 - Missing]"/>
        <member name="[CB - Account].[Account CB - Description].&amp;[2340078 - Missing]"/>
        <member name="[CB - Account].[Account CB - Description].&amp;[2340079 - Missing]"/>
        <member name="[CB - Account].[Account CB - Description].&amp;[2340081 - Missing]"/>
        <member name="[CB - Account].[Account CB - Description].&amp;[2340082 - Missing]"/>
        <member name="[CB - Account].[Account CB - Description].&amp;[2340083 - Missing]"/>
        <member name="[CB - Account].[Account CB - Description].&amp;[2340084 - Missing]"/>
        <member name="[CB - Account].[Account CB - Description].&amp;[2340085 - Missing]"/>
        <member name="[CB - Account].[Account CB - Description].&amp;[2340086 - Missing]"/>
        <member name="[CB - Account].[Account CB - Description].&amp;[2340087 - Missing]"/>
        <member name="[CB - Account].[Account CB - Description].&amp;[2340088 - Missing]"/>
        <member name="[CB - Account].[Account CB - Description].&amp;[2340089 - Missing]"/>
        <member name="[CB - Account].[Account CB - Description].&amp;[2340090 - Missing]"/>
        <member name="[CB - Account].[Account CB - Description].&amp;[2340091 - Missing]"/>
        <member name="[CB - Account].[Account CB - Description].&amp;[2340092 - Missing]"/>
        <member name="[CB - Account].[Account CB - Description].&amp;[2340093 - Missing]"/>
        <member name="[CB - Account].[Account CB - Description].&amp;[2340094 - Missing]"/>
        <member name="[CB - Account].[Account CB - Description].&amp;[2340095 - Missing]"/>
        <member name="[CB - Account].[Account CB - Description].&amp;[2340096 - Missing]"/>
        <member name="[CB - Account].[Account CB - Description].&amp;[2340097 - Missing]"/>
        <member name="[CB - Account].[Account CB - Description].&amp;[2340098 - Missing]"/>
        <member name="[CB - Account].[Account CB - Description].&amp;[2340099 - Missing]"/>
        <member name="[CB - Account].[Account CB - Description].&amp;[2340100 - Land In Fee]"/>
        <member name="[CB - Account].[Account CB - Description].&amp;[2340101 - Missing]"/>
        <member name="[CB - Account].[Account CB - Description].&amp;[2340102 - Missing]"/>
        <member name="[CB - Account].[Account CB - Description].&amp;[2340104 - Missing]"/>
        <member name="[CB - Account].[Account CB - Description].&amp;[2340106 - Missing]"/>
        <member name="[CB - Account].[Account CB - Description].&amp;[2340107 - Missing]"/>
        <member name="[CB - Account].[Account CB - Description].&amp;[2340109 - Missing]"/>
        <member name="[CB - Account].[Account CB - Description].&amp;[2340111 - Missing]"/>
        <member name="[CB - Account].[Account CB - Description].&amp;[2340112 - Missing]"/>
        <member name="[CB - Account].[Account CB - Description].&amp;[2340116 - Missing]"/>
        <member name="[CB - Account].[Account CB - Description].&amp;[2340118 - Missing]"/>
        <member name="[CB - Account].[Account CB - Description].&amp;[2340122 - Missing]"/>
        <member name="[CB - Account].[Account CB - Description].&amp;[2340124 - Missing]"/>
        <member name="[CB - Account].[Account CB - Description].&amp;[2340127 - Missing]"/>
        <member name="[CB - Account].[Account CB - Description].&amp;[2340128 - Missing]"/>
        <member name="[CB - Account].[Account CB - Description].&amp;[2340129 - Missing]"/>
        <member name="[CB - Account].[Account CB - Description].&amp;[2340130 - Missing]"/>
        <member name="[CB - Account].[Account CB - Description].&amp;[2340131 - Missing]"/>
        <member name="[CB - Account].[Account CB - Description].&amp;[2340133 - Missing]"/>
        <member name="[CB - Account].[Account CB - Description].&amp;[2340200 - Rights Of Way]"/>
        <member name="[CB - Account].[Account CB - Description].&amp;[2340210 - Missing]"/>
        <member name="[CB - Account].[Account CB - Description].&amp;[2340211 - Missing]"/>
        <member name="[CB - Account].[Account CB - Description].&amp;[2340212 - Missing]"/>
        <member name="[CB - Account].[Account CB - Description].&amp;[2340213 - Missing]"/>
        <member name="[CB - Account].[Account CB - Description].&amp;[2340217 - Missing]"/>
        <member name="[CB - Account].[Account CB - Description].&amp;[2340218 - Missing]"/>
        <member name="[CB - Account].[Account CB - Description].&amp;[2340219 - Missing]"/>
        <member name="[CB - Account].[Account CB - Description].&amp;[2340220 - Missing]"/>
        <member name="[CB - Account].[Account CB - Description].&amp;[2340221 - Missing]"/>
        <member name="[CB - Account].[Account CB - Description].&amp;[2340222 - Missing]"/>
        <member name="[CB - Account].[Account CB - Description].&amp;[2340223 - Missing]"/>
        <member name="[CB - Account].[Account CB - Description].&amp;[2340224 - Missing]"/>
        <member name="[CB - Account].[Account CB - Description].&amp;[2340225 - Missing]"/>
        <member name="[CB - Account].[Account CB - Description].&amp;[2340232 - Missing]"/>
        <member name="[CB - Account].[Account CB - Description].&amp;[2340235 - Missing]"/>
        <member name="[CB - Account].[Account CB - Description].&amp;[2340236 - Missing]"/>
        <member name="[CB - Account].[Account CB - Description].&amp;[2340239 - Missing]"/>
        <member name="[CB - Account].[Account CB - Description].&amp;[2340240 - Missing]"/>
        <member name="[CB - Account].[Account CB - Description].&amp;[2340241 - Missing]"/>
        <member name="[CB - Account].[Account CB - Description].&amp;[2340242 - Missing]"/>
        <member name="[CB - Account].[Account CB - Description].&amp;[2340243 - Missing]"/>
        <member name="[CB - Account].[Account CB - Description].&amp;[2340244 - Missing]"/>
        <member name="[CB - Account].[Account CB - Description].&amp;[2340248 - Missing]"/>
        <member name="[CB - Account].[Account CB - Description].&amp;[2340250 - Missing]"/>
        <member name="[CB - Account].[Account CB - Description].&amp;[2340251 - Missing]"/>
        <member name="[CB - Account].[Account CB - Description].&amp;[2340254 - Missing]"/>
        <member name="[CB - Account].[Account CB - Description].&amp;[2340255 - Missing]"/>
        <member name="[CB - Account].[Account CB - Description].&amp;[2340256 - Missing]"/>
        <member name="[CB - Account].[Account CB - Description].&amp;[2340257 - Missing]"/>
        <member name="[CB - Account].[Account CB - Description].&amp;[2340258 - Missing]"/>
        <member name="[CB - Account].[Account CB - Description].&amp;[2340260 - Missing]"/>
        <member name="[CB - Account].[Account CB - Description].&amp;[2340261 - Missing]"/>
        <member name="[CB - Account].[Account CB - Description].&amp;[2340262 - Missing]"/>
        <member name="[CB - Account].[Account CB - Description].&amp;[2340263 - Missing]"/>
        <member name="[CB - Account].[Account CB - Description].&amp;[2340264 - Missing]"/>
        <member name="[CB - Account].[Account CB - Description].&amp;[2340265 - Missing]"/>
        <member name="[CB - Account].[Account CB - Description].&amp;[2340266 - Missing]"/>
        <member name="[CB - Account].[Account CB - Description].&amp;[2340267 - Missing]"/>
        <member name="[CB - Account].[Account CB - Description].&amp;[2340269 - Missing]"/>
        <member name="[CB - Account].[Account CB - Description].&amp;[2340270 - Missing]"/>
        <member name="[CB - Account].[Account CB - Description].&amp;[2340271 - Missing]"/>
        <member name="[CB - Account].[Account CB - Description].&amp;[2340272 - Missing]"/>
        <member name="[CB - Account].[Account CB - Description].&amp;[2340274 - Missing]"/>
        <member name="[CB - Account].[Account CB - Description].&amp;[2340275 - Missing]"/>
        <member name="[CB - Account].[Account CB - Description].&amp;[2340276 - Missing]"/>
        <member name="[CB - Account].[Account CB - Description].&amp;[2340277 - Missing]"/>
        <member name="[CB - Account].[Account CB - Description].&amp;[2340278 - Missing]"/>
        <member name="[CB - Account].[Account CB - Description].&amp;[2340279 - Missing]"/>
        <member name="[CB - Account].[Account CB - Description].&amp;[2340280 - Missing]"/>
        <member name="[CB - Account].[Account CB - Description].&amp;[2341000 - Structures And Improvements]"/>
        <member name="[CB - Account].[Account CB - Description].&amp;[2342000 - Dist Reservoirs &amp; Standpipes]"/>
        <member name="[CB - Account].[Account CB - Description].&amp;[2343100 - Transmission Mains]"/>
        <member name="[CB - Account].[Account CB - Description].&amp;[2343200 - Distribution Mains]"/>
        <member name="[CB - Account].[Account CB - Description].&amp;[2344000 - Fire Mains]"/>
        <member name="[CB - Account].[Account CB - Description].&amp;[2345000 - Services]"/>
        <member name="[CB - Account].[Account CB - Description].&amp;[2346000 - Meters]"/>
        <member name="[CB - Account].[Account CB - Description].&amp;[2347000 - Meter Installations]"/>
        <member name="[CB - Account].[Account CB - Description].&amp;[2348000 - Hydrants]"/>
        <member name="[CB - Account].[Account CB - Description].&amp;[2349000 - Other Transm &amp; Distn Plant]"/>
        <member name="[CB - Account].[Account CB - Description].&amp;[2349001 - Missing]"/>
        <member name="[CB - Account].[Account CB - Description].&amp;[2349100 - Missing]"/>
        <member name="[CB - Account].[Account CB - Description].&amp;[2349101 - Missing]"/>
        <member name="[CB - Account].[Account CB - Description].&amp;[2352510 - CONTRA MTM CURRENT LIAB]"/>
        <member name="[CB - Account].[Account CB - Description].&amp;[2360001 - Missing]"/>
        <member name="[CB - Account].[Account CB - Description].&amp;[2360002 - Missing]"/>
        <member name="[CB - Account].[Account CB - Description].&amp;[2360003 - Missing]"/>
        <member name="[CB - Account].[Account CB - Description].&amp;[2360004 - Missing]"/>
        <member name="[CB - Account].[Account CB - Description].&amp;[2360005 - Missing]"/>
        <member name="[CB - Account].[Account CB - Description].&amp;[2360006 - Missing]"/>
        <member name="[CB - Account].[Account CB - Description].&amp;[2360007 - Missing]"/>
        <member name="[CB - Account].[Account CB - Description].&amp;[2360009 - Missing]"/>
        <member name="[CB - Account].[Account CB - Description].&amp;[2360010 - Missing]"/>
        <member name="[CB - Account].[Account CB - Description].&amp;[2360011 - Missing]"/>
        <member name="[CB - Account].[Account CB - Description].&amp;[2360012 - Missing]"/>
        <member name="[CB - Account].[Account CB - Description].&amp;[2360015 - Missing]"/>
        <member name="[CB - Account].[Account CB - Description].&amp;[2360016 - Missing]"/>
        <member name="[CB - Account].[Account CB - Description].&amp;[2360017 - Missing]"/>
        <member name="[CB - Account].[Account CB - Description].&amp;[2360018 - Missing]"/>
        <member name="[CB - Account].[Account CB - Description].&amp;[2360019 - Missing]"/>
        <member name="[CB - Account].[Account CB - Description].&amp;[2360020 - Missing]"/>
        <member name="[CB - Account].[Account CB - Description].&amp;[2360021 - Missing]"/>
        <member name="[CB - Account].[Account CB - Description].&amp;[2360023 - Missing]"/>
        <member name="[CB - Account].[Account CB - Description].&amp;[2360024 - Missing]"/>
        <member name="[CB - Account].[Account CB - Description].&amp;[2360025 - Missing]"/>
        <member name="[CB - Account].[Account CB - Description].&amp;[2360026 - Missing]"/>
        <member name="[CB - Account].[Account CB - Description].&amp;[2360027 - Missing]"/>
        <member name="[CB - Account].[Account CB - Description].&amp;[2360030 - Missing]"/>
        <member name="[CB - Account].[Account CB - Description].&amp;[2360031 - Missing]"/>
        <member name="[CB - Account].[Account CB - Description].&amp;[2360034 - Missing]"/>
        <member name="[CB - Account].[Account CB - Description].&amp;[2360036 - Missing]"/>
        <member name="[CB - Account].[Account CB - Description].&amp;[2360037 - Missing]"/>
        <member name="[CB - Account].[Account CB - Description].&amp;[2360038 - Missing]"/>
        <member name="[CB - Account].[Account CB - Description].&amp;[2360039 - Missing]"/>
        <member name="[CB - Account].[Account CB - Description].&amp;[2360040 - Missing]"/>
        <member name="[CB - Account].[Account CB - Description].&amp;[2360041 - Missing]"/>
        <member name="[CB - Account].[Account CB - Description].&amp;[2360042 - Missing]"/>
        <member name="[CB - Account].[Account CB - Description].&amp;[2360043 - Missing]"/>
        <member name="[CB - Account].[Account CB - Description].&amp;[2360044 - Missing]"/>
        <member name="[CB - Account].[Account CB - Description].&amp;[2360045 - Missing]"/>
        <member name="[CB - Account].[Account CB - Description].&amp;[2360046 - Missing]"/>
        <member name="[CB - Account].[Account CB - Description].&amp;[2360047 - Missing]"/>
        <member name="[CB - Account].[Account CB - Description].&amp;[2360048 - Missing]"/>
        <member name="[CB - Account].[Account CB - Description].&amp;[2360050 - Missing]"/>
        <member name="[CB - Account].[Account CB - Description].&amp;[2360052 - Missing]"/>
        <member name="[CB - Account].[Account CB - Description].&amp;[2360053 - Missing]"/>
        <member name="[CB - Account].[Account CB - Description].&amp;[2360054 - Missing]"/>
        <member name="[CB - Account].[Account CB - Description].&amp;[2360055 - Missing]"/>
        <member name="[CB - Account].[Account CB - Description].&amp;[2360056 - Missing]"/>
        <member name="[CB - Account].[Account CB - Description].&amp;[2360057 - Missing]"/>
        <member name="[CB - Account].[Account CB - Description].&amp;[2360059 - Missing]"/>
        <member name="[CB - Account].[Account CB - Description].&amp;[2360060 - Missing]"/>
        <member name="[CB - Account].[Account CB - Description].&amp;[2360062 - Missing]"/>
        <member name="[CB - Account].[Account CB - Description].&amp;[2360063 - Missing]"/>
        <member name="[CB - Account].[Account CB - Description].&amp;[2360065 - Missing]"/>
        <member name="[CB - Account].[Account CB - Description].&amp;[2360066 - Missing]"/>
        <member name="[CB - Account].[Account CB - Description].&amp;[2360069 - Missing]"/>
        <member name="[CB - Account].[Account CB - Description].&amp;[2360071 - Missing]"/>
        <member name="[CB - Account].[Account CB - Description].&amp;[2360072 - Missing]"/>
        <member name="[CB - Account].[Account CB - Description].&amp;[2360073 - Missing]"/>
        <member name="[CB - Account].[Account CB - Description].&amp;[2360074 - Missing]"/>
        <member name="[CB - Account].[Account CB - Description].&amp;[2360075 - Missing]"/>
        <member name="[CB - Account].[Account CB - Description].&amp;[2360076 - Missing]"/>
        <member name="[CB - Account].[Account CB - Description].&amp;[2360077 - Missing]"/>
        <member name="[CB - Account].[Account CB - Description].&amp;[2360080 - Missing]"/>
        <member name="[CB - Account].[Account CB - Description].&amp;[2360085 - Missing]"/>
        <member name="[CB - Account].[Account CB - Description].&amp;[2360086 - Missing]"/>
        <member name="[CB - Account].[Account CB - Description].&amp;[2360087 - Missing]"/>
        <member name="[CB - Account].[Account CB - Description].&amp;[2360088 - Missing]"/>
        <member name="[CB - Account].[Account CB - Description].&amp;[2360089 - Missing]"/>
        <member name="[CB - Account].[Account CB - Description].&amp;[2360090 - Missing]"/>
        <member name="[CB - Account].[Account CB - Description].&amp;[2360091 - Missing]"/>
        <member name="[CB - Account].[Account CB - Description].&amp;[2360092 - Missing]"/>
        <member name="[CB - Account].[Account CB - Description].&amp;[2360093 - Missing]"/>
        <member name="[CB - Account].[Account CB - Description].&amp;[2360094 - Missing]"/>
        <member name="[CB - Account].[Account CB - Description].&amp;[2360095 - Missing]"/>
        <member name="[CB - Account].[Account CB - Description].&amp;[2360096 - Missing]"/>
        <member name="[CB - Account].[Account CB - Description].&amp;[2360097 - Missing]"/>
        <member name="[CB - Account].[Account CB - Description].&amp;[2360098 - Missing]"/>
        <member name="[CB - Account].[Account CB - Description].&amp;[2360099 - Missing]"/>
        <member name="[CB - Account].[Account CB - Description].&amp;[2360100 - Missing]"/>
        <member name="[CB - Account].[Account CB - Description].&amp;[2360101 - Missing]"/>
        <member name="[CB - Account].[Account CB - Description].&amp;[2360105 - Missing]"/>
        <member name="[CB - Account].[Account CB - Description].&amp;[2360106 - Missing]"/>
        <member name="[CB - Account].[Account CB - Description].&amp;[2360108 - Missing]"/>
        <member name="[CB - Account].[Account CB - Description].&amp;[2360109 - Missing]"/>
        <member name="[CB - Account].[Account CB - Description].&amp;[2360110 - Missing]"/>
        <member name="[CB - Account].[Account CB - Description].&amp;[2360111 - Missing]"/>
        <member name="[CB - Account].[Account CB - Description].&amp;[2360112 - Missing]"/>
        <member name="[CB - Account].[Account CB - Description].&amp;[2360116 - Missing]"/>
        <member name="[CB - Account].[Account CB - Description].&amp;[2360117 - Missing]"/>
        <member name="[CB - Account].[Account CB - Description].&amp;[2360118 - Missing]"/>
        <member name="[CB - Account].[Account CB - Description].&amp;[2360119 - Missing]"/>
        <member name="[CB - Account].[Account CB - Description].&amp;[2360120 - Missing]"/>
        <member name="[CB - Account].[Account CB - Description].&amp;[2360122 - Missing]"/>
        <member name="[CB - Account].[Account CB - Description].&amp;[2360126 - Missing]"/>
        <member name="[CB - Account].[Account CB - Description].&amp;[2360127 - Missing]"/>
        <member name="[CB - Account].[Account CB - Description].&amp;[2360128 - Missing]"/>
        <member name="[CB - Account].[Account CB - Description].&amp;[2360130 - Missing]"/>
        <member name="[CB - Account].[Account CB - Description].&amp;[2360131 - Missing]"/>
        <member name="[CB - Account].[Account CB - Description].&amp;[2360133 - Missing]"/>
        <member name="[CB - Account].[Account CB - Description].&amp;[2360134 - Missing]"/>
        <member name="[CB - Account].[Account CB - Description].&amp;[2360135 - Missing]"/>
        <member name="[CB - Account].[Account CB - Description].&amp;[2360136 - Missing]"/>
        <member name="[CB - Account].[Account CB - Description].&amp;[2360137 - Missing]"/>
        <member name="[CB - Account].[Account CB - Description].&amp;[2360138 - Missing]"/>
        <member name="[CB - Account].[Account CB - Description].&amp;[2360139 - Missing]"/>
        <member name="[CB - Account].[Account CB - Description].&amp;[2360140 - Missing]"/>
        <member name="[CB - Account].[Account CB - Description].&amp;[2360141 - Missing]"/>
        <member name="[CB - Account].[Account CB - Description].&amp;[2360142 - Missing]"/>
        <member name="[CB - Account].[Account CB - Description].&amp;[2360143 - Missing]"/>
        <member name="[CB - Account].[Account CB - Description].&amp;[2360146 - Missing]"/>
        <member name="[CB - Account].[Account CB - Description].&amp;[2360147 - Missing]"/>
        <member name="[CB - Account].[Account CB - Description].&amp;[2360148 - Missing]"/>
        <member name="[CB - Account].[Account CB - Description].&amp;[2360149 - Missing]"/>
        <member name="[CB - Account].[Account CB - Description].&amp;[2360150 - Missing]"/>
        <member name="[CB - Account].[Account CB - Description].&amp;[2360151 - Missing]"/>
        <member name="[CB - Account].[Account CB - Description].&amp;[2360153 - Missing]"/>
        <member name="[CB - Account].[Account CB - Description].&amp;[2360154 - Missing]"/>
        <member name="[CB - Account].[Account CB - Description].&amp;[2360155 - Missing]"/>
        <member name="[CB - Account].[Account CB - Description].&amp;[2360156 - Missing]"/>
        <member name="[CB - Account].[Account CB - Description].&amp;[2360157 - Missing]"/>
        <member name="[CB - Account].[Account CB - Description].&amp;[2360159 - Missing]"/>
        <member name="[CB - Account].[Account CB - Description].&amp;[2360160 - Missing]"/>
        <member name="[CB - Account].[Account CB - Description].&amp;[2360161 - Missing]"/>
        <member name="[CB - Account].[Account CB - Description].&amp;[2360162 - Missing]"/>
        <member name="[CB - Account].[Account CB - Description].&amp;[2360163 - Missing]"/>
        <member name="[CB - Account].[Account CB - Description].&amp;[2360165 - Missing]"/>
        <member name="[CB - Account].[Account CB - Description].&amp;[2360169 - Missing]"/>
        <member name="[CB - Account].[Account CB - Description].&amp;[2360170 - Missing]"/>
        <member name="[CB - Account].[Account CB - Description].&amp;[2360171 - Missing]"/>
        <member name="[CB - Account].[Account CB - Description].&amp;[2360172 - Missing]"/>
        <member name="[CB - Account].[Account CB - Description].&amp;[2360173 - Missing]"/>
        <member name="[CB - Account].[Account CB - Description].&amp;[2360174 - Missing]"/>
        <member name="[CB - Account].[Account CB - Description].&amp;[2360175 - Missing]"/>
        <member name="[CB - Account].[Account CB - Description].&amp;[2360176 - Missing]"/>
        <member name="[CB - Account].[Account CB - Description].&amp;[2360177 - Missing]"/>
        <member name="[CB - Account].[Account CB - Description].&amp;[2360178 - Missing]"/>
        <member name="[CB - Account].[Account CB - Description].&amp;[2360179 - Missing]"/>
        <member name="[CB - Account].[Account CB - Description].&amp;[2360180 - Missing]"/>
        <member name="[CB - Account].[Account CB - Description].&amp;[2360181 - Missing]"/>
        <member name="[CB - Account].[Account CB - Description].&amp;[2360182 - Missing]"/>
        <member name="[CB - Account].[Account CB - Description].&amp;[2360183 - Missing]"/>
        <member name="[CB - Account].[Account CB - Description].&amp;[2360184 - Missing]"/>
        <member name="[CB - Account].[Account CB - Description].&amp;[2360185 - Missing]"/>
        <member name="[CB - Account].[Account CB - Description].&amp;[2360186 - Missing]"/>
        <member name="[CB - Account].[Account CB - Description].&amp;[2360187 - Missing]"/>
        <member name="[CB - Account].[Account CB - Description].&amp;[2360191 - Missing]"/>
        <member name="[CB - Account].[Account CB - Description].&amp;[2360193 - Missing]"/>
        <member name="[CB - Account].[Account CB - Description].&amp;[2360197 - Missing]"/>
        <member name="[CB - Account].[Account CB - Description].&amp;[2360198 - Missing]"/>
        <member name="[CB - Account].[Account CB - Description].&amp;[2360199 - Missing]"/>
        <member name="[CB - Account].[Account CB - Description].&amp;[2360200 - Missing]"/>
        <member name="[CB - Account].[Account CB - Description].&amp;[2360201 - Missing]"/>
        <member name="[CB - Account].[Account CB - Description].&amp;[2360202 - Missing]"/>
        <member name="[CB - Account].[Account CB - Description].&amp;[2360203 - Missing]"/>
        <member name="[CB - Account].[Account CB - Description].&amp;[2360204 - Missing]"/>
        <member name="[CB - Account].[Account CB - Description].&amp;[2360205 - Missing]"/>
        <member name="[CB - Account].[Account CB - Description].&amp;[2360206 - Missing]"/>
        <member name="[CB - Account].[Account CB - Description].&amp;[2360207 - Missing]"/>
        <member name="[CB - Account].[Account CB - Description].&amp;[2360208 - Missing]"/>
        <member name="[CB - Account].[Account CB - Description].&amp;[2360216 - Missing]"/>
        <member name="[CB - Account].[Account CB - Description].&amp;[2360217 - Missing]"/>
        <member name="[CB - Account].[Account CB - Description].&amp;[2360218 - Missing]"/>
        <member name="[CB - Account].[Account CB - Description].&amp;[2360219 - Missing]"/>
        <member name="[CB - Account].[Account CB - Description].&amp;[2360220 - Missing]"/>
        <member name="[CB - Account].[Account CB - Description].&amp;[2360221 - Missing]"/>
        <member name="[CB - Account].[Account CB - Description].&amp;[2360222 - Missing]"/>
        <member name="[CB - Account].[Account CB - Description].&amp;[2360223 - Missing]"/>
        <member name="[CB - Account].[Account CB - Description].&amp;[2360224 - Missing]"/>
        <member name="[CB - Account].[Account CB - Description].&amp;[2360225 - Missing]"/>
        <member name="[CB - Account].[Account CB - Description].&amp;[2360226 - Missing]"/>
        <member name="[CB - Account].[Account CB - Description].&amp;[2360227 - Missing]"/>
        <member name="[CB - Account].[Account CB - Description].&amp;[2360233 - Missing]"/>
        <member name="[CB - Account].[Account CB - Description].&amp;[2360234 - Missing]"/>
        <member name="[CB - Account].[Account CB - Description].&amp;[2360236 - Missing]"/>
        <member name="[CB - Account].[Account CB - Description].&amp;[2360240 - Missing]"/>
        <member name="[CB - Account].[Account CB - Description].&amp;[2360242 - Missing]"/>
        <member name="[CB - Account].[Account CB - Description].&amp;[2360243 - Missing]"/>
        <member name="[CB - Account].[Account CB - Description].&amp;[2360245 - Missing]"/>
        <member name="[CB - Account].[Account CB - Description].&amp;[2360247 - Missing]"/>
        <member name="[CB - Account].[Account CB - Description].&amp;[2360252 - Missing]"/>
        <member name="[CB - Account].[Account CB - Description].&amp;[2360257 - Missing]"/>
        <member name="[CB - Account].[Account CB - Description].&amp;[2360258 - Missing]"/>
        <member name="[CB - Account].[Account CB - Description].&amp;[2360259 - Missing]"/>
        <member name="[CB - Account].[Account CB - Description].&amp;[2370003 - Missing]"/>
        <member name="[CB - Account].[Account CB - Description].&amp;[2370007 - Missing]"/>
        <member name="[CB - Account].[Account CB - Description].&amp;[2370008 - Missing]"/>
        <member name="[CB - Account].[Account CB - Description].&amp;[2370009 - Missing]"/>
        <member name="[CB - Account].[Account CB - Description].&amp;[2370010 - Missing]"/>
        <member name="[CB - Account].[Account CB - Description].&amp;[2370011 - Missing]"/>
        <member name="[CB - Account].[Account CB - Description].&amp;[2370014 - Missing]"/>
        <member name="[CB - Account].[Account CB - Description].&amp;[2370015 - Missing]"/>
        <member name="[CB - Account].[Account CB - Description].&amp;[2370017 - Missing]"/>
        <member name="[CB - Account].[Account CB - Description].&amp;[2370018 - Missing]"/>
        <member name="[CB - Account].[Account CB - Description].&amp;[2370019 - Missing]"/>
        <member name="[CB - Account].[Account CB - Description].&amp;[2370020 - Missing]"/>
        <member name="[CB - Account].[Account CB - Description].&amp;[2370021 - Missing]"/>
        <member name="[CB - Account].[Account CB - Description].&amp;[2370022 - Missing]"/>
        <member name="[CB - Account].[Account CB - Description].&amp;[2370023 - Missing]"/>
        <member name="[CB - Account].[Account CB - Description].&amp;[2370024 - Missing]"/>
        <member name="[CB - Account].[Account CB - Description].&amp;[2370025 - Missing]"/>
        <member name="[CB - Account].[Account CB - Description].&amp;[2370026 - Missing]"/>
        <member name="[CB - Account].[Account CB - Description].&amp;[2370027 - Missing]"/>
        <member name="[CB - Account].[Account CB - Description].&amp;[2370028 - Missing]"/>
        <member name="[CB - Account].[Account CB - Description].&amp;[2370029 - Missing]"/>
        <member name="[CB - Account].[Account CB - Description].&amp;[2370030 - Missing]"/>
        <member name="[CB - Account].[Account CB - Description].&amp;[2370031 - Missing]"/>
        <member name="[CB - Account].[Account CB - Description].&amp;[2370032 - Missing]"/>
        <member name="[CB - Account].[Account CB - Description].&amp;[2370033 - Missing]"/>
        <member name="[CB - Account].[Account CB - Description].&amp;[2370038 - Missing]"/>
        <member name="[CB - Account].[Account CB - Description].&amp;[2370039 - Missing]"/>
        <member name="[CB - Account].[Account CB - Description].&amp;[2370040 - Missing]"/>
        <member name="[CB - Account].[Account CB - Description].&amp;[2370041 - Missing]"/>
        <member name="[CB - Account].[Account CB - Description].&amp;[2370043 - Missing]"/>
        <member name="[CB - Account].[Account CB - Description].&amp;[2370044 - Missing]"/>
        <member name="[CB - Account].[Account CB - Description].&amp;[2370045 - Missing]"/>
        <member name="[CB - Account].[Account CB - Description].&amp;[2370046 - Missing]"/>
        <member name="[CB - Account].[Account CB - Description].&amp;[2370049 - Missing]"/>
        <member name="[CB - Account].[Account CB - Description].&amp;[2370051 - Missing]"/>
        <member name="[CB - Account].[Account CB - Description].&amp;[2370052 - Missing]"/>
        <member name="[CB - Account].[Account CB - Description].&amp;[2370053 - Missing]"/>
        <member name="[CB - Account].[Account CB - Description].&amp;[2370054 - Missing]"/>
        <member name="[CB - Account].[Account CB - Description].&amp;[2370055 - Missing]"/>
        <member name="[CB - Account].[Account CB - Description].&amp;[2370056 - Missing]"/>
        <member name="[CB - Account].[Account CB - Description].&amp;[2370057 - Missing]"/>
        <member name="[CB - Account].[Account CB - Description].&amp;[2370058 - Missing]"/>
        <member name="[CB - Account].[Account CB - Description].&amp;[2370059 - Missing]"/>
        <member name="[CB - Account].[Account CB - Description].&amp;[2370060 - Missing]"/>
        <member name="[CB - Account].[Account CB - Description].&amp;[2370061 - Missing]"/>
        <member name="[CB - Account].[Account CB - Description].&amp;[2370063 - Missing]"/>
        <member name="[CB - Account].[Account CB - Description].&amp;[2370064 - Missing]"/>
        <member name="[CB - Account].[Account CB - Description].&amp;[2370065 - Missing]"/>
        <member name="[CB - Account].[Account CB - Description].&amp;[2370066 - Missing]"/>
        <member name="[CB - Account].[Account CB - Description].&amp;[2370067 - Missing]"/>
        <member name="[CB - Account].[Account CB - Description].&amp;[2370068 - Missing]"/>
        <member name="[CB - Account].[Account CB - Description].&amp;[2370070 - Missing]"/>
        <member name="[CB - Account].[Account CB - Description].&amp;[2370071 - Missing]"/>
        <member name="[CB - Account].[Account CB - Description].&amp;[2370072 - Missing]"/>
        <member name="[CB - Account].[Account CB - Description].&amp;[2370075 - Missing]"/>
        <member name="[CB - Account].[Account CB - Description].&amp;[2370076 - Missing]"/>
        <member name="[CB - Account].[Account CB - Description].&amp;[2370077 - Missing]"/>
        <member name="[CB - Account].[Account CB - Description].&amp;[2370078 - Missing]"/>
        <member name="[CB - Account].[Account CB - Description].&amp;[2370079 - Missing]"/>
        <member name="[CB - Account].[Account CB - Description].&amp;[2370081 - Missing]"/>
        <member name="[CB - Account].[Account CB - Description].&amp;[2370082 - Missing]"/>
        <member name="[CB - Account].[Account CB - Description].&amp;[2370083 - Missing]"/>
        <member name="[CB - Account].[Account CB - Description].&amp;[2370090 - Missing]"/>
        <member name="[CB - Account].[Account CB - Description].&amp;[2370091 - Missing]"/>
        <member name="[CB - Account].[Account CB - Description].&amp;[2370092 - Missing]"/>
        <member name="[CB - Account].[Account CB - Description].&amp;[2370093 - Missing]"/>
        <member name="[CB - Account].[Account CB - Description].&amp;[2370094 - Missing]"/>
        <member name="[CB - Account].[Account CB - Description].&amp;[2370095 - Missing]"/>
        <member name="[CB - Account].[Account CB - Description].&amp;[2380001 - Missing]"/>
        <member name="[CB - Account].[Account CB - Description].&amp;[2380002 - Missing]"/>
        <member name="[CB - Account].[Account CB - Description].&amp;[2380005 - Missing]"/>
        <member name="[CB - Account].[Account CB - Description].&amp;[2389100 - Land In Fee]"/>
        <member name="[CB - Account].[Account CB - Description].&amp;[2389200 - Land Rights]"/>
        <member name="[CB - Account].[Account CB - Description].&amp;[2390000 - Structures &amp; Improvements]"/>
        <member name="[CB - Account].[Account CB - Description].&amp;[2391000 - Office Furniture &amp; Equipment]"/>
        <member name="[CB - Account].[Account CB - Description].&amp;[2392000 - Transportation Equipment]"/>
        <member name="[CB - Account].[Account CB - Description].&amp;[2393000 - Stores Equipment]"/>
        <member name="[CB - Account].[Account CB - Description].&amp;[2394000 - Tools, Shop And Garage Equip]"/>
        <member name="[CB - Account].[Account CB - Description].&amp;[2395000 - Laboratory Equipment]"/>
        <member name="[CB - Account].[Account CB - Description].&amp;[2396000 - Power Operated Equipment]"/>
        <member name="[CB - Account].[Account CB - Description].&amp;[2397000 - Communication Equipment]"/>
        <member name="[CB - Account].[Account CB - Description].&amp;[2398000 - Miscellaneous Equipment]"/>
        <member name="[CB - Account].[Account CB - Description].&amp;[2410001 - Missing]"/>
        <member name="[CB - Account].[Account CB - Description].&amp;[2410002 - Missing]"/>
        <member name="[CB - Account].[Account CB - Description].&amp;[2410003 - Missing]"/>
        <member name="[CB - Account].[Account CB - Description].&amp;[2410004 - Missing]"/>
        <member name="[CB - Account].[Account CB - Description].&amp;[2410005 - Missing]"/>
        <member name="[CB - Account].[Account CB - Description].&amp;[2410006 - Missing]"/>
        <member name="[CB - Account].[Account CB - Description].&amp;[2410007 - Missing]"/>
        <member name="[CB - Account].[Account CB - Description].&amp;[2410008 - Missing]"/>
        <member name="[CB - Account].[Account CB - Description].&amp;[2410009 - Missing]"/>
        <member name="[CB - Account].[Account CB - Description].&amp;[2410010 - Missing]"/>
        <member name="[CB - Account].[Account CB - Description].&amp;[2410011 - Missing]"/>
        <member name="[CB - Account].[Account CB - Description].&amp;[2410016 - Missing]"/>
        <member name="[CB - Account].[Account CB - Description].&amp;[2410017 - Missing]"/>
        <member name="[CB - Account].[Account CB - Description].&amp;[2410018 - Missing]"/>
        <member name="[CB - Account].[Account CB - Description].&amp;[2410019 - Missing]"/>
        <member name="[CB - Account].[Account CB - Description].&amp;[2420000 - COLLATERAL LIAB CONTRA]"/>
        <member name="[CB - Account].[Account CB - Description].&amp;[2420002 - Missing]"/>
        <member name="[CB - Account].[Account CB - Description].&amp;[2420003 - Missing]"/>
        <member name="[CB - Account].[Account CB - Description].&amp;[2420004 - Missing]"/>
        <member name="[CB - Account].[Account CB - Description].&amp;[2420005 - Missing]"/>
        <member name="[CB - Account].[Account CB - Description].&amp;[2420008 - Missing]"/>
        <member name="[CB - Account].[Account CB - Description].&amp;[2420009 - Missing]"/>
        <member name="[CB - Account].[Account CB - Description].&amp;[2420010 - Missing]"/>
        <member name="[CB - Account].[Account CB - Description].&amp;[2420011 - Missing]"/>
        <member name="[CB - Account].[Account CB - Description].&amp;[2420012 - Missing]"/>
        <member name="[CB - Account].[Account CB - Description].&amp;[2420013 - Missing]"/>
        <member name="[CB - Account].[Account CB - Description].&amp;[2420014 - Missing]"/>
        <member name="[CB - Account].[Account CB - Description].&amp;[2420015 - Missing]"/>
        <member name="[CB - Account].[Account CB - Description].&amp;[2420016 - Missing]"/>
        <member name="[CB - Account].[Account CB - Description].&amp;[2420017 - Missing]"/>
        <member name="[CB - Account].[Account CB - Description].&amp;[2420018 - Missing]"/>
        <member name="[CB - Account].[Account CB - Description].&amp;[2420020 - Missing]"/>
        <member name="[CB - Account].[Account CB - Description].&amp;[2420021 - Missing]"/>
        <member name="[CB - Account].[Account CB - Description].&amp;[2420022 - Missing]"/>
        <member name="[CB - Account].[Account CB - Description].&amp;[2420023 - Missing]"/>
        <member name="[CB - Account].[Account CB - Description].&amp;[2420024 - Missing]"/>
        <member name="[CB - Account].[Account CB - Description].&amp;[2420026 - Missing]"/>
        <member name="[CB - Account].[Account CB - Description].&amp;[2420028 - Missing]"/>
        <member name="[CB - Account].[Account CB - Description].&amp;[2420032 - Missing]"/>
        <member name="[CB - Account].[Account CB - Description].&amp;[2420033 - Missing]"/>
        <member name="[CB - Account].[Account CB - Description].&amp;[2420034 - Missing]"/>
        <member name="[CB - Account].[Account CB - Description].&amp;[2420035 - Missing]"/>
        <member name="[CB - Account].[Account CB - Description].&amp;[2420036 - Missing]"/>
        <member name="[CB - Account].[Account CB - Description].&amp;[2420037 - Missing]"/>
        <member name="[CB - Account].[Account CB - Description].&amp;[2420038 - Missing]"/>
        <member name="[CB - Account].[Account CB - Description].&amp;[2420040 - Missing]"/>
        <member name="[CB - Account].[Account CB - Description].&amp;[2420042 - Missing]"/>
        <member name="[CB - Account].[Account CB - Description].&amp;[2420043 - Missing]"/>
        <member name="[CB - Account].[Account CB - Description].&amp;[2420052 - Missing]"/>
        <member name="[CB - Account].[Account CB - Description].&amp;[2420059 - Missing]"/>
        <member name="[CB - Account].[Account CB - Description].&amp;[2420061 - Missing]"/>
        <member name="[CB - Account].[Account CB - Description].&amp;[2420062 - Missing]"/>
        <member name="[CB - Account].[Account CB - Description].&amp;[2420064 - Missing]"/>
        <member name="[CB - Account].[Account CB - Description].&amp;[2420065 - Missing]"/>
        <member name="[CB - Account].[Account CB - Description].&amp;[2420066 - Missing]"/>
        <member name="[CB - Account].[Account CB - Description].&amp;[2420067 - Missing]"/>
        <member name="[CB - Account].[Account CB - Description].&amp;[2420068 - Missing]"/>
        <member name="[CB - Account].[Account CB - Description].&amp;[2426500 - Contra Other Cur Liabilities]"/>
        <member name="[CB - Account].[Account CB - Description].&amp;[2430001 - Missing]"/>
        <member name="[CB - Account].[Account CB - Description].&amp;[2530000 - Contra Deferred Credit]"/>
        <member name="[CB - Account].[Account CB - Description].&amp;[2530001 - Missing]"/>
        <member name="[CB - Account].[Account CB - Description].&amp;[2530002 - Missing]"/>
        <member name="[CB - Account].[Account CB - Description].&amp;[2530003 - Missing]"/>
        <member name="[CB - Account].[Account CB - Description].&amp;[2530004 - Missing]"/>
        <member name="[CB - Account].[Account CB - Description].&amp;[2530005 - Missing]"/>
        <member name="[CB - Account].[Account CB - Description].&amp;[2530006 - Missing]"/>
        <member name="[CB - Account].[Account CB - Description].&amp;[2530007 - Missing]"/>
        <member name="[CB - Account].[Account CB - Description].&amp;[2530008 - Missing]"/>
        <member name="[CB - Account].[Account CB - Description].&amp;[2530009 - Missing]"/>
        <member name="[CB - Account].[Account CB - Description].&amp;[2530013 - Missing]"/>
        <member name="[CB - Account].[Account CB - Description].&amp;[2530016 - Missing]"/>
        <member name="[CB - Account].[Account CB - Description].&amp;[2530017 - Missing]"/>
        <member name="[CB - Account].[Account CB - Description].&amp;[2530018 - Missing]"/>
        <member name="[CB - Account].[Account CB - Description].&amp;[2530019 - Missing]"/>
        <member name="[CB - Account].[Account CB - Description].&amp;[2530021 - Missing]"/>
        <member name="[CB - Account].[Account CB - Description].&amp;[2530024 - Missing]"/>
        <member name="[CB - Account].[Account CB - Description].&amp;[2530026 - Missing]"/>
        <member name="[CB - Account].[Account CB - Description].&amp;[2530027 - Missing]"/>
        <member name="[CB - Account].[Account CB - Description].&amp;[2530028 - Missing]"/>
        <member name="[CB - Account].[Account CB - Description].&amp;[2530029 - Missing]"/>
        <member name="[CB - Account].[Account CB - Description].&amp;[2530030 - Missing]"/>
        <member name="[CB - Account].[Account CB - Description].&amp;[2530032 - Missing]"/>
        <member name="[CB - Account].[Account CB - Description].&amp;[2530033 - Missing]"/>
        <member name="[CB - Account].[Account CB - Description].&amp;[2530034 - Missing]"/>
        <member name="[CB - Account].[Account CB - Description].&amp;[2530035 - Missing]"/>
        <member name="[CB - Account].[Account CB - Description].&amp;[2530037 - Missing]"/>
        <member name="[CB - Account].[Account CB - Description].&amp;[2530039 - Missing]"/>
        <member name="[CB - Account].[Account CB - Description].&amp;[2530043 - Missing]"/>
        <member name="[CB - Account].[Account CB - Description].&amp;[2530044 - Missing]"/>
        <member name="[CB - Account].[Account CB - Description].&amp;[2530045 - Missing]"/>
        <member name="[CB - Account].[Account CB - Description].&amp;[2530046 - Missing]"/>
        <member name="[CB - Account].[Account CB - Description].&amp;[2530047 - Missing]"/>
        <member name="[CB - Account].[Account CB - Description].&amp;[2530048 - Missing]"/>
        <member name="[CB - Account].[Account CB - Description].&amp;[2530050 - Missing]"/>
        <member name="[CB - Account].[Account CB - Description].&amp;[2530052 - Missing]"/>
        <member name="[CB - Account].[Account CB - Description].&amp;[2530053 - Missing]"/>
        <member name="[CB - Account].[Account CB - Description].&amp;[2530054 - Missing]"/>
        <member name="[CB - Account].[Account CB - Description].&amp;[2530058 - Missing]"/>
        <member name="[CB - Account].[Account CB - Description].&amp;[2530059 - Missing]"/>
        <member name="[CB - Account].[Account CB - Description].&amp;[2530060 - Missing]"/>
        <member name="[CB - Account].[Account CB - Description].&amp;[2530061 - Missing]"/>
        <member name="[CB - Account].[Account CB - Description].&amp;[2530062 - Missing]"/>
        <member name="[CB - Account].[Account CB - Description].&amp;[2530063 - Missing]"/>
        <member name="[CB - Account].[Account CB - Description].&amp;[2530064 - Missing]"/>
        <member name="[CB - Account].[Account CB - Description].&amp;[2530065 - Missing]"/>
        <member name="[CB - Account].[Account CB - Description].&amp;[2530066 - Missing]"/>
        <member name="[CB - Account].[Account CB - Description].&amp;[2530067 - Missing]"/>
        <member name="[CB - Account].[Account CB - Description].&amp;[2530068 - Missing]"/>
        <member name="[CB - Account].[Account CB - Description].&amp;[2530069 - Missing]"/>
        <member name="[CB - Account].[Account CB - Description].&amp;[2530070 - Missing]"/>
        <member name="[CB - Account].[Account CB - Description].&amp;[2530071 - Missing]"/>
        <member name="[CB - Account].[Account CB - Description].&amp;[2530072 - Missing]"/>
        <member name="[CB - Account].[Account CB - Description].&amp;[2530074 - Missing]"/>
        <member name="[CB - Account].[Account CB - Description].&amp;[2530075 - Missing]"/>
        <member name="[CB - Account].[Account CB - Description].&amp;[2530076 - Missing]"/>
        <member name="[CB - Account].[Account CB - Description].&amp;[2530077 - Missing]"/>
        <member name="[CB - Account].[Account CB - Description].&amp;[2530078 - Missing]"/>
        <member name="[CB - Account].[Account CB - Description].&amp;[2530079 - Missing]"/>
        <member name="[CB - Account].[Account CB - Description].&amp;[2530080 - Missing]"/>
        <member name="[CB - Account].[Account CB - Description].&amp;[2530081 - Missing]"/>
        <member name="[CB - Account].[Account CB - Description].&amp;[2530082 - Missing]"/>
        <member name="[CB - Account].[Account CB - Description].&amp;[2530083 - Missing]"/>
        <member name="[CB - Account].[Account CB - Description].&amp;[2530084 - Missing]"/>
        <member name="[CB - Account].[Account CB - Description].&amp;[2530087 - Missing]"/>
        <member name="[CB - Account].[Account CB - Description].&amp;[2530088 - Missing]"/>
        <member name="[CB - Account].[Account CB - Description].&amp;[2530089 - Missing]"/>
        <member name="[CB - Account].[Account CB - Description].&amp;[2530090 - Missing]"/>
        <member name="[CB - Account].[Account CB - Description].&amp;[2530091 - Missing]"/>
        <member name="[CB - Account].[Account CB - Description].&amp;[2530092 - Missing]"/>
        <member name="[CB - Account].[Account CB - Description].&amp;[2530093 - Missing]"/>
        <member name="[CB - Account].[Account CB - Description].&amp;[2530094 - Missing]"/>
        <member name="[CB - Account].[Account CB - Description].&amp;[2530095 - Missing]"/>
        <member name="[CB - Account].[Account CB - Description].&amp;[2530096 - Missing]"/>
        <member name="[CB - Account].[Account CB - Description].&amp;[2530097 - Missing]"/>
        <member name="[CB - Account].[Account CB - Description].&amp;[2530098 - Missing]"/>
        <member name="[CB - Account].[Account CB - Description].&amp;[2530099 - Missing]"/>
        <member name="[CB - Account].[Account CB - Description].&amp;[2530100 - Missing]"/>
        <member name="[CB - Account].[Account CB - Description].&amp;[2530101 - Missing]"/>
        <member name="[CB - Account].[Account CB - Description].&amp;[2530102 - Missing]"/>
        <member name="[CB - Account].[Account CB - Description].&amp;[2530103 - Missing]"/>
        <member name="[CB - Account].[Account CB - Description].&amp;[2530104 - Missing]"/>
        <member name="[CB - Account].[Account CB - Description].&amp;[2530105 - Missing]"/>
        <member name="[CB - Account].[Account CB - Description].&amp;[2530106 - Missing]"/>
        <member name="[CB - Account].[Account CB - Description].&amp;[2530107 - Missing]"/>
        <member name="[CB - Account].[Account CB - Description].&amp;[2530108 - Missing]"/>
        <member name="[CB - Account].[Account CB - Description].&amp;[2530109 - Missing]"/>
        <member name="[CB - Account].[Account CB - Description].&amp;[2530110 - Missing]"/>
        <member name="[CB - Account].[Account CB - Description].&amp;[2530111 - Missing]"/>
        <member name="[CB - Account].[Account CB - Description].&amp;[2530112 - Missing]"/>
        <member name="[CB - Account].[Account CB - Description].&amp;[2530113 - Missing]"/>
        <member name="[CB - Account].[Account CB - Description].&amp;[2530114 - Missing]"/>
        <member name="[CB - Account].[Account CB - Description].&amp;[2530115 - Missing]"/>
        <member name="[CB - Account].[Account CB - Description].&amp;[2530116 - Missing]"/>
        <member name="[CB - Account].[Account CB - Description].&amp;[2530117 - Missing]"/>
        <member name="[CB - Account].[Account CB - Description].&amp;[2530118 - Missing]"/>
        <member name="[CB - Account].[Account CB - Description].&amp;[2530119 - Missing]"/>
        <member name="[CB - Account].[Account CB - Description].&amp;[2530121 - Missing]"/>
        <member name="[CB - Account].[Account CB - Description].&amp;[2530122 - Missing]"/>
        <member name="[CB - Account].[Account CB - Description].&amp;[2530123 - Missing]"/>
        <member name="[CB - Account].[Account CB - Description].&amp;[2530127 - Missing]"/>
        <member name="[CB - Account].[Account CB - Description].&amp;[2530128 - Missing]"/>
        <member name="[CB - Account].[Account CB - Description].&amp;[2530129 - Missing]"/>
        <member name="[CB - Account].[Account CB - Description].&amp;[2530130 - Missing]"/>
        <member name="[CB - Account].[Account CB - Description].&amp;[2530131 - Missing]"/>
        <member name="[CB - Account].[Account CB - Description].&amp;[2530132 - Missing]"/>
        <member name="[CB - Account].[Account CB - Description].&amp;[2530133 - Missing]"/>
        <member name="[CB - Account].[Account CB - Description].&amp;[2530134 - Missing]"/>
        <member name="[CB - Account].[Account CB - Description].&amp;[2530141 - Missing]"/>
        <member name="[CB - Account].[Account CB - Description].&amp;[2530145 - Missing]"/>
        <member name="[CB - Account].[Account CB - Description].&amp;[2530146 - Missing]"/>
        <member name="[CB - Account].[Account CB - Description].&amp;[2530147 - Missing]"/>
        <member name="[CB - Account].[Account CB - Description].&amp;[2530148 - Missing]"/>
        <member name="[CB - Account].[Account CB - Description].&amp;[2530150 - Missing]"/>
        <member name="[CB - Account].[Account CB - Description].&amp;[2530164 - Missing]"/>
        <member name="[CB - Account].[Account CB - Description].&amp;[2530165 - Missing]"/>
        <member name="[CB - Account].[Account CB - Description].&amp;[2530167 - Missing]"/>
        <member name="[CB - Account].[Account CB - Description].&amp;[2530168 - Missing]"/>
        <member name="[CB - Account].[Account CB - Description].&amp;[2530172 - Missing]"/>
        <member name="[CB - Account].[Account CB - Description].&amp;[2530173 - Missing]"/>
        <member name="[CB - Account].[Account CB - Description].&amp;[2530174 - Missing]"/>
        <member name="[CB - Account].[Account CB - Description].&amp;[2530176 - Missing]"/>
        <member name="[CB - Account].[Account CB - Description].&amp;[2530177 - Missing]"/>
        <member name="[CB - Account].[Account CB - Description].&amp;[2530178 - Missing]"/>
        <member name="[CB - Account].[Account CB - Description].&amp;[2530179 - Missing]"/>
        <member name="[CB - Account].[Account CB - Description].&amp;[2530180 - Missing]"/>
        <member name="[CB - Account].[Account CB - Description].&amp;[2530181 - Missing]"/>
        <member name="[CB - Account].[Account CB - Description].&amp;[2530182 - Missing]"/>
        <member name="[CB - Account].[Account CB - Description].&amp;[2530183 - Missing]"/>
        <member name="[CB - Account].[Account CB - Description].&amp;[2530184 - Missing]"/>
        <member name="[CB - Account].[Account CB - Description].&amp;[2530186 - Missing]"/>
        <member name="[CB - Account].[Account CB - Description].&amp;[2530187 - Missing]"/>
        <member name="[CB - Account].[Account CB - Description].&amp;[2530188 - Missing]"/>
        <member name="[CB - Account].[Account CB - Description].&amp;[2530189 - Missing]"/>
        <member name="[CB - Account].[Account CB - Description].&amp;[2530191 - Missing]"/>
        <member name="[CB - Account].[Account CB - Description].&amp;[2530192 - Missing]"/>
        <member name="[CB - Account].[Account CB - Description].&amp;[2530193 - Missing]"/>
        <member name="[CB - Account].[Account CB - Description].&amp;[2530194 - Missing]"/>
        <member name="[CB - Account].[Account CB - Description].&amp;[2530196 - Missing]"/>
        <member name="[CB - Account].[Account CB - Description].&amp;[2530197 - Missing]"/>
        <member name="[CB - Account].[Account CB - Description].&amp;[2530198 - Missing]"/>
        <member name="[CB - Account].[Account CB - Description].&amp;[2530199 - Missing]"/>
        <member name="[CB - Account].[Account CB - Description].&amp;[2530200 - Missing]"/>
        <member name="[CB - Account].[Account CB - Description].&amp;[2530201 - Missing]"/>
        <member name="[CB - Account].[Account CB - Description].&amp;[2530202 - Missing]"/>
        <member name="[CB - Account].[Account CB - Description].&amp;[2530203 - Missing]"/>
        <member name="[CB - Account].[Account CB - Description].&amp;[2530204 - Missing]"/>
        <member name="[CB - Account].[Account CB - Description].&amp;[2530205 - Missing]"/>
        <member name="[CB - Account].[Account CB - Description].&amp;[2530206 - Missing]"/>
        <member name="[CB - Account].[Account CB - Description].&amp;[2530207 - Missing]"/>
        <member name="[CB - Account].[Account CB - Description].&amp;[2530208 - Missing]"/>
        <member name="[CB - Account].[Account CB - Description].&amp;[2530209 - Missing]"/>
        <member name="[CB - Account].[Account CB - Description].&amp;[2530210 - Missing]"/>
        <member name="[CB - Account].[Account CB - Description].&amp;[2530213 - Missing]"/>
        <member name="[CB - Account].[Account CB - Description].&amp;[2530214 - Missing]"/>
        <member name="[CB - Account].[Account CB - Description].&amp;[2531001 - Def Credit - I/U Elim Diff]"/>
        <member name="[CB - Account].[Account CB - Description].&amp;[2531002 - Missing]"/>
        <member name="[CB - Account].[Account CB - Description].&amp;[2531003 - Defr Cr-Minority Interest Equt]"/>
        <member name="[CB - Account].[Account CB - Description].&amp;[2531004 - Def Minority Interest Credit]"/>
        <member name="[CB - Account].[Account CB - Description].&amp;[2531005 - Def Cr Cur Earnings Dif]"/>
        <member name="[CB - Account].[Account CB - Description].&amp;[2531006 - Def Cr Inter Elim Dif]"/>
        <member name="[CB - Account].[Account CB - Description].&amp;[2531007 - Def Cr IC Bal Sheet Elim Dif]"/>
        <member name="[CB - Account].[Account CB - Description].&amp;[2531008 - Def Cr FASB Bal Sheet Elim Dif]"/>
        <member name="[CB - Account].[Account CB - Description].&amp;[2531009 - Def Cr DEI Bal Sheet Elim Dif]"/>
        <member name="[CB - Account].[Account CB - Description].&amp;[2531010 - Def Cr Invest/Equity Elim Dif]"/>
        <member name="[CB - Account].[Account CB - Description].&amp;[2531011 - Defr Cr - Lease Elim Diff]"/>
        <member name="[CB - Account].[Account CB - Description].&amp;[2531017 - Def Cr IC Inc Stmnt Elim Dif]"/>
        <member name="[CB - Account].[Account CB - Description].&amp;[2531018 - Def Cr FASB Inc Stmnt Elim Dif]"/>
        <member name="[CB - Account].[Account CB - Description].&amp;[2531019 - Def Cr DEI Inc Stmnt Elim Dif]"/>
        <member name="[CB - Account].[Account CB - Description].&amp;[2540000 - Contra Notes Payable-Long Term]"/>
        <member name="[CB - Account].[Account CB - Description].&amp;[2540001 - Missing]"/>
        <member name="[CB - Account].[Account CB - Description].&amp;[2540002 - Missing]"/>
        <member name="[CB - Account].[Account CB - Description].&amp;[2540003 - Missing]"/>
        <member name="[CB - Account].[Account CB - Description].&amp;[2540005 - Missing]"/>
        <member name="[CB - Account].[Account CB - Description].&amp;[2540006 - Missing]"/>
        <member name="[CB - Account].[Account CB - Description].&amp;[2540007 - Missing]"/>
        <member name="[CB - Account].[Account CB - Description].&amp;[2540009 - Missing]"/>
        <member name="[CB - Account].[Account CB - Description].&amp;[2540010 - Missing]"/>
        <member name="[CB - Account].[Account CB - Description].&amp;[2540011 - Missing]"/>
        <member name="[CB - Account].[Account CB - Description].&amp;[2540014 - Missing]"/>
        <member name="[CB - Account].[Account CB - Description].&amp;[2540016 - Missing]"/>
        <member name="[CB - Account].[Account CB - Description].&amp;[2540017 - Missing]"/>
        <member name="[CB - Account].[Account CB - Description].&amp;[2540018 - Missing]"/>
        <member name="[CB - Account].[Account CB - Description].&amp;[2540019 - Missing]"/>
        <member name="[CB - Account].[Account CB - Description].&amp;[2540020 - Missing]"/>
        <member name="[CB - Account].[Account CB - Description].&amp;[2540021 - Missing]"/>
        <member name="[CB - Account].[Account CB - Description].&amp;[2540022 - Missing]"/>
        <member name="[CB - Account].[Account CB - Description].&amp;[2540023 - Missing]"/>
        <member name="[CB - Account].[Account CB - Description].&amp;[2540024 - Missing]"/>
        <member name="[CB - Account].[Account CB - Description].&amp;[2540025 - Missing]"/>
        <member name="[CB - Account].[Account CB - Description].&amp;[2540026 - Missing]"/>
        <member name="[CB - Account].[Account CB - Description].&amp;[2540027 - Missing]"/>
        <member name="[CB - Account].[Account CB - Description].&amp;[2540029 - Missing]"/>
        <member name="[CB - Account].[Account CB - Description].&amp;[2550001 - Missing]"/>
        <member name="[CB - Account].[Account CB - Description].&amp;[2550002 - Missing]"/>
        <member name="[CB - Account].[Account CB - Description].&amp;[2601000 - Metered Sales]"/>
        <member name="[CB - Account].[Account CB - Description].&amp;[2602000 - Private Fire Protection]"/>
        <member name="[CB - Account].[Account CB - Description].&amp;[2603000 - Municipal Fire Protection]"/>
        <member name="[CB - Account].[Account CB - Description].&amp;[2604000 - Interdepartmental Sales]"/>
        <member name="[CB - Account].[Account CB - Description].&amp;[2605000 - Sales For Resale]"/>
        <member name="[CB - Account].[Account CB - Description].&amp;[2615000 - Miscellaneous Revenues]"/>
        <member name="[CB - Account].[Account CB - Description].&amp;[2616000 - Late Payment Charge-1]"/>
        <member name="[CB - Account].[Account CB - Description].&amp;[2617000 - Wells &amp; Springs]"/>
        <member name="[CB - Account].[Account CB - Description].&amp;[2618000 - Laboratory Testing Fees]"/>
        <member name="[CB - Account].[Account CB - Description].&amp;[2660000 - Missing]"/>
        <member name="[CB - Account].[Account CB - Description].&amp;[2660001 - Missing]"/>
        <member name="[CB - Account].[Account CB - Description].&amp;[2661010 - CONTRA MTM NONCURRENT LIAB]"/>
        <member name="[CB - Account].[Account CB - Description].&amp;[2701000 - Purchased Water]"/>
        <member name="[CB - Account].[Account CB - Description].&amp;[2710000 - Pumping Supervision/Engineer]"/>
        <member name="[CB - Account].[Account CB - Description].&amp;[2711000 - Electric Power For Pumping]"/>
        <member name="[CB - Account].[Account CB - Description].&amp;[2712000 - Pumping Labor And Expenses]"/>
        <member name="[CB - Account].[Account CB - Description].&amp;[2713000 - Miscellaneous Pumping Expense]"/>
        <member name="[CB - Account].[Account CB - Description].&amp;[2720000 - Water Treatment Labor/Expenses]"/>
        <member name="[CB - Account].[Account CB - Description].&amp;[2721000 - Misc Water Treatment Expenses]"/>
        <member name="[CB - Account].[Account CB - Description].&amp;[2730000 - Supervision And Engineering]"/>
        <member name="[CB - Account].[Account CB - Description].&amp;[2731000 - Storage Tanks/Standpipe Exp]"/>
        <member name="[CB - Account].[Account CB - Description].&amp;[2732000 - Meter Expenses]"/>
        <member name="[CB - Account].[Account CB - Description].&amp;[2733000 - Customer Installation Expenses]"/>
        <member name="[CB - Account].[Account CB - Description].&amp;[2734000 - Misc Transm/Distrib Expenses]"/>
        <member name="[CB - Account].[Account CB - Description].&amp;[2740000 - Meter Reading]"/>
        <member name="[CB - Account].[Account CB - Description].&amp;[2741000 - Customers Records]"/>
        <member name="[CB - Account].[Account CB - Description].&amp;[2742000 - Collecting]"/>
        <member name="[CB - Account].[Account CB - Description].&amp;[2743000 - Uncollectible Accounts]"/>
        <member name="[CB - Account].[Account CB - Description].&amp;[2744000 - Customer Records Reimbursement]"/>
        <member name="[CB - Account].[Account CB - Description].&amp;[2745000 - Collecting Reimbursement]"/>
        <member name="[CB - Account].[Account CB - Description].&amp;[2750000 - Salaries And Expenses]"/>
        <member name="[CB - Account].[Account CB - Description].&amp;[2751000 - Office Supplies &amp; Expenses]"/>
        <member name="[CB - Account].[Account CB - Description].&amp;[2752000 - Insurance]"/>
        <member name="[CB - Account].[Account CB - Description].&amp;[2753000 - Injuries And Damages]"/>
        <member name="[CB - Account].[Account CB - Description].&amp;[2754000 - Employees Retirement Plan Cost]"/>
        <member name="[CB - Account].[Account CB - Description].&amp;[2755000 - Misc General Expense]"/>
        <member name="[CB - Account].[Account CB - Description].&amp;[2756000 - System General Exp Allocated]"/>
        <member name="[CB - Account].[Account CB - Description].&amp;[2757000 - Rent]"/>
        <member name="[CB - Account].[Account CB - Description].&amp;[2760000 - Source Of Supply Facilities]"/>
        <member name="[CB - Account].[Account CB - Description].&amp;[2770000 - Pumping Struc &amp; Improvements]"/>
        <member name="[CB - Account].[Account CB - Description].&amp;[2771000 - Pumping Equipment]"/>
        <member name="[CB - Account].[Account CB - Description].&amp;[2780000 - Water Treatment Equipment]"/>
        <member name="[CB - Account].[Account CB - Description].&amp;[2790000 - Distn Reservoirs,Tanks,Stdpipe]"/>
        <member name="[CB - Account].[Account CB - Description].&amp;[2791000 - Mains]"/>
        <member name="[CB - Account].[Account CB - Description].&amp;[2792000 - Services]"/>
        <member name="[CB - Account].[Account CB - Description].&amp;[2793000 - Meters]"/>
        <member name="[CB - Account].[Account CB - Description].&amp;[2794000 - Hydrants]"/>
        <member name="[CB - Account].[Account CB - Description].&amp;[2795000 - Misc Transm &amp; Distrib Plant]"/>
        <member name="[CB - Account].[Account CB - Description].&amp;[2820001 - Missing]"/>
        <member name="[CB - Account].[Account CB - Description].&amp;[2820002 - Missing]"/>
        <member name="[CB - Account].[Account CB - Description].&amp;[2820003 - Missing]"/>
        <member name="[CB - Account].[Account CB - Description].&amp;[2820004 - Missing]"/>
        <member name="[CB - Account].[Account CB - Description].&amp;[2820005 - Missing]"/>
        <member name="[CB - Account].[Account CB - Description].&amp;[2820006 - Missing]"/>
        <member name="[CB - Account].[Account CB - Description].&amp;[2820007 - Missing]"/>
        <member name="[CB - Account].[Account CB - Description].&amp;[2820008 - Missing]"/>
        <member name="[CB - Account].[Account CB - Description].&amp;[2830001 - Missing]"/>
        <member name="[CB - Account].[Account CB - Description].&amp;[2830002 - Missing]"/>
        <member name="[CB - Account].[Account CB - Description].&amp;[2830003 - Missing]"/>
        <member name="[CB - Account].[Account CB - Description].&amp;[2830004 - Missing]"/>
        <member name="[CB - Account].[Account CB - Description].&amp;[2830006 - Missing]"/>
        <member name="[CB - Account].[Account CB - Description].&amp;[2830007 - Missing]"/>
        <member name="[CB - Account].[Account CB - Description].&amp;[2830010 - Missing]"/>
        <member name="[CB - Account].[Account CB - Description].&amp;[2830012 - Missing]"/>
        <member name="[CB - Account].[Account CB - Description].&amp;[2830015 - Missing]"/>
        <member name="[CB - Account].[Account CB - Description].&amp;[2830016 - Missing]"/>
        <member name="[CB - Account].[Account CB - Description].&amp;[2830017 - Missing]"/>
        <member name="[CB - Account].[Account CB - Description].&amp;[2830018 - Missing]"/>
        <member name="[CB - Account].[Account CB - Description].&amp;[2830019 - Missing]"/>
        <member name="[CB - Account].[Account CB - Description].&amp;[2830021 - Missing]"/>
        <member name="[CB - Account].[Account CB - Description].&amp;[2830024 - Missing]"/>
        <member name="[CB - Account].[Account CB - Description].&amp;[2830025 - Missing]"/>
        <member name="[CB - Account].[Account CB - Description].&amp;[2830026 - Missing]"/>
        <member name="[CB - Account].[Account CB - Description].&amp;[2830027 - Missing]"/>
        <member name="[CB - Account].[Account CB - Description].&amp;[2830028 - Missing]"/>
        <member name="[CB - Account].[Account CB - Description].&amp;[2830030 - Missing]"/>
        <member name="[CB - Account].[Account CB - Description].&amp;[2830031 - Missing]"/>
        <member name="[CB - Account].[Account CB - Description].&amp;[2830032 - Missing]"/>
        <member name="[CB - Account].[Account CB - Description].&amp;[3341000 - Inactive]"/>
        <member name="[CB - Account].[Account CB - Description].&amp;[3411000 - Missing]"/>
        <member name="[CB - Account].[Account CB - Description].&amp;[3601000 - Inactive]"/>
        <member name="[CB - Account].[Account CB - Description].&amp;[3602000 - Inactive]"/>
        <member name="[CB - Account].[Account CB - Description].&amp;[3603000 - Inactive]"/>
        <member name="[CB - Account].[Account CB - Description].&amp;[3604000 - Inactive]"/>
        <member name="[CB - Account].[Account CB - Description].&amp;[3605000 - Inactive]"/>
        <member name="[CB - Account].[Account CB - Description].&amp;[3606000 - Inactive]"/>
        <member name="[CB - Account].[Account CB - Description].&amp;[3607000 - Inactive]"/>
        <member name="[CB - Account].[Account CB - Description].&amp;[3608000 - Inactive]"/>
        <member name="[CB - Account].[Account CB - Description].&amp;[3609000 - Inactive]"/>
        <member name="[CB - Account].[Account CB - Description].&amp;[3610000 - Inactive]"/>
        <member name="[CB - Account].[Account CB - Description].&amp;[3611000 - Inactive]"/>
        <member name="[CB - Account].[Account CB - Description].&amp;[3612000 - Inactive]"/>
        <member name="[CB - Account].[Account CB - Description].&amp;[3613000 - Inactive]"/>
        <member name="[CB - Account].[Account CB - Description].&amp;[3614000 - Inactive]"/>
        <member name="[CB - Account].[Account CB - Description].&amp;[3615000 - Inactive]"/>
        <member name="[CB - Account].[Account CB - Description].&amp;[3616000 - Inactive]"/>
        <member name="[CB - Account].[Account CB - Description].&amp;[3617000 - Inactive]"/>
        <member name="[CB - Account].[Account CB - Description].&amp;[3618000 - Inactive]"/>
        <member name="[CB - Account].[Account CB - Description].&amp;[3619000 - Inactive]"/>
        <member name="[CB - Account].[Account CB - Description].&amp;[3620000 - Inactive]"/>
        <member name="[CB - Account].[Account CB - Description].&amp;[3701000 - Inactive]"/>
        <member name="[CB - Account].[Account CB - Description].&amp;[3702000 - Inactive]"/>
        <member name="[CB - Account].[Account CB - Description].&amp;[3703100 - Inactive]"/>
        <member name="[CB - Account].[Account CB - Description].&amp;[3703200 - Inactive]"/>
        <member name="[CB - Account].[Account CB - Description].&amp;[3703300 - Inactive]"/>
        <member name="[CB - Account].[Account CB - Description].&amp;[3703400 - Inactive]"/>
        <member name="[CB - Account].[Account CB - Description].&amp;[3703500 - Inactive]"/>
        <member name="[CB - Account].[Account CB - Description].&amp;[3703600 - Inactive]"/>
        <member name="[CB - Account].[Account CB - Description].&amp;[3703700 - Inactive]"/>
        <member name="[CB - Account].[Account CB - Description].&amp;[3704000 - Inactive]"/>
        <member name="[CB - Account].[Account CB - Description].&amp;[3705000 - Inactive]"/>
        <member name="[CB - Account].[Account CB - Description].&amp;[3706000 - Inactive]"/>
        <member name="[CB - Account].[Account CB - Description].&amp;[3707000 - Inactive]"/>
        <member name="[CB - Account].[Account CB - Description].&amp;[3708100 - Inactive]"/>
        <member name="[CB - Account].[Account CB - Description].&amp;[3708200 - Inactive]"/>
        <member name="[CB - Account].[Account CB - Description].&amp;[3708300 - Inactive]"/>
        <member name="[CB - Account].[Account CB - Description].&amp;[3708330 - Inactive]"/>
        <member name="[CB - Account].[Account CB - Description].&amp;[3708400 - Inactive]"/>
        <member name="[CB - Account].[Account CB - Description].&amp;[3708500 - Inactive]"/>
        <member name="[CB - Account].[Account CB - Description].&amp;[3708600 - Inactive]"/>
        <member name="[CB - Account].[Account CB - Description].&amp;[3708660 - Inactive]"/>
        <member name="[CB - Account].[Account CB - Description].&amp;[3708700 - Inactive]"/>
        <member name="[CB - Account].[Account CB - Description].&amp;[3721000 - Inactive]"/>
        <member name="[CB - Account].[Account CB - Description].&amp;[3722110 - Inactive]"/>
        <member name="[CB - Account].[Account CB - Description].&amp;[3722120 - Inactive]"/>
        <member name="[CB - Account].[Account CB - Description].&amp;[3722130 - Inactive]"/>
        <member name="[CB - Account].[Account CB - Description].&amp;[3722200 - Inactive]"/>
        <member name="[CB - Account].[Account CB - Description].&amp;[3722300 - Inactive]"/>
        <member name="[CB - Account].[Account CB - Description].&amp;[3722400 - Inactive]"/>
        <member name="[CB - Account].[Account CB - Description].&amp;[3722440 - Inactive]"/>
        <member name="[CB - Account].[Account CB - Description].&amp;[3722500 - Inactive]"/>
        <member name="[CB - Account].[Account CB - Description].&amp;[3722600 - Inactive]"/>
        <member name="[CB - Account].[Account CB - Description].&amp;[3722700 - Inactive]"/>
        <member name="[CB - Account].[Account CB - Description].&amp;[3722800 - Inactive]"/>
        <member name="[CB - Account].[Account CB - Description].&amp;[3722880 - Inactive]"/>
        <member name="[CB - Account].[Account CB - Description].&amp;[3722900 - Inactive]"/>
        <member name="[CB - Account].[Account CB - Description].&amp;[3724000 - Inactive]"/>
        <member name="[CB - Account].[Account CB - Description].&amp;[3726000 - Inactive]"/>
        <member name="[CB - Account].[Account CB - Description].&amp;[3731000 - Inactive]"/>
        <member name="[CB - Account].[Account CB - Description].&amp;[3732000 - Inactive]"/>
        <member name="[CB - Account].[Account CB - Description].&amp;[3741000 - Inactive]"/>
        <member name="[CB - Account].[Account CB - Description].&amp;[3742000 - Inactive]"/>
        <member name="[CB - Account].[Account CB - Description].&amp;[3743000 - Inactive]"/>
        <member name="[CB - Account].[Account CB - Description].&amp;[3751000 - Inactive]"/>
        <member name="[CB - Account].[Account CB - Description].&amp;[3752000 - Inactive]"/>
        <member name="[CB - Account].[Account CB - Description].&amp;[3753000 - Inactive]"/>
        <member name="[CB - Account].[Account CB - Description].&amp;[3761000 - Inactive]"/>
        <member name="[CB - Account].[Account CB - Description].&amp;[3762000 - Inactive]"/>
        <member name="[CB - Account].[Account CB - Description].&amp;[3763000 - Inactive]"/>
        <member name="[CB - Account].[Account CB - Description].&amp;[3764000 - Inactive]"/>
        <member name="[CB - Account].[Account CB - Description].&amp;[3765000 - Inactive]"/>
        <member name="[CB - Account].[Account CB - Description].&amp;[3766000 - Inactive]"/>
        <member name="[CB - Account].[Account CB - Description].&amp;[3771000 - Inactive]"/>
        <member name="[CB - Account].[Account CB - Description].&amp;[3772000 - Inactive]"/>
        <member name="[CB - Account].[Account CB - Description].&amp;[391001 - Missing]"/>
        <member name="[CB - Account].[Account CB - Description].&amp;[4002001 - Missing]"/>
        <member name="[CB - Account].[Account CB - Description].&amp;[4002002 - Missing]"/>
        <member name="[CB - Account].[Account CB - Description].&amp;[4002003 - Missing]"/>
        <member name="[CB - Account].[Account CB - Description].&amp;[4002004 - Missing]"/>
        <member name="[CB - Account].[Account CB - Description].&amp;[4002005 - Missing]"/>
        <member name="[CB - Account].[Account CB - Description].&amp;[4002006 - Missing]"/>
        <member name="[CB - Account].[Account CB - Description].&amp;[4002007 - Missing]"/>
        <member name="[CB - Account].[Account CB - Description].&amp;[4002008 - Missing]"/>
        <member name="[CB - Account].[Account CB - Description].&amp;[4002009 - Missing]"/>
        <member name="[CB - Account].[Account CB - Description].&amp;[4002010 - Missing]"/>
        <member name="[CB - Account].[Account CB - Description].&amp;[4002011 - Missing]"/>
        <member name="[CB - Account].[Account CB - Description].&amp;[4002013 - Missing]"/>
        <member name="[CB - Account].[Account CB - Description].&amp;[4002014 - Missing]"/>
        <member name="[CB - Account].[Account CB - Description].&amp;[4002016 - Missing]"/>
        <member name="[CB - Account].[Account CB - Description].&amp;[4002017 - Missing]"/>
        <member name="[CB - Account].[Account CB - Description].&amp;[4002018 - Missing]"/>
        <member name="[CB - Account].[Account CB - Description].&amp;[4002019 - Missing]"/>
        <member name="[CB - Account].[Account CB - Description].&amp;[4002020 - Missing]"/>
        <member name="[CB - Account].[Account CB - Description].&amp;[4002021 - Missing]"/>
        <member name="[CB - Account].[Account CB - Description].&amp;[4002022 - Missing]"/>
        <member name="[CB - Account].[Account CB - Description].&amp;[4010001 - Missing]"/>
        <member name="[CB - Account].[Account CB - Description].&amp;[4010002 - Missing]"/>
        <member name="[CB - Account].[Account CB - Description].&amp;[4011001 - Missing]"/>
        <member name="[CB - Account].[Account CB - Description].&amp;[4011002 - Missing]"/>
        <member name="[CB - Account].[Account CB - Description].&amp;[4012001 - Missing]"/>
        <member name="[CB - Account].[Account CB - Description].&amp;[4012002 - Missing]"/>
        <member name="[CB - Account].[Account CB - Description].&amp;[4012003 - Missing]"/>
        <member name="[CB - Account].[Account CB - Description].&amp;[4012004 - Missing]"/>
        <member name="[CB - Account].[Account CB - Description].&amp;[4012005 - Missing]"/>
        <member name="[CB - Account].[Account CB - Description].&amp;[4012006 - Missing]"/>
        <member name="[CB - Account].[Account CB - Description].&amp;[4013001 - Missing]"/>
        <member name="[CB - Account].[Account CB - Description].&amp;[4013004 - Missing]"/>
        <member name="[CB - Account].[Account CB - Description].&amp;[4013005 - Missing]"/>
        <member name="[CB - Account].[Account CB - Description].&amp;[4013006 - Missing]"/>
        <member name="[CB - Account].[Account CB - Description].&amp;[4013007 - Missing]"/>
        <member name="[CB - Account].[Account CB - Description].&amp;[4013008 - Missing]"/>
        <member name="[CB - Account].[Account CB - Description].&amp;[4013009 - Missing]"/>
        <member name="[CB - Account].[Account CB - Description].&amp;[4013010 - Missing]"/>
        <member name="[CB - Account].[Account CB - Description].&amp;[4013011 - Missing]"/>
        <member name="[CB - Account].[Account CB - Description].&amp;[4013013 - Missing]"/>
        <member name="[CB - Account].[Account CB - Description].&amp;[4013014 - Missing]"/>
        <member name="[CB - Account].[Account CB - Description].&amp;[4013015 - Missing]"/>
        <member name="[CB - Account].[Account CB - Description].&amp;[4013016 - Missing]"/>
        <member name="[CB - Account].[Account CB - Description].&amp;[4013017 - Missing]"/>
        <member name="[CB - Account].[Account CB - Description].&amp;[4013019 - Missing]"/>
        <member name="[CB - Account].[Account CB - Description].&amp;[4013020 - Missing]"/>
        <member name="[CB - Account].[Account CB - Description].&amp;[4013021 - Missing]"/>
        <member name="[CB - Account].[Account CB - Description].&amp;[4013022 - Missing]"/>
        <member name="[CB - Account].[Account CB - Description].&amp;[4013023 - Missing]"/>
        <member name="[CB - Account].[Account CB - Description].&amp;[4030001 - Missing]"/>
        <member name="[CB - Account].[Account CB - Description].&amp;[4030003 - Missing]"/>
        <member name="[CB - Account].[Account CB - Description].&amp;[4030004 - Missing]"/>
        <member name="[CB - Account].[Account CB - Description].&amp;[4030005 - Missing]"/>
        <member name="[CB - Account].[Account CB - Description].&amp;[4030006 - Missing]"/>
        <member name="[CB - Account].[Account CB - Description].&amp;[4030007 - Missing]"/>
        <member name="[CB - Account].[Account CB - Description].&amp;[4030008 - Missing]"/>
        <member name="[CB - Account].[Account CB - Description].&amp;[4030009 - Missing]"/>
        <member name="[CB - Account].[Account CB - Description].&amp;[4030010 - Missing]"/>
        <member name="[CB - Account].[Account CB - Description].&amp;[4030016 - Missing]"/>
        <member name="[CB - Account].[Account CB - Description].&amp;[4030017 - Missing]"/>
        <member name="[CB - Account].[Account CB - Description].&amp;[4030018 - Missing]"/>
        <member name="[CB - Account].[Account CB - Description].&amp;[4030019 - Missing]"/>
        <member name="[CB - Account].[Account CB - Description].&amp;[4030020 - Missing]"/>
        <member name="[CB - Account].[Account CB - Description].&amp;[4041001 - Missing]"/>
        <member name="[CB - Account].[Account CB - Description].&amp;[4042001 - Missing]"/>
        <member name="[CB - Account].[Account CB - Description].&amp;[4043001 - Missing]"/>
        <member name="[CB - Account].[Account CB - Description].&amp;[4043002 - Missing]"/>
        <member name="[CB - Account].[Account CB - Description].&amp;[4050001 - Missing]"/>
        <member name="[CB - Account].[Account CB - Description].&amp;[4060001 - Missing]"/>
        <member name="[CB - Account].[Account CB - Description].&amp;[4060002 - Missing]"/>
        <member name="[CB - Account].[Account CB - Description].&amp;[4060003 - Missing]"/>
        <member name="[CB - Account].[Account CB - Description].&amp;[4073001 - Missing]"/>
        <member name="[CB - Account].[Account CB - Description].&amp;[4073003 - Missing]"/>
        <member name="[CB - Account].[Account CB - Description].&amp;[4073004 - Missing]"/>
        <member name="[CB - Account].[Account CB - Description].&amp;[4073005 - Missing]"/>
        <member name="[CB - Account].[Account CB - Description].&amp;[4073006 - Missing]"/>
        <member name="[CB - Account].[Account CB - Description].&amp;[4073007 - Missing]"/>
        <member name="[CB - Account].[Account CB - Description].&amp;[4073008 - Missing]"/>
        <member name="[CB - Account].[Account CB - Description].&amp;[4073009 - Missing]"/>
        <member name="[CB - Account].[Account CB - Description].&amp;[4073010 - Missing]"/>
        <member name="[CB - Account].[Account CB - Description].&amp;[4073011 - Missing]"/>
        <member name="[CB - Account].[Account CB - Description].&amp;[4073013 - Missing]"/>
        <member name="[CB - Account].[Account CB - Description].&amp;[4073015 - Missing]"/>
        <member name="[CB - Account].[Account CB - Description].&amp;[4073016 - Missing]"/>
        <member name="[CB - Account].[Account CB - Description].&amp;[4073017 - Missing]"/>
        <member name="[CB - Account].[Account CB - Description].&amp;[4073019 - Missing]"/>
        <member name="[CB - Account].[Account CB - Description].&amp;[4073020 - Missing]"/>
        <member name="[CB - Account].[Account CB - Description].&amp;[4073021 - Missing]"/>
        <member name="[CB - Account].[Account CB - Description].&amp;[4073022 - Missing]"/>
        <member name="[CB - Account].[Account CB - Description].&amp;[4073023 - Missing]"/>
        <member name="[CB - Account].[Account CB - Description].&amp;[4073024 - Missing]"/>
        <member name="[CB - Account].[Account CB - Description].&amp;[4073025 - Missing]"/>
        <member name="[CB - Account].[Account CB - Description].&amp;[4073026 - Missing]"/>
        <member name="[CB - Account].[Account CB - Description].&amp;[4073027 - Missing]"/>
        <member name="[CB - Account].[Account CB - Description].&amp;[4074001 - Missing]"/>
        <member name="[CB - Account].[Account CB - Description].&amp;[4074003 - Missing]"/>
        <member name="[CB - Account].[Account CB - Description].&amp;[4074004 - Missing]"/>
        <member name="[CB - Account].[Account CB - Description].&amp;[4074006 - Missing]"/>
        <member name="[CB - Account].[Account CB - Description].&amp;[4074007 - Missing]"/>
        <member name="[CB - Account].[Account CB - Description].&amp;[4074008 - Missing]"/>
        <member name="[CB - Account].[Account CB - Description].&amp;[4080001 - Missing]"/>
        <member name="[CB - Account].[Account CB - Description].&amp;[4081001 - Missing]"/>
        <member name="[CB - Account].[Account CB - Description].&amp;[4081003 - Missing]"/>
        <member name="[CB - Account].[Account CB - Description].&amp;[4082001 - Missing]"/>
        <member name="[CB - Account].[Account CB - Description].&amp;[4089600 - Missing]"/>
        <member name="[CB - Account].[Account CB - Description].&amp;[4091001 - Missing]"/>
        <member name="[CB - Account].[Account CB - Description].&amp;[4091003 - Missing]"/>
        <member name="[CB - Account].[Account CB - Description].&amp;[4091004 - Missing]"/>
        <member name="[CB - Account].[Account CB - Description].&amp;[4091005 - Missing]"/>
        <member name="[CB - Account].[Account CB - Description].&amp;[4091006 - Missing]"/>
        <member name="[CB - Account].[Account CB - Description].&amp;[4091007 - Missing]"/>
        <member name="[CB - Account].[Account CB - Description].&amp;[4091009 - Missing]"/>
        <member name="[CB - Account].[Account CB - Description].&amp;[4091010 - Missing]"/>
        <member name="[CB - Account].[Account CB - Description].&amp;[4092001 - Missing]"/>
        <member name="[CB - Account].[Account CB - Description].&amp;[4092002 - Missing]"/>
        <member name="[CB - Account].[Account CB - Description].&amp;[4092004 - Missing]"/>
        <member name="[CB - Account].[Account CB - Description].&amp;[4092005 - Missing]"/>
        <member name="[CB - Account].[Account CB - Description].&amp;[4092006 - Missing]"/>
        <member name="[CB - Account].[Account CB - Description].&amp;[4092007 - Missing]"/>
        <member name="[CB - Account].[Account CB - Description].&amp;[4092008 - Missing]"/>
        <member name="[CB - Account].[Account CB - Description].&amp;[4100000 - Contra Gas Sales]"/>
        <member name="[CB - Account].[Account CB - Description].&amp;[4101001 - Missing]"/>
        <member name="[CB - Account].[Account CB - Description].&amp;[4101002 - Missing]"/>
        <member name="[CB - Account].[Account CB - Description].&amp;[4101004 - Missing]"/>
        <member name="[CB - Account].[Account CB - Description].&amp;[4101005 - Missing]"/>
        <member name="[CB - Account].[Account CB - Description].&amp;[4101006 - Missing]"/>
        <member name="[CB - Account].[Account CB - Description].&amp;[4101007 - Missing]"/>
        <member name="[CB - Account].[Account CB - Description].&amp;[4101009 - Missing]"/>
        <member name="[CB - Account].[Account CB - Description].&amp;[4101016 - Missing]"/>
        <member name="[CB - Account].[Account CB - Description].&amp;[4101017 - Missing]"/>
        <member name="[CB - Account].[Account CB - Description].&amp;[4101018 - Missing]"/>
        <member name="[CB - Account].[Account CB - Description].&amp;[4102001 - Missing]"/>
        <member name="[CB - Account].[Account CB - Description].&amp;[4102002 - Missing]"/>
        <member name="[CB - Account].[Account CB - Description].&amp;[4102003 - Missing]"/>
        <member name="[CB - Account].[Account CB - Description].&amp;[4102004 - Missing]"/>
        <member name="[CB - Account].[Account CB - Description].&amp;[4110001 - Missing]"/>
        <member name="[CB - Account].[Account CB - Description].&amp;[4111001 - Missing]"/>
        <member name="[CB - Account].[Account CB - Description].&amp;[4111002 - Missing]"/>
        <member name="[CB - Account].[Account CB - Description].&amp;[4111003 - Missing]"/>
        <member name="[CB - Account].[Account CB - Description].&amp;[4111005 - Missing]"/>
        <member name="[CB - Account].[Account CB - Description].&amp;[4111006 - Missing]"/>
        <member name="[CB - Account].[Account CB - Description].&amp;[4112001 - Missing]"/>
        <member name="[CB - Account].[Account CB - Description].&amp;[4112002 - Missing]"/>
        <member name="[CB - Account].[Account CB - Description].&amp;[4114002 - Missing]"/>
        <member name="[CB - Account].[Account CB - Description].&amp;[4150000 - Contra TM Gas Sales]"/>
        <member name="[CB - Account].[Account CB - Description].&amp;[4151000 - Missing]"/>
        <member name="[CB - Account].[Account CB - Description].&amp;[4151001 - Missing]"/>
        <member name="[CB - Account].[Account CB - Description].&amp;[4160000 - Commodity Revenue Contra Acct]"/>
        <member name="[CB - Account].[Account CB - Description].&amp;[4165000 - Derivative Contra Revenue]"/>
        <member name="[CB - Account].[Account CB - Description].&amp;[4170001 - Missing]"/>
        <member name="[CB - Account].[Account CB - Description].&amp;[4170002 - Missing]"/>
        <member name="[CB - Account].[Account CB - Description].&amp;[4170003 - Missing]"/>
        <member name="[CB - Account].[Account CB - Description].&amp;[4170004 - Missing]"/>
        <member name="[CB - Account].[Account CB - Description].&amp;[4170005 - Missing]"/>
        <member name="[CB - Account].[Account CB - Description].&amp;[4170006 - Missing]"/>
        <member name="[CB - Account].[Account CB - Description].&amp;[4170007 - Missing]"/>
        <member name="[CB - Account].[Account CB - Description].&amp;[4170008 - Missing]"/>
        <member name="[CB - Account].[Account CB - Description].&amp;[4170009 - Missing]"/>
        <member name="[CB - Account].[Account CB - Description].&amp;[4170010 - Missing]"/>
        <member name="[CB - Account].[Account CB - Description].&amp;[4170011 - Missing]"/>
        <member name="[CB - Account].[Account CB - Description].&amp;[4170012 - Missing]"/>
        <member name="[CB - Account].[Account CB - Description].&amp;[4170013 - Missing]"/>
        <member name="[CB - Account].[Account CB - Description].&amp;[4170018 - Missing]"/>
        <member name="[CB - Account].[Account CB - Description].&amp;[4170086 - Missing]"/>
        <member name="[CB - Account].[Account CB - Description].&amp;[4170087 - Missing]"/>
        <member name="[CB - Account].[Account CB - Description].&amp;[4170101 - Missing]"/>
        <member name="[CB - Account].[Account CB - Description].&amp;[4170102 - Missing]"/>
        <member name="[CB - Account].[Account CB - Description].&amp;[4170103 - Missing]"/>
        <member name="[CB - Account].[Account CB - Description].&amp;[4170104 - Missing]"/>
        <member name="[CB - Account].[Account CB - Description].&amp;[4170105 - Missing]"/>
        <member name="[CB - Account].[Account CB - Description].&amp;[4170106 - Missing]"/>
        <member name="[CB - Account].[Account CB - Description].&amp;[4170108 - Missing]"/>
        <member name="[CB - Account].[Account CB - Description].&amp;[4170109 - Missing]"/>
        <member name="[CB - Account].[Account CB - Description].&amp;[4170110 - Missing]"/>
        <member name="[CB - Account].[Account CB - Description].&amp;[4170111 - Missing]"/>
        <member name="[CB - Account].[Account CB - Description].&amp;[4170112 - Missing]"/>
        <member name="[CB - Account].[Account CB - Description].&amp;[4170113 - Missing]"/>
        <member name="[CB - Account].[Account CB - Description].&amp;[4170114 - Missing]"/>
        <member name="[CB - Account].[Account CB - Description].&amp;[4170115 - Missing]"/>
        <member name="[CB - Account].[Account CB - Description].&amp;[4170116 - Missing]"/>
        <member name="[CB - Account].[Account CB - Description].&amp;[4170117 - Missing]"/>
        <member name="[CB - Account].[Account CB - Description].&amp;[4170118 - Missing]"/>
        <member name="[CB - Account].[Account CB - Description].&amp;[4170119 - Missing]"/>
        <member name="[CB - Account].[Account CB - Description].&amp;[4170120 - Missing]"/>
        <member name="[CB - Account].[Account CB - Description].&amp;[4170123 - Missing]"/>
        <member name="[CB - Account].[Account CB - Description].&amp;[4170126 - Missing]"/>
        <member name="[CB - Account].[Account CB - Description].&amp;[4171001 - Missing]"/>
        <member name="[CB - Account].[Account CB - Description].&amp;[4171003 - Missing]"/>
        <member name="[CB - Account].[Account CB - Description].&amp;[4171900 - Missing]"/>
        <member name="[CB - Account].[Account CB - Description].&amp;[4173002 - Missing]"/>
        <member name="[CB - Account].[Account CB - Description].&amp;[4180001 - Missing]"/>
        <member name="[CB - Account].[Account CB - Description].&amp;[4180002 - Missing]"/>
        <member name="[CB - Account].[Account CB - Description].&amp;[4181001 - Missing]"/>
        <member name="[CB - Account].[Account CB - Description].&amp;[4181002 - Missing]"/>
        <member name="[CB - Account].[Account CB - Description].&amp;[4181005 - Missing]"/>
        <member name="[CB - Account].[Account CB - Description].&amp;[4181007 - Missing]"/>
        <member name="[CB - Account].[Account CB - Description].&amp;[4181014 - Missing]"/>
        <member name="[CB - Account].[Account CB - Description].&amp;[4181016 - Missing]"/>
        <member name="[CB - Account].[Account CB - Description].&amp;[4181044 - Missing]"/>
        <member name="[CB - Account].[Account CB - Description].&amp;[4181045 - Missing]"/>
        <member name="[CB - Account].[Account CB - Description].&amp;[4181092 - Missing]"/>
        <member name="[CB - Account].[Account CB - Description].&amp;[4181093 - Missing]"/>
        <member name="[CB - Account].[Account CB - Description].&amp;[4181095 - Missing]"/>
        <member name="[CB - Account].[Account CB - Description].&amp;[4181099 - Missing]"/>
        <member name="[CB - Account].[Account CB - Description].&amp;[4181100 - Current Sub Earnings - Contra]"/>
        <member name="[CB - Account].[Account CB - Description].&amp;[4181101 - Missing]"/>
        <member name="[CB - Account].[Account CB - Description].&amp;[4181102 - Current NPL Earnings]"/>
        <member name="[CB - Account].[Account CB - Description].&amp;[4181109 - Missing]"/>
        <member name="[CB - Account].[Account CB - Description].&amp;[4181110 - Missing]"/>
        <member name="[CB - Account].[Account CB - Description].&amp;[4181111 - Missing]"/>
        <member name="[CB - Account].[Account CB - Description].&amp;[4181112 - Missing]"/>
        <member name="[CB - Account].[Account CB - Description].&amp;[4181113 - Missing]"/>
        <member name="[CB - Account].[Account CB - Description].&amp;[4181114 - Missing]"/>
        <member name="[CB - Account].[Account CB - Description].&amp;[4181115 - Missing]"/>
        <member name="[CB - Account].[Account CB - Description].&amp;[4181116 - Missing]"/>
        <member name="[CB - Account].[Account CB - Description].&amp;[4181117 - Missing]"/>
        <member name="[CB - Account].[Account CB - Description].&amp;[4181119 - Missing]"/>
        <member name="[CB - Account].[Account CB - Description].&amp;[4181120 - Missing]"/>
        <member name="[CB - Account].[Account CB - Description].&amp;[4181121 - Missing]"/>
        <member name="[CB - Account].[Account CB - Description].&amp;[4181122 - Missing]"/>
        <member name="[CB - Account].[Account CB - Description].&amp;[4181123 - Missing]"/>
        <member name="[CB - Account].[Account CB - Description].&amp;[4181124 - Missing]"/>
        <member name="[CB - Account].[Account CB - Description].&amp;[4181500 - Missing]"/>
        <member name="[CB - Account].[Account CB - Description].&amp;[4181501 - Missing]"/>
        <member name="[CB - Account].[Account CB - Description].&amp;[4181502 - Missing]"/>
        <member name="[CB - Account].[Account CB - Description].&amp;[4181503 - Missing]"/>
        <member name="[CB - Account].[Account CB - Description].&amp;[4181504 - Missing]"/>
        <member name="[CB - Account].[Account CB - Description].&amp;[4181505 - Missing]"/>
        <member name="[CB - Account].[Account CB - Description].&amp;[4181506 - Missing]"/>
        <member name="[CB - Account].[Account CB - Description].&amp;[4181507 - Missing]"/>
        <member name="[CB - Account].[Account CB - Description].&amp;[4181508 - Missing]"/>
        <member name="[CB - Account].[Account CB - Description].&amp;[4181509 - Missing]"/>
        <member name="[CB - Account].[Account CB - Description].&amp;[4181510 - Missing]"/>
        <member name="[CB - Account].[Account CB - Description].&amp;[4181511 - Missing]"/>
        <member name="[CB - Account].[Account CB - Description].&amp;[4181512 - Missing]"/>
        <member name="[CB - Account].[Account CB - Description].&amp;[4181513 - Missing]"/>
        <member name="[CB - Account].[Account CB - Description].&amp;[4181514 - Missing]"/>
        <member name="[CB - Account].[Account CB - Description].&amp;[4181515 - Missing]"/>
        <member name="[CB - Account].[Account CB - Description].&amp;[4181517 - Missing]"/>
        <member name="[CB - Account].[Account CB - Description].&amp;[4181518 - Missing]"/>
        <member name="[CB - Account].[Account CB - Description].&amp;[4181519 - Missing]"/>
        <member name="[CB - Account].[Account CB - Description].&amp;[4181520 - Missing]"/>
        <member name="[CB - Account].[Account CB - Description].&amp;[4181521 - Missing]"/>
        <member name="[CB - Account].[Account CB - Description].&amp;[4181522 - Missing]"/>
        <member name="[CB - Account].[Account CB - Description].&amp;[4181523 - Missing]"/>
        <member name="[CB - Account].[Account CB - Description].&amp;[4181524 - Missing]"/>
        <member name="[CB - Account].[Account CB - Description].&amp;[4181525 - Missing]"/>
        <member name="[CB - Account].[Account CB - Description].&amp;[4181526 - Missing]"/>
        <member name="[CB - Account].[Account CB - Description].&amp;[4181527 - Missing]"/>
        <member name="[CB - Account].[Account CB - Description].&amp;[4181528 - Missing]"/>
        <member name="[CB - Account].[Account CB - Description].&amp;[4181530 - Missing]"/>
        <member name="[CB - Account].[Account CB - Description].&amp;[4181531 - Missing]"/>
        <member name="[CB - Account].[Account CB - Description].&amp;[4181532 - Missing]"/>
        <member name="[CB - Account].[Account CB - Description].&amp;[4181534 - Missing]"/>
        <member name="[CB - Account].[Account CB - Description].&amp;[4190001 - Missing]"/>
        <member name="[CB - Account].[Account CB - Description].&amp;[4190004 - Missing]"/>
        <member name="[CB - Account].[Account CB - Description].&amp;[4190005 - Missing]"/>
        <member name="[CB - Account].[Account CB - Description].&amp;[4190006 - Missing]"/>
        <member name="[CB - Account].[Account CB - Description].&amp;[4190007 - Missing]"/>
        <member name="[CB - Account].[Account CB - Description].&amp;[4190008 - Missing]"/>
        <member name="[CB - Account].[Account CB - Description].&amp;[4190009 - Missing]"/>
        <member name="[CB - Account].[Account CB - Description].&amp;[4190010 - Missing]"/>
        <member name="[CB - Account].[Account CB - Description].&amp;[4190011 - Missing]"/>
        <member name="[CB - Account].[Account CB - Description].&amp;[4190012 - Missing]"/>
        <member name="[CB - Account].[Account CB - Description].&amp;[4190013 - Missing]"/>
        <member name="[CB - Account].[Account CB - Description].&amp;[4190014 - Missing]"/>
        <member name="[CB - Account].[Account CB - Description].&amp;[4190015 - Missing]"/>
        <member name="[CB - Account].[Account CB - Description].&amp;[4190017 - Missing]"/>
        <member name="[CB - Account].[Account CB - Description].&amp;[4190018 - Missing]"/>
        <member name="[CB - Account].[Account CB - Description].&amp;[4190020 - Missing]"/>
        <member name="[CB - Account].[Account CB - Description].&amp;[4190021 - Missing]"/>
        <member name="[CB - Account].[Account CB - Description].&amp;[4190022 - Missing]"/>
        <member name="[CB - Account].[Account CB - Description].&amp;[4190023 - Missing]"/>
        <member name="[CB - Account].[Account CB - Description].&amp;[4190027 - Missing]"/>
        <member name="[CB - Account].[Account CB - Description].&amp;[4190034 - Missing]"/>
        <member name="[CB - Account].[Account CB - Description].&amp;[4190035 - Missing]"/>
        <member name="[CB - Account].[Account CB - Description].&amp;[4190036 - Missing]"/>
        <member name="[CB - Account].[Account CB - Description].&amp;[4190037 - Missing]"/>
        <member name="[CB - Account].[Account CB - Description].&amp;[4190038 - Missing]"/>
        <member name="[CB - Account].[Account CB - Description].&amp;[4190039 - Missing]"/>
        <member name="[CB - Account].[Account CB - Description].&amp;[4190040 - Missing]"/>
        <member name="[CB - Account].[Account CB - Description].&amp;[4190041 - Missing]"/>
        <member name="[CB - Account].[Account CB - Description].&amp;[4190042 - Missing]"/>
        <member name="[CB - Account].[Account CB - Description].&amp;[4190043 - Missing]"/>
        <member name="[CB - Account].[Account CB - Description].&amp;[4190045 - Missing]"/>
        <member name="[CB - Account].[Account CB - Description].&amp;[4190047 - Missing]"/>
        <member name="[CB - Account].[Account CB - Description].&amp;[4190048 - Missing]"/>
        <member name="[CB - Account].[Account CB - Description].&amp;[4190051 - Missing]"/>
        <member name="[CB - Account].[Account CB - Description].&amp;[4190055 - Missing]"/>
        <member name="[CB - Account].[Account CB - Description].&amp;[4190058 - Missing]"/>
        <member name="[CB - Account].[Account CB - Description].&amp;[4190059 - Missing]"/>
        <member name="[CB - Account].[Account CB - Description].&amp;[4190060 - Missing]"/>
        <member name="[CB - Account].[Account CB - Description].&amp;[4190061 - Missing]"/>
        <member name="[CB - Account].[Account CB - Description].&amp;[4190063 - Missing]"/>
        <member name="[CB - Account].[Account CB - Description].&amp;[4190064 - Missing]"/>
        <member name="[CB - Account].[Account CB - Description].&amp;[4190065 - Missing]"/>
        <member name="[CB - Account].[Account CB - Description].&amp;[4190066 - Missing]"/>
        <member name="[CB - Account].[Account CB - Description].&amp;[4190067 - Missing]"/>
        <member name="[CB - Account].[Account CB - Description].&amp;[4190068 - Missing]"/>
        <member name="[CB - Account].[Account CB - Description].&amp;[4190069 - Missing]"/>
        <member name="[CB - Account].[Account CB - Description].&amp;[4190070 - Missing]"/>
        <member name="[CB - Account].[Account CB - Description].&amp;[4190071 - Missing]"/>
        <member name="[CB - Account].[Account CB - Description].&amp;[4190072 - Missing]"/>
        <member name="[CB - Account].[Account CB - Description].&amp;[4190073 - Missing]"/>
        <member name="[CB - Account].[Account CB - Description].&amp;[4190074 - Missing]"/>
        <member name="[CB - Account].[Account CB - Description].&amp;[4190075 - Missing]"/>
        <member name="[CB - Account].[Account CB - Description].&amp;[4190076 - Missing]"/>
        <member name="[CB - Account].[Account CB - Description].&amp;[4190077 - Missing]"/>
        <member name="[CB - Account].[Account CB - Description].&amp;[4190078 - Missing]"/>
        <member name="[CB - Account].[Account CB - Description].&amp;[4190079 - Missing]"/>
        <member name="[CB - Account].[Account CB - Description].&amp;[4190080 - Missing]"/>
        <member name="[CB - Account].[Account CB - Description].&amp;[4190081 - Missing]"/>
        <member name="[CB - Account].[Account CB - Description].&amp;[4190082 - Missing]"/>
        <member name="[CB - Account].[Account CB - Description].&amp;[4190084 - Missing]"/>
        <member name="[CB - Account].[Account CB - Description].&amp;[4190085 - Missing]"/>
        <member name="[CB - Account].[Account CB - Description].&amp;[4190086 - Missing]"/>
        <member name="[CB - Account].[Account CB - Description].&amp;[4190088 - Missing]"/>
        <member name="[CB - Account].[Account CB - Description].&amp;[4190089 - Missing]"/>
        <member name="[CB - Account].[Account CB - Description].&amp;[4190090 - Missing]"/>
        <member name="[CB - Account].[Account CB - Description].&amp;[4190091 - Missing]"/>
        <member name="[CB - Account].[Account CB - Description].&amp;[4190092 - Missing]"/>
        <member name="[CB - Account].[Account CB - Description].&amp;[4190093 - Missing]"/>
        <member name="[CB - Account].[Account CB - Description].&amp;[4190095 - Missing]"/>
        <member name="[CB - Account].[Account CB - Description].&amp;[4190097 - Missing]"/>
        <member name="[CB - Account].[Account CB - Description].&amp;[4190098 - Missing]"/>
        <member name="[CB - Account].[Account CB - Description].&amp;[4190100 - Missing]"/>
        <member name="[CB - Account].[Account CB - Description].&amp;[4190111 - Missing]"/>
        <member name="[CB - Account].[Account CB - Description].&amp;[4190112 - Missing]"/>
        <member name="[CB - Account].[Account CB - Description].&amp;[4190113 - Missing]"/>
        <member name="[CB - Account].[Account CB - Description].&amp;[4190114 - Missing]"/>
        <member name="[CB - Account].[Account CB - Description].&amp;[4191001 - Missing]"/>
        <member name="[CB - Account].[Account CB - Description].&amp;[4191003 - Missing]"/>
        <member name="[CB - Account].[Account CB - Description].&amp;[4191005 - Missing]"/>
        <member name="[CB - Account].[Account CB - Description].&amp;[4191006 - Missing]"/>
        <member name="[CB - Account].[Account CB - Description].&amp;[4191007 - Missing]"/>
        <member name="[CB - Account].[Account CB - Description].&amp;[4191009 - Missing]"/>
        <member name="[CB - Account].[Account CB - Description].&amp;[4191010 - Missing]"/>
        <member name="[CB - Account].[Account CB - Description].&amp;[4191011 - Missing]"/>
        <member name="[CB - Account].[Account CB - Description].&amp;[4191012 - Missing]"/>
        <member name="[CB - Account].[Account CB - Description].&amp;[419891 - Missing]"/>
        <member name="[CB - Account].[Account CB - Description].&amp;[4200000 - Contra Transportation Revenues]"/>
        <member name="[CB - Account].[Account CB - Description].&amp;[4200001 - Missing]"/>
        <member name="[CB - Account].[Account CB - Description].&amp;[4200005 - Contra Transportaion Revenues]"/>
        <member name="[CB - Account].[Account CB - Description].&amp;[4210000 - Contra Nonoper Income]"/>
        <member name="[CB - Account].[Account CB - Description].&amp;[4210001 - Missing]"/>
        <member name="[CB - Account].[Account CB - Description].&amp;[4210003 - Missing]"/>
        <member name="[CB - Account].[Account CB - Description].&amp;[4210005 - Missing]"/>
        <member name="[CB - Account].[Account CB - Description].&amp;[4210006 - Missing]"/>
        <member name="[CB - Account].[Account CB - Description].&amp;[4210007 - Missing]"/>
        <member name="[CB - Account].[Account CB - Description].&amp;[4210008 - Missing]"/>
        <member name="[CB - Account].[Account CB - Description].&amp;[4211001 - Missing]"/>
        <member name="[CB - Account].[Account CB - Description].&amp;[4211002 - Missing]"/>
        <member name="[CB - Account].[Account CB - Description].&amp;[4211003 - Missing]"/>
        <member name="[CB - Account].[Account CB - Description].&amp;[4212001 - Missing]"/>
        <member name="[CB - Account].[Account CB - Description].&amp;[4212002 - Missing]"/>
        <member name="[CB - Account].[Account CB - Description].&amp;[4212005 - Missing]"/>
        <member name="[CB - Account].[Account CB - Description].&amp;[4212006 - Missing]"/>
        <member name="[CB - Account].[Account CB - Description].&amp;[4219009 - Missing]"/>
        <member name="[CB - Account].[Account CB - Description].&amp;[4250001 - Missing]"/>
        <member name="[CB - Account].[Account CB - Description].&amp;[4250002 - Missing]"/>
        <member name="[CB - Account].[Account CB - Description].&amp;[4250003 - Missing]"/>
        <member name="[CB - Account].[Account CB - Description].&amp;[4250004 - Missing]"/>
        <member name="[CB - Account].[Account CB - Description].&amp;[4250005 - Missing]"/>
        <member name="[CB - Account].[Account CB - Description].&amp;[4250006 - Missing]"/>
        <member name="[CB - Account].[Account CB - Description].&amp;[4250007 - Missing]"/>
        <member name="[CB - Account].[Account CB - Description].&amp;[4250008 - Missing]"/>
        <member name="[CB - Account].[Account CB - Description].&amp;[4250011 - Missing]"/>
        <member name="[CB - Account].[Account CB - Description].&amp;[4250012 - Missing]"/>
        <member name="[CB - Account].[Account CB - Description].&amp;[4250016 - Missing]"/>
        <member name="[CB - Account].[Account CB - Description].&amp;[4250022 - Missing]"/>
        <member name="[CB - Account].[Account CB - Description].&amp;[4250023 - Missing]"/>
        <member name="[CB - Account].[Account CB - Description].&amp;[4250024 - Missing]"/>
        <member name="[CB - Account].[Account CB - Description].&amp;[4250028 - Missing]"/>
        <member name="[CB - Account].[Account CB - Description].&amp;[4250037 - Missing]"/>
        <member name="[CB - Account].[Account CB - Description].&amp;[4250038 - Missing]"/>
        <member name="[CB - Account].[Account CB - Description].&amp;[4250039 - Missing]"/>
        <member name="[CB - Account].[Account CB - Description].&amp;[4250040 - Missing]"/>
        <member name="[CB - Account].[Account CB - Description].&amp;[4261001 - Missing]"/>
        <member name="[CB - Account].[Account CB - Description].&amp;[4261002 - Missing]"/>
        <member name="[CB - Account].[Account CB - Description].&amp;[4261003 - Missing]"/>
        <member name="[CB - Account].[Account CB - Description].&amp;[4261004 - Missing]"/>
        <member name="[CB - Account].[Account CB - Description].&amp;[4261005 - Missing]"/>
        <member name="[CB - Account].[Account CB - Description].&amp;[4261006 - Missing]"/>
        <member name="[CB - Account].[Account CB - Description].&amp;[4261007 - Missing]"/>
        <member name="[CB - Account].[Account CB - Description].&amp;[4261008 - Missing]"/>
        <member name="[CB - Account].[Account CB - Description].&amp;[4261009 - Missing]"/>
        <member name="[CB - Account].[Account CB - Description].&amp;[4261010 - Missing]"/>
        <member name="[CB - Account].[Account CB - Description].&amp;[4261011 - Missing]"/>
        <member name="[CB - Account].[Account CB - Description].&amp;[4261012 - Missing]"/>
        <member name="[CB - Account].[Account CB - Description].&amp;[4261013 - Missing]"/>
        <member name="[CB - Account].[Account CB - Description].&amp;[4262001 - Missing]"/>
        <member name="[CB - Account].[Account CB - Description].&amp;[4262002 - Missing]"/>
        <member name="[CB - Account].[Account CB - Description].&amp;[4262003 - Missing]"/>
        <member name="[CB - Account].[Account CB - Description].&amp;[4262004 - Missing]"/>
        <member name="[CB - Account].[Account CB - Description].&amp;[4262005 - Missing]"/>
        <member name="[CB - Account].[Account CB - Description].&amp;[4262006 - Missing]"/>
        <member name="[CB - Account].[Account CB - Description].&amp;[4262007 - Missing]"/>
        <member name="[CB - Account].[Account CB - Description].&amp;[4262008 - Missing]"/>
        <member name="[CB - Account].[Account CB - Description].&amp;[4262009 - Missing]"/>
        <member name="[CB - Account].[Account CB - Description].&amp;[4262010 - Missing]"/>
        <member name="[CB - Account].[Account CB - Description].&amp;[4262011 - Missing]"/>
        <member name="[CB - Account].[Account CB - Description].&amp;[4262012 - Missing]"/>
        <member name="[CB - Account].[Account CB - Description].&amp;[4262013 - Missing]"/>
        <member name="[CB - Account].[Account CB - Description].&amp;[4262014 - Missing]"/>
        <member name="[CB - Account].[Account CB - Description].&amp;[4262015 - Missing]"/>
        <member name="[CB - Account].[Account CB - Description].&amp;[4263001 - Missing]"/>
        <member name="[CB - Account].[Account CB - Description].&amp;[4264001 - Missing]"/>
        <member name="[CB - Account].[Account CB - Description].&amp;[4265001 - Missing]"/>
        <member name="[CB - Account].[Account CB - Description].&amp;[4265002 - Missing]"/>
        <member name="[CB - Account].[Account CB - Description].&amp;[4265003 - Missing]"/>
        <member name="[CB - Account].[Account CB - Description].&amp;[4265004 - Missing]"/>
        <member name="[CB - Account].[Account CB - Description].&amp;[4265007 - Missing]"/>
        <member name="[CB - Account].[Account CB - Description].&amp;[4265011 - Missing]"/>
        <member name="[CB - Account].[Account CB - Description].&amp;[4265012 - Missing]"/>
        <member name="[CB - Account].[Account CB - Description].&amp;[4265013 - Missing]"/>
        <member name="[CB - Account].[Account CB - Description].&amp;[4265016 - Minority_Interest_Expense]"/>
        <member name="[CB - Account].[Account CB - Description].&amp;[4265021 - Missing]"/>
        <member name="[CB - Account].[Account CB - Description].&amp;[4265023 - Missing]"/>
        <member name="[CB - Account].[Account CB - Description].&amp;[4270001 - Missing]"/>
        <member name="[CB - Account].[Account CB - Description].&amp;[4270002 - Missing]"/>
        <member name="[CB - Account].[Account CB - Description].&amp;[4270008 - Missing]"/>
        <member name="[CB - Account].[Account CB - Description].&amp;[4270009 - Missing]"/>
        <member name="[CB - Account].[Account CB - Description].&amp;[4270010 - Missing]"/>
        <member name="[CB - Account].[Account CB - Description].&amp;[4270011 - Missing]"/>
        <member name="[CB - Account].[Account CB - Description].&amp;[4270012 - Missing]"/>
        <member name="[CB - Account].[Account CB - Description].&amp;[4270013 - Missing]"/>
        <member name="[CB - Account].[Account CB - Description].&amp;[4270014 - Missing]"/>
        <member name="[CB - Account].[Account CB - Description].&amp;[4270015 - Missing]"/>
        <member name="[CB - Account].[Account CB - Description].&amp;[4270016 - Missing]"/>
        <member name="[CB - Account].[Account CB - Description].&amp;[4270017 - Missing]"/>
        <member name="[CB - Account].[Account CB - Description].&amp;[4270018 - Missing]"/>
        <member name="[CB - Account].[Account CB - Description].&amp;[4270019 - Missing]"/>
        <member name="[CB - Account].[Account CB - Description].&amp;[4270020 - Missing]"/>
        <member name="[CB - Account].[Account CB - Description].&amp;[4270021 - Missing]"/>
        <member name="[CB - Account].[Account CB - Description].&amp;[4270022 - Missing]"/>
        <member name="[CB - Account].[Account CB - Description].&amp;[4270024 - Missing]"/>
        <member name="[CB - Account].[Account CB - Description].&amp;[4270026 - Missing]"/>
        <member name="[CB - Account].[Account CB - Description].&amp;[4270027 - Missing]"/>
        <member name="[CB - Account].[Account CB - Description].&amp;[4270029 - Missing]"/>
        <member name="[CB - Account].[Account CB - Description].&amp;[4270030 - Missing]"/>
        <member name="[CB - Account].[Account CB - Description].&amp;[4270031 - Missing]"/>
        <member name="[CB - Account].[Account CB - Description].&amp;[4270032 - Missing]"/>
        <member name="[CB - Account].[Account CB - Description].&amp;[4270033 - Missing]"/>
        <member name="[CB - Account].[Account CB - Description].&amp;[4270037 - Missing]"/>
        <member name="[CB - Account].[Account CB - Description].&amp;[4270038 - Missing]"/>
        <member name="[CB - Account].[Account CB - Description].&amp;[4270039 - Missing]"/>
        <member name="[CB - Account].[Account CB - Description].&amp;[4270040 - Missing]"/>
        <member name="[CB - Account].[Account CB - Description].&amp;[4270041 - Missing]"/>
        <member name="[CB - Account].[Account CB - Description].&amp;[4270043 - Missing]"/>
        <member name="[CB - Account].[Account CB - Description].&amp;[4270044 - Missing]"/>
        <member name="[CB - Account].[Account CB - Description].&amp;[4270046 - Missing]"/>
        <member name="[CB - Account].[Account CB - Description].&amp;[4270047 - Missing]"/>
        <member name="[CB - Account].[Account CB - Description].&amp;[4270048 - Missing]"/>
        <member name="[CB - Account].[Account CB - Description].&amp;[4270049 - Missing]"/>
        <member name="[CB - Account].[Account CB - Description].&amp;[4270050 - Missing]"/>
        <member name="[CB - Account].[Account CB - Description].&amp;[4270051 - Missing]"/>
        <member name="[CB - Account].[Account CB - Description].&amp;[4270052 - Missing]"/>
        <member name="[CB - Account].[Account CB - Description].&amp;[4270053 - Missing]"/>
        <member name="[CB - Account].[Account CB - Description].&amp;[4270054 - Missing]"/>
        <member name="[CB - Account].[Account CB - Description].&amp;[4270055 - Missing]"/>
        <member name="[CB - Account].[Account CB - Description].&amp;[4270056 - Missing]"/>
        <member name="[CB - Account].[Account CB - Description].&amp;[4270057 - Missing]"/>
        <member name="[CB - Account].[Account CB - Description].&amp;[4270058 - Missing]"/>
        <member name="[CB - Account].[Account CB - Description].&amp;[4270059 - Missing]"/>
        <member name="[CB - Account].[Account CB - Description].&amp;[4270062 - Missing]"/>
        <member name="[CB - Account].[Account CB - Description].&amp;[4270063 - Missing]"/>
        <member name="[CB - Account].[Account CB - Description].&amp;[4270064 - Missing]"/>
        <member name="[CB - Account].[Account CB - Description].&amp;[4280002 - Missing]"/>
        <member name="[CB - Account].[Account CB - Description].&amp;[4280013 - Missing]"/>
        <member name="[CB - Account].[Account CB - Description].&amp;[4280014 - Missing]"/>
        <member name="[CB - Account].[Account CB - Description].&amp;[4280015 - Missing]"/>
        <member name="[CB - Account].[Account CB - Description].&amp;[4280016 - Missing]"/>
        <member name="[CB - Account].[Account CB - Description].&amp;[4280017 - Missing]"/>
        <member name="[CB - Account].[Account CB - Description].&amp;[4280019 - Missing]"/>
        <member name="[CB - Account].[Account CB - Description].&amp;[4280021 - Missing]"/>
        <member name="[CB - Account].[Account CB - Description].&amp;[4280022 - Missing]"/>
        <member name="[CB - Account].[Account CB - Description].&amp;[4280024 - Missing]"/>
        <member name="[CB - Account].[Account CB - Description].&amp;[4280025 - Missing]"/>
        <member name="[CB - Account].[Account CB - Description].&amp;[4280026 - Missing]"/>
        <member name="[CB - Account].[Account CB - Description].&amp;[4280027 - Missing]"/>
        <member name="[CB - Account].[Account CB - Description].&amp;[4280028 - Missing]"/>
        <member name="[CB - Account].[Account CB - Description].&amp;[4280029 - Missing]"/>
        <member name="[CB - Account].[Account CB - Description].&amp;[4280030 - Missing]"/>
        <member name="[CB - Account].[Account CB - Description].&amp;[4280031 - Missing]"/>
        <member name="[CB - Account].[Account CB - Description].&amp;[4280035 - Missing]"/>
        <member name="[CB - Account].[Account CB - Description].&amp;[4280036 - Missing]"/>
        <member name="[CB - Account].[Account CB - Description].&amp;[4280037 - Missing]"/>
        <member name="[CB - Account].[Account CB - Description].&amp;[4280038 - Missing]"/>
        <member name="[CB - Account].[Account CB - Description].&amp;[4280039 - Missing]"/>
        <member name="[CB - Account].[Account CB - Description].&amp;[4280040 - Missing]"/>
        <member name="[CB - Account].[Account CB - Description].&amp;[4280042 - Missing]"/>
        <member name="[CB - Account].[Account CB - Description].&amp;[4280044 - Missing]"/>
        <member name="[CB - Account].[Account CB - Description].&amp;[4280046 - Missing]"/>
        <member name="[CB - Account].[Account CB - Description].&amp;[4280048 - Missing]"/>
        <member name="[CB - Account].[Account CB - Description].&amp;[4280049 - Missing]"/>
        <member name="[CB - Account].[Account CB - Description].&amp;[4280050 - Missing]"/>
        <member name="[CB - Account].[Account CB - Description].&amp;[4280051 - Missing]"/>
        <member name="[CB - Account].[Account CB - Description].&amp;[4280052 - Missing]"/>
        <member name="[CB - Account].[Account CB - Description].&amp;[4280053 - Missing]"/>
        <member name="[CB - Account].[Account CB - Description].&amp;[4280054 - Missing]"/>
        <member name="[CB - Account].[Account CB - Description].&amp;[4280055 - Missing]"/>
        <member name="[CB - Account].[Account CB - Description].&amp;[4280056 - Missing]"/>
        <member name="[CB - Account].[Account CB - Description].&amp;[4280057 - Missing]"/>
        <member name="[CB - Account].[Account CB - Description].&amp;[4280058 - Missing]"/>
        <member name="[CB - Account].[Account CB - Description].&amp;[4280059 - Missing]"/>
        <member name="[CB - Account].[Account CB - Description].&amp;[4280060 - Missing]"/>
        <member name="[CB - Account].[Account CB - Description].&amp;[4280061 - Missing]"/>
        <member name="[CB - Account].[Account CB - Description].&amp;[4280062 - Missing]"/>
        <member name="[CB - Account].[Account CB - Description].&amp;[4280063 - Missing]"/>
        <member name="[CB - Account].[Account CB - Description].&amp;[4280064 - Missing]"/>
        <member name="[CB - Account].[Account CB - Description].&amp;[4280065 - Missing]"/>
        <member name="[CB - Account].[Account CB - Description].&amp;[4280066 - Missing]"/>
        <member name="[CB - Account].[Account CB - Description].&amp;[4280067 - Missing]"/>
        <member name="[CB - Account].[Account CB - Description].&amp;[4280068 - Missing]"/>
        <member name="[CB - Account].[Account CB - Description].&amp;[4280069 - Missing]"/>
        <member name="[CB - Account].[Account CB - Description].&amp;[4280070 - Missing]"/>
        <member name="[CB - Account].[Account CB - Description].&amp;[4280071 - Missing]"/>
        <member name="[CB - Account].[Account CB - Description].&amp;[4280072 - Missing]"/>
        <member name="[CB - Account].[Account CB - Description].&amp;[4280073 - Missing]"/>
        <member name="[CB - Account].[Account CB - Description].&amp;[4281001 - Missing]"/>
        <member name="[CB - Account].[Account CB - Description].&amp;[4281002 - Missing]"/>
        <member name="[CB - Account].[Account CB - Description].&amp;[4281003 - Missing]"/>
        <member name="[CB - Account].[Account CB - Description].&amp;[4281004 - Missing]"/>
        <member name="[CB - Account].[Account CB - Description].&amp;[4281005 - Missing]"/>
        <member name="[CB - Account].[Account CB - Description].&amp;[4281006 - Missing]"/>
        <member name="[CB - Account].[Account CB - Description].&amp;[4281007 - Missing]"/>
        <member name="[CB - Account].[Account CB - Description].&amp;[4281008 - Missing]"/>
        <member name="[CB - Account].[Account CB - Description].&amp;[4281011 - Missing]"/>
        <member name="[CB - Account].[Account CB - Description].&amp;[4281012 - Missing]"/>
        <member name="[CB - Account].[Account CB - Description].&amp;[4281015 - Missing]"/>
        <member name="[CB - Account].[Account CB - Description].&amp;[4281016 - Missing]"/>
        <member name="[CB - Account].[Account CB - Description].&amp;[4290001 - Missing]"/>
        <member name="[CB - Account].[Account CB - Description].&amp;[4290002 - Missing]"/>
        <member name="[CB - Account].[Account CB - Description].&amp;[4290003 - Missing]"/>
        <member name="[CB - Account].[Account CB - Description].&amp;[4300001 - Missing]"/>
        <member name="[CB - Account].[Account CB - Description].&amp;[4300003 - Missing]"/>
        <member name="[CB - Account].[Account CB - Description].&amp;[4300005 - Missing]"/>
        <member name="[CB - Account].[Account CB - Description].&amp;[4300006 - Missing]"/>
        <member name="[CB - Account].[Account CB - Description].&amp;[4300007 - Missing]"/>
        <member name="[CB - Account].[Account CB - Description].&amp;[4300008 - Missing]"/>
        <member name="[CB - Account].[Account CB - Description].&amp;[4300009 - Missing]"/>
        <member name="[CB - Account].[Account CB - Description].&amp;[4300010 - Missing]"/>
        <member name="[CB - Account].[Account CB - Description].&amp;[4300011 - Missing]"/>
        <member name="[CB - Account].[Account CB - Description].&amp;[4300012 - Missing]"/>
        <member name="[CB - Account].[Account CB - Description].&amp;[4300013 - Missing]"/>
        <member name="[CB - Account].[Account CB - Description].&amp;[4300022 - Missing]"/>
        <member name="[CB - Account].[Account CB - Description].&amp;[4300023 - Missing]"/>
        <member name="[CB - Account].[Account CB - Description].&amp;[4300024 - Missing]"/>
        <member name="[CB - Account].[Account CB - Description].&amp;[4300026 - Missing]"/>
        <member name="[CB - Account].[Account CB - Description].&amp;[4300027 - Missing]"/>
        <member name="[CB - Account].[Account CB - Description].&amp;[4300028 - Missing]"/>
        <member name="[CB - Account].[Account CB - Description].&amp;[4300029 - Missing]"/>
        <member name="[CB - Account].[Account CB - Description].&amp;[4300030 - Missing]"/>
        <member name="[CB - Account].[Account CB - Description].&amp;[4300031 - Missing]"/>
        <member name="[CB - Account].[Account CB - Description].&amp;[4300032 - Missing]"/>
        <member name="[CB - Account].[Account CB - Description].&amp;[4300033 - Missing]"/>
        <member name="[CB - Account].[Account CB - Description].&amp;[4300034 - Missing]"/>
        <member name="[CB - Account].[Account CB - Description].&amp;[4300035 - Missing]"/>
        <member name="[CB - Account].[Account CB - Description].&amp;[4300036 - Missing]"/>
        <member name="[CB - Account].[Account CB - Description].&amp;[4300037 - Missing]"/>
        <member name="[CB - Account].[Account CB - Description].&amp;[4300040 - Missing]"/>
        <member name="[CB - Account].[Account CB - Description].&amp;[4300041 - Missing]"/>
        <member name="[CB - Account].[Account CB - Description].&amp;[4300042 - Missing]"/>
        <member name="[CB - Account].[Account CB - Description].&amp;[4300043 - Missing]"/>
        <member name="[CB - Account].[Account CB - Description].&amp;[4300044 - Missing]"/>
        <member name="[CB - Account].[Account CB - Description].&amp;[4300045 - Missing]"/>
        <member name="[CB - Account].[Account CB - Description].&amp;[4300046 - Missing]"/>
        <member name="[CB - Account].[Account CB - Description].&amp;[4300047 - Missing]"/>
        <member name="[CB - Account].[Account CB - Description].&amp;[4300048 - Missing]"/>
        <member name="[CB - Account].[Account CB - Description].&amp;[4300049 - Missing]"/>
        <member name="[CB - Account].[Account CB - Description].&amp;[4300050 - Missing]"/>
        <member name="[CB - Account].[Account CB - Description].&amp;[4300051 - Missing]"/>
        <member name="[CB - Account].[Account CB - Description].&amp;[4300052 - Missing]"/>
        <member name="[CB - Account].[Account CB - Description].&amp;[4300053 - Missing]"/>
        <member name="[CB - Account].[Account CB - Description].&amp;[4300054 - Missing]"/>
        <member name="[CB - Account].[Account CB - Description].&amp;[4300055 - Missing]"/>
        <member name="[CB - Account].[Account CB - Description].&amp;[4300056 - Missing]"/>
        <member name="[CB - Account].[Account CB - Description].&amp;[4300058 - Missing]"/>
        <member name="[CB - Account].[Account CB - Description].&amp;[4300059 - Missing]"/>
        <member name="[CB - Account].[Account CB - Description].&amp;[4300060 - Missing]"/>
        <member name="[CB - Account].[Account CB - Description].&amp;[4300061 - Missing]"/>
        <member name="[CB - Account].[Account CB - Description].&amp;[4300062 - Missing]"/>
        <member name="[CB - Account].[Account CB - Description].&amp;[4300063 - Missing]"/>
        <member name="[CB - Account].[Account CB - Description].&amp;[4300067 - Missing]"/>
        <member name="[CB - Account].[Account CB - Description].&amp;[4300068 - Missing]"/>
        <member name="[CB - Account].[Account CB - Description].&amp;[4300069 - Missing]"/>
        <member name="[CB - Account].[Account CB - Description].&amp;[4300072 - Missing]"/>
        <member name="[CB - Account].[Account CB - Description].&amp;[4300073 - Missing]"/>
        <member name="[CB - Account].[Account CB - Description].&amp;[4300074 - Missing]"/>
        <member name="[CB - Account].[Account CB - Description].&amp;[4300075 - Missing]"/>
        <member name="[CB - Account].[Account CB - Description].&amp;[4300077 - Missing]"/>
        <member name="[CB - Account].[Account CB - Description].&amp;[4300079 - Missing]"/>
        <member name="[CB - Account].[Account CB - Description].&amp;[4310004 - Missing]"/>
        <member name="[CB - Account].[Account CB - Description].&amp;[4310005 - Missing]"/>
        <member name="[CB - Account].[Account CB - Description].&amp;[4310012 - Missing]"/>
        <member name="[CB - Account].[Account CB - Description].&amp;[4310013 - Missing]"/>
        <member name="[CB - Account].[Account CB - Description].&amp;[4310015 - Missing]"/>
        <member name="[CB - Account].[Account CB - Description].&amp;[4310016 - Missing]"/>
        <member name="[CB - Account].[Account CB - Description].&amp;[4310018 - Missing]"/>
        <member name="[CB - Account].[Account CB - Description].&amp;[4310023 - Missing]"/>
        <member name="[CB - Account].[Account CB - Description].&amp;[4310024 - Missing]"/>
        <member name="[CB - Account].[Account CB - Description].&amp;[4310025 - Missing]"/>
        <member name="[CB - Account].[Account CB - Description].&amp;[4310026 - Missing]"/>
        <member name="[CB - Account].[Account CB - Description].&amp;[4310027 - Missing]"/>
        <member name="[CB - Account].[Account CB - Description].&amp;[4310028 - Missing]"/>
        <member name="[CB - Account].[Account CB - Description].&amp;[4310029 - Missing]"/>
        <member name="[CB - Account].[Account CB - Description].&amp;[4310030 - Missing]"/>
        <member name="[CB - Account].[Account CB - Description].&amp;[4310031 - Missing]"/>
        <member name="[CB - Account].[Account CB - Description].&amp;[4310032 - Missing]"/>
        <member name="[CB - Account].[Account CB - Description].&amp;[4310033 - Missing]"/>
        <member name="[CB - Account].[Account CB - Description].&amp;[4320001 - Missing]"/>
        <member name="[CB - Account].[Account CB - Description].&amp;[4320002 - Missing]"/>
        <member name="[CB - Account].[Account CB - Description].&amp;[4330001 - Missing]"/>
        <member name="[CB - Account].[Account CB - Description].&amp;[4330003 - Missing]"/>
        <member name="[CB - Account].[Account CB - Description].&amp;[4340001 - Missing]"/>
        <member name="[CB - Account].[Account CB - Description].&amp;[4360000 - Missing]"/>
        <member name="[CB - Account].[Account CB - Description].&amp;[4380001 - Missing]"/>
        <member name="[CB - Account].[Account CB - Description].&amp;[4380002 - Missing]"/>
        <member name="[CB - Account].[Account CB - Description].&amp;[4390002 - OCI_Rollup_Acct]"/>
        <member name="[CB - Account].[Account CB - Description].&amp;[4390003 - Missing]"/>
        <member name="[CB - Account].[Account CB - Description].&amp;[4400000 - Contra Storage Revenues]"/>
        <member name="[CB - Account].[Account CB - Description].&amp;[4470001 - Missing]"/>
        <member name="[CB - Account].[Account CB - Description].&amp;[4470002 - Missing]"/>
        <member name="[CB - Account].[Account CB - Description].&amp;[4470003 - Missing]"/>
        <member name="[CB - Account].[Account CB - Description].&amp;[4470005 - Missing]"/>
        <member name="[CB - Account].[Account CB - Description].&amp;[4470006 - Missing]"/>
        <member name="[CB - Account].[Account CB - Description].&amp;[4470008 - Missing]"/>
        <member name="[CB - Account].[Account CB - Description].&amp;[4470009 - Missing]"/>
        <member name="[CB - Account].[Account CB - Description].&amp;[4470010 - Missing]"/>
        <member name="[CB - Account].[Account CB - Description].&amp;[4470011 - Missing]"/>
        <member name="[CB - Account].[Account CB - Description].&amp;[4470012 - Missing]"/>
        <member name="[CB - Account].[Account CB - Description].&amp;[4470014 - Missing]"/>
        <member name="[CB - Account].[Account CB - Description].&amp;[4470016 - Missing]"/>
        <member name="[CB - Account].[Account CB - Description].&amp;[4470018 - Missing]"/>
        <member name="[CB - Account].[Account CB - Description].&amp;[4470019 - Missing]"/>
        <member name="[CB - Account].[Account CB - Description].&amp;[4470020 - Missing]"/>
        <member name="[CB - Account].[Account CB - Description].&amp;[4470021 - Missing]"/>
        <member name="[CB - Account].[Account CB - Description].&amp;[4470022 - Missing]"/>
        <member name="[CB - Account].[Account CB - Description].&amp;[4470023 - Missing]"/>
        <member name="[CB - Account].[Account CB - Description].&amp;[4470024 - Missing]"/>
        <member name="[CB - Account].[Account CB - Description].&amp;[4470025 - Missing]"/>
        <member name="[CB - Account].[Account CB - Description].&amp;[4470026 - Missing]"/>
        <member name="[CB - Account].[Account CB - Description].&amp;[4490001 - Missing]"/>
        <member name="[CB - Account].[Account CB - Description].&amp;[4490002 - Missing]"/>
        <member name="[CB - Account].[Account CB - Description].&amp;[4500000 - Contra Electric Sales]"/>
        <member name="[CB - Account].[Account CB - Description].&amp;[4510001 - Missing]"/>
        <member name="[CB - Account].[Account CB - Description].&amp;[4550000 - Contra TM Electric Sales]"/>
        <member name="[CB - Account].[Account CB - Description].&amp;[4569100 - Missing]"/>
        <member name="[CB - Account].[Account CB - Description].&amp;[4600000 - Contra Operating Revenues]"/>
        <member name="[CB - Account].[Account CB - Description].&amp;[4600001 - Contra Operating Revenue - Reg]"/>
        <member name="[CB - Account].[Account CB - Description].&amp;[4660000 - Commodity Purchase Contra Acct]"/>
        <member name="[CB - Account].[Account CB - Description].&amp;[4665000 - Derivative Contra Purchase]"/>
        <member name="[CB - Account].[Account CB - Description].&amp;[4700000 - Contra Liquid Sales]"/>
        <member name="[CB - Account].[Account CB - Description].&amp;[4710000 - Missing]"/>
        <member name="[CB - Account].[Account CB - Description].&amp;[4710001 - Missing]"/>
        <member name="[CB - Account].[Account CB - Description].&amp;[4750000 - Contra LPG Sale]"/>
        <member name="[CB - Account].[Account CB - Description].&amp;[4800000 - Contra Refined Product Sale]"/>
        <member name="[CB - Account].[Account CB - Description].&amp;[4810011 - Missing]"/>
        <member name="[CB - Account].[Account CB - Description].&amp;[4830001 - Missing]"/>
        <member name="[CB - Account].[Account CB - Description].&amp;[4830002 - Missing]"/>
        <member name="[CB - Account].[Account CB - Description].&amp;[4830003 - Missing]"/>
        <member name="[CB - Account].[Account CB - Description].&amp;[4830004 - Missing]"/>
        <member name="[CB - Account].[Account CB - Description].&amp;[4830005 - Missing]"/>
        <member name="[CB - Account].[Account CB - Description].&amp;[4830006 - Missing]"/>
        <member name="[CB - Account].[Account CB - Description].&amp;[4830007 - Missing]"/>
        <member name="[CB - Account].[Account CB - Description].&amp;[4830008 - Missing]"/>
        <member name="[CB - Account].[Account CB - Description].&amp;[4830010 - Missing]"/>
        <member name="[CB - Account].[Account CB - Description].&amp;[4830011 - Missing]"/>
        <member name="[CB - Account].[Account CB - Description].&amp;[4830012 - Missing]"/>
        <member name="[CB - Account].[Account CB - Description].&amp;[4830013 - Missing]"/>
        <member name="[CB - Account].[Account CB - Description].&amp;[4830015 - Missing]"/>
        <member name="[CB - Account].[Account CB - Description].&amp;[4830016 - Missing]"/>
        <member name="[CB - Account].[Account CB - Description].&amp;[4830017 - Missing]"/>
        <member name="[CB - Account].[Account CB - Description].&amp;[4830018 - Missing]"/>
        <member name="[CB - Account].[Account CB - Description].&amp;[4830020 - Missing]"/>
        <member name="[CB - Account].[Account CB - Description].&amp;[4830022 - Missing]"/>
        <member name="[CB - Account].[Account CB - Description].&amp;[4830023 - Missing]"/>
        <member name="[CB - Account].[Account CB - Description].&amp;[4830024 - Missing]"/>
        <member name="[CB - Account].[Account CB - Description].&amp;[4830032 - Missing]"/>
        <member name="[CB - Account].[Account CB - Description].&amp;[4830033 - Missing]"/>
        <member name="[CB - Account].[Account CB - Description].&amp;[4830035 - Missing]"/>
        <member name="[CB - Account].[Account CB - Description].&amp;[4830037 - Missing]"/>
        <member name="[CB - Account].[Account CB - Description].&amp;[4830040 - Missing]"/>
        <member name="[CB - Account].[Account CB - Description].&amp;[4830041 - Missing]"/>
        <member name="[CB - Account].[Account CB - Description].&amp;[4830042 - Missing]"/>
        <member name="[CB - Account].[Account CB - Description].&amp;[4830044 - Missing]"/>
        <member name="[CB - Account].[Account CB - Description].&amp;[4850000 - Contra Crude Oil Sales]"/>
        <member name="[CB - Account].[Account CB - Description].&amp;[4870001 - Missing]"/>
        <member name="[CB - Account].[Account CB - Description].&amp;[4880001 - Missing]"/>
        <member name="[CB - Account].[Account CB - Description].&amp;[4880003 - Missing]"/>
        <member name="[CB - Account].[Account CB - Description].&amp;[4880004 - Missing]"/>
        <member name="[CB - Account].[Account CB - Description].&amp;[4880005 - Missing]"/>
        <member name="[CB - Account].[Account CB - Description].&amp;[4880006 - Missing]"/>
        <member name="[CB - Account].[Account CB - Description].&amp;[4880007 - Missing]"/>
        <member name="[CB - Account].[Account CB - Description].&amp;[4880008 - Missing]"/>
        <member name="[CB - Account].[Account CB - Description].&amp;[4880010 - Missing]"/>
        <member name="[CB - Account].[Account CB - Description].&amp;[4880011 - Missing]"/>
        <member name="[CB - Account].[Account CB - Description].&amp;[4880012 - Missing]"/>
        <member name="[CB - Account].[Account CB - Description].&amp;[4880013 - Missing]"/>
        <member name="[CB - Account].[Account CB - Description].&amp;[4880014 - Missing]"/>
        <member name="[CB - Account].[Account CB - Description].&amp;[4880015 - Missing]"/>
        <member name="[CB - Account].[Account CB - Description].&amp;[4880016 - Missing]"/>
        <member name="[CB - Account].[Account CB - Description].&amp;[4880017 - Missing]"/>
        <member name="[CB - Account].[Account CB - Description].&amp;[4880018 - Missing]"/>
        <member name="[CB - Account].[Account CB - Description].&amp;[4880019 - Missing]"/>
        <member name="[CB - Account].[Account CB - Description].&amp;[4880020 - Missing]"/>
        <member name="[CB - Account].[Account CB - Description].&amp;[4890001 - Missing]"/>
        <member name="[CB - Account].[Account CB - Description].&amp;[4891001 - Missing]"/>
        <member name="[CB - Account].[Account CB - Description].&amp;[4891006 - Missing]"/>
        <member name="[CB - Account].[Account CB - Description].&amp;[4891018 - Missing]"/>
        <member name="[CB - Account].[Account CB - Description].&amp;[4891020 - Missing]"/>
        <member name="[CB - Account].[Account CB - Description].&amp;[4892001 - Missing]"/>
        <member name="[CB - Account].[Account CB - Description].&amp;[4892002 - Missing]"/>
        <member name="[CB - Account].[Account CB - Description].&amp;[4892003 - Missing]"/>
        <member name="[CB - Account].[Account CB - Description].&amp;[4892004 - Missing]"/>
        <member name="[CB - Account].[Account CB - Description].&amp;[4892006 - Missing]"/>
        <member name="[CB - Account].[Account CB - Description].&amp;[4892009 - Missing]"/>
        <member name="[CB - Account].[Account CB - Description].&amp;[4892010 - Missing]"/>
        <member name="[CB - Account].[Account CB - Description].&amp;[4892011 - Missing]"/>
        <member name="[CB - Account].[Account CB - Description].&amp;[4892012 - Missing]"/>
        <member name="[CB - Account].[Account CB - Description].&amp;[4892015 - Missing]"/>
        <member name="[CB - Account].[Account CB - Description].&amp;[4892017 - Missing]"/>
        <member name="[CB - Account].[Account CB - Description].&amp;[4892019 - Missing]"/>
        <member name="[CB - Account].[Account CB - Description].&amp;[4892090 - Missing]"/>
        <member name="[CB - Account].[Account CB - Description].&amp;[4892091 - Missing]"/>
        <member name="[CB - Account].[Account CB - Description].&amp;[4892092 - Missing]"/>
        <member name="[CB - Account].[Account CB - Description].&amp;[4892098 - Missing]"/>
        <member name="[CB - Account].[Account CB - Description].&amp;[4892099 - Missing]"/>
        <member name="[CB - Account].[Account CB - Description].&amp;[4892100 - Missing]"/>
        <member name="[CB - Account].[Account CB - Description].&amp;[4892101 - Missing]"/>
        <member name="[CB - Account].[Account CB - Description].&amp;[4892102 - Missing]"/>
        <member name="[CB - Account].[Account CB - Description].&amp;[4892103 - Missing]"/>
        <member name="[CB - Account].[Account CB - Description].&amp;[4892105 - Missing]"/>
        <member name="[CB - Account].[Account CB - Description].&amp;[4892106 - Missing]"/>
        <member name="[CB - Account].[Account CB - Description].&amp;[4892108 - Missing]"/>
        <member name="[CB - Account].[Account CB - Description].&amp;[4892109 - Missing]"/>
        <member name="[CB - Account].[Account CB - Description].&amp;[4892110 - Missing]"/>
        <member name="[CB - Account].[Account CB - Description].&amp;[4892111 - Revenue-Tran_ne Rates-I/C]"/>
        <member name="[CB - Account].[Account CB - Description].&amp;[4892112 - Missing]"/>
        <member name="[CB - Account].[Account CB - Description].&amp;[4893001 - Missing]"/>
        <member name="[CB - Account].[Account CB - Description].&amp;[4893002 - Missing]"/>
        <member name="[CB - Account].[Account CB - Description].&amp;[4893003 - Missing]"/>
        <member name="[CB - Account].[Account CB - Description].&amp;[4894001 - Missing]"/>
        <member name="[CB - Account].[Account CB - Description].&amp;[4894002 - Missing]"/>
        <member name="[CB - Account].[Account CB - Description].&amp;[4894006 - Missing]"/>
        <member name="[CB - Account].[Account CB - Description].&amp;[4894014 - Missing]"/>
        <member name="[CB - Account].[Account CB - Description].&amp;[4894049 - Missing]"/>
        <member name="[CB - Account].[Account CB - Description].&amp;[4894060 - Missing]"/>
        <member name="[CB - Account].[Account CB - Description].&amp;[4900010 - Missing]"/>
        <member name="[CB - Account].[Account CB - Description].&amp;[4900015 - Missing]"/>
        <member name="[CB - Account].[Account CB - Description].&amp;[4900016 - Missing]"/>
        <member name="[CB - Account].[Account CB - Description].&amp;[4900018 - Missing]"/>
        <member name="[CB - Account].[Account CB - Description].&amp;[4910001 - Missing]"/>
        <member name="[CB - Account].[Account CB - Description].&amp;[4910002 - Missing]"/>
        <member name="[CB - Account].[Account CB - Description].&amp;[4910003 - Missing]"/>
        <member name="[CB - Account].[Account CB - Description].&amp;[4910004 - Missing]"/>
        <member name="[CB - Account].[Account CB - Description].&amp;[4910015 - Missing]"/>
        <member name="[CB - Account].[Account CB - Description].&amp;[4910016 - Missing]"/>
        <member name="[CB - Account].[Account CB - Description].&amp;[4910017 - Missing]"/>
        <member name="[CB - Account].[Account CB - Description].&amp;[4910018 - Missing]"/>
        <member name="[CB - Account].[Account CB - Description].&amp;[4920001 - Missing]"/>
        <member name="[CB - Account].[Account CB - Description].&amp;[4920002 - Missing]"/>
        <member name="[CB - Account].[Account CB - Description].&amp;[4920003 - Missing]"/>
        <member name="[CB - Account].[Account CB - Description].&amp;[4920004 - Missing]"/>
        <member name="[CB - Account].[Account CB - Description].&amp;[4920006 - Missing]"/>
        <member name="[CB - Account].[Account CB - Description].&amp;[4920007 - Missing]"/>
        <member name="[CB - Account].[Account CB - Description].&amp;[4920008 - Missing]"/>
        <member name="[CB - Account].[Account CB - Description].&amp;[4930001 - Missing]"/>
        <member name="[CB - Account].[Account CB - Description].&amp;[4930002 - Missing]"/>
        <member name="[CB - Account].[Account CB - Description].&amp;[4930003 - Missing]"/>
        <member name="[CB - Account].[Account CB - Description].&amp;[4940001 - Missing]"/>
        <member name="[CB - Account].[Account CB - Description].&amp;[4940002 - Missing]"/>
        <member name="[CB - Account].[Account CB - Description].&amp;[4940003 - Missing]"/>
        <member name="[CB - Account].[Account CB - Description].&amp;[4940004 - Missing]"/>
        <member name="[CB - Account].[Account CB - Description].&amp;[4940005 - Missing]"/>
        <member name="[CB - Account].[Account CB - Description].&amp;[4940006 - Missing]"/>
        <member name="[CB - Account].[Account CB - Description].&amp;[4940007 - Missing]"/>
        <member name="[CB - Account].[Account CB - Description].&amp;[4940008 - Missing]"/>
        <member name="[CB - Account].[Account CB - Description].&amp;[4940009 - Missing]"/>
        <member name="[CB - Account].[Account CB - Description].&amp;[4940010 - Missing]"/>
        <member name="[CB - Account].[Account CB - Description].&amp;[4940011 - Missing]"/>
        <member name="[CB - Account].[Account CB - Description].&amp;[4940012 - Missing]"/>
        <member name="[CB - Account].[Account CB - Description].&amp;[4940013 - Missing]"/>
        <member name="[CB - Account].[Account CB - Description].&amp;[4940014 - Missing]"/>
        <member name="[CB - Account].[Account CB - Description].&amp;[4940015 - Missing]"/>
        <member name="[CB - Account].[Account CB - Description].&amp;[4940016 - Missing]"/>
        <member name="[CB - Account].[Account CB - Description].&amp;[4940017 - Missing]"/>
        <member name="[CB - Account].[Account CB - Description].&amp;[4940019 - Missing]"/>
        <member name="[CB - Account].[Account CB - Description].&amp;[4940020 - Missing]"/>
        <member name="[CB - Account].[Account CB - Description].&amp;[4940023 - Missing]"/>
        <member name="[CB - Account].[Account CB - Description].&amp;[4940024 - Missing]"/>
        <member name="[CB - Account].[Account CB - Description].&amp;[4940025 - Missing]"/>
        <member name="[CB - Account].[Account CB - Description].&amp;[4940027 - Missing]"/>
        <member name="[CB - Account].[Account CB - Description].&amp;[4940028 - Missing]"/>
        <member name="[CB - Account].[Account CB - Description].&amp;[4940029 - Missing]"/>
        <member name="[CB - Account].[Account CB - Description].&amp;[4940030 - Missing]"/>
        <member name="[CB - Account].[Account CB - Description].&amp;[4940031 - Missing]"/>
        <member name="[CB - Account].[Account CB - Description].&amp;[4940032 - Missing]"/>
        <member name="[CB - Account].[Account CB - Description].&amp;[4940035 - Missing]"/>
        <member name="[CB - Account].[Account CB - Description].&amp;[4940038 - Missing]"/>
        <member name="[CB - Account].[Account CB - Description].&amp;[4940039 - Missing]"/>
        <member name="[CB - Account].[Account CB - Description].&amp;[4940041 - Missing]"/>
        <member name="[CB - Account].[Account CB - Description].&amp;[4940043 - Missing]"/>
        <member name="[CB - Account].[Account CB - Description].&amp;[4940046 - Missing]"/>
        <member name="[CB - Account].[Account CB - Description].&amp;[4940047 - Missing]"/>
        <member name="[CB - Account].[Account CB - Description].&amp;[4940048 - Missing]"/>
        <member name="[CB - Account].[Account CB - Description].&amp;[4940049 - Missing]"/>
        <member name="[CB - Account].[Account CB - Description].&amp;[4940051 - Missing]"/>
        <member name="[CB - Account].[Account CB - Description].&amp;[4940055 - Missing]"/>
        <member name="[CB - Account].[Account CB - Description].&amp;[4940058 - Missing]"/>
        <member name="[CB - Account].[Account CB - Description].&amp;[4940060 - Missing]"/>
        <member name="[CB - Account].[Account CB - Description].&amp;[4940065 - Missing]"/>
        <member name="[CB - Account].[Account CB - Description].&amp;[4940066 - Missing]"/>
        <member name="[CB - Account].[Account CB - Description].&amp;[4940067 - Missing]"/>
        <member name="[CB - Account].[Account CB - Description].&amp;[4940068 - Missing]"/>
        <member name="[CB - Account].[Account CB - Description].&amp;[4940069 - Missing]"/>
        <member name="[CB - Account].[Account CB - Description].&amp;[4940071 - Missing]"/>
        <member name="[CB - Account].[Account CB - Description].&amp;[4940072 - Missing]"/>
        <member name="[CB - Account].[Account CB - Description].&amp;[4940075 - Missing]"/>
        <member name="[CB - Account].[Account CB - Description].&amp;[4940111 - Missing]"/>
        <member name="[CB - Account].[Account CB - Description].&amp;[4940112 - Missing]"/>
        <member name="[CB - Account].[Account CB - Description].&amp;[4940113 - Missing]"/>
        <member name="[CB - Account].[Account CB - Description].&amp;[4940114 - Missing]"/>
        <member name="[CB - Account].[Account CB - Description].&amp;[4940115 - Missing]"/>
        <member name="[CB - Account].[Account CB - Description].&amp;[4940116 - Missing]"/>
        <member name="[CB - Account].[Account CB - Description].&amp;[4940117 - Missing]"/>
        <member name="[CB - Account].[Account CB - Description].&amp;[4940118 - Missing]"/>
        <member name="[CB - Account].[Account CB - Description].&amp;[4940119 - Missing]"/>
        <member name="[CB - Account].[Account CB - Description].&amp;[4940120 - Missing]"/>
        <member name="[CB - Account].[Account CB - Description].&amp;[4940121 - Missing]"/>
        <member name="[CB - Account].[Account CB - Description].&amp;[4940122 - Missing]"/>
        <member name="[CB - Account].[Account CB - Description].&amp;[4940123 - Missing]"/>
        <member name="[CB - Account].[Account CB - Description].&amp;[4940124 - Missing]"/>
        <member name="[CB - Account].[Account CB - Description].&amp;[4940125 - Missing]"/>
        <member name="[CB - Account].[Account CB - Description].&amp;[4940126 - Missing]"/>
        <member name="[CB - Account].[Account CB - Description].&amp;[4940127 - Missing]"/>
        <member name="[CB - Account].[Account CB - Description].&amp;[4940128 - Missing]"/>
        <member name="[CB - Account].[Account CB - Description].&amp;[4940129 - Missing]"/>
        <member name="[CB - Account].[Account CB - Description].&amp;[4940130 - Missing]"/>
        <member name="[CB - Account].[Account CB - Description].&amp;[4940131 - Missing]"/>
        <member name="[CB - Account].[Account CB - Description].&amp;[4940133 - Missing]"/>
        <member name="[CB - Account].[Account CB - Description].&amp;[4940134 - Missing]"/>
        <member name="[CB - Account].[Account CB - Description].&amp;[4940135 - Missing]"/>
        <member name="[CB - Account].[Account CB - Description].&amp;[4950003 - Missing]"/>
        <member name="[CB - Account].[Account CB - Description].&amp;[4950006 - Missing]"/>
        <member name="[CB - Account].[Account CB - Description].&amp;[4950013 - Missing]"/>
        <member name="[CB - Account].[Account CB - Description].&amp;[4950014 - Missing]"/>
        <member name="[CB - Account].[Account CB - Description].&amp;[4950017 - Missing]"/>
        <member name="[CB - Account].[Account CB - Description].&amp;[4950019 - Missing]"/>
        <member name="[CB - Account].[Account CB - Description].&amp;[4950022 - Missing]"/>
        <member name="[CB - Account].[Account CB - Description].&amp;[4950025 - Missing]"/>
        <member name="[CB - Account].[Account CB - Description].&amp;[4950055 - Missing]"/>
        <member name="[CB - Account].[Account CB - Description].&amp;[4950056 - Missing]"/>
        <member name="[CB - Account].[Account CB - Description].&amp;[4950057 - Missing]"/>
        <member name="[CB - Account].[Account CB - Description].&amp;[4950058 - Missing]"/>
        <member name="[CB - Account].[Account CB - Description].&amp;[4950059 - Missing]"/>
        <member name="[CB - Account].[Account CB - Description].&amp;[4950060 - Missing]"/>
        <member name="[CB - Account].[Account CB - Description].&amp;[4950061 - Missing]"/>
        <member name="[CB - Account].[Account CB - Description].&amp;[4950062 - Missing]"/>
        <member name="[CB - Account].[Account CB - Description].&amp;[4950063 - Missing]"/>
        <member name="[CB - Account].[Account CB - Description].&amp;[4950064 - Missing]"/>
        <member name="[CB - Account].[Account CB - Description].&amp;[4950065 - Missing]"/>
        <member name="[CB - Account].[Account CB - Description].&amp;[4950066 - Missing]"/>
        <member name="[CB - Account].[Account CB - Description].&amp;[4950067 - Missing]"/>
        <member name="[CB - Account].[Account CB - Description].&amp;[4950068 - Missing]"/>
        <member name="[CB - Account].[Account CB - Description].&amp;[4950069 - Missing]"/>
        <member name="[CB - Account].[Account CB - Description].&amp;[4950070 - Missing]"/>
        <member name="[CB - Account].[Account CB - Description].&amp;[4950072 - Missing]"/>
        <member name="[CB - Account].[Account CB - Description].&amp;[4950074 - Missing]"/>
        <member name="[CB - Account].[Account CB - Description].&amp;[4950075 - Missing]"/>
        <member name="[CB - Account].[Account CB - Description].&amp;[4950076 - Missing]"/>
        <member name="[CB - Account].[Account CB - Description].&amp;[4950077 - Missing]"/>
        <member name="[CB - Account].[Account CB - Description].&amp;[4950078 - Missing]"/>
        <member name="[CB - Account].[Account CB - Description].&amp;[4950079 - Missing]"/>
        <member name="[CB - Account].[Account CB - Description].&amp;[4950084 - Missing]"/>
        <member name="[CB - Account].[Account CB - Description].&amp;[4950085 - Missing]"/>
        <member name="[CB - Account].[Account CB - Description].&amp;[4950086 - Missing]"/>
        <member name="[CB - Account].[Account CB - Description].&amp;[4950087 - Missing]"/>
        <member name="[CB - Account].[Account CB - Description].&amp;[4950088 - Missing]"/>
        <member name="[CB - Account].[Account CB - Description].&amp;[4950091 - Missing]"/>
        <member name="[CB - Account].[Account CB - Description].&amp;[4950092 - Missing]"/>
        <member name="[CB - Account].[Account CB - Description].&amp;[4950094 - Missing]"/>
        <member name="[CB - Account].[Account CB - Description].&amp;[4950096 - Missing]"/>
        <member name="[CB - Account].[Account CB - Description].&amp;[4950100 - Missing]"/>
        <member name="[CB - Account].[Account CB - Description].&amp;[4950103 - Missing]"/>
        <member name="[CB - Account].[Account CB - Description].&amp;[4950104 - Missing]"/>
        <member name="[CB - Account].[Account CB - Description].&amp;[4950105 - Missing]"/>
        <member name="[CB - Account].[Account CB - Description].&amp;[4950106 - Missing]"/>
        <member name="[CB - Account].[Account CB - Description].&amp;[4950107 - Missing]"/>
        <member name="[CB - Account].[Account CB - Description].&amp;[4950108 - Missing]"/>
        <member name="[CB - Account].[Account CB - Description].&amp;[4950109 - Missing]"/>
        <member name="[CB - Account].[Account CB - Description].&amp;[4950110 - Missing]"/>
        <member name="[CB - Account].[Account CB - Description].&amp;[4950111 - Missing]"/>
        <member name="[CB - Account].[Account CB - Description].&amp;[4950113 - Missing]"/>
        <member name="[CB - Account].[Account CB - Description].&amp;[4950114 - Missing]"/>
        <member name="[CB - Account].[Account CB - Description].&amp;[4950115 - Missing]"/>
        <member name="[CB - Account].[Account CB - Description].&amp;[4960001 - Missing]"/>
        <member name="[CB - Account].[Account CB - Description].&amp;[4960002 - Missing]"/>
        <member name="[CB - Account].[Account CB - Description].&amp;[4960004 - Missing]"/>
        <member name="[CB - Account].[Account CB - Description].&amp;[5010001 - Missing]"/>
        <member name="[CB - Account].[Account CB - Description].&amp;[5010002 - Missing]"/>
        <member name="[CB - Account].[Account CB - Description].&amp;[5010005 - Missing]"/>
        <member name="[CB - Account].[Account CB - Description].&amp;[502040 - Missing]"/>
        <member name="[CB - Account].[Account CB - Description].&amp;[506000 - Missing]"/>
        <member name="[CB - Account].[Account CB - Description].&amp;[5100000 - Contra Gas Purchases]"/>
        <member name="[CB - Account].[Account CB - Description].&amp;[5110001 - Missing]"/>
        <member name="[CB - Account].[Account CB - Description].&amp;[5151000 - Contra Cost of Sales]"/>
        <member name="[CB - Account].[Account CB - Description].&amp;[5151110 - Missing]"/>
        <member name="[CB - Account].[Account CB - Description].&amp;[5151111 - Missing]"/>
        <member name="[CB - Account].[Account CB - Description].&amp;[5160000 - Contra Power Purchases]"/>
        <member name="[CB - Account].[Account CB - Description].&amp;[5200000 - Contra Operating Expenses]"/>
        <member name="[CB - Account].[Account CB - Description].&amp;[530000 - Missing]"/>
        <member name="[CB - Account].[Account CB - Description].&amp;[5550003 - Missing]"/>
        <member name="[CB - Account].[Account CB - Description].&amp;[557000 - Missing]"/>
        <member name="[CB - Account].[Account CB - Description].&amp;[5600010 - Missing]"/>
        <member name="[CB - Account].[Account CB - Description].&amp;[561100 - Missing]"/>
        <member name="[CB - Account].[Account CB - Description].&amp;[561200 - Missing]"/>
        <member name="[CB - Account].[Account CB - Description].&amp;[562000 - Missing]"/>
        <member name="[CB - Account].[Account CB - Description].&amp;[563000 - Missing]"/>
        <member name="[CB - Account].[Account CB - Description].&amp;[5650001 - Missing]"/>
        <member name="[CB - Account].[Account CB - Description].&amp;[566000 - Missing]"/>
        <member name="[CB - Account].[Account CB - Description].&amp;[569000 - Missing]"/>
        <member name="[CB - Account].[Account CB - Description].&amp;[570200 - Missing]"/>
        <member name="[CB - Account].[Account CB - Description].&amp;[571000 - Missing]"/>
        <member name="[CB - Account].[Account CB - Description].&amp;[572000 - Missing]"/>
        <member name="[CB - Account].[Account CB - Description].&amp;[573000 - Missing]"/>
        <member name="[CB - Account].[Account CB - Description].&amp;[5750000 - Contra LPG Purchases]"/>
        <member name="[CB - Account].[Account CB - Description].&amp;[580000 - Missing]"/>
        <member name="[CB - Account].[Account CB - Description].&amp;[5800000 - Contra Refined Product Purch]"/>
        <member name="[CB - Account].[Account CB - Description].&amp;[582100 - Missing]"/>
        <member name="[CB - Account].[Account CB - Description].&amp;[5850000 - Contra Crude Oil Purchase]"/>
        <member name="[CB - Account].[Account CB - Description].&amp;[588100 - Missing]"/>
        <member name="[CB - Account].[Account CB - Description].&amp;[591000 - Missing]"/>
        <member name="[CB - Account].[Account CB - Description].&amp;[598100 - Missing]"/>
        <member name="[CB - Account].[Account CB - Description].&amp;[599001 - Missing]"/>
        <member name="[CB - Account].[Account CB - Description].&amp;[599002 - Missing]"/>
        <member name="[CB - Account].[Account CB - Description].&amp;[599003 - Missing]"/>
        <member name="[CB - Account].[Account CB - Description].&amp;[599006 - Missing]"/>
        <member name="[CB - Account].[Account CB - Description].&amp;[599008 - Missing]"/>
        <member name="[CB - Account].[Account CB - Description].&amp;[599009 - Missing]"/>
        <member name="[CB - Account].[Account CB - Description].&amp;[599014 - Missing]"/>
        <member name="[CB - Account].[Account CB - Description].&amp;[599015 - Missing]"/>
        <member name="[CB - Account].[Account CB - Description].&amp;[599020 - Missing]"/>
        <member name="[CB - Account].[Account CB - Description].&amp;[7100000 - Missing]"/>
        <member name="[CB - Account].[Account CB - Description].&amp;[7100001 - Missing]"/>
        <member name="[CB - Account].[Account CB - Description].&amp;[7330000 - Contra Interest Income]"/>
        <member name="[CB - Account].[Account CB - Description].&amp;[7410000 - Contra Nonoper Expense]"/>
        <member name="[CB - Account].[Account CB - Description].&amp;[7500001 - Missing]"/>
        <member name="[CB - Account].[Account CB - Description].&amp;[7520001 - Missing]"/>
        <member name="[CB - Account].[Account CB - Description].&amp;[7530001 - Missing]"/>
        <member name="[CB - Account].[Account CB - Description].&amp;[7540001 - Missing]"/>
        <member name="[CB - Account].[Account CB - Description].&amp;[7550001 - Missing]"/>
        <member name="[CB - Account].[Account CB - Description].&amp;[7560001 - Missing]"/>
        <member name="[CB - Account].[Account CB - Description].&amp;[7570001 - Missing]"/>
        <member name="[CB - Account].[Account CB - Description].&amp;[7580001 - Missing]"/>
        <member name="[CB - Account].[Account CB - Description].&amp;[7590001 - Missing]"/>
        <member name="[CB - Account].[Account CB - Description].&amp;[7600001 - Missing]"/>
        <member name="[CB - Account].[Account CB - Description].&amp;[7610001 - Missing]"/>
        <member name="[CB - Account].[Account CB - Description].&amp;[7620001 - Missing]"/>
        <member name="[CB - Account].[Account CB - Description].&amp;[7640001 - Missing]"/>
        <member name="[CB - Account].[Account CB - Description].&amp;[7660001 - Missing]"/>
        <member name="[CB - Account].[Account CB - Description].&amp;[7700001 - Missing]"/>
        <member name="[CB - Account].[Account CB - Description].&amp;[7710001 - Missing]"/>
        <member name="[CB - Account].[Account CB - Description].&amp;[7720001 - Missing]"/>
        <member name="[CB - Account].[Account CB - Description].&amp;[7730001 - Missing]"/>
        <member name="[CB - Account].[Account CB - Description].&amp;[7740001 - Missing]"/>
        <member name="[CB - Account].[Account CB - Description].&amp;[7750001 - Missing]"/>
        <member name="[CB - Account].[Account CB - Description].&amp;[7760001 - Missing]"/>
        <member name="[CB - Account].[Account CB - Description].&amp;[7760002 - Missing]"/>
        <member name="[CB - Account].[Account CB - Description].&amp;[7760004 - Missing]"/>
        <member name="[CB - Account].[Account CB - Description].&amp;[7760005 - Missing]"/>
        <member name="[CB - Account].[Account CB - Description].&amp;[7770001 - Missing]"/>
        <member name="[CB - Account].[Account CB - Description].&amp;[7850001 - Missing]"/>
        <member name="[CB - Account].[Account CB - Description].&amp;[7860001 - Missing]"/>
        <member name="[CB - Account].[Account CB - Description].&amp;[7890001 - Missing]"/>
        <member name="[CB - Account].[Account CB - Description].&amp;[8000001 - Missing]"/>
        <member name="[CB - Account].[Account CB - Description].&amp;[8000002 - Missing]"/>
        <member name="[CB - Account].[Account CB - Description].&amp;[8000003 - Missing]"/>
        <member name="[CB - Account].[Account CB - Description].&amp;[8000005 - Missing]"/>
        <member name="[CB - Account].[Account CB - Description].&amp;[8000007 - Missing]"/>
        <member name="[CB - Account].[Account CB - Description].&amp;[8000008 - Missing]"/>
        <member name="[CB - Account].[Account CB - Description].&amp;[8000009 - Missing]"/>
        <member name="[CB - Account].[Account CB - Description].&amp;[8000010 - Missing]"/>
        <member name="[CB - Account].[Account CB - Description].&amp;[8000011 - Missing]"/>
        <member name="[CB - Account].[Account CB - Description].&amp;[8000012 - Missing]"/>
        <member name="[CB - Account].[Account CB - Description].&amp;[8000013 - Missing]"/>
        <member name="[CB - Account].[Account CB - Description].&amp;[8000014 - Missing]"/>
        <member name="[CB - Account].[Account CB - Description].&amp;[8000015 - Missing]"/>
        <member name="[CB - Account].[Account CB - Description].&amp;[8010002 - Missing]"/>
        <member name="[CB - Account].[Account CB - Description].&amp;[8010003 - Missing]"/>
        <member name="[CB - Account].[Account CB - Description].&amp;[8010005 - Missing]"/>
        <member name="[CB - Account].[Account CB - Description].&amp;[8010006 - Missing]"/>
        <member name="[CB - Account].[Account CB - Description].&amp;[8010007 - Missing]"/>
        <member name="[CB - Account].[Account CB - Description].&amp;[8010008 - Missing]"/>
        <member name="[CB - Account].[Account CB - Description].&amp;[8010009 - Missing]"/>
        <member name="[CB - Account].[Account CB - Description].&amp;[8010010 - Missing]"/>
        <member name="[CB - Account].[Account CB - Description].&amp;[8010011 - Missing]"/>
        <member name="[CB - Account].[Account CB - Description].&amp;[8010018 - Missing]"/>
        <member name="[CB - Account].[Account CB - Description].&amp;[8010027 - Missing]"/>
        <member name="[CB - Account].[Account CB - Description].&amp;[8010034 - Missing]"/>
        <member name="[CB - Account].[Account CB - Description].&amp;[8010036 - Missing]"/>
        <member name="[CB - Account].[Account CB - Description].&amp;[8010040 - Missing]"/>
        <member name="[CB - Account].[Account CB - Description].&amp;[8010045 - Missing]"/>
        <member name="[CB - Account].[Account CB - Description].&amp;[8010048 - Missing]"/>
        <member name="[CB - Account].[Account CB - Description].&amp;[8010050 - Missing]"/>
        <member name="[CB - Account].[Account CB - Description].&amp;[8010051 - Missing]"/>
        <member name="[CB - Account].[Account CB - Description].&amp;[8010058 - Missing]"/>
        <member name="[CB - Account].[Account CB - Description].&amp;[8010059 - Missing]"/>
        <member name="[CB - Account].[Account CB - Description].&amp;[8010062 - Missing]"/>
        <member name="[CB - Account].[Account CB - Description].&amp;[8010063 - Missing]"/>
        <member name="[CB - Account].[Account CB - Description].&amp;[8010064 - Missing]"/>
        <member name="[CB - Account].[Account CB - Description].&amp;[8010065 - Missing]"/>
        <member name="[CB - Account].[Account CB - Description].&amp;[8010066 - Missing]"/>
        <member name="[CB - Account].[Account CB - Description].&amp;[8010067 - Missing]"/>
        <member name="[CB - Account].[Account CB - Description].&amp;[8010068 - Missing]"/>
        <member name="[CB - Account].[Account CB - Description].&amp;[8010069 - Missing]"/>
        <member name="[CB - Account].[Account CB - Description].&amp;[8010070 - Missing]"/>
        <member name="[CB - Account].[Account CB - Description].&amp;[8010071 - Missing]"/>
        <member name="[CB - Account].[Account CB - Description].&amp;[8010072 - Missing]"/>
        <member name="[CB - Account].[Account CB - Description].&amp;[8010076 - Missing]"/>
        <member name="[CB - Account].[Account CB - Description].&amp;[8010077 - Missing]"/>
        <member name="[CB - Account].[Account CB - Description].&amp;[8010079 - Missing]"/>
        <member name="[CB - Account].[Account CB - Description].&amp;[8010080 - Missing]"/>
        <member name="[CB - Account].[Account CB - Description].&amp;[8010081 - Missing]"/>
        <member name="[CB - Account].[Account CB - Description].&amp;[8020001 - Missing]"/>
        <member name="[CB - Account].[Account CB - Description].&amp;[8020002 - Missing]"/>
        <member name="[CB - Account].[Account CB - Description].&amp;[8020003 - Missing]"/>
        <member name="[CB - Account].[Account CB - Description].&amp;[8030001 - Missing]"/>
        <member name="[CB - Account].[Account CB - Description].&amp;[8030055 - Missing]"/>
        <member name="[CB - Account].[Account CB - Description].&amp;[8030072 - Missing]"/>
        <member name="[CB - Account].[Account CB - Description].&amp;[8030075 - Missing]"/>
        <member name="[CB - Account].[Account CB - Description].&amp;[8041001 - Missing]"/>
        <member name="[CB - Account].[Account CB - Description].&amp;[8041002 - Missing]"/>
        <member name="[CB - Account].[Account CB - Description].&amp;[8041003 - Missing]"/>
        <member name="[CB - Account].[Account CB - Description].&amp;[8041004 - Missing]"/>
        <member name="[CB - Account].[Account CB - Description].&amp;[8041005 - Missing]"/>
        <member name="[CB - Account].[Account CB - Description].&amp;[8050001 - Missing]"/>
        <member name="[CB - Account].[Account CB - Description].&amp;[8050003 - Missing]"/>
        <member name="[CB - Account].[Account CB - Description].&amp;[8051002 - Missing]"/>
        <member name="[CB - Account].[Account CB - Description].&amp;[8060002 - Missing]"/>
        <member name="[CB - Account].[Account CB - Description].&amp;[8060003 - Missing]"/>
        <member name="[CB - Account].[Account CB - Description].&amp;[8060004 - Missing]"/>
        <member name="[CB - Account].[Account CB - Description].&amp;[8060005 - Missing]"/>
        <member name="[CB - Account].[Account CB - Description].&amp;[8060011 - Missing]"/>
        <member name="[CB - Account].[Account CB - Description].&amp;[8060013 - Missing]"/>
        <member name="[CB - Account].[Account CB - Description].&amp;[8060014 - Missing]"/>
        <member name="[CB - Account].[Account CB - Description].&amp;[8072001 - Missing]"/>
        <member name="[CB - Account].[Account CB - Description].&amp;[8081001 - Missing]"/>
        <member name="[CB - Account].[Account CB - Description].&amp;[8081002 - Missing]"/>
        <member name="[CB - Account].[Account CB - Description].&amp;[8081008 - Missing]"/>
        <member name="[CB - Account].[Account CB - Description].&amp;[8081009 - Missing]"/>
        <member name="[CB - Account].[Account CB - Description].&amp;[8082001 - Missing]"/>
        <member name="[CB - Account].[Account CB - Description].&amp;[8082002 - Missing]"/>
        <member name="[CB - Account].[Account CB - Description].&amp;[8091001 - Missing]"/>
        <member name="[CB - Account].[Account CB - Description].&amp;[8092002 - Missing]"/>
        <member name="[CB - Account].[Account CB - Description].&amp;[8100001 - Missing]"/>
        <member name="[CB - Account].[Account CB - Description].&amp;[8100002 - Missing]"/>
        <member name="[CB - Account].[Account CB - Description].&amp;[8100003 - Missing]"/>
        <member name="[CB - Account].[Account CB - Description].&amp;[8110001 - Missing]"/>
        <member name="[CB - Account].[Account CB - Description].&amp;[8110002 - Missing]"/>
        <member name="[CB - Account].[Account CB - Description].&amp;[8120001 - Missing]"/>
        <member name="[CB - Account].[Account CB - Description].&amp;[8120002 - Missing]"/>
        <member name="[CB - Account].[Account CB - Description].&amp;[8120003 - Missing]"/>
        <member name="[CB - Account].[Account CB - Description].&amp;[8120004 - Missing]"/>
        <member name="[CB - Account].[Account CB - Description].&amp;[8120006 - Missing]"/>
        <member name="[CB - Account].[Account CB - Description].&amp;[8121001 - Missing]"/>
        <member name="[CB - Account].[Account CB - Description].&amp;[8130001 - Missing]"/>
        <member name="[CB - Account].[Account CB - Description].&amp;[8130013 - Missing]"/>
        <member name="[CB - Account].[Account CB - Description].&amp;[8130031 - Missing]"/>
        <member name="[CB - Account].[Account CB - Description].&amp;[8130033 - Missing]"/>
        <member name="[CB - Account].[Account CB - Description].&amp;[8130037 - Missing]"/>
        <member name="[CB - Account].[Account CB - Description].&amp;[8130038 - Missing]"/>
        <member name="[CB - Account].[Account CB - Description].&amp;[8130039 - Missing]"/>
        <member name="[CB - Account].[Account CB - Description].&amp;[8130040 - Missing]"/>
        <member name="[CB - Account].[Account CB - Description].&amp;[8130045 - Missing]"/>
        <member name="[CB - Account].[Account CB - Description].&amp;[8130051 - Missing]"/>
        <member name="[CB - Account].[Account CB - Description].&amp;[8130052 - Missing]"/>
        <member name="[CB - Account].[Account CB - Description].&amp;[8140001 - Missing]"/>
        <member name="[CB - Account].[Account CB - Description].&amp;[8150001 - Missing]"/>
        <member name="[CB - Account].[Account CB - Description].&amp;[8160001 - Missing]"/>
        <member name="[CB - Account].[Account CB - Description].&amp;[8170001 - Missing]"/>
        <member name="[CB - Account].[Account CB - Description].&amp;[8180001 - Missing]"/>
        <member name="[CB - Account].[Account CB - Description].&amp;[8190001 - Missing]"/>
        <member name="[CB - Account].[Account CB - Description].&amp;[8200001 - Missing]"/>
        <member name="[CB - Account].[Account CB - Description].&amp;[8210001 - Missing]"/>
        <member name="[CB - Account].[Account CB - Description].&amp;[8211001 - Missing]"/>
        <member name="[CB - Account].[Account CB - Description].&amp;[8220001 - Missing]"/>
        <member name="[CB - Account].[Account CB - Description].&amp;[8230001 - Missing]"/>
        <member name="[CB - Account].[Account CB - Description].&amp;[8240001 - Missing]"/>
        <member name="[CB - Account].[Account CB - Description].&amp;[8240004 - Missing]"/>
        <member name="[CB - Account].[Account CB - Description].&amp;[8240005 - Missing]"/>
        <member name="[CB - Account].[Account CB - Description].&amp;[8240006 - Missing]"/>
        <member name="[CB - Account].[Account CB - Description].&amp;[8240011 - Missing]"/>
        <member name="[CB - Account].[Account CB - Description].&amp;[8250001 - Missing]"/>
        <member name="[CB - Account].[Account CB - Description].&amp;[8260001 - Missing]"/>
        <member name="[CB - Account].[Account CB - Description].&amp;[8300001 - Missing]"/>
        <member name="[CB - Account].[Account CB - Description].&amp;[8310001 - Missing]"/>
        <member name="[CB - Account].[Account CB - Description].&amp;[8320001 - Missing]"/>
        <member name="[CB - Account].[Account CB - Description].&amp;[8330001 - Missing]"/>
        <member name="[CB - Account].[Account CB - Description].&amp;[8340001 - Missing]"/>
        <member name="[CB - Account].[Account CB - Description].&amp;[8350001 - Missing]"/>
        <member name="[CB - Account].[Account CB - Description].&amp;[8360001 - Missing]"/>
        <member name="[CB - Account].[Account CB - Description].&amp;[8370001 - Missing]"/>
        <member name="[CB - Account].[Account CB - Description].&amp;[8400001 - Missing]"/>
        <member name="[CB - Account].[Account CB - Description].&amp;[8410001 - Missing]"/>
        <member name="[CB - Account].[Account CB - Description].&amp;[8420001 - Missing]"/>
        <member name="[CB - Account].[Account CB - Description].&amp;[8422001 - Missing]"/>
        <member name="[CB - Account].[Account CB - Description].&amp;[8430000 - Contra Interest Expense]"/>
        <member name="[CB - Account].[Account CB - Description].&amp;[8431001 - Missing]"/>
        <member name="[CB - Account].[Account CB - Description].&amp;[8432001 - Missing]"/>
        <member name="[CB - Account].[Account CB - Description].&amp;[8433001 - Missing]"/>
        <member name="[CB - Account].[Account CB - Description].&amp;[8441001 - Missing]"/>
        <member name="[CB - Account].[Account CB - Description].&amp;[8441002 - Missing]"/>
        <member name="[CB - Account].[Account CB - Description].&amp;[8441003 - Missing]"/>
        <member name="[CB - Account].[Account CB - Description].&amp;[8442001 - Missing]"/>
        <member name="[CB - Account].[Account CB - Description].&amp;[8444001 - Missing]"/>
        <member name="[CB - Account].[Account CB - Description].&amp;[8444002 - Missing]"/>
        <member name="[CB - Account].[Account CB - Description].&amp;[8444003 - Missing]"/>
        <member name="[CB - Account].[Account CB - Description].&amp;[8447001 - Missing]"/>
        <member name="[CB - Account].[Account CB - Description].&amp;[8451001 - Missing]"/>
        <member name="[CB - Account].[Account CB - Description].&amp;[8451002 - Missing]"/>
        <member name="[CB - Account].[Account CB - Description].&amp;[8452001 - Missing]"/>
        <member name="[CB - Account].[Account CB - Description].&amp;[8452002 - Missing]"/>
        <member name="[CB - Account].[Account CB - Description].&amp;[8452003 - Missing]"/>
        <member name="[CB - Account].[Account CB - Description].&amp;[8452004 - Missing]"/>
        <member name="[CB - Account].[Account CB - Description].&amp;[8453001 - Missing]"/>
        <member name="[CB - Account].[Account CB - Description].&amp;[8453002 - Missing]"/>
        <member name="[CB - Account].[Account CB - Description].&amp;[8461001 - Missing]"/>
        <member name="[CB - Account].[Account CB - Description].&amp;[8462001 - Missing]"/>
        <member name="[CB - Account].[Account CB - Description].&amp;[8471001 - Missing]"/>
        <member name="[CB - Account].[Account CB - Description].&amp;[8472001 - Missing]"/>
        <member name="[CB - Account].[Account CB - Description].&amp;[8473001 - Missing]"/>
        <member name="[CB - Account].[Account CB - Description].&amp;[8477001 - Missing]"/>
        <member name="[CB - Account].[Account CB - Description].&amp;[8478001 - Missing]"/>
        <member name="[CB - Account].[Account CB - Description].&amp;[8500001 - Missing]"/>
        <member name="[CB - Account].[Account CB - Description].&amp;[8510001 - Missing]"/>
        <member name="[CB - Account].[Account CB - Description].&amp;[8520001 - Missing]"/>
        <member name="[CB - Account].[Account CB - Description].&amp;[8530001 - Missing]"/>
        <member name="[CB - Account].[Account CB - Description].&amp;[8540001 - Missing]"/>
        <member name="[CB - Account].[Account CB - Description].&amp;[8550001 - Missing]"/>
        <member name="[CB - Account].[Account CB - Description].&amp;[8560001 - Missing]"/>
        <member name="[CB - Account].[Account CB - Description].&amp;[8560002 - Missing]"/>
        <member name="[CB - Account].[Account CB - Description].&amp;[8570001 - Missing]"/>
        <member name="[CB - Account].[Account CB - Description].&amp;[8580001 - Missing]"/>
        <member name="[CB - Account].[Account CB - Description].&amp;[8580006 - Missing]"/>
        <member name="[CB - Account].[Account CB - Description].&amp;[8580007 - Missing]"/>
        <member name="[CB - Account].[Account CB - Description].&amp;[8580009 - Missing]"/>
        <member name="[CB - Account].[Account CB - Description].&amp;[8580010 - Missing]"/>
        <member name="[CB - Account].[Account CB - Description].&amp;[8580012 - Missing]"/>
        <member name="[CB - Account].[Account CB - Description].&amp;[8580013 - Missing]"/>
        <member name="[CB - Account].[Account CB - Description].&amp;[8580014 - Missing]"/>
        <member name="[CB - Account].[Account CB - Description].&amp;[8580016 - Missing]"/>
        <member name="[CB - Account].[Account CB - Description].&amp;[8590001 - Missing]"/>
        <member name="[CB - Account].[Account CB - Description].&amp;[8600001 - Missing]"/>
        <member name="[CB - Account].[Account CB - Description].&amp;[8610001 - Missing]"/>
        <member name="[CB - Account].[Account CB - Description].&amp;[8614001 - Missing]"/>
        <member name="[CB - Account].[Account CB - Description].&amp;[8620001 - Missing]"/>
        <member name="[CB - Account].[Account CB - Description].&amp;[8630001 - Missing]"/>
        <member name="[CB - Account].[Account CB - Description].&amp;[8640001 - Missing]"/>
        <member name="[CB - Account].[Account CB - Description].&amp;[8650001 - Missing]"/>
        <member name="[CB - Account].[Account CB - Description].&amp;[8660001 - Missing]"/>
        <member name="[CB - Account].[Account CB - Description].&amp;[8670001 - Missing]"/>
        <member name="[CB - Account].[Account CB - Description].&amp;[878000 - Missing]"/>
        <member name="[CB - Account].[Account CB - Description].&amp;[879000 - Missing]"/>
        <member name="[CB - Account].[Account CB - Description].&amp;[9010001 - Missing]"/>
        <member name="[CB - Account].[Account CB - Description].&amp;[9020001 - Missing]"/>
        <member name="[CB - Account].[Account CB - Description].&amp;[9030001 - Missing]"/>
        <member name="[CB - Account].[Account CB - Description].&amp;[9040001 - Missing]"/>
        <member name="[CB - Account].[Account CB - Description].&amp;[9100001 - Missing]"/>
        <member name="[CB - Account].[Account CB - Description].&amp;[910100 - Missing]"/>
        <member name="[CB - Account].[Account CB - Description].&amp;[9120001 - Missing]"/>
        <member name="[CB - Account].[Account CB - Description].&amp;[9120003 - Missing]"/>
        <member name="[CB - Account].[Account CB - Description].&amp;[9120004 - Missing]"/>
        <member name="[CB - Account].[Account CB - Description].&amp;[9120005 - Missing]"/>
        <member name="[CB - Account].[Account CB - Description].&amp;[9130001 - Missing]"/>
        <member name="[CB - Account].[Account CB - Description].&amp;[920000 - Missing]"/>
        <member name="[CB - Account].[Account CB - Description].&amp;[9200001 - Missing]"/>
        <member name="[CB - Account].[Account CB - Description].&amp;[9200002 - Missing]"/>
        <member name="[CB - Account].[Account CB - Description].&amp;[9209800 - Missing]"/>
        <member name="[CB - Account].[Account CB - Description].&amp;[9209900 - Missing]"/>
        <member name="[CB - Account].[Account CB - Description].&amp;[9210001 - Missing]"/>
        <member name="[CB - Account].[Account CB - Description].&amp;[9210002 - Missing]"/>
        <member name="[CB - Account].[Account CB - Description].&amp;[921100 - Missing]"/>
        <member name="[CB - Account].[Account CB - Description].&amp;[921200 - Missing]"/>
        <member name="[CB - Account].[Account CB - Description].&amp;[921400 - Missing]"/>
        <member name="[CB - Account].[Account CB - Description].&amp;[921980 - Missing]"/>
        <member name="[CB - Account].[Account CB - Description].&amp;[9219800 - Missing]"/>
        <member name="[CB - Account].[Account CB - Description].&amp;[9219900 - Missing]"/>
        <member name="[CB - Account].[Account CB - Description].&amp;[9220001 - Missing]"/>
        <member name="[CB - Account].[Account CB - Description].&amp;[9225000 - Missing]"/>
        <member name="[CB - Account].[Account CB - Description].&amp;[9230001 - Missing]"/>
        <member name="[CB - Account].[Account CB - Description].&amp;[9240001 - Missing]"/>
        <member name="[CB - Account].[Account CB - Description].&amp;[9250001 - Missing]"/>
        <member name="[CB - Account].[Account CB - Description].&amp;[9260001 - Missing]"/>
        <member name="[CB - Account].[Account CB - Description].&amp;[9260002 - Missing]"/>
        <member name="[CB - Account].[Account CB - Description].&amp;[9266000 - Missing]"/>
        <member name="[CB - Account].[Account CB - Description].&amp;[9280001 - Missing]"/>
        <member name="[CB - Account].[Account CB - Description].&amp;[928009 - Missing]"/>
        <member name="[CB - Account].[Account CB - Description].&amp;[928011 - Missing]"/>
        <member name="[CB - Account].[Account CB - Description].&amp;[928017 - Missing]"/>
        <member name="[CB - Account].[Account CB - Description].&amp;[928019 - Missing]"/>
        <member name="[CB - Account].[Account CB - Description].&amp;[928020 - Missing]"/>
        <member name="[CB - Account].[Account CB - Description].&amp;[928021 - Missing]"/>
        <member name="[CB - Account].[Account CB - Description].&amp;[928022 - Missing]"/>
        <member name="[CB - Account].[Account CB - Description].&amp;[928024 - Missing]"/>
        <member name="[CB - Account].[Account CB - Description].&amp;[928026 - Missing]"/>
        <member name="[CB - Account].[Account CB - Description].&amp;[928027 - Missing]"/>
        <member name="[CB - Account].[Account CB - Description].&amp;[928028 - Missing]"/>
        <member name="[CB - Account].[Account CB - Description].&amp;[928039 - Missing]"/>
        <member name="[CB - Account].[Account CB - Description].&amp;[928041 - Missing]"/>
        <member name="[CB - Account].[Account CB - Description].&amp;[928046 - Missing]"/>
        <member name="[CB - Account].[Account CB - Description].&amp;[929010 - Missing]"/>
        <member name="[CB - Account].[Account CB - Description].&amp;[9301000 - Contra Insurance Expense]"/>
        <member name="[CB - Account].[Account CB - Description].&amp;[9301001 - Missing]"/>
        <member name="[CB - Account].[Account CB - Description].&amp;[9302001 - Missing]"/>
        <member name="[CB - Account].[Account CB - Description].&amp;[9302002 - Missing]"/>
        <member name="[CB - Account].[Account CB - Description].&amp;[9302004 - Missing]"/>
        <member name="[CB - Account].[Account CB - Description].&amp;[9302005 - Missing]"/>
        <member name="[CB - Account].[Account CB - Description].&amp;[930600 - Missing]"/>
        <member name="[CB - Account].[Account CB - Description].&amp;[9310001 - Missing]"/>
        <member name="[CB - Account].[Account CB - Description].&amp;[9310002 - Missing]"/>
        <member name="[CB - Account].[Account CB - Description].&amp;[9310004 - Missing]"/>
        <member name="[CB - Account].[Account CB - Description].&amp;[9310005 - Missing]"/>
        <member name="[CB - Account].[Account CB - Description].&amp;[9310007 - Missing]"/>
        <member name="[CB - Account].[Account CB - Description].&amp;[9320001 - Missing]"/>
        <member name="[CB - Account].[Account CB - Description].&amp;[9350001 - Missing]"/>
        <member name="[CB - Account].[Account CB - Description].&amp;[9350002 - Missing]"/>
        <member name="[CB - Account].[Account CB - Description].&amp;[935100 - Missing]"/>
        <member name="[CB - Account].[Account CB - Description].&amp;[9640001 - Missing]"/>
        <member name="[CB - Account].[Account CB - Description].&amp;[9880001 - Missing]"/>
        <member name="[CB - Account].[Account CB - Description].&amp;[9880002 - Missing]"/>
        <member name="[CB - Account].[Account CB - Description].&amp;[9880003 - Missing]"/>
        <member name="[CB - Account].[Account CB - Description].&amp;[9880006 - Missing]"/>
        <member name="[CB - Account].[Account CB - Description].&amp;[9880007 - Missing]"/>
        <member name="[CB - Account].[Account CB - Description].&amp;[9880008 - Missing]"/>
        <member name="[CB - Account].[Account CB - Description].&amp;[9880009 - Missing]"/>
        <member name="[CB - Account].[Account CB - Description].&amp;[9880104 - Missing]"/>
        <member name="[CB - Account].[Account CB - Description].&amp;[9880105 - Missing]"/>
        <member name="[CB - Account].[Account CB - Description].&amp;[9880106 - Missing]"/>
        <member name="[CB - Account].[Account CB - Description].&amp;[9880107 - Missing]"/>
        <member name="[CB - Account].[Account CB - Description].&amp;[9880108 - Missing]"/>
        <member name="[CB - Account].[Account CB - Description].&amp;[9880201 - Missing]"/>
        <member name="[CB - Account].[Account CB - Description].&amp;[9880202 - Missing]"/>
        <member name="[CB - Account].[Account CB - Description].&amp;[9880301 - Missing]"/>
        <member name="[CB - Account].[Account CB - Description].&amp;[9880400 - Missing]"/>
        <member name="[CB - Account].[Account CB - Description].&amp;[9880401 - Missing]"/>
        <member name="[CB - Account].[Account CB - Description].&amp;[9880402 - Missing]"/>
        <member name="[CB - Account].[Account CB - Description].&amp;[9880403 - Missing]"/>
        <member name="[CB - Account].[Account CB - Description].&amp;[9888888 - Missing]"/>
        <member name="[CB - Account].[Account CB - Description].&amp;[99810 - Missing]"/>
        <member name="[CB - Account].[Account CB - Description].&amp;[9999001 - Missing]"/>
        <member name="[CB - Account].[Account CB - Description].&amp;[9999002 - Missing]"/>
        <member name="[CB - Account].[Account CB - Description].&amp;[9999990 - 12/95]"/>
        <member name="[CB - Account].[Account CB - Description].&amp;[CAPITAL - Missing]"/>
        <member name="[CB - Account].[Account CB - Description].&amp;[DF00100 - Cash - Wells Account]"/>
        <member name="[CB - Account].[Account CB - Description].&amp;[DF00110 - Cash - JP Morgan STW]"/>
        <member name="[CB - Account].[Account CB - Description].&amp;[DF00120 - Cash - TD Investment Account]"/>
        <member name="[CB - Account].[Account CB - Description].&amp;[DF00130 - Prepaid Expenses]"/>
        <member name="[CB - Account].[Account CB - Description].&amp;[DF00140 - Long-Term Investments]"/>
        <member name="[CB - Account].[Account CB - Description].&amp;[DF00150 - Cash - FFTC]"/>
        <member name="[CB - Account].[Account CB - Description].&amp;[DF00200 - Taxes Due]"/>
        <member name="[CB - Account].[Account CB - Description].&amp;[DF00400 - Donor Advised Fund]"/>
        <member name="[CB - Account].[Account CB - Description].&amp;[DF00410 - Net Assets]"/>
        <member name="[CB - Account].[Account CB - Description].&amp;[DF00420 - Contributions / Gifts Received]"/>
        <member name="[CB - Account].[Account CB - Description].&amp;[DF00430 - Interest Income]"/>
        <member name="[CB - Account].[Account CB - Description].&amp;[DF00440 - Net Investment Earnings]"/>
        <member name="[CB - Account].[Account CB - Description].&amp;[DF00800 - Contributions / Grands Paid]"/>
        <member name="[CB - Account].[Account CB - Description].&amp;[DF00810 - Accounting Fees]"/>
        <member name="[CB - Account].[Account CB - Description].&amp;[DF00820 - Bank Fees]"/>
        <member name="[CB - Account].[Account CB - Description].&amp;[DF00830 - Fund Administration Fees]"/>
        <member name="[CB - Account].[Account CB - Description].&amp;[DF00840 - Duke Foundation Taxes]"/>
        <member name="[CB - Account].[Account CB - Description].&amp;[IC12330 - Intc A/R -Rollup Settlement]"/>
        <member name="[CB - Account].[Account CB - Description].&amp;[IC12331 - Interc A/R Cash Settlement]"/>
        <member name="[CB - Account].[Account CB - Description].&amp;[IC12510 - Intco Notes Receivable-Current]"/>
        <member name="[CB - Account].[Account CB - Description].&amp;[IC12600 - Intco Interest Receivable]"/>
        <member name="[CB - Account].[Account CB - Description].&amp;[IC13100 - Intco Cash]"/>
        <member name="[CB - Account].[Account CB - Description].&amp;[IC14600 - INTERCOMPANY COLLATERAL ASSETS]"/>
        <member name="[CB - Account].[Account CB - Description].&amp;[IC15030 - Intercompany Advances]"/>
        <member name="[CB - Account].[Account CB - Description].&amp;[IC15060 - IC Notes Recievable - LT]"/>
        <member name="[CB - Account].[Account CB - Description].&amp;[IC16500 - Other Current Assets CONS]"/>
        <member name="[CB - Account].[Account CB - Description].&amp;[IC18630 - Intercompany Deferred Debit]"/>
        <member name="[CB - Account].[Account CB - Description].&amp;[IC21070 - Intco A/P Rollup Settlement]"/>
        <member name="[CB - Account].[Account CB - Description].&amp;[IC21071 - IC A/P Cash Settlement]"/>
        <member name="[CB - Account].[Account CB - Description].&amp;[IC22040 - Intco Notes Payable-Current]"/>
        <member name="[CB - Account].[Account CB - Description].&amp;[IC23020 - Accrued IC Interest Payable]"/>
        <member name="[CB - Account].[Account CB - Description].&amp;[IC24200 - INTERCO COLLATERAL LIAB]"/>
        <member name="[CB - Account].[Account CB - Description].&amp;[IC24265 - Other Current Liab CONS]"/>
        <member name="[CB - Account].[Account CB - Description].&amp;[IC25300 - Intercompany Deferred Credit]"/>
        <member name="[CB - Account].[Account CB - Description].&amp;[IC25400 - IC Notes Payable Long Term]"/>
        <member name="[CB - Account].[Account CB - Description].&amp;[IC41000 - Intc Natural Gas Sales]"/>
        <member name="[CB - Account].[Account CB - Description].&amp;[IC41500 - Intercompany TM Gas Sales]"/>
        <member name="[CB - Account].[Account CB - Description].&amp;[IC42000 - IC Transportation Revenues]"/>
        <member name="[CB - Account].[Account CB - Description].&amp;[IC42001 - IC Transportation Revenue]"/>
        <member name="[CB - Account].[Account CB - Description].&amp;[IC42002 - IC Transportation Revenues Non]"/>
        <member name="[CB - Account].[Account CB - Description].&amp;[IC42100 - Intercompany Nonoper Income]"/>
        <member name="[CB - Account].[Account CB - Description].&amp;[IC44000 - Intercompany Storage Revenues]"/>
        <member name="[CB - Account].[Account CB - Description].&amp;[IC44001 - IC Storage Revenues]"/>
        <member name="[CB - Account].[Account CB - Description].&amp;[IC44002 - InterCo Storage Rev Non Reg Ga]"/>
        <member name="[CB - Account].[Account CB - Description].&amp;[IC45000 - Intercompany Electric Sales]"/>
        <member name="[CB - Account].[Account CB - Description].&amp;[IC45001 - IC Electric Sales - Reg Elect]"/>
        <member name="[CB - Account].[Account CB - Description].&amp;[IC45500 - IC Energy Sales]"/>
        <member name="[CB - Account].[Account CB - Description].&amp;[IC46000 - Intercompany Operating Revenue]"/>
        <member name="[CB - Account].[Account CB - Description].&amp;[IC46001 - IC Operating Revenue - Reg Ele]"/>
        <member name="[CB - Account].[Account CB - Description].&amp;[IC46002 - IC operating Revenue-Reg Gas]"/>
        <member name="[CB - Account].[Account CB - Description].&amp;[IC46006 - INTERCO INSUR PREMIUMS EARNED]"/>
        <member name="[CB - Account].[Account CB - Description].&amp;[IC47000 - Intercompany Liquid Sales]"/>
        <member name="[CB - Account].[Account CB - Description].&amp;[IC47001 - Intercompany Liquid Sales  - R]"/>
        <member name="[CB - Account].[Account CB - Description].&amp;[IC47510 - Cons LPG Sales]"/>
        <member name="[CB - Account].[Account CB - Description].&amp;[IC48000 - Interco Refined Product Sales]"/>
        <member name="[CB - Account].[Account CB - Description].&amp;[IC48500 - Interco Crude Oil Sales]"/>
        <member name="[CB - Account].[Account CB - Description].&amp;[IC48900 - IC Distribution Revenue]"/>
        <member name="[CB - Account].[Account CB - Description].&amp;[IC51000 - Intercompany Gas Purchases]"/>
        <member name="[CB - Account].[Account CB - Description].&amp;[IC51510 - Intercompany Cost of Sales]"/>
        <member name="[CB - Account].[Account CB - Description].&amp;[IC51600 - Intercompany Power Purchases]"/>
        <member name="[CB - Account].[Account CB - Description].&amp;[IC52000 - Intercompany Operating Expense]"/>
        <member name="[CB - Account].[Account CB - Description].&amp;[IC57510 - Cons LPG Purchases]"/>
        <member name="[CB - Account].[Account CB - Description].&amp;[IC58000 - Interco Refine Prdct Purchase]"/>
        <member name="[CB - Account].[Account CB - Description].&amp;[IC58500 - Interco Crude Oil Purch]"/>
        <member name="[CB - Account].[Account CB - Description].&amp;[IC73300 - Intercompany Interest Income]"/>
        <member name="[CB - Account].[Account CB - Description].&amp;[IC74100 - Intercompany Nonoper Expense]"/>
        <member name="[CB - Account].[Account CB - Description].&amp;[IC84300 - Intercompany Interest Expense]"/>
        <member name="[CB - Account].[Account CB - Description].&amp;[IC92406 - INTERCO INSUR EXPENSE]"/>
        <member name="[CB - Account].[Account CB - Description].&amp;[O&amp;M - Missing]"/>
        <member name="[CB - Account].[Account CB - Description].&amp;[S019M05 - OPTCating Margin]"/>
        <member name="[CB - Account].[Account CB - Description].&amp;[S019M06 - GWH Sales - Bundled]"/>
        <member name="[CB - Account].[Account CB - Description].&amp;[S019M07 - Wheeled Revenues]"/>
        <member name="[CB - Account].[Account CB - Description].&amp;[S019M08 - ELECTRIC TRANSMISSION CASH FLO]"/>
        <member name="[CB - Account].[Account CB - Description].&amp;[S019M09 - ELECTRIC TRANMISSION BUS. EXP]"/>
        <member name="[CB - Account].[Account CB - Description].&amp;[S019M10 - ELECTRIC TRANS. OTHER INV]"/>
        <member name="[CB - Account].[Account CB - Description].&amp;[S019Q05 - OPTCating Margin]"/>
        <member name="[CB - Account].[Account CB - Description].&amp;[S019Q06 - GWH Sales - Bundled]"/>
        <member name="[CB - Account].[Account CB - Description].&amp;[S019Q07 - Wheeled Revenues]"/>
        <member name="[CB - Account].[Account CB - Description].&amp;[S311M03 - DUKE WATER OPERATIONS]"/>
        <member name="[CB - Account].[Account CB - Description].&amp;[S311M06 - DUKE WATER OPERATIONS]"/>
        <member name="[CB - Account].[Account CB - Description].&amp;[S311M09 - DUKE WATER OPERATIONS]"/>
        <member name="[CB - Account].[Account CB - Description].&amp;[S311M15 - DUKE WATER OPERATIONS]"/>
        <member name="[CB - Account].[Account CB - Description].&amp;[S311Q15 - DUKE WATER OPERATIONS]"/>
        <member name="[CB - Account].[Account CB - Description].&amp;[S311Y12 - DUKE WATER OPERATIONS]"/>
        <member name="[CB - Account].[Account CB - Description].&amp;[S311Y15 - DUKE WATER OPERATIONS]"/>
        <member name="[CB - Account].[Account CB - Description].&amp;[SBUSEXP - BUSINESS EXPANSION]"/>
        <member name="[CB - Account].[Account CB - Description].&amp;[SCASHFL - CASH FLOW]"/>
        <member name="[CB - Account].[Account CB - Description].&amp;[SGWHSLS - GWH SALES]"/>
        <member name="[CB - Account].[Account CB - Description].&amp;[SMOPMGN - MONTHLY OPERATING MARGIN]"/>
        <member name="[CB - Account].[Account CB - Description].&amp;[SOINVST - OTHER INVESTMENTS]"/>
        <member name="[CB - Account].[Account CB - Description].&amp;[SQOPMGN - QUARTERLY OPERATING MARGIN]"/>
        <member name="[CB - Account].[Account CB - Description].&amp;[STBTUTH - TBTU THROUGHPUT]"/>
        <member name="[CB - Account].[Account CB - Description].&amp;[STROCEE - TOTAL ROCE]"/>
        <member name="[CB - Account].[Account CB - Description].&amp;[SWHEELR - WHEELED RESERVES]"/>
        <member name="[CB - Account].[Account CB - Description].&amp;[SYOPMGN - YEARLY OPERATING MARGIN]"/>
        <member name="[CB - Account].[Account CB - Description].&amp;[SYROCEE - ROCE]"/>
        <member name="[CB - Account].[Account CB - Description].&amp;[WKF0001 - Budget Workforce Default Value]"/>
        <member name="[CB - Account].[Account CB - Description].[All].UNKNOWNMEMBER"/>
        <member name="[CB - Account].[Account CB - Description].&amp;[0417107 - Administrative Expenses]"/>
        <member name="[CB - Account].[Account CB - Description].&amp;[0454210 - Foreign Pole Revenue]"/>
        <member name="[CB - Account].[Account CB - Description].&amp;[0500100 - Fossil Oper Superv&amp;Engineer-Re]"/>
        <member name="[CB - Account].[Account CB - Description].&amp;[0507000 - Steam Power Gen-Op Rents]"/>
        <member name="[CB - Account].[Account CB - Description].&amp;[0514300 - Maintenance - Misc Steam Plant]"/>
        <member name="[CB - Account].[Account CB - Description].&amp;[0554220 - Solar: Maint Misc Gen Plt]"/>
        <member name="[CB - Account].[Account CB - Description].&amp;[0598100 - Main Misc Dist Plt-Other-Dist]"/>
        <member name="[CB - Account].[Account CB - Description].&amp;[0880000 - Gas Distribution-Other Expense]"/>
        <member name="[CB - Account].[Account CB - Description].&amp;[0912200 - EV Employee Incentive]"/>
        <member name="[CB - Account].[Account CB - Description].&amp;[0923100 - Outside Svcs Cont -Proj Supt -]"/>
        <member name="[CB - Account].[Account CB - Description].&amp;[0926420 - Employees' Tuition Refund]"/>
        <member name="[CB - Account].[Account CB - Description].&amp;[0932000 - Maintenance Of Gen Plant-Gas]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37"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  <mp field="57"/>
        <mp field="58"/>
        <mp field="59"/>
        <mp field="60"/>
        <mp field="61"/>
        <mp field="62"/>
        <mp field="63"/>
        <mp field="64"/>
        <mp field="65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1">
        <mp field="69"/>
      </mps>
      <members count="29" level="1">
        <member name="[CB - Responsibility Center HIER].[Responsibility Center Level 02 Name - Description].&amp;[2022-01-01T00:00:00]&amp;[RESP_CENTER_ALLOC]&amp;[  - NO RESP CENTER]&amp;[  - NO RESP CENTER]"/>
        <member name="[CB - Responsibility Center HIER].[Responsibility Center Level 02 Name - Description].&amp;[2022-01-01T00:00:00]&amp;[RESP_CENTER_RPTG]&amp;[  - NO RESP CENTER]&amp;[  - NO RESP CENTER]"/>
        <member name="[CB - Responsibility Center HIER].[Responsibility Center Level 02 Name - Description].&amp;[2023-01-01T00:00:00]&amp;[RESP_CENTER_RPTG (FY)]&amp;[  (FY) - NO RESP CENTER]&amp;[  (FY) - NO RESP CENTER]"/>
        <member name=""/>
        <member name=""/>
        <member name=""/>
        <member name=""/>
        <member name="[CB - Responsibility Center HIER].[Responsibility Center Level 02 Name - Description].&amp;[2022-01-01T00:00:00]&amp;[RESP_CENTER_ALLOC]&amp;[ALL_RESP_FROMS - All Responsibility Center From]&amp;[513_DEGS_ST_BERNARD - DEGS ST Bernard]"/>
        <member name="[CB - Responsibility Center HIER].[Responsibility Center Level 02 Name - Description].&amp;[2022-01-01T00:00:00]&amp;[RESP_CENTER_ALLOC]&amp;[ALL_RESP_FROMS - All Responsibility Center From]&amp;[517_DEGS_NARROWS - DEGS Narrows]"/>
        <member name="[CB - Responsibility Center HIER].[Responsibility Center Level 02 Name - Description].&amp;[2022-01-01T00:00:00]&amp;[RESP_CENTER_ALLOC]&amp;[ALL_RESP_FROMS - All Responsibility Center From]&amp;[520_DEGS_HOLDING_CO - DEGS Holding Co]"/>
        <member name="[CB - Responsibility Center HIER].[Responsibility Center Level 02 Name - Description].&amp;[2022-01-01T00:00:00]&amp;[RESP_CENTER_ALLOC]&amp;[ALL_RESP_FROMS - All Responsibility Center From]&amp;[527_DEGS_PHILADELPHI - DEGS Philadelphia]"/>
        <member name=""/>
        <member name="[CB - Responsibility Center HIER].[Responsibility Center Level 02 Name - Description].&amp;[2022-01-01T00:00:00]&amp;[RESP_CENTER_ALLOC]&amp;[ALL_RESP_FROMS - All Responsibility Center From]&amp;[531_CSGP_SE_TEXAS - CSGP SE Texas]"/>
        <member name="[CB - Responsibility Center HIER].[Responsibility Center Level 02 Name - Description].&amp;[2022-01-01T00:00:00]&amp;[RESP_CENTER_ALLOC]&amp;[ALL_RESP_FROMS - All Responsibility Center From]&amp;[534_DEGS_TUSCOLA - DEGS Tuscola]"/>
        <member name=""/>
        <member name="[CB - Responsibility Center HIER].[Responsibility Center Level 02 Name - Description].&amp;[2022-01-01T00:00:00]&amp;[RESP_CENTER_ALLOC]&amp;[ALL_RESP_FROMS - All Responsibility Center From]&amp;[600_DEI - Duke Energy International Tota]"/>
        <member name="[CB - Responsibility Center HIER].[Responsibility Center Level 02 Name - Description].&amp;[2022-01-01T00:00:00]&amp;[RESP_CENTER_ALLOC]&amp;[ALL_RESP_FROMS - All Responsibility Center From]&amp;[610_DENA_OPERATIONS - DENA Operations]"/>
        <member name="[CB - Responsibility Center HIER].[Responsibility Center Level 02 Name - Description].&amp;[2022-01-01T00:00:00]&amp;[RESP_CENTER_ALLOC]&amp;[ALL_RESP_FROMS - All Responsibility Center From]&amp;[800_PE_SERVICE_CO - Progress Energy Service Co]"/>
        <member name=""/>
        <member name=""/>
        <member name="[CB - Responsibility Center HIER].[Responsibility Center Level 02 Name - Description].&amp;[2023-01-01T00:00:00]&amp;[RESP_CENTER_RPTG (FY)]&amp;[ALL_RESP_FROMS (FY) - All Responsibility Center From]&amp;[CORP (FY) - Corporate Departments]"/>
        <member name="[CB - Responsibility Center HIER].[Responsibility Center Level 02 Name - Description].&amp;[2022-01-01T00:00:00]&amp;[RESP_CENTER_ALLOC]&amp;[ALL_RESP_FROMS - All Responsibility Center From]&amp;[GASCO - DISCONTINUED_OPERATIONS]"/>
        <member name="[CB - Responsibility Center HIER].[Responsibility Center Level 02 Name - Description].&amp;[2022-01-01T00:00:00]&amp;[RESP_CENTER_ALLOC]&amp;[ALL_RESP_FROMS - All Responsibility Center From]&amp;[IN00 - RESP: Inactive OR Not_Used]"/>
        <member name="[CB - Responsibility Center HIER].[Responsibility Center Level 02 Name - Description].&amp;[2022-01-01T00:00:00]&amp;[RESP_CENTER_ALLOC]&amp;[ALL_RESP_FROMS - All Responsibility Center From]&amp;[MOVE ME - Move Me Node]"/>
        <member name="[CB - Responsibility Center HIER].[Responsibility Center Level 02 Name - Description].&amp;[2023-01-01T00:00:00]&amp;[RESP_CENTER_RPTG (FY)]&amp;[ALL_RESP_FROMS (FY) - All Responsibility Center From]&amp;[NON_CORP (FY) - Non-Corporate Departments]"/>
        <member name="[CB - Responsibility Center HIER].[Responsibility Center Level 02 Name - Description].&amp;[2022-01-01T00:00:00]&amp;[RESP_CENTER_ALLOC]&amp;[ALL_RESP_FROMS - All Responsibility Center From]&amp;[OTHER - Other]"/>
        <member name="[CB - Responsibility Center HIER].[Responsibility Center Level 02 Name - Description].&amp;[2022-01-01T00:00:00]&amp;[RESP_CENTER_ALLOC]&amp;[ALL_RESP_FROMS - All Responsibility Center From]&amp;[PE_OTHER - Progress Other Non-Utility]"/>
        <member name=""/>
        <member name="[CB - Responsibility Center HIER].[Responsibility Center Level 02 Name - Description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">
        <mp field="9"/>
        <mp field="10"/>
        <mp field="11"/>
      </mps>
      <members count="1" level="1">
        <member name="[GL Scenario].[GL Scenario].&amp;[1]"/>
      </members>
    </pivotHierarchy>
    <pivotHierarchy/>
    <pivotHierarchy/>
    <pivotHierarchy/>
    <pivotHierarchy/>
    <pivotHierarchy/>
    <pivotHierarchy/>
    <pivotHierarchy/>
    <pivotHierarchy/>
    <pivotHierarchy multipleItemSelectionAllowed="1">
      <mps count="4">
        <mp field="6"/>
        <mp field="7"/>
        <mp field="14"/>
        <mp field="15"/>
      </mps>
    </pivotHierarchy>
    <pivotHierarchy/>
    <pivotHierarchy/>
    <pivotHierarchy/>
    <pivotHierarchy/>
    <pivotHierarchy/>
    <pivotHierarchy/>
    <pivotHierarchy/>
    <pivotHierarchy/>
    <pivotHierarchy showInFieldList="0"/>
    <pivotHierarchy/>
    <pivotHierarchy showInFieldList="0"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2">
    <rowHierarchyUsage hierarchyUsage="537"/>
    <rowHierarchyUsage hierarchyUsage="139"/>
  </rowHierarchiesUsage>
  <colHierarchiesUsage count="1">
    <colHierarchyUsage hierarchyUsage="579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0BB51C14-2D2E-47B2-8A94-B59E9F4F48DD}" name="PivotTable1" cacheId="0" applyNumberFormats="0" applyBorderFormats="0" applyFontFormats="0" applyPatternFormats="0" applyAlignmentFormats="0" applyWidthHeightFormats="1" dataCaption="Values" updatedVersion="7" minRefreshableVersion="3" useAutoFormatting="1" subtotalHiddenItems="1" itemPrintTitles="1" createdVersion="4" indent="0" compact="0" compactData="0" gridDropZones="1" multipleFieldFilters="0" fieldListSortAscending="1">
  <location ref="A18:P368" firstHeaderRow="1" firstDataRow="4" firstDataCol="2" rowPageCount="6" colPageCount="1"/>
  <pivotFields count="72">
    <pivotField axis="axisPage" compact="0" allDrilled="1" outline="0" showAll="0" dataSourceSort="1" defaultAttributeDrillState="1">
      <items count="1">
        <item t="default"/>
      </items>
    </pivotField>
    <pivotField axis="axisPage" compact="0" allDrilled="1" outline="0" showAll="0" dataSourceSort="1" defaultAttributeDrillState="1">
      <items count="2">
        <item s="1" x="0"/>
        <item t="default"/>
      </items>
    </pivotField>
    <pivotField axis="axisPage" compact="0" allDrilled="1" outline="0" showAll="0" dataSourceSort="1" defaultAttributeDrillState="1">
      <items count="3">
        <item s="1" x="0"/>
        <item s="1" x="1"/>
        <item t="default"/>
      </items>
    </pivotField>
    <pivotField axis="axisCol" compact="0" allDrilled="1" outline="0" showAll="0" dataSourceSort="1">
      <items count="4">
        <item c="1" x="0" d="1"/>
        <item x="1" d="1"/>
        <item x="2" d="1"/>
        <item t="default"/>
      </items>
    </pivotField>
    <pivotField axis="axisCol" compact="0" outline="0" showAll="0" dataSourceSort="1" defaultSubtotal="0">
      <items count="4">
        <item s="1" c="1" x="0"/>
        <item s="1" c="1" x="1"/>
        <item s="1" c="1" x="2"/>
        <item s="1" c="1" x="3"/>
      </items>
    </pivotField>
    <pivotField axis="axisCol" compact="0" allDrilled="1" outline="0" showAll="0" dataSourceSort="1">
      <items count="13">
        <item c="1" x="0"/>
        <item c="1" x="1"/>
        <item c="1" x="2"/>
        <item c="1" x="3"/>
        <item c="1" x="4"/>
        <item c="1" x="5"/>
        <item c="1" x="6"/>
        <item c="1" x="7"/>
        <item c="1" x="8"/>
        <item c="1" x="9"/>
        <item c="1" x="10"/>
        <item c="1" x="11"/>
        <item t="default"/>
      </items>
    </pivotField>
    <pivotField compact="0" outline="0" showAll="0" dataSourceSort="1" defaultSubtotal="0" showPropTip="1"/>
    <pivotField compact="0" outline="0" showAll="0" dataSourceSort="1" defaultSubtotal="0" showPropTip="1"/>
    <pivotField axis="axisPage" compact="0" allDrilled="1" outline="0" showAll="0" dataSourceSort="1" defaultAttributeDrillState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allDrilled="1" outline="0" showAll="0" sortType="ascending" defaultAttributeDrillState="1">
      <items count="1">
        <item t="default"/>
      </items>
    </pivotField>
    <pivotField axis="axisCol" compact="0" outline="0" showAll="0" hideNewItems="1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axis="axisPage" compact="0" allDrilled="1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axis="axisPage" compact="0" outline="0" showAll="0" dataSourceSort="1">
      <items count="1">
        <item t="default"/>
      </items>
    </pivotField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compact="0" outline="0" showAll="0" dataSourceSort="1" showPropTip="1"/>
    <pivotField axis="axisRow" compact="0" allDrilled="1" outline="0" showAll="0" dataSourceSort="1" defaultAttributeDrillState="1">
      <items count="136">
        <item s="1" x="0"/>
        <item s="1" x="1"/>
        <item s="1" x="2"/>
        <item s="1" x="3"/>
        <item s="1" x="4"/>
        <item s="1" x="5"/>
        <item s="1" x="6"/>
        <item s="1" x="7"/>
        <item s="1" x="8"/>
        <item s="1" x="9"/>
        <item s="1" x="10"/>
        <item s="1" x="11"/>
        <item s="1" x="12"/>
        <item s="1" x="13"/>
        <item s="1" x="14"/>
        <item s="1" x="15"/>
        <item s="1" x="16"/>
        <item s="1" x="17"/>
        <item s="1" x="18"/>
        <item s="1" x="19"/>
        <item s="1" x="20"/>
        <item s="1" x="21"/>
        <item s="1" x="22"/>
        <item s="1" x="23"/>
        <item s="1" x="24"/>
        <item s="1" x="25"/>
        <item s="1" x="26"/>
        <item s="1" x="27"/>
        <item s="1" x="28"/>
        <item s="1" x="29"/>
        <item s="1" x="30"/>
        <item s="1" x="31"/>
        <item s="1" x="32"/>
        <item s="1" x="33"/>
        <item s="1" x="34"/>
        <item s="1" x="35"/>
        <item s="1" x="36"/>
        <item s="1" x="37"/>
        <item s="1" x="38"/>
        <item s="1" x="39"/>
        <item s="1" x="40"/>
        <item s="1" x="41"/>
        <item s="1" x="42"/>
        <item s="1" x="43"/>
        <item s="1" x="44"/>
        <item s="1" x="45"/>
        <item s="1" x="46"/>
        <item s="1" x="47"/>
        <item s="1" x="48"/>
        <item s="1" x="49"/>
        <item s="1" x="50"/>
        <item s="1" x="51"/>
        <item s="1" x="52"/>
        <item s="1" x="53"/>
        <item s="1" x="54"/>
        <item s="1" x="55"/>
        <item s="1" x="56"/>
        <item s="1" x="57"/>
        <item s="1" x="58"/>
        <item s="1" x="59"/>
        <item s="1" x="60"/>
        <item s="1" x="61"/>
        <item s="1" x="62"/>
        <item s="1" x="63"/>
        <item s="1" x="64"/>
        <item s="1" x="65"/>
        <item s="1" x="66"/>
        <item s="1" x="67"/>
        <item s="1" x="68"/>
        <item s="1" x="69"/>
        <item s="1" x="70"/>
        <item s="1" x="71"/>
        <item s="1" x="72"/>
        <item s="1" x="73"/>
        <item s="1" x="74"/>
        <item s="1" x="75"/>
        <item s="1" x="76"/>
        <item s="1" x="77"/>
        <item s="1" x="78"/>
        <item s="1" x="79"/>
        <item s="1" x="80"/>
        <item s="1" x="81"/>
        <item s="1" x="82"/>
        <item s="1" x="83"/>
        <item s="1" x="84"/>
        <item s="1" x="85"/>
        <item s="1" x="86"/>
        <item s="1" x="87"/>
        <item s="1" x="88"/>
        <item s="1" x="89"/>
        <item s="1" x="90"/>
        <item s="1" x="91"/>
        <item s="1" x="92"/>
        <item s="1" x="93"/>
        <item s="1" x="94"/>
        <item s="1" x="95"/>
        <item s="1" x="96"/>
        <item s="1" x="97"/>
        <item s="1" x="98"/>
        <item s="1" x="99"/>
        <item s="1" x="100"/>
        <item s="1" x="101"/>
        <item s="1" x="102"/>
        <item s="1" x="103"/>
        <item s="1" x="104"/>
        <item s="1" x="105"/>
        <item s="1" x="106"/>
        <item s="1" x="107"/>
        <item s="1" x="108"/>
        <item s="1" x="109"/>
        <item s="1" x="110"/>
        <item s="1" x="111"/>
        <item s="1" x="112"/>
        <item s="1" x="113"/>
        <item s="1" x="114"/>
        <item s="1" x="115"/>
        <item s="1" x="116"/>
        <item s="1" x="117"/>
        <item s="1" x="118"/>
        <item s="1" x="119"/>
        <item s="1" x="120"/>
        <item s="1" x="121"/>
        <item s="1" x="122"/>
        <item s="1" x="123"/>
        <item s="1" x="124"/>
        <item s="1" x="125"/>
        <item s="1" x="126"/>
        <item s="1" x="127"/>
        <item s="1" x="128"/>
        <item s="1" x="129"/>
        <item s="1" x="130"/>
        <item s="1" x="131"/>
        <item s="1" x="132"/>
        <item s="1" x="133"/>
        <item s="1" x="134"/>
        <item t="default"/>
      </items>
    </pivotField>
    <pivotField axis="axisPage" compact="0" allDrilled="1" outline="0" showAll="0" dataSourceSort="1" defaultAttributeDrillState="1">
      <items count="1">
        <item t="default"/>
      </items>
    </pivotField>
    <pivotField axis="axisRow" compact="0" outline="0" showAll="0" dataSourceSort="1" defaultAttributeDrillState="1">
      <items count="10">
        <item s="1" x="0"/>
        <item s="1" x="1"/>
        <item s="1" x="2"/>
        <item s="1" x="3"/>
        <item s="1" x="4"/>
        <item s="1" x="5"/>
        <item s="1" x="6"/>
        <item s="1" x="7"/>
        <item s="1" x="8"/>
        <item t="default"/>
      </items>
    </pivotField>
    <pivotField compact="0" outline="0" showAll="0" dataSourceSort="1" showPropTip="1"/>
    <pivotField axis="axisRow" compact="0" allDrilled="1" outline="0" showAll="0" hideNewItems="1">
      <items count="5">
        <item n="536_DEK - Duke Energy Kentucky" c="1" x="0"/>
        <item n="503_DEO - Duke Energy Ohio" c="1" x="2"/>
        <item n="110_SERVICE_COMPANY - Duke Energy Business Services" c="1" x="3"/>
        <item n="Other Affiliates" c="1" x="1"/>
        <item t="default"/>
      </items>
    </pivotField>
    <pivotField dataField="1" compact="0" outline="0" showAll="0"/>
  </pivotFields>
  <rowFields count="2">
    <field x="70"/>
    <field x="66"/>
  </rowFields>
  <rowItems count="347">
    <i>
      <x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16"/>
    </i>
    <i r="1">
      <x v="18"/>
    </i>
    <i r="1">
      <x v="19"/>
    </i>
    <i r="1">
      <x v="20"/>
    </i>
    <i r="1">
      <x v="21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29"/>
    </i>
    <i r="1">
      <x v="31"/>
    </i>
    <i r="1">
      <x v="32"/>
    </i>
    <i r="1">
      <x v="35"/>
    </i>
    <i r="1">
      <x v="36"/>
    </i>
    <i r="1">
      <x v="37"/>
    </i>
    <i r="1">
      <x v="38"/>
    </i>
    <i r="1">
      <x v="40"/>
    </i>
    <i r="1">
      <x v="41"/>
    </i>
    <i r="1">
      <x v="42"/>
    </i>
    <i r="1">
      <x v="43"/>
    </i>
    <i r="1">
      <x v="44"/>
    </i>
    <i r="1">
      <x v="45"/>
    </i>
    <i r="1">
      <x v="47"/>
    </i>
    <i r="1">
      <x v="48"/>
    </i>
    <i r="1">
      <x v="49"/>
    </i>
    <i r="1">
      <x v="51"/>
    </i>
    <i r="1">
      <x v="52"/>
    </i>
    <i r="1">
      <x v="53"/>
    </i>
    <i r="1">
      <x v="54"/>
    </i>
    <i r="1">
      <x v="55"/>
    </i>
    <i r="1">
      <x v="56"/>
    </i>
    <i r="1">
      <x v="57"/>
    </i>
    <i r="1">
      <x v="58"/>
    </i>
    <i r="1">
      <x v="59"/>
    </i>
    <i r="1">
      <x v="61"/>
    </i>
    <i r="1">
      <x v="62"/>
    </i>
    <i r="1">
      <x v="63"/>
    </i>
    <i r="1">
      <x v="64"/>
    </i>
    <i r="1">
      <x v="65"/>
    </i>
    <i r="1">
      <x v="66"/>
    </i>
    <i r="1">
      <x v="67"/>
    </i>
    <i r="1">
      <x v="68"/>
    </i>
    <i r="1">
      <x v="69"/>
    </i>
    <i r="1">
      <x v="70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80"/>
    </i>
    <i r="1">
      <x v="82"/>
    </i>
    <i r="1">
      <x v="85"/>
    </i>
    <i r="1">
      <x v="87"/>
    </i>
    <i r="1">
      <x v="88"/>
    </i>
    <i r="1">
      <x v="89"/>
    </i>
    <i r="1">
      <x v="91"/>
    </i>
    <i r="1">
      <x v="92"/>
    </i>
    <i r="1">
      <x v="93"/>
    </i>
    <i r="1">
      <x v="94"/>
    </i>
    <i r="1">
      <x v="95"/>
    </i>
    <i r="1">
      <x v="96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4"/>
    </i>
    <i r="1">
      <x v="106"/>
    </i>
    <i r="1">
      <x v="109"/>
    </i>
    <i r="1">
      <x v="110"/>
    </i>
    <i r="1">
      <x v="113"/>
    </i>
    <i r="1">
      <x v="114"/>
    </i>
    <i r="1">
      <x v="115"/>
    </i>
    <i r="1">
      <x v="118"/>
    </i>
    <i r="1">
      <x v="120"/>
    </i>
    <i r="1">
      <x v="121"/>
    </i>
    <i r="1">
      <x v="122"/>
    </i>
    <i r="1">
      <x v="125"/>
    </i>
    <i r="1">
      <x v="127"/>
    </i>
    <i r="1">
      <x v="128"/>
    </i>
    <i r="1">
      <x v="130"/>
    </i>
    <i r="1">
      <x v="131"/>
    </i>
    <i r="1">
      <x v="133"/>
    </i>
    <i r="1">
      <x v="134"/>
    </i>
    <i t="default">
      <x/>
    </i>
    <i>
      <x v="1"/>
      <x v="13"/>
    </i>
    <i r="1">
      <x v="27"/>
    </i>
    <i r="1">
      <x v="28"/>
    </i>
    <i r="1">
      <x v="31"/>
    </i>
    <i r="1">
      <x v="35"/>
    </i>
    <i r="1">
      <x v="36"/>
    </i>
    <i r="1">
      <x v="37"/>
    </i>
    <i r="1">
      <x v="40"/>
    </i>
    <i r="1">
      <x v="43"/>
    </i>
    <i r="1">
      <x v="45"/>
    </i>
    <i r="1">
      <x v="47"/>
    </i>
    <i r="1">
      <x v="48"/>
    </i>
    <i r="1">
      <x v="49"/>
    </i>
    <i r="1">
      <x v="53"/>
    </i>
    <i r="1">
      <x v="57"/>
    </i>
    <i r="1">
      <x v="58"/>
    </i>
    <i r="1">
      <x v="59"/>
    </i>
    <i r="1">
      <x v="62"/>
    </i>
    <i r="1">
      <x v="63"/>
    </i>
    <i r="1">
      <x v="64"/>
    </i>
    <i r="1">
      <x v="65"/>
    </i>
    <i r="1">
      <x v="66"/>
    </i>
    <i r="1">
      <x v="67"/>
    </i>
    <i r="1">
      <x v="69"/>
    </i>
    <i r="1">
      <x v="70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89"/>
    </i>
    <i r="1">
      <x v="90"/>
    </i>
    <i r="1">
      <x v="91"/>
    </i>
    <i r="1">
      <x v="94"/>
    </i>
    <i r="1">
      <x v="97"/>
    </i>
    <i r="1">
      <x v="113"/>
    </i>
    <i r="1">
      <x v="115"/>
    </i>
    <i r="1">
      <x v="122"/>
    </i>
    <i t="default">
      <x v="1"/>
    </i>
    <i>
      <x v="2"/>
      <x/>
    </i>
    <i r="1">
      <x v="1"/>
    </i>
    <i r="1">
      <x v="2"/>
    </i>
    <i r="1">
      <x v="5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21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29"/>
    </i>
    <i r="1">
      <x v="30"/>
    </i>
    <i r="1">
      <x v="31"/>
    </i>
    <i r="1">
      <x v="33"/>
    </i>
    <i r="1">
      <x v="34"/>
    </i>
    <i r="1">
      <x v="35"/>
    </i>
    <i r="1">
      <x v="36"/>
    </i>
    <i r="1">
      <x v="37"/>
    </i>
    <i r="1">
      <x v="38"/>
    </i>
    <i r="1">
      <x v="39"/>
    </i>
    <i r="1">
      <x v="40"/>
    </i>
    <i r="1">
      <x v="41"/>
    </i>
    <i r="1">
      <x v="42"/>
    </i>
    <i r="1">
      <x v="43"/>
    </i>
    <i r="1">
      <x v="44"/>
    </i>
    <i r="1">
      <x v="45"/>
    </i>
    <i r="1">
      <x v="46"/>
    </i>
    <i r="1">
      <x v="47"/>
    </i>
    <i r="1">
      <x v="48"/>
    </i>
    <i r="1">
      <x v="49"/>
    </i>
    <i r="1">
      <x v="50"/>
    </i>
    <i r="1">
      <x v="51"/>
    </i>
    <i r="1">
      <x v="52"/>
    </i>
    <i r="1">
      <x v="53"/>
    </i>
    <i r="1">
      <x v="55"/>
    </i>
    <i r="1">
      <x v="58"/>
    </i>
    <i r="1">
      <x v="59"/>
    </i>
    <i r="1">
      <x v="62"/>
    </i>
    <i r="1">
      <x v="63"/>
    </i>
    <i r="1">
      <x v="64"/>
    </i>
    <i r="1">
      <x v="65"/>
    </i>
    <i r="1">
      <x v="66"/>
    </i>
    <i r="1">
      <x v="67"/>
    </i>
    <i r="1">
      <x v="68"/>
    </i>
    <i r="1">
      <x v="70"/>
    </i>
    <i r="1">
      <x v="71"/>
    </i>
    <i r="1">
      <x v="72"/>
    </i>
    <i r="1">
      <x v="73"/>
    </i>
    <i r="1">
      <x v="75"/>
    </i>
    <i r="1">
      <x v="76"/>
    </i>
    <i r="1">
      <x v="77"/>
    </i>
    <i r="1">
      <x v="78"/>
    </i>
    <i r="1">
      <x v="79"/>
    </i>
    <i r="1">
      <x v="81"/>
    </i>
    <i r="1">
      <x v="82"/>
    </i>
    <i r="1">
      <x v="83"/>
    </i>
    <i r="1">
      <x v="84"/>
    </i>
    <i r="1">
      <x v="85"/>
    </i>
    <i r="1">
      <x v="87"/>
    </i>
    <i r="1">
      <x v="88"/>
    </i>
    <i r="1">
      <x v="89"/>
    </i>
    <i r="1">
      <x v="90"/>
    </i>
    <i r="1">
      <x v="91"/>
    </i>
    <i r="1">
      <x v="92"/>
    </i>
    <i r="1">
      <x v="93"/>
    </i>
    <i r="1">
      <x v="94"/>
    </i>
    <i r="1">
      <x v="95"/>
    </i>
    <i r="1">
      <x v="96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3"/>
    </i>
    <i r="1">
      <x v="104"/>
    </i>
    <i r="1">
      <x v="105"/>
    </i>
    <i r="1">
      <x v="106"/>
    </i>
    <i r="1">
      <x v="107"/>
    </i>
    <i r="1">
      <x v="108"/>
    </i>
    <i r="1">
      <x v="109"/>
    </i>
    <i r="1">
      <x v="111"/>
    </i>
    <i r="1">
      <x v="112"/>
    </i>
    <i r="1">
      <x v="113"/>
    </i>
    <i r="1">
      <x v="114"/>
    </i>
    <i r="1">
      <x v="115"/>
    </i>
    <i r="1">
      <x v="116"/>
    </i>
    <i r="1">
      <x v="117"/>
    </i>
    <i r="1">
      <x v="118"/>
    </i>
    <i r="1">
      <x v="119"/>
    </i>
    <i r="1">
      <x v="121"/>
    </i>
    <i r="1">
      <x v="122"/>
    </i>
    <i r="1">
      <x v="123"/>
    </i>
    <i r="1">
      <x v="124"/>
    </i>
    <i r="1">
      <x v="125"/>
    </i>
    <i r="1">
      <x v="126"/>
    </i>
    <i r="1">
      <x v="127"/>
    </i>
    <i r="1">
      <x v="129"/>
    </i>
    <i r="1">
      <x v="130"/>
    </i>
    <i r="1">
      <x v="131"/>
    </i>
    <i r="1">
      <x v="132"/>
    </i>
    <i r="1">
      <x v="133"/>
    </i>
    <i r="1">
      <x v="134"/>
    </i>
    <i t="default">
      <x v="2"/>
    </i>
    <i>
      <x v="3"/>
      <x/>
    </i>
    <i r="1">
      <x v="1"/>
    </i>
    <i r="1">
      <x v="2"/>
    </i>
    <i r="1">
      <x v="5"/>
    </i>
    <i r="1">
      <x v="7"/>
    </i>
    <i r="1">
      <x v="8"/>
    </i>
    <i r="1">
      <x v="9"/>
    </i>
    <i r="1">
      <x v="10"/>
    </i>
    <i r="1">
      <x v="11"/>
    </i>
    <i r="1">
      <x v="12"/>
    </i>
    <i r="1">
      <x v="13"/>
    </i>
    <i r="1">
      <x v="14"/>
    </i>
    <i r="1">
      <x v="15"/>
    </i>
    <i r="1">
      <x v="16"/>
    </i>
    <i r="1">
      <x v="17"/>
    </i>
    <i r="1">
      <x v="18"/>
    </i>
    <i r="1">
      <x v="19"/>
    </i>
    <i r="1">
      <x v="20"/>
    </i>
    <i r="1">
      <x v="21"/>
    </i>
    <i r="1">
      <x v="22"/>
    </i>
    <i r="1">
      <x v="23"/>
    </i>
    <i r="1">
      <x v="24"/>
    </i>
    <i r="1">
      <x v="25"/>
    </i>
    <i r="1">
      <x v="26"/>
    </i>
    <i r="1">
      <x v="27"/>
    </i>
    <i r="1">
      <x v="28"/>
    </i>
    <i r="1">
      <x v="29"/>
    </i>
    <i r="1">
      <x v="31"/>
    </i>
    <i r="1">
      <x v="34"/>
    </i>
    <i r="1">
      <x v="35"/>
    </i>
    <i r="1">
      <x v="36"/>
    </i>
    <i r="1">
      <x v="37"/>
    </i>
    <i r="1">
      <x v="40"/>
    </i>
    <i r="1">
      <x v="43"/>
    </i>
    <i r="1">
      <x v="46"/>
    </i>
    <i r="1">
      <x v="47"/>
    </i>
    <i r="1">
      <x v="49"/>
    </i>
    <i r="1">
      <x v="51"/>
    </i>
    <i r="1">
      <x v="53"/>
    </i>
    <i r="1">
      <x v="55"/>
    </i>
    <i r="1">
      <x v="57"/>
    </i>
    <i r="1">
      <x v="58"/>
    </i>
    <i r="1">
      <x v="59"/>
    </i>
    <i r="1">
      <x v="60"/>
    </i>
    <i r="1">
      <x v="62"/>
    </i>
    <i r="1">
      <x v="63"/>
    </i>
    <i r="1">
      <x v="65"/>
    </i>
    <i r="1">
      <x v="66"/>
    </i>
    <i r="1">
      <x v="69"/>
    </i>
    <i r="1">
      <x v="70"/>
    </i>
    <i r="1">
      <x v="73"/>
    </i>
    <i r="1">
      <x v="74"/>
    </i>
    <i r="1">
      <x v="75"/>
    </i>
    <i r="1">
      <x v="76"/>
    </i>
    <i r="1">
      <x v="77"/>
    </i>
    <i r="1">
      <x v="78"/>
    </i>
    <i r="1">
      <x v="79"/>
    </i>
    <i r="1">
      <x v="84"/>
    </i>
    <i r="1">
      <x v="85"/>
    </i>
    <i r="1">
      <x v="86"/>
    </i>
    <i r="1">
      <x v="87"/>
    </i>
    <i r="1">
      <x v="88"/>
    </i>
    <i r="1">
      <x v="89"/>
    </i>
    <i r="1">
      <x v="90"/>
    </i>
    <i r="1">
      <x v="91"/>
    </i>
    <i r="1">
      <x v="93"/>
    </i>
    <i r="1">
      <x v="94"/>
    </i>
    <i r="1">
      <x v="95"/>
    </i>
    <i r="1">
      <x v="97"/>
    </i>
    <i r="1">
      <x v="98"/>
    </i>
    <i r="1">
      <x v="99"/>
    </i>
    <i r="1">
      <x v="100"/>
    </i>
    <i r="1">
      <x v="101"/>
    </i>
    <i r="1">
      <x v="102"/>
    </i>
    <i r="1">
      <x v="104"/>
    </i>
    <i r="1">
      <x v="113"/>
    </i>
    <i r="1">
      <x v="114"/>
    </i>
    <i r="1">
      <x v="115"/>
    </i>
    <i r="1">
      <x v="121"/>
    </i>
    <i r="1">
      <x v="122"/>
    </i>
    <i r="1">
      <x v="123"/>
    </i>
    <i r="1">
      <x v="125"/>
    </i>
    <i r="1">
      <x v="127"/>
    </i>
    <i r="1">
      <x v="128"/>
    </i>
    <i r="1">
      <x v="130"/>
    </i>
    <i r="1">
      <x v="131"/>
    </i>
    <i t="default">
      <x v="3"/>
    </i>
    <i t="grand">
      <x/>
    </i>
  </rowItems>
  <colFields count="3">
    <field x="3"/>
    <field x="4"/>
    <field x="5"/>
  </colFields>
  <colItems count="14">
    <i>
      <x/>
      <x/>
      <x/>
    </i>
    <i r="2">
      <x v="1"/>
    </i>
    <i r="2">
      <x v="2"/>
    </i>
    <i r="1">
      <x v="1"/>
      <x v="3"/>
    </i>
    <i r="2">
      <x v="4"/>
    </i>
    <i r="2">
      <x v="5"/>
    </i>
    <i r="1">
      <x v="2"/>
      <x v="6"/>
    </i>
    <i r="2">
      <x v="7"/>
    </i>
    <i r="2">
      <x v="8"/>
    </i>
    <i r="1">
      <x v="3"/>
      <x v="9"/>
    </i>
    <i r="2">
      <x v="10"/>
    </i>
    <i r="2">
      <x v="11"/>
    </i>
    <i t="default">
      <x/>
    </i>
    <i t="grand">
      <x/>
    </i>
  </colItems>
  <pageFields count="6">
    <pageField fld="0" hier="1" name="[Business Rule].[_Rule Year].&amp;[2022]" cap="2022"/>
    <pageField fld="16" hier="319" name="[CB - Operating Unit HIER].[Operating Unit Hierarchy].[Operating Unit Effective Date].&amp;[2022-01-01T00:00:00]" cap="1/01/2022"/>
    <pageField fld="8" hier="570" name="[GL Scenario].[GL Scenario].&amp;[1]" cap="Actuals"/>
    <pageField fld="1" hier="48" name="[Business Rule].[ENT Jurisdiction].&amp;[Duke Energy Kentucky - Electric]" cap="Duke Energy Kentucky - Electric"/>
    <pageField fld="67" hier="525" name="[CB - Responsibility Center HIER].[Responsibility Center Effective Date].&amp;[2022-01-01T00:00:00]" cap="1/01/2022"/>
    <pageField fld="2" hier="43" name="[Business Rule].[ENT Accounting Class].[All]" cap="All"/>
  </pageFields>
  <dataFields count="1">
    <dataField fld="71" baseField="0" baseItem="0"/>
  </dataFields>
  <formats count="4">
    <format dxfId="3">
      <pivotArea outline="0" collapsedLevelsAreSubtotals="1" fieldPosition="0"/>
    </format>
    <format dxfId="2">
      <pivotArea field="1" type="button" dataOnly="0" labelOnly="1" outline="0" axis="axisPage" fieldPosition="3"/>
    </format>
    <format dxfId="1">
      <pivotArea dataOnly="0" outline="0" fieldPosition="0">
        <references count="1">
          <reference field="1" count="0" defaultSubtotal="1"/>
        </references>
      </pivotArea>
    </format>
    <format dxfId="0">
      <pivotArea dataOnly="0" labelOnly="1" outline="0" fieldPosition="0">
        <references count="1">
          <reference field="66" count="0"/>
        </references>
      </pivotArea>
    </format>
  </formats>
  <pivotHierarchies count="650"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 multipleItemSelectionAllowed="1"/>
    <pivotHierarchy/>
    <pivotHierarchy/>
    <pivotHierarchy/>
    <pivotHierarchy multipleItemSelectionAllowed="1">
      <members count="2" level="1">
        <member name=""/>
        <member name="[Business Rule].[ENT Jurisdiction].&amp;[Duke Energy Kentucky - Electric - Special Governance]"/>
      </members>
    </pivotHierarchy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embers count="12795" level="1">
        <member name="[CB - Account].[Account CB - Description].&amp;[  - NO VALUE]"/>
        <member name="[CB - Account].[Account CB - Description].&amp;[~ - Missing]"/>
        <member name="[CB - Account].[Account CB - Description].&amp;[0001000 - Sales - TNM Nat Gas W/DETM]"/>
        <member name="[CB - Account].[Account CB - Description].&amp;[0001001 - Investment in Alliance]"/>
        <member name="[CB - Account].[Account CB - Description].&amp;[0001002 - Investments]"/>
        <member name="[CB - Account].[Account CB - Description].&amp;[0001003 - Cash - Bank Boston Operations]"/>
        <member name="[CB - Account].[Account CB - Description].&amp;[0001004 - Cash - Sec. 125]"/>
        <member name="[CB - Account].[Account CB - Description].&amp;[0001005 - Cash BankofAmerica - Commodity]"/>
        <member name="[CB - Account].[Account CB - Description].&amp;[0001006 - Project Construction - AES]"/>
        <member name="[CB - Account].[Account CB - Description].&amp;[0001007 - Accum Amort - Org Costs]"/>
        <member name="[CB - Account].[Account CB - Description].&amp;[0001008 - Accrued 401K]"/>
        <member name="[CB - Account].[Account CB - Description].&amp;[0001009 - Accrued Benefits - Duke]"/>
        <member name="[CB - Account].[Account CB - Description].&amp;[0001010 - NP - Duke Capital Short Term]"/>
        <member name="[CB - Account].[Account CB - Description].&amp;[0001011 - AP Trade]"/>
        <member name="[CB - Account].[Account CB - Description].&amp;[0001012 - State Income Payable]"/>
        <member name="[CB - Account].[Account CB - Description].&amp;[0001013 - Deferred Liability-Noncompete]"/>
        <member name="[CB - Account].[Account CB - Description].&amp;[0001014 - Accrued Sales Tax]"/>
        <member name="[CB - Account].[Account CB - Description].&amp;[0001015 - Reserves Short Term]"/>
        <member name="[CB - Account].[Account CB - Description].&amp;[0001016 - Foreign Income Tax Expense]"/>
        <member name="[CB - Account].[Account CB - Description].&amp;[0001017 - Construction NYPA Revenue]"/>
        <member name="[CB - Account].[Account CB - Description].&amp;[0001018 - Construction Revenue]"/>
        <member name="[CB - Account].[Account CB - Description].&amp;[0001019 - Electric Revenue]"/>
        <member name="[CB - Account].[Account CB - Description].&amp;[0001020 - Gas Revenue]"/>
        <member name="[CB - Account].[Account CB - Description].&amp;[0001021 - Other Revenue]"/>
        <member name="[CB - Account].[Account CB - Description].&amp;[0001022 - Consulting Revenue]"/>
        <member name="[CB - Account].[Account CB - Description].&amp;[0001023 - Direct Insurance]"/>
        <member name="[CB - Account].[Account CB - Description].&amp;[0001024 - Mobile Phone-Direct]"/>
        <member name="[CB - Account].[Account CB - Description].&amp;[0001025 - Risk Reserve]"/>
        <member name="[CB - Account].[Account CB - Description].&amp;[0001026 - Payroll Variance-Direct]"/>
        <member name="[CB - Account].[Account CB - Description].&amp;[0001027 - Recruiting-Advertising]"/>
        <member name="[CB - Account].[Account CB - Description].&amp;[0001028 - Amort - Retail]"/>
        <member name="[CB - Account].[Account CB - Description].&amp;[0001029 - Bad Debt Expense]"/>
        <member name="[CB - Account].[Account CB - Description].&amp;[0001030 - Contributions]"/>
        <member name="[CB - Account].[Account CB - Description].&amp;[0001031 - Professional Fees, Mktg/Adv]"/>
        <member name="[CB - Account].[Account CB - Description].&amp;[0001032 - Placement Fees]"/>
        <member name="[CB - Account].[Account CB - Description].&amp;[0001033 - Indirect Allocated Salaries]"/>
        <member name="[CB - Account].[Account CB - Description].&amp;[0001034 - Franchise Taxes]"/>
        <member name="[CB - Account].[Account CB - Description].&amp;[0001035 - Workman's Comp. Insurance]"/>
        <member name="[CB - Account].[Account CB - Description].&amp;[0001036 - Office Overhead]"/>
        <member name="[CB - Account].[Account CB - Description].&amp;[0001037 - Interest Expense - Amort-Acq]"/>
        <member name="[CB - Account].[Account CB - Description].&amp;[0001038 - Gas Purchases w/DETM]"/>
        <member name="[CB - Account].[Account CB - Description].&amp;[0001039 - Deferred Liablity-Severence]"/>
        <member name="[CB - Account].[Account CB - Description].&amp;[0001040 - Interco Revenue with DETM]"/>
        <member name="[CB - Account].[Account CB - Description].&amp;[0001041 - Interco Purchase with DETM]"/>
        <member name="[CB - Account].[Account CB - Description].&amp;[0001042 - Dues and Subscriptions]"/>
        <member name="[CB - Account].[Account CB - Description].&amp;[0001043 - Corp Allocation-Duke]"/>
        <member name="[CB - Account].[Account CB - Description].&amp;[0001044 - CORP ALLOCATION-IM]"/>
        <member name="[CB - Account].[Account CB - Description].&amp;[0001045 - CORP ALLOCATION-DSI]"/>
        <member name="[CB - Account].[Account CB - Description].&amp;[0001046 - Inventory Reserve]"/>
        <member name="[CB - Account].[Account CB - Description].&amp;[0001047 - Automobile Maintenance]"/>
        <member name="[CB - Account].[Account CB - Description].&amp;[0101001 - Gps-Transmission Plant]"/>
        <member name="[CB - Account].[Account CB - Description].&amp;[0101002 - GPS-Prod Extract Plant]"/>
        <member name="[CB - Account].[Account CB - Description].&amp;[0101020 - Intangible Plant - Gas]"/>
        <member name="[CB - Account].[Account CB - Description].&amp;[0101021 - Gps-Prod &amp; Gathering]"/>
        <member name="[CB - Account].[Account CB - Description].&amp;[0101023 - Gps-Underground Storage]"/>
        <member name="[CB - Account].[Account CB - Description].&amp;[0101024 - Gps-Base Load Lng &amp; Plant]"/>
        <member name="[CB - Account].[Account CB - Description].&amp;[0101025 - Gps-General Plant]"/>
        <member name="[CB - Account].[Account CB - Description].&amp;[0101026 - Gps-Reverse Ferc Retiremnt]"/>
        <member name="[CB - Account].[Account CB - Description].&amp;[0101027 - Gps-Reverse Fsal/Cst To Ret]"/>
        <member name="[CB - Account].[Account CB - Description].&amp;[0101028 - Gps-Retirements]"/>
        <member name="[CB - Account].[Account CB - Description].&amp;[0101029 - Gps-Storage]"/>
        <member name="[CB - Account].[Account CB - Description].&amp;[0101030 - Interco PPE-leased to DCI]"/>
        <member name="[CB - Account].[Account CB - Description].&amp;[0101031 - Land - Gas]"/>
        <member name="[CB - Account].[Account CB - Description].&amp;[0101032 - Trans Plant - DEGT only]"/>
        <member name="[CB - Account].[Account CB - Description].&amp;[0101033 - PP&amp;E HOLDING ACCOUNT]"/>
        <member name="[CB - Account].[Account CB - Description].&amp;[0101100 - LT Capital Lease Asset]"/>
        <member name="[CB - Account].[Account CB - Description].&amp;[0101102 - Oper Lease Right of Use asset]"/>
        <member name="[CB - Account].[Account CB - Description].&amp;[0101103 - Cap Lease Rate Base]"/>
        <member name="[CB - Account].[Account CB - Description].&amp;[0101105 - Interco Oper Lease - ROU Asset]"/>
        <member name="[CB - Account].[Account CB - Description].&amp;[0101109 - EPIS - Disallowance - NC]"/>
        <member name="[CB - Account].[Account CB - Description].&amp;[0101110 - Oper Lse Right of Use Asset RH]"/>
        <member name="[CB - Account].[Account CB - Description].&amp;[0101120 - AHFS -PROP PLANT EQUIP]"/>
        <member name="[CB - Account].[Account CB - Description].&amp;[0101125 - REG AHFSNCA_PP&amp;E]"/>
        <member name="[CB - Account].[Account CB - Description].&amp;[0101130 - CAP LEASE - NCEMC]"/>
        <member name="[CB - Account].[Account CB - Description].&amp;[0101152 - IC Lease-Cap(Acct Oper)]"/>
        <member name="[CB - Account].[Account CB - Description].&amp;[0101155 - Common Plant-Purch Acctg]"/>
        <member name="[CB - Account].[Account CB - Description].&amp;[0101200 - PROP_PLANT_EQUIP_PUR_ACCTG_ADJ]"/>
        <member name="[CB - Account].[Account CB - Description].&amp;[0101211 - Cap Lease - ORB Def Tax]"/>
        <member name="[CB - Account].[Account CB - Description].&amp;[0101350 - IC Lease-PP&amp;E]"/>
        <member name="[CB - Account].[Account CB - Description].&amp;[0101360 - Cap Lease Rate Base (I/C)]"/>
        <member name="[CB - Account].[Account CB - Description].&amp;[0101503 - DENA Plant In Service]"/>
        <member name="[CB - Account].[Account CB - Description].&amp;[0101555 - ROU Asset - Oper Lessor]"/>
        <member name="[CB - Account].[Account CB - Description].&amp;[0101556 - ROU Asset - Sales Type Lease]"/>
        <member name="[CB - Account].[Account CB - Description].&amp;[0101710 - EPIS Contra ADC - RETAIL - NC]"/>
        <member name="[CB - Account].[Account CB - Description].&amp;[0101711 - EPIS-HARRIS DSLW]"/>
        <member name="[CB - Account].[Account CB - Description].&amp;[0101720 - EPIS Contra ADC - RETAIL - SC]"/>
        <member name="[CB - Account].[Account CB - Description].&amp;[0101730 - EPIS Contra ADC - WHOLESALE]"/>
        <member name="[CB - Account].[Account CB - Description].&amp;[0101740 - EPIS-RECLASSIFICATION CONTRA(A]"/>
        <member name="[CB - Account].[Account CB - Description].&amp;[0101750 - EPIS-CONTRA AFUDC]"/>
        <member name="[CB - Account].[Account CB - Description].&amp;[0101760 - CONTRA EPIS-OATT]"/>
        <member name="[CB - Account].[Account CB - Description].&amp;[0101770 - EPIS Contra ADC - PC]"/>
        <member name="[CB - Account].[Account CB - Description].&amp;[0101870 - Non-Reg Plant in Service ARO]"/>
        <member name="[CB - Account].[Account CB - Description].&amp;[0101897 - VIE - Restrict PPE Cost Land]"/>
        <member name="[CB - Account].[Account CB - Description].&amp;[0101898 - VIE-Restrict PPE Cost Other]"/>
        <member name="[CB - Account].[Account CB - Description].&amp;[0101955 - Alloc-Com Plt in Srv Prch Adj]"/>
        <member name="[CB - Account].[Account CB - Description].&amp;[0102000 - Gas Plant Purchase/Sold]"/>
        <member name="[CB - Account].[Account CB - Description].&amp;[0102100 - Electric Plant Purchased]"/>
        <member name="[CB - Account].[Account CB - Description].&amp;[0102200 - Electric Plant Sold]"/>
        <member name="[CB - Account].[Account CB - Description].&amp;[0105030 - Elect Plnt Held for Future Use]"/>
        <member name="[CB - Account].[Account CB - Description].&amp;[0105100 - Plt Held For Future Use-Wo Sys]"/>
        <member name="[CB - Account].[Account CB - Description].&amp;[0105200 - Plt Held For Future Use-Prs]"/>
        <member name="[CB - Account].[Account CB - Description].&amp;[0105250 - Plant Held For Future Use-Rsrv]"/>
        <member name="[CB - Account].[Account CB - Description].&amp;[0105300 - Comp Future Use Unclassified]"/>
        <member name="[CB - Account].[Account CB - Description].&amp;[0106005 - Ccnc-History Conversion]"/>
        <member name="[CB - Account].[Account CB - Description].&amp;[0106006 - Ccnc-Intangible Plant]"/>
        <member name="[CB - Account].[Account CB - Description].&amp;[0106007 - Ccnc-Gathering Plant]"/>
        <member name="[CB - Account].[Account CB - Description].&amp;[0106008 - Ccnc-Product Extract Plnt]"/>
        <member name="[CB - Account].[Account CB - Description].&amp;[0106009 - Ccnc-Underground Stor]"/>
        <member name="[CB - Account].[Account CB - Description].&amp;[0106010 - Ccnc-Base Load-Fasb 71]"/>
        <member name="[CB - Account].[Account CB - Description].&amp;[0106011 - Ccnc-Transmission Plant]"/>
        <member name="[CB - Account].[Account CB - Description].&amp;[0106012 - Ccnc-General Plant]"/>
        <member name="[CB - Account].[Account CB - Description].&amp;[0106013 - Ccnc-Base Load Lng&amp;Plant]"/>
        <member name="[CB - Account].[Account CB - Description].&amp;[0106014 - Intangibles General]"/>
        <member name="[CB - Account].[Account CB - Description].&amp;[0106015 - CCNC-Prod_Extract Plant]"/>
        <member name="[CB - Account].[Account CB - Description].&amp;[0106100 - INTANGIBLES_EMISSION_ALLOWANCE]"/>
        <member name="[CB - Account].[Account CB - Description].&amp;[0106101 - Comp Const Not Class-Land]"/>
        <member name="[CB - Account].[Account CB - Description].&amp;[0106200 - Intangibles gen pur acctg adj]"/>
        <member name="[CB - Account].[Account CB - Description].&amp;[0106201 - CCNC-Reg Plant-Elec GDT]"/>
        <member name="[CB - Account].[Account CB - Description].&amp;[0106301 - CCNC-Reg Plant-Oth Bldgs Impr]"/>
        <member name="[CB - Account].[Account CB - Description].&amp;[0106302 - CCNC - Assets Held for Sale]"/>
        <member name="[CB - Account].[Account CB - Description].&amp;[0106401 - CCNC-Equipment]"/>
        <member name="[CB - Account].[Account CB - Description].&amp;[0106501 - CCNC-Vehicles]"/>
        <member name="[CB - Account].[Account CB - Description].&amp;[0106601 - CCNC-Other (inc. Intangibles)]"/>
        <member name="[CB - Account].[Account CB - Description].&amp;[0106710 - CCNC Contra ADC - RETAIL - NC]"/>
        <member name="[CB - Account].[Account CB - Description].&amp;[0106720 - CCNC Contra ADC - RETAIL - SC]"/>
        <member name="[CB - Account].[Account CB - Description].&amp;[0106730 - CCNC Contra ADC - WHOLESALE]"/>
        <member name="[CB - Account].[Account CB - Description].&amp;[0106897 - VIE-Restrict PPE Cost RegPlt]"/>
        <member name="[CB - Account].[Account CB - Description].&amp;[0106980 - Comp Const Unclassified-Elect]"/>
        <member name="[CB - Account].[Account CB - Description].&amp;[0107001 - Const. Work in Progress]"/>
        <member name="[CB - Account].[Account CB - Description].&amp;[0107002 - Non-Utility CWIP-Other]"/>
        <member name="[CB - Account].[Account CB - Description].&amp;[0107003 - CWIP - Assets Held for Sale]"/>
        <member name="[CB - Account].[Account CB - Description].&amp;[0107100 - CWIP-EBIT-ROCE]"/>
        <member name="[CB - Account].[Account CB - Description].&amp;[0107160 - NR CWIP Leasehold Improvements]"/>
        <member name="[CB - Account].[Account CB - Description].&amp;[0107200 - NR CWIP]"/>
        <member name="[CB - Account].[Account CB - Description].&amp;[0107300 - Contra CWIP-Levy Wholesale]"/>
        <member name="[CB - Account].[Account CB - Description].&amp;[0107400 - Contra CWIP-Recoverable Nucl]"/>
        <member name="[CB - Account].[Account CB - Description].&amp;[0107503 - CWIP - DENA]"/>
        <member name="[CB - Account].[Account CB - Description].&amp;[0107710 - CWIP Contra ADC - RETAIL - NC]"/>
        <member name="[CB - Account].[Account CB - Description].&amp;[0107720 - CWIP Contra ADC - RETAIL - SC]"/>
        <member name="[CB - Account].[Account CB - Description].&amp;[0107730 - CWIP Contra ADC - WHOLESALE]"/>
        <member name="[CB - Account].[Account CB - Description].&amp;[0107777 - Non-Reg CWIP suspense]"/>
        <member name="[CB - Account].[Account CB - Description].&amp;[0107888 - CWIP - BU Bal Sht - Svc Co Exp]"/>
        <member name="[CB - Account].[Account CB - Description].&amp;[0107890 - CWIP - No Work Order]"/>
        <member name="[CB - Account].[Account CB - Description].&amp;[0107897 - VIE-Restricted PPE Cost CIP]"/>
        <member name="[CB - Account].[Account CB - Description].&amp;[0107980 - Cwip-Electric]"/>
        <member name="[CB - Account].[Account CB - Description].&amp;[0108001 - Accumulated DD&amp;A-Pur]"/>
        <member name="[CB - Account].[Account CB - Description].&amp;[0108002 - Dd&amp;A-Transm-Onshore]"/>
        <member name="[CB - Account].[Account CB - Description].&amp;[0108003 - DEC COR Settlement SC]"/>
        <member name="[CB - Account].[Account CB - Description].&amp;[0108004 - DEC COR Settlement - NC]"/>
        <member name="[CB - Account].[Account CB - Description].&amp;[0108009 - Accum D&amp;A Real Estate]"/>
        <member name="[CB - Account].[Account CB - Description].&amp;[0108010 - Dd&amp;A Intang Plant]"/>
        <member name="[CB - Account].[Account CB - Description].&amp;[0108011 - Dd&amp;A-Prod &amp; Gath Plant]"/>
        <member name="[CB - Account].[Account CB - Description].&amp;[0108012 - Dd&amp;A-Prod Extract Plant]"/>
        <member name="[CB - Account].[Account CB - Description].&amp;[0108013 - Dd&amp;A Lng Term &amp; Process]"/>
        <member name="[CB - Account].[Account CB - Description].&amp;[0108014 - Dd&amp;A Reverse Ferc Retire]"/>
        <member name="[CB - Account].[Account CB - Description].&amp;[0108015 - Dd&amp;A Retirement]"/>
        <member name="[CB - Account].[Account CB - Description].&amp;[0108016 - Dd&amp;A-Underground Storage]"/>
        <member name="[CB - Account].[Account CB - Description].&amp;[0108017 - Dd&amp;A-Transm-Neg Salvage]"/>
        <member name="[CB - Account].[Account CB - Description].&amp;[0108018 - Dd&amp;A Transm Mobil Commun]"/>
        <member name="[CB - Account].[Account CB - Description].&amp;[0108019 - Dd&amp;A Gen Plt Transp Equip]"/>
        <member name="[CB - Account].[Account CB - Description].&amp;[0108020 - Dd&amp;A-Genl Plt-Power Op Eq]"/>
        <member name="[CB - Account].[Account CB - Description].&amp;[0108021 - Dd&amp;A-Genl Plt-Computer Eq]"/>
        <member name="[CB - Account].[Account CB - Description].&amp;[0108022 - Dd&amp;A-Genl Plt-Airplanes]"/>
        <member name="[CB - Account].[Account CB - Description].&amp;[0108023 - Dd&amp;A-Genl Plt-Trailers]"/>
        <member name="[CB - Account].[Account CB - Description].&amp;[0108024 - Dd&amp;A Lng Term Depr Reserve]"/>
        <member name="[CB - Account].[Account CB - Description].&amp;[0108025 - Dd&amp;A Gath Neg Sal]"/>
        <member name="[CB - Account].[Account CB - Description].&amp;[0108026 - Dd&amp;A-Transm-Offshore]"/>
        <member name="[CB - Account].[Account CB - Description].&amp;[0108027 - Dd&amp;A Transm Future Use]"/>
        <member name="[CB - Account].[Account CB - Description].&amp;[0108028 - Dd&amp;A-General Plant]"/>
        <member name="[CB - Account].[Account CB - Description].&amp;[0108029 - Dd&amp;A-Prod/Gath Plt-Offshore]"/>
        <member name="[CB - Account].[Account CB - Description].&amp;[0108030 - Dd&amp;A-History Conversion]"/>
        <member name="[CB - Account].[Account CB - Description].&amp;[0108031 - Dd&amp;A-Communication]"/>
        <member name="[CB - Account].[Account CB - Description].&amp;[0108032 - DD&amp;A Trans Offshore Commun.]"/>
        <member name="[CB - Account].[Account CB - Description].&amp;[0108033 - DD&amp;A Trans-Onshore IncomeProj]"/>
        <member name="[CB - Account].[Account CB - Description].&amp;[0108034 - Retirement Work In Prog]"/>
        <member name="[CB - Account].[Account CB - Description].&amp;[0108035 - Accum Amort Intang General]"/>
        <member name="[CB - Account].[Account CB - Description].&amp;[0108036 - Acc Depr - To Be Retired]"/>
        <member name="[CB - Account].[Account CB - Description].&amp;[0108037 - Acc Depr - Retired Plants]"/>
        <member name="[CB - Account].[Account CB - Description].&amp;[0108060 - CONTRA-ACCUM DEPR OATT]"/>
        <member name="[CB - Account].[Account CB - Description].&amp;[0108087 - Accelerated Depreciation]"/>
        <member name="[CB - Account].[Account CB - Description].&amp;[0108100 - Rsrv For Deprec-Autos &amp; Trucks]"/>
        <member name="[CB - Account].[Account CB - Description].&amp;[0108102 - Acc DD&amp;A-Common Purch Acctg]"/>
        <member name="[CB - Account].[Account CB - Description].&amp;[0108109 - Acc Depr - Disallowance - NC]"/>
        <member name="[CB - Account].[Account CB - Description].&amp;[0108110 - Rsrv For Deprec-Steam Stations]"/>
        <member name="[CB - Account].[Account CB - Description].&amp;[0108111 - Rsrv For Deprec-Stm Clean]"/>
        <member name="[CB - Account].[Account CB - Description].&amp;[0108120 - Rsrv For Deprec.-Hydro Plant]"/>
        <member name="[CB - Account].[Account CB - Description].&amp;[0108121 - DD&amp;A Tangible Drilling Cost]"/>
        <member name="[CB - Account].[Account CB - Description].&amp;[0108130 - Rsrv For Deprec-Transm. Plant]"/>
        <member name="[CB - Account].[Account CB - Description].&amp;[0108140 - Rsrv For Deprec-Distrib. Plant]"/>
        <member name="[CB - Account].[Account CB - Description].&amp;[0108150 - Rsrv For Deprec-General Plant]"/>
        <member name="[CB - Account].[Account CB - Description].&amp;[0108152 - IC Lease-Cap(Act as Op) Amort]"/>
        <member name="[CB - Account].[Account CB - Description].&amp;[0108155 - FAS 143 COR CONTRA]"/>
        <member name="[CB - Account].[Account CB - Description].&amp;[0108160 - Rsrv For Deprec-Comb. Turbines]"/>
        <member name="[CB - Account].[Account CB - Description].&amp;[0108170 - SCHM Rsrv for Depr NPLSec 124A]"/>
        <member name="[CB - Account].[Account CB - Description].&amp;[0108180 - Rsrv For Deprec-Edp Equipment]"/>
        <member name="[CB - Account].[Account CB - Description].&amp;[0108190 - Rsrv For Deprec-Constr. Equip.]"/>
        <member name="[CB - Account].[Account CB - Description].&amp;[0108200 - Rsrv For Deprec-Nuclear Stat.]"/>
        <member name="[CB - Account].[Account CB - Description].&amp;[0108201 - Acc Lease Amort-Cap Lease (Op)]"/>
        <member name="[CB - Account].[Account CB - Description].&amp;[0108203 - Acc DD&amp;A-Cap Rate Base]"/>
        <member name="[CB - Account].[Account CB - Description].&amp;[0108205 - Interco Accumulated DD&amp;A - ROU]"/>
        <member name="[CB - Account].[Account CB - Description].&amp;[0108210 - Depr Lse Right of use Asset RH]"/>
        <member name="[CB - Account].[Account CB - Description].&amp;[0108211 - Acc Lease Amort-ORB Defer Tax]"/>
        <member name="[CB - Account].[Account CB - Description].&amp;[0108220 - 12/95]"/>
        <member name="[CB - Account].[Account CB - Description].&amp;[0108250 - 12/95]"/>
        <member name="[CB - Account].[Account CB - Description].&amp;[0108300 - ACCUM_DD&amp;A_PP&amp;E_PUR-ACCTG_ADJ]"/>
        <member name="[CB - Account].[Account CB - Description].&amp;[0108302 - Elec Acc Depr-AHFS]"/>
        <member name="[CB - Account].[Account CB - Description].&amp;[0108303 - Elec Acc Depr COR-AHFS]"/>
        <member name="[CB - Account].[Account CB - Description].&amp;[0108304 - RWIP FUTURE USE]"/>
        <member name="[CB - Account].[Account CB - Description].&amp;[0108305 - DEP COR Settlement- NCUC]"/>
        <member name="[CB - Account].[Account CB - Description].&amp;[0108306 - NON-RAD DECOM-W COR]"/>
        <member name="[CB - Account].[Account CB - Description].&amp;[0108307 - NON-RAD DECOM-R COR]"/>
        <member name="[CB - Account].[Account CB - Description].&amp;[0108308 - Nuclear COR]"/>
        <member name="[CB - Account].[Account CB - Description].&amp;[0108309 - NON-RAD DECOM-UNFD-W COR]"/>
        <member name="[CB - Account].[Account CB - Description].&amp;[0108310 - Fossil Dismantlement COR]"/>
        <member name="[CB - Account].[Account CB - Description].&amp;[0108320 - Final Dismantlement COR]"/>
        <member name="[CB - Account].[Account CB - Description].&amp;[0108350 - IC Lease-Acc Depr &amp; Amort]"/>
        <member name="[CB - Account].[Account CB - Description].&amp;[0108360 - Acc DD&amp;A-Cap Rate Base (I/C)]"/>
        <member name="[CB - Account].[Account CB - Description].&amp;[0108400 - Rsrv For Decommissioning-Nucle]"/>
        <member name="[CB - Account].[Account CB - Description].&amp;[0108401 - Accum Provision Fossil Dismant]"/>
        <member name="[CB - Account].[Account CB - Description].&amp;[0108402 - ACC DEPR-NON-RAD DECOM-UNFD-W]"/>
        <member name="[CB - Account].[Account CB - Description].&amp;[0108403 - Accum Prov Nuclear COR]"/>
        <member name="[CB - Account].[Account CB - Description].&amp;[0108404 - ACC DEPR-NON-RAD DECOM-R]"/>
        <member name="[CB - Account].[Account CB - Description].&amp;[0108405 - ACC DEPR-NON-RAD DECOM-W]"/>
        <member name="[CB - Account].[Account CB - Description].&amp;[0108406 - ACC DEPR HARRIS DSLW]"/>
        <member name="[CB - Account].[Account CB - Description].&amp;[0108407 - ACC DEPR-CONTRA AFUDC]"/>
        <member name="[CB - Account].[Account CB - Description].&amp;[0108408 - ACCELERATED DEPRECIATION NCUC]"/>
        <member name="[CB - Account].[Account CB - Description].&amp;[0108409 - ACCELERATED DEPRECIATION SCPSC]"/>
        <member name="[CB - Account].[Account CB - Description].&amp;[0108412 - RWIP - Assets Held for Sale]"/>
        <member name="[CB - Account].[Account CB - Description].&amp;[0108503 - Accum Depr - DENA]"/>
        <member name="[CB - Account].[Account CB - Description].&amp;[0108551 - RWIP - Reg No Work Order SC]"/>
        <member name="[CB - Account].[Account CB - Description].&amp;[0108552 - Non-Reg Plant in Svc Res Adj]"/>
        <member name="[CB - Account].[Account CB - Description].&amp;[0108555 - Accum Depr - Oper Lessor]"/>
        <member name="[CB - Account].[Account CB - Description].&amp;[0108600 - SCHM Retirement Wip]"/>
        <member name="[CB - Account].[Account CB - Description].&amp;[0108610 - RWIP-EBIT-ROCE]"/>
        <member name="[CB - Account].[Account CB - Description].&amp;[0108630 - Nuclear Decommissioning Charge]"/>
        <member name="[CB - Account].[Account CB - Description].&amp;[0108700 - ACC DEPR RATE DIFF]"/>
        <member name="[CB - Account].[Account CB - Description].&amp;[0108710 - DEPR Contra ADC - RETAIL - NC]"/>
        <member name="[CB - Account].[Account CB - Description].&amp;[0108720 - DEPR Contra ADC - RETAIL - SC]"/>
        <member name="[CB - Account].[Account CB - Description].&amp;[0108730 - DEPR Contra ADC - WHOLESALE]"/>
        <member name="[CB - Account].[Account CB - Description].&amp;[0108740 - Acc DEPR Contra ADC - PC]"/>
        <member name="[CB - Account].[Account CB - Description].&amp;[0108741 - Acc DEPR-WH RT 9/88]"/>
        <member name="[CB - Account].[Account CB - Description].&amp;[0108742 - Acc DEPR-WH RT PA]"/>
        <member name="[CB - Account].[Account CB - Description].&amp;[0108743 - Acc DEPR-WH RT Diff]"/>
        <member name="[CB - Account].[Account CB - Description].&amp;[0108744 - Acc DEPR-SC RT Diff]"/>
        <member name="[CB - Account].[Account CB - Description].&amp;[0108800 - 12/95]"/>
        <member name="[CB - Account].[Account CB - Description].&amp;[0108888 - RWIP - BU Bal Sht - Svc Co Exp]"/>
        <member name="[CB - Account].[Account CB - Description].&amp;[0108897 - VIE-Restrict PPE Accum Deprec]"/>
        <member name="[CB - Account].[Account CB - Description].&amp;[0108952 - Allocated - Common RWIP]"/>
        <member name="[CB - Account].[Account CB - Description].&amp;[0108980 - Retirement Wip-Electric]"/>
        <member name="[CB - Account].[Account CB - Description].&amp;[0108990 - Rsrv For Deprec-Suspense]"/>
        <member name="[CB - Account].[Account CB - Description].&amp;[0108999 - IC - Acc Depreciation]"/>
        <member name="[CB - Account].[Account CB - Description].&amp;[0111000 - Acc Prov A&amp;D-Intangible]"/>
        <member name="[CB - Account].[Account CB - Description].&amp;[0111001 - Acc Prov A&amp;D-Ngp&amp;Gp-Onsho]"/>
        <member name="[CB - Account].[Account CB - Description].&amp;[0111002 - Accum Amort-Other Sto]"/>
        <member name="[CB - Account].[Account CB - Description].&amp;[0111003 - Acc Prov A&amp;D Lng Cap Lease]"/>
        <member name="[CB - Account].[Account CB - Description].&amp;[0111004 - Acc Prov A&amp;D Genl Plant]"/>
        <member name="[CB - Account].[Account CB - Description].&amp;[0111005 - Accum Amort-Transmis]"/>
        <member name="[CB - Account].[Account CB - Description].&amp;[0111006 - Accum Amrt Intang Filings]"/>
        <member name="[CB - Account].[Account CB - Description].&amp;[0111007 - Accum Amrt Intang Software]"/>
        <member name="[CB - Account].[Account CB - Description].&amp;[0111008 - Accum Amrt Intang Other]"/>
        <member name="[CB - Account].[Account CB - Description].&amp;[0111200 - Acc Prov-Amor Elec Plt/Future]"/>
        <member name="[CB - Account].[Account CB - Description].&amp;[0111300 - Acc Prov-Amor Elec Plt-Softwar]"/>
        <member name="[CB - Account].[Account CB - Description].&amp;[0111400 - Franchise Reserve]"/>
        <member name="[CB - Account].[Account CB - Description].&amp;[0111500 - FEASIBILITY STUDIES RESERVE]"/>
        <member name="[CB - Account].[Account CB - Description].&amp;[0111503 - Accum Amort - DENA]"/>
        <member name="[CB - Account].[Account CB - Description].&amp;[0111600 - ACC_PRO_AMOR_EL_PLT-PUR_AC_ADJ]"/>
        <member name="[CB - Account].[Account CB - Description].&amp;[0114000 - Plant Acquisition Adj]"/>
        <member name="[CB - Account].[Account CB - Description].&amp;[0114001 - Purchase Price Adjustment]"/>
        <member name="[CB - Account].[Account CB - Description].&amp;[0114002 - Pur Acctg-Dsit]"/>
        <member name="[CB - Account].[Account CB - Description].&amp;[0114005 - Pur Acctg-Goodwill]"/>
        <member name="[CB - Account].[Account CB - Description].&amp;[0114006 - Pur Acctg-Goodwill Contra]"/>
        <member name="[CB - Account].[Account CB - Description].&amp;[0114007 - Pur Acctg-Pp&amp;E]"/>
        <member name="[CB - Account].[Account CB - Description].&amp;[0114008 - Pur Acctg-Dfit]"/>
        <member name="[CB - Account].[Account CB - Description].&amp;[0114010 - Pur Acctg-Paid-In-Capital]"/>
        <member name="[CB - Account].[Account CB - Description].&amp;[0114011 - Pur Acctng-Reserves]"/>
        <member name="[CB - Account].[Account CB - Description].&amp;[0114012 - Purch-Acctg - DEGT only]"/>
        <member name="[CB - Account].[Account CB - Description].&amp;[0114013 - Pur Acctg - Retained Earnings]"/>
        <member name="[CB - Account].[Account CB - Description].&amp;[0114014 - PA-Def Foreign Inc Tax-Other]"/>
        <member name="[CB - Account].[Account CB - Description].&amp;[0114022 - Pur Acctg-Inventory]"/>
        <member name="[CB - Account].[Account CB - Description].&amp;[0114023 - Pur Acctg-Environmental Liab]"/>
        <member name="[CB - Account].[Account CB - Description].&amp;[0114105 - Common Plant Purch Acct Adj]"/>
        <member name="[CB - Account].[Account CB - Description].&amp;[0115000 - Acc Prov Plt Acquis Adj]"/>
        <member name="[CB - Account].[Account CB - Description].&amp;[0115001 - Pur Acctg-Amort Pp&amp;E]"/>
        <member name="[CB - Account].[Account CB - Description].&amp;[0115150 - Common Accum Dep-Pur Adj]"/>
        <member name="[CB - Account].[Account CB - Description].&amp;[0116000 - Other Electric Plant Ad]"/>
        <member name="[CB - Account].[Account CB - Description].&amp;[0117000 - Storage Gas-Noncurrent Invento]"/>
        <member name="[CB - Account].[Account CB - Description].&amp;[0117101 - Storage Gas-Noncurrent Invento]"/>
        <member name="[CB - Account].[Account CB - Description].&amp;[0117201 - System Gas Current]"/>
        <member name="[CB - Account].[Account CB - Description].&amp;[0118200 - Other Utility Plant]"/>
        <member name="[CB - Account].[Account CB - Description].&amp;[0118300 - Other Utility Cwip]"/>
        <member name="[CB - Account].[Account CB - Description].&amp;[0118600 - Comp Const Water &amp; Transit]"/>
        <member name="[CB - Account].[Account CB - Description].&amp;[0118980 - Other Utility Cwip]"/>
        <member name="[CB - Account].[Account CB - Description].&amp;[0119100 - Water Plt-Acc Depreciation]"/>
        <member name="[CB - Account].[Account CB - Description].&amp;[0119200 - Inactive]"/>
        <member name="[CB - Account].[Account CB - Description].&amp;[0119300 - Other Utility-Retirement Wip]"/>
        <member name="[CB - Account].[Account CB - Description].&amp;[0119301 - Acc Depr &amp; Amort Other Util]"/>
        <member name="[CB - Account].[Account CB - Description].&amp;[0119980 - Other Utility-Retirement Wip]"/>
        <member name="[CB - Account].[Account CB - Description].&amp;[0120100 - Nuclear Fuel In Process]"/>
        <member name="[CB - Account].[Account CB - Description].&amp;[0120110 - NFIP-EBIT-ROCE]"/>
        <member name="[CB - Account].[Account CB - Description].&amp;[0120120 - Inactive]"/>
        <member name="[CB - Account].[Account CB - Description].&amp;[0120130 - Inactive]"/>
        <member name="[CB - Account].[Account CB - Description].&amp;[0120200 - Nuclear Fuel Material &amp; Assemb]"/>
        <member name="[CB - Account].[Account CB - Description].&amp;[0120210 - Inactive]"/>
        <member name="[CB - Account].[Account CB - Description].&amp;[0120220 - Inactive]"/>
        <member name="[CB - Account].[Account CB - Description].&amp;[0120300 - Nuc Fuel Assemblies In Reactor]"/>
        <member name="[CB - Account].[Account CB - Description].&amp;[0120400 - Spent Nuclear Fuel Assemblies]"/>
        <member name="[CB - Account].[Account CB - Description].&amp;[0120510 - Acc Amor-Nuc Fuel Assemblies]"/>
        <member name="[CB - Account].[Account CB - Description].&amp;[0120511 - Nuc Fuel DOE payments/Accruals]"/>
        <member name="[CB - Account].[Account CB - Description].&amp;[0120512 - Nuclear Fuel Retirements]"/>
        <member name="[CB - Account].[Account CB - Description].&amp;[0120520 - Inactive]"/>
        <member name="[CB - Account].[Account CB - Description].&amp;[0120530 - Nuc Fuel Disposal Cost-Payment]"/>
        <member name="[CB - Account].[Account CB - Description].&amp;[0120540 - Nuc Fuel Disposal Cost]"/>
        <member name="[CB - Account].[Account CB - Description].&amp;[0120550 - Acc amort-Canister-Oconee Rob]"/>
        <member name="[CB - Account].[Account CB - Description].&amp;[0120551 - Acc Amor-Canister_McGuire Brun]"/>
        <member name="[CB - Account].[Account CB - Description].&amp;[0120552 - SCHM Acc Amor-Canister-Catawba]"/>
        <member name="[CB - Account].[Account CB - Description].&amp;[0120560 - Inactive]"/>
        <member name="[CB - Account].[Account CB - Description].&amp;[0120970 - Inactive]"/>
        <member name="[CB - Account].[Account CB - Description].&amp;[0120980 - Inactive]"/>
        <member name="[CB - Account].[Account CB - Description].&amp;[0121000 - Nonutil Prop-General]"/>
        <member name="[CB - Account].[Account CB - Description].&amp;[0121001 - Non-Utility Property Svc Co]"/>
        <member name="[CB - Account].[Account CB - Description].&amp;[0121002 - Nonutil Prop-Edi Connect]"/>
        <member name="[CB - Account].[Account CB - Description].&amp;[0121003 - Nonutil Prop-Edi Connect]"/>
        <member name="[CB - Account].[Account CB - Description].&amp;[0121004 - Nonutil Prop-Dsel Hydrol]"/>
        <member name="[CB - Account].[Account CB - Description].&amp;[0121005 - Nonutil Prop-Heat Cogener]"/>
        <member name="[CB - Account].[Account CB - Description].&amp;[0121006 - Nonutil Prop-Ibm 3090]"/>
        <member name="[CB - Account].[Account CB - Description].&amp;[0121007 - Nonutil-Prop Not In Service]"/>
        <member name="[CB - Account].[Account CB - Description].&amp;[0121008 - Nonutil Prop-General Plant]"/>
        <member name="[CB - Account].[Account CB - Description].&amp;[0121009 - Nonutil-Prop Not In Service]"/>
        <member name="[CB - Account].[Account CB - Description].&amp;[0121010 - Nonutil Prop-Leasehld Imprvmnt]"/>
        <member name="[CB - Account].[Account CB - Description].&amp;[0121100 - Undevel Power Sites-NonUtil]"/>
        <member name="[CB - Account].[Account CB - Description].&amp;[0121200 - Electrc Plt Not In Use-NonUtil]"/>
        <member name="[CB - Account].[Account CB - Description].&amp;[0121220 - Non-Proj Access Areas-NonUtil]"/>
        <member name="[CB - Account].[Account CB - Description].&amp;[0121300 - Structures-NonUtil]"/>
        <member name="[CB - Account].[Account CB - Description].&amp;[0121302 - BUILDINGS]"/>
        <member name="[CB - Account].[Account CB - Description].&amp;[0121305 - MOTOR VEHICLES]"/>
        <member name="[CB - Account].[Account CB - Description].&amp;[0121310 - Structures Not In Use]"/>
        <member name="[CB - Account].[Account CB - Description].&amp;[0121320 - Structures In Use]"/>
        <member name="[CB - Account].[Account CB - Description].&amp;[0121350 - Non-Util-Furniture&amp;Fixtures]"/>
        <member name="[CB - Account].[Account CB - Description].&amp;[0121360 - Non-Util-Computer Equipment]"/>
        <member name="[CB - Account].[Account CB - Description].&amp;[0121370 - Non-Util-Communication Equip]"/>
        <member name="[CB - Account].[Account CB - Description].&amp;[0121400 - NONUTIL_PROP_GEN_PUR_ACCTG_ADJ]"/>
        <member name="[CB - Account].[Account CB - Description].&amp;[0121410 - LEASED STRUCT-NonUtil]"/>
        <member name="[CB - Account].[Account CB - Description].&amp;[0121420 - Merch. Misc. Equip.]"/>
        <member name="[CB - Account].[Account CB - Description].&amp;[0121430 - Merch. Furn. &amp; Fixtures]"/>
        <member name="[CB - Account].[Account CB - Description].&amp;[0121440 - Merch. Computer Equip.]"/>
        <member name="[CB - Account].[Account CB - Description].&amp;[0121450 - Merch. Communications Equip.]"/>
        <member name="[CB - Account].[Account CB - Description].&amp;[0121500 - Nonutility-Construction Wip]"/>
        <member name="[CB - Account].[Account CB - Description].&amp;[0121556 - Non-Util Prop Reserve Adj]"/>
        <member name="[CB - Account].[Account CB - Description].&amp;[0121600 - Comp Const Not Classified-Nonu]"/>
        <member name="[CB - Account].[Account CB - Description].&amp;[0121710 - Misc Other Nonutility Prop-Nc]"/>
        <member name="[CB - Account].[Account CB - Description].&amp;[0121720 - Nonutility Capital Lease]"/>
        <member name="[CB - Account].[Account CB - Description].&amp;[0121750 - Misc Other Nonutility Prop-Sc]"/>
        <member name="[CB - Account].[Account CB - Description].&amp;[0121810 - Forest Plantation/Tree Plnting]"/>
        <member name="[CB - Account].[Account CB - Description].&amp;[0121840 - Pulpwood-Pine]"/>
        <member name="[CB - Account].[Account CB - Description].&amp;[0121850 - Pulpwood-Hardwood]"/>
        <member name="[CB - Account].[Account CB - Description].&amp;[0121860 - Saw Timber-Pine]"/>
        <member name="[CB - Account].[Account CB - Description].&amp;[0121870 - Saw Timber-Hardwood]"/>
        <member name="[CB - Account].[Account CB - Description].&amp;[0121888 - Non-Util Prpty BU B/S SC Exp]"/>
        <member name="[CB - Account].[Account CB - Description].&amp;[0121910 - Nonutility Buses]"/>
        <member name="[CB - Account].[Account CB - Description].&amp;[0121920 - Inactive]"/>
        <member name="[CB - Account].[Account CB - Description].&amp;[0121930 - Fossil DFD Profit]"/>
        <member name="[CB - Account].[Account CB - Description].&amp;[0121940 - Nuclear DFD Profit]"/>
        <member name="[CB - Account].[Account CB - Description].&amp;[0121950 - Hydro DFD Profit]"/>
        <member name="[CB - Account].[Account CB - Description].&amp;[0121960 - Other Production DFD Profit]"/>
        <member name="[CB - Account].[Account CB - Description].&amp;[0121980 - Inactive]"/>
        <member name="[CB - Account].[Account CB - Description].&amp;[0122000 - Dd&amp;A-Nonutil Prop-Gen]"/>
        <member name="[CB - Account].[Account CB - Description].&amp;[0122001 - Dd&amp;A-Nonutil Prop-Gen]"/>
        <member name="[CB - Account].[Account CB - Description].&amp;[0122002 - Dd&amp;A-Nonutil-Ibm Epiccon]"/>
        <member name="[CB - Account].[Account CB - Description].&amp;[0122003 - Dd&amp;A-Nonutil-Hydraul]"/>
        <member name="[CB - Account].[Account CB - Description].&amp;[0122004 - Dd&amp;A-Nonutil-Cogener]"/>
        <member name="[CB - Account].[Account CB - Description].&amp;[0122005 - Dd&amp;A-Nonutil-Ibm 3090]"/>
        <member name="[CB - Account].[Account CB - Description].&amp;[0122006 - Dd&amp;A-Nonutil-Property]"/>
        <member name="[CB - Account].[Account CB - Description].&amp;[0122007 - DD&amp;A-Computer Hardware &amp; Eqmnt]"/>
        <member name="[CB - Account].[Account CB - Description].&amp;[0122008 - DD&amp;A-Furniture &amp; Fixtures]"/>
        <member name="[CB - Account].[Account CB - Description].&amp;[0122200 - Nonutility-Rwip]"/>
        <member name="[CB - Account].[Account CB - Description].&amp;[0122300 - Reserve For Depr-Plant Acctg]"/>
        <member name="[CB - Account].[Account CB - Description].&amp;[0122400 - Reserve For Merch-Gen Plant]"/>
        <member name="[CB - Account].[Account CB - Description].&amp;[0122410 - Reserve For Merch-Edp]"/>
        <member name="[CB - Account].[Account CB - Description].&amp;[0122430 - Accum Amort Of Merchandising]"/>
        <member name="[CB - Account].[Account CB - Description].&amp;[0122500 - DD&amp;A_NONUTL_PRO_GEN_PUR_AC_ADJ]"/>
        <member name="[CB - Account].[Account CB - Description].&amp;[0122910 - Inactive]"/>
        <member name="[CB - Account].[Account CB - Description].&amp;[0122920 - Inactive]"/>
        <member name="[CB - Account].[Account CB - Description].&amp;[0122980 - Inactive]"/>
        <member name="[CB - Account].[Account CB - Description].&amp;[0123000 - Inv-Sec-Maritimes Lp]"/>
        <member name="[CB - Account].[Account CB - Description].&amp;[0123001 - Inv-Equity-Maritimes Llc]"/>
        <member name="[CB - Account].[Account CB - Description].&amp;[0123002 - Inv-Equity-Anngtc]"/>
        <member name="[CB - Account].[Account CB - Description].&amp;[0123003 - Inv-Equity-Maritimes Lp]"/>
        <member name="[CB - Account].[Account CB - Description].&amp;[0123004 - Inv-Adv-Anngtc]"/>
        <member name="[CB - Account].[Account CB - Description].&amp;[0123005 - Inv-Sec-Mont Belvieu]"/>
        <member name="[CB - Account].[Account CB - Description].&amp;[0123006 - Inv-Equity-Mont Belvieu]"/>
        <member name="[CB - Account].[Account CB - Description].&amp;[0123007 - Inv-Adv-Mont Belvieu]"/>
        <member name="[CB - Account].[Account CB - Description].&amp;[0123008 - Inv-Sec-Northern Border]"/>
        <member name="[CB - Account].[Account CB - Description].&amp;[0123009 - Inv-Sec-Products P/L Olp]"/>
        <member name="[CB - Account].[Account CB - Description].&amp;[0123010 - Dukenet Communications,Inc.]"/>
        <member name="[CB - Account].[Account CB - Description].&amp;[0123011 - Inv-Sec-Anngtc]"/>
        <member name="[CB - Account].[Account CB - Description].&amp;[0123012 - Inv-Equity-Products P/L Olp]"/>
        <member name="[CB - Account].[Account CB - Description].&amp;[0123013 - Inv-Sec-Maritimes Llc]"/>
        <member name="[CB - Account].[Account CB - Description].&amp;[0123014 - Inv-Sec-Alliance Pipeline Ap]"/>
        <member name="[CB - Account].[Account CB - Description].&amp;[0123015 - Inv-Sec-Aux Sable Liq Prod Lp]"/>
        <member name="[CB - Account].[Account CB - Description].&amp;[0123016 - Inv-Sec-Gulfstream Nat Gas Sys]"/>
        <member name="[CB - Account].[Account CB - Description].&amp;[0123017 - Inv-Equity-Gulfstream Nat Gas]"/>
        <member name="[CB - Account].[Account CB - Description].&amp;[0123018 - Investment In Pantellos]"/>
        <member name="[CB - Account].[Account CB - Description].&amp;[0123019 - Inv-Sec-Gulfstream Mgmt &amp; Oper]"/>
        <member name="[CB - Account].[Account CB - Description].&amp;[0123020 - Duke Solutions]"/>
        <member name="[CB - Account].[Account CB - Description].&amp;[0123021 - Inv-Equty-Gulfstream Mgmt/Oper]"/>
        <member name="[CB - Account].[Account CB - Description].&amp;[0123022 - Inv Sec-Islander East Llc]"/>
        <member name="[CB - Account].[Account CB - Description].&amp;[0123023 - Inv Equity-Islander East Llc]"/>
        <member name="[CB - Account].[Account CB - Description].&amp;[0123024 - Inv-Sec-Saltville Gas Stor Llc]"/>
        <member name="[CB - Account].[Account CB - Description].&amp;[0123025 - Inv-Equity-Saltville Gas Stor]"/>
        <member name="[CB - Account].[Account CB - Description].&amp;[0123026 - Investmnt in affili-Vector(US)]"/>
        <member name="[CB - Account].[Account CB - Description].&amp;[0123027 - Investmnt in aff-Vector(Can)]"/>
        <member name="[CB - Account].[Account CB - Description].&amp;[0123028 - Investmnt in affil - Foothills]"/>
        <member name="[CB - Account].[Account CB - Description].&amp;[0123029 - Inv in affil - M&amp;N PMgmt Ltd]"/>
        <member name="[CB - Account].[Account CB - Description].&amp;[0123030 - Duke Water]"/>
        <member name="[CB - Account].[Account CB - Description].&amp;[0123031 - Invest in affiliates - Sulpher]"/>
        <member name="[CB - Account].[Account CB - Description].&amp;[0123032 - Invest Quips 350M Due 6/2038]"/>
        <member name="[CB - Account].[Account CB - Description].&amp;[0123033 - Inv TrustIII 250M Due 8/2009]"/>
        <member name="[CB - Account].[Account CB - Description].&amp;[0123034 - INV EQUITY SEC-SESH LLC]"/>
        <member name="[CB - Account].[Account CB - Description].&amp;[0123035 - INV SEC-SESH, LLC]"/>
        <member name="[CB - Account].[Account CB - Description].&amp;[0123036 - IIUS-Shreveport Red Rvr]"/>
        <member name="[CB - Account].[Account CB - Description].&amp;[0123037 - IIUS-Okla Arcadian]"/>
        <member name="[CB - Account].[Account CB - Description].&amp;[0123038 - IIUS-TC USFOS of Lansing]"/>
        <member name="[CB - Account].[Account CB - Description].&amp;[0123039 - IIUS-Cinti Equity]"/>
        <member name="[CB - Account].[Account CB - Description].&amp;[0123040 - IIUS-Q-Comm]"/>
        <member name="[CB - Account].[Account CB - Description].&amp;[0123041 - IIUS-Trigen JV Dev]"/>
        <member name="[CB - Account].[Account CB - Description].&amp;[0123042 - IIUS-Tuscola]"/>
        <member name="[CB - Account].[Account CB - Description].&amp;[0123043 - IIUS-Cin Rec Co LLC]"/>
        <member name="[CB - Account].[Account CB - Description].&amp;[0123044 - IIUS-CC Fund Trust I]"/>
        <member name="[CB - Account].[Account CB - Description].&amp;[0123045 - IIUS-TCS Kodak]"/>
        <member name="[CB - Account].[Account CB - Description].&amp;[0123046 - Invst Uncon Sub-Reliant]"/>
        <member name="[CB - Account].[Account CB - Description].&amp;[0123047 - Invst Uncon Sub-Ashabula]"/>
        <member name="[CB - Account].[Account CB - Description].&amp;[0123048 - IIUS-Nth Power 1]"/>
        <member name="[CB - Account].[Account CB - Description].&amp;[0123049 - Invest-Grid Assurance]"/>
        <member name="[CB - Account].[Account CB - Description].&amp;[0123050 - Inv Uncon Sub-Lattice Communi]"/>
        <member name="[CB - Account].[Account CB - Description].&amp;[0123051 - IIUS-Curr Comm Grp]"/>
        <member name="[CB - Account].[Account CB - Description].&amp;[0123052 - Invst Uncon Sub-Attiki Gas]"/>
        <member name="[CB - Account].[Account CB - Description].&amp;[0123053 - IIUS-Delta]"/>
        <member name="[CB - Account].[Account CB - Description].&amp;[0123054 - IIUS-Millen/Balt]"/>
        <member name="[CB - Account].[Account CB - Description].&amp;[0123055 - IIUS-Lascom]"/>
        <member name="[CB - Account].[Account CB - Description].&amp;[0123056 - IIUS-SHGP]"/>
        <member name="[CB - Account].[Account CB - Description].&amp;[0123057 - IIUS-Tsavo Power]"/>
        <member name="[CB - Account].[Account CB - Description].&amp;[0123058 - IIUS-LaFarge]"/>
        <member name="[CB - Account].[Account CB - Description].&amp;[0123059 - IIUS-Sweetheart]"/>
        <member name="[CB - Account].[Account CB - Description].&amp;[0123060 - Invest in Uncon Sub-ADAGE]"/>
        <member name="[CB - Account].[Account CB - Description].&amp;[0123061 - Invest Uncon Sub-ADAGE Hamiltn]"/>
        <member name="[CB - Account].[Account CB - Description].&amp;[0123062 - IIUS-CoolCo LLC 51%]"/>
        <member name="[CB - Account].[Account CB - Description].&amp;[0123063 - Investment in DACT]"/>
        <member name="[CB - Account].[Account CB - Description].&amp;[0123064 - Invst-Cinci Equity Fund II]"/>
        <member name="[CB - Account].[Account CB - Description].&amp;[0123065 - Investment in Pipelines]"/>
        <member name="[CB - Account].[Account CB - Description].&amp;[0123066 - Investment in Sabal Trail]"/>
        <member name="[CB - Account].[Account CB - Description].&amp;[0123067 - Invest in Hardy Storage - PA]"/>
        <member name="[CB - Account].[Account CB - Description].&amp;[0123068 - Invest in Cardinal Pipe - PA]"/>
        <member name="[CB - Account].[Account CB - Description].&amp;[0123069 - Invest in Pine Needle - PA]"/>
        <member name="[CB - Account].[Account CB - Description].&amp;[0123070 - Invest in Constitution - PA]"/>
        <member name="[CB - Account].[Account CB - Description].&amp;[0123071 - Investment in ACP - PA]"/>
        <member name="[CB - Account].[Account CB - Description].&amp;[0123072 - Inv in Open Energy Solutions]"/>
        <member name="[CB - Account].[Account CB - Description].&amp;[0123073 - Investment in Omnidian]"/>
        <member name="[CB - Account].[Account CB - Description].&amp;[0123090 - IIUS - Bright Automotive]"/>
        <member name="[CB - Account].[Account CB - Description].&amp;[0123100 - Investment in Subs - YTD NI]"/>
        <member name="[CB - Account].[Account CB - Description].&amp;[0123103 - LT Net Investment in Lease]"/>
        <member name="[CB - Account].[Account CB - Description].&amp;[0123105 - Investment in Subs - Historica]"/>
        <member name="[CB - Account].[Account CB - Description].&amp;[0123110 - Wateree Power Company]"/>
        <member name="[CB - Account].[Account CB - Description].&amp;[0123111 - WATEREE POWER COMPANY]"/>
        <member name="[CB - Account].[Account CB - Description].&amp;[0123115 - Inv in Sub - NCI Calc Excluded]"/>
        <member name="[CB - Account].[Account CB - Description].&amp;[0123120 - Mp Supply,Inc]"/>
        <member name="[CB - Account].[Account CB - Description].&amp;[0123125 - Intercompany Advances]"/>
        <member name="[CB - Account].[Account CB - Description].&amp;[0123130 - Property Reserve Eastover]"/>
        <member name="[CB - Account].[Account CB - Description].&amp;[0123140 - Crescent Resources,Inc.]"/>
        <member name="[CB - Account].[Account CB - Description].&amp;[0123150 - Eastover Land Company]"/>
        <member name="[CB - Account].[Account CB - Description].&amp;[0123160 - Eastover Mining Company]"/>
        <member name="[CB - Account].[Account CB - Description].&amp;[0123170 - Western Fuel Incorporated]"/>
        <member name="[CB - Account].[Account CB - Description].&amp;[0123172 - Invst-Lascom Intang]"/>
        <member name="[CB - Account].[Account CB - Description].&amp;[0123180 - Inactive]"/>
        <member name="[CB - Account].[Account CB - Description].&amp;[0123190 - Church Street Captial Corp]"/>
        <member name="[CB - Account].[Account CB - Description].&amp;[0123191 - Advance - DNGC]"/>
        <member name="[CB - Account].[Account CB - Description].&amp;[0123193 - Advances I/C Contra]"/>
        <member name="[CB - Account].[Account CB - Description].&amp;[0123194 - Advance For Dei Bu Only]"/>
        <member name="[CB - Account].[Account CB - Description].&amp;[0123195 - Advance With Related Pty]"/>
        <member name="[CB - Account].[Account CB - Description].&amp;[0123200 - Duke Energy Group,Inc]"/>
        <member name="[CB - Account].[Account CB - Description].&amp;[0123201 - CAROHOME N/R]"/>
        <member name="[CB - Account].[Account CB - Description].&amp;[0123202 - CAROHOME I/R-HGA]"/>
        <member name="[CB - Account].[Account CB - Description].&amp;[0123203 - CAROHOME I/R-GAR]"/>
        <member name="[CB - Account].[Account CB - Description].&amp;[0123210 - Nantahala Power And Light]"/>
        <member name="[CB - Account].[Account CB - Description].&amp;[0123220 - Duke Engineering &amp; Servs,Inc]"/>
        <member name="[CB - Account].[Account CB - Description].&amp;[0123230 - Claiborne Energy Services,Inc]"/>
        <member name="[CB - Account].[Account CB - Description].&amp;[0123240 - Investment In Gt&amp;W]"/>
        <member name="[CB - Account].[Account CB - Description].&amp;[0123250 - ICNetting - Advance]"/>
        <member name="[CB - Account].[Account CB - Description].&amp;[0123260 - Inv In Duke Coal Proj Serv Grp]"/>
        <member name="[CB - Account].[Account CB - Description].&amp;[0123270 - InvestTruPS-250M Due 3/31/2039]"/>
        <member name="[CB - Account].[Account CB - Description].&amp;[0123271 - INVESTTRUPS 250m DUE 3/31/2039]"/>
        <member name="[CB - Account].[Account CB - Description].&amp;[0123300 - IIUS- Conterra C]"/>
        <member name="[CB - Account].[Account CB - Description].&amp;[0123320 - Duke Energy Marketing Corp]"/>
        <member name="[CB - Account].[Account CB - Description].&amp;[0123330 - Pan Energy]"/>
        <member name="[CB - Account].[Account CB - Description].&amp;[0123340 - Advances with DE Services Inc]"/>
        <member name="[CB - Account].[Account CB - Description].&amp;[0123400 - Advance with Oakland]"/>
        <member name="[CB - Account].[Account CB - Description].&amp;[0123405 - Advance with Moro Bay]"/>
        <member name="[CB - Account].[Account CB - Description].&amp;[0123410 - Advance with South Bay]"/>
        <member name="[CB - Account].[Account CB - Description].&amp;[0123415 - Advance with Moss Landing]"/>
        <member name="[CB - Account].[Account CB - Description].&amp;[0123420 - Advance with GAD]"/>
        <member name="[CB - Account].[Account CB - Description].&amp;[0123425 - Advance with DENA]"/>
        <member name="[CB - Account].[Account CB - Description].&amp;[0123430 - Advance with Madison, LLC]"/>
        <member name="[CB - Account].[Account CB - Description].&amp;[0123435 - Advance with Vermillion, LLC]"/>
        <member name="[CB - Account].[Account CB - Description].&amp;[0123440 - Advance with DE Bridgeport,LLC]"/>
        <member name="[CB - Account].[Account CB - Description].&amp;[0123445 - Advance with DE Hidalgo, LP]"/>
        <member name="[CB - Account].[Account CB - Description].&amp;[0123450 - Advance w/DENAwSmyrnaBeach Pwr]"/>
        <member name="[CB - Account].[Account CB - Description].&amp;[0123455 - Advance w/DE Bell, LP]"/>
        <member name="[CB - Account].[Account CB - Description].&amp;[0123460 - Advance w/DE DeSoto, LLC]"/>
        <member name="[CB - Account].[Account CB - Description].&amp;[0123465 - Advance w/Caso Bay Energy Co]"/>
        <member name="[CB - Account].[Account CB - Description].&amp;[0123470 - Advance w/DE St. Lucie, LLC]"/>
        <member name="[CB - Account].[Account CB - Description].&amp;[0123475 - Advance w/DE Design Supplier]"/>
        <member name="[CB - Account].[Account CB - Description].&amp;[0123480 - Advance w/DE Kaufman, LP]"/>
        <member name="[CB - Account].[Account CB - Description].&amp;[0123485 - Advance w/Fort Drum Cogencof]"/>
        <member name="[CB - Account].[Account CB - Description].&amp;[0123490 - Advance w/Duke/UAE Ref-Fuel]"/>
        <member name="[CB - Account].[Account CB - Description].&amp;[0123495 - Advance w/National Properties]"/>
        <member name="[CB - Account].[Account CB - Description].&amp;[0123498 - Inv-JV_Steckman Ridge]"/>
        <member name="[CB - Account].[Account CB - Description].&amp;[0123499 - Inv-equity_Steckman Ridge]"/>
        <member name="[CB - Account].[Account CB - Description].&amp;[0123500 - Advance w/DE St. Francis]"/>
        <member name="[CB - Account].[Account CB - Description].&amp;[0123502 - IUS - Ashabula Purch Acct]"/>
        <member name="[CB - Account].[Account CB - Description].&amp;[0123505 - Advance w/DE Hinds, LLC]"/>
        <member name="[CB - Account].[Account CB - Description].&amp;[0123510 - Invst-Sub/Advance DEI/DEGRP]"/>
        <member name="[CB - Account].[Account CB - Description].&amp;[0123515 - Invest in Joint Venture]"/>
        <member name="[CB - Account].[Account CB - Description].&amp;[0123520 - Investment in Stock Warrant]"/>
        <member name="[CB - Account].[Account CB - Description].&amp;[0123521 - IUS - Q-Comm Purch Acctg]"/>
        <member name="[CB - Account].[Account CB - Description].&amp;[0123523 - IUS - Tuscola Purch Acctg]"/>
        <member name="[CB - Account].[Account CB - Description].&amp;[0123525 - Investment &amp; Other Assets]"/>
        <member name="[CB - Account].[Account CB - Description].&amp;[0123530 - Inv JV-Moss Landing Mut. WtrCo]"/>
        <member name="[CB - Account].[Account CB - Description].&amp;[0123535 - Invst JV-Morro Bay Mut.Wtr Co]"/>
        <member name="[CB - Account].[Account CB - Description].&amp;[0123536 - Acquisitions]"/>
        <member name="[CB - Account].[Account CB - Description].&amp;[0123538 - Invstmnt in JV-SW Pwr Partners]"/>
        <member name="[CB - Account].[Account CB - Description].&amp;[0123539 - Reserve Army Dispute - FT Drum]"/>
        <member name="[CB - Account].[Account CB - Description].&amp;[0123540 - Reserve - Black River LLP]"/>
        <member name="[CB - Account].[Account CB - Description].&amp;[0123541 - Advance w/ California Regional]"/>
        <member name="[CB - Account].[Account CB - Description].&amp;[0123542 - Advance w/DE California, LLC]"/>
        <member name="[CB - Account].[Account CB - Description].&amp;[0123543 - Adv w/DukeEnergy Genrtng, LLC]"/>
        <member name="[CB - Account].[Account CB - Description].&amp;[0123544 - Advance w/Trenton]"/>
        <member name="[CB - Account].[Account CB - Description].&amp;[0123545 - Investment in JV-VMC]"/>
        <member name="[CB - Account].[Account CB - Description].&amp;[0123546 - Advance w/ DEI]"/>
        <member name="[CB - Account].[Account CB - Description].&amp;[0123547 - Advance w/ DE Lee Holding]"/>
        <member name="[CB - Account].[Account CB - Description].&amp;[0123548 - Advance w/ DELEC]"/>
        <member name="[CB - Account].[Account CB - Description].&amp;[0123549 - Advance Defs Intra]"/>
        <member name="[CB - Account].[Account CB - Description].&amp;[0123550 - Advance For Teppco (intrest)]"/>
        <member name="[CB - Account].[Account CB - Description].&amp;[0123551 - Advance for Teppco(Defs Reimb)]"/>
        <member name="[CB - Account].[Account CB - Description].&amp;[0123552 - Advance for Teppco (Distb)]"/>
        <member name="[CB - Account].[Account CB - Description].&amp;[0123553 - IUS - Attiki Purch Acctg]"/>
        <member name="[CB - Account].[Account CB - Description].&amp;[0123557 - IIUS - Tsavo Purch Acctg]"/>
        <member name="[CB - Account].[Account CB - Description].&amp;[0123560 - Investment In Joint Venture]"/>
        <member name="[CB - Account].[Account CB - Description].&amp;[0123561 - IIUS- Conterra C]"/>
        <member name="[CB - Account].[Account CB - Description].&amp;[0123562 - IIUS- Conterra X]"/>
        <member name="[CB - Account].[Account CB - Description].&amp;[0123563 - ADVANCE W/TRENTON]"/>
        <member name="[CB - Account].[Account CB - Description].&amp;[0123564 - ADVANCE W/MAINE INDEPENDENCE]"/>
        <member name="[CB - Account].[Account CB - Description].&amp;[0123565 - ADVANCE W/ATTALA]"/>
        <member name="[CB - Account].[Account CB - Description].&amp;[0123566 - ADVANCE WITH 20045]"/>
        <member name="[CB - Account].[Account CB - Description].&amp;[0123567 - ADVANCE W/SOUTHHAVEN]"/>
        <member name="[CB - Account].[Account CB - Description].&amp;[0123568 - ADVANCE WITH DETM]"/>
        <member name="[CB - Account].[Account CB - Description].&amp;[0123569 - ADVANCE W/AUDRAIN]"/>
        <member name="[CB - Account].[Account CB - Description].&amp;[0123570 - ADVANCE W/MCCLAIN]"/>
        <member name="[CB - Account].[Account CB - Description].&amp;[0123571 - ADVANCE W/MARICOPA]"/>
        <member name="[CB - Account].[Account CB - Description].&amp;[0123572 - Advance Account 184301]"/>
        <member name="[CB - Account].[Account CB - Description].&amp;[0123573 - Advance w/30075]"/>
        <member name="[CB - Account].[Account CB - Description].&amp;[0123825 - Inv in Unconsol Sub-Pioneer Tr]"/>
        <member name="[CB - Account].[Account CB - Description].&amp;[0123897 - VIE-Restr Invest Unconsol Subs]"/>
        <member name="[CB - Account].[Account CB - Description].&amp;[0123999 - Intercompany Rollup Advance]"/>
        <member name="[CB - Account].[Account CB - Description].&amp;[0124000 - Tax: LT AFS: Purchased Cost]"/>
        <member name="[CB - Account].[Account CB - Description].&amp;[0124001 - Investmens other - DEGT only]"/>
        <member name="[CB - Account].[Account CB - Description].&amp;[0124002 - ESP Investments]"/>
        <member name="[CB - Account].[Account CB - Description].&amp;[0124003 - DIRECTORS ESP INVESTMENTS]"/>
        <member name="[CB - Account].[Account CB - Description].&amp;[0124005 - Investment in Charlotte Housin]"/>
        <member name="[CB - Account].[Account CB - Description].&amp;[0124006 - Mass Mutual CSV 1/1/86]"/>
        <member name="[CB - Account].[Account CB - Description].&amp;[0124007 - Mass Mutual CSV 1/1/84]"/>
        <member name="[CB - Account].[Account CB - Description].&amp;[0124008 - Mass Mutual CSV 12/15/84]"/>
        <member name="[CB - Account].[Account CB - Description].&amp;[0124009 - Mass Mutual CSV 9/1/85PE]"/>
        <member name="[CB - Account].[Account CB - Description].&amp;[0124010 - Mass Mutual CSV 6/1/86]"/>
        <member name="[CB - Account].[Account CB - Description].&amp;[0124011 - GEN AM LIFE CSV 9/15/82]"/>
        <member name="[CB - Account].[Account CB - Description].&amp;[0124012 - MASS MUTUAL CSV 9/1/85 TE]"/>
        <member name="[CB - Account].[Account CB - Description].&amp;[0124013 - PAC MUTUAL CSV 9/25/85]"/>
        <member name="[CB - Account].[Account CB - Description].&amp;[0124014 - PAC MUTUAL CSV 6/3/87]"/>
        <member name="[CB - Account].[Account CB - Description].&amp;[0124015 - GREAT WEST LIFE CSV 6/1/85]"/>
        <member name="[CB - Account].[Account CB - Description].&amp;[0124016 - PRUDENTIAL CSV 9/25/86]"/>
        <member name="[CB - Account].[Account CB - Description].&amp;[0124017 - TE HARTFORD CSV 5/31/88]"/>
        <member name="[CB - Account].[Account CB - Description].&amp;[0124018 - PE HARTFORD CSV 8/31/88]"/>
        <member name="[CB - Account].[Account CB - Description].&amp;[0124019 - MANU LIFE CSV 12/1/85]"/>
        <member name="[CB - Account].[Account CB - Description].&amp;[0124020 - Y&amp;O Workers Comp Bond Princ]"/>
        <member name="[CB - Account].[Account CB - Description].&amp;[0124021 - Y&amp;O Workers Comp Bond Discount]"/>
        <member name="[CB - Account].[Account CB - Description].&amp;[0124022 - Investment in Progress Point]"/>
        <member name="[CB - Account].[Account CB - Description].&amp;[0124023 - Investment in PEET]"/>
        <member name="[CB - Account].[Account CB - Description].&amp;[0124030 - Missing]"/>
        <member name="[CB - Account].[Account CB - Description].&amp;[0124040 - Mass Mutual Loan 12/28/84]"/>
        <member name="[CB - Account].[Account CB - Description].&amp;[0124041 - Mass Mutual  Loan 1/1/86]"/>
        <member name="[CB - Account].[Account CB - Description].&amp;[0124042 - Mass Mutual Loan 1/1/84]"/>
        <member name="[CB - Account].[Account CB - Description].&amp;[0124043 - Mass Mutual Loan 12/15/84]"/>
        <member name="[CB - Account].[Account CB - Description].&amp;[0124044 - Mass Mutual Loan 9/1/85]"/>
        <member name="[CB - Account].[Account CB - Description].&amp;[0124045 - Mass Mutual Loan 6/1/86]"/>
        <member name="[CB - Account].[Account CB - Description].&amp;[0124046 - GEM AM Life Loan 9/15/82]"/>
        <member name="[CB - Account].[Account CB - Description].&amp;[0124047 - Mass Mutual Loan 9/1/85 TE]"/>
        <member name="[CB - Account].[Account CB - Description].&amp;[0124048 - PAC Mutual Loan 9/25/85]"/>
        <member name="[CB - Account].[Account CB - Description].&amp;[0124049 - PAC Mutual Loan 6/3/87]"/>
        <member name="[CB - Account].[Account CB - Description].&amp;[0124050 - Great West Life Loan 6/1/85]"/>
        <member name="[CB - Account].[Account CB - Description].&amp;[0124051 - Prudential Loan 9/25/86]"/>
        <member name="[CB - Account].[Account CB - Description].&amp;[0124052 - MANU LIFE LOAN 12/1/85]"/>
        <member name="[CB - Account].[Account CB - Description].&amp;[0124060 - Sch M: LT AFS: FV Adjustments]"/>
        <member name="[CB - Account].[Account CB - Description].&amp;[0124073 - Investments in Projects]"/>
        <member name="[CB - Account].[Account CB - Description].&amp;[0124090 - Invst-Campbell Co Bus Develop]"/>
        <member name="[CB - Account].[Account CB - Description].&amp;[0124100 - Stocks &amp; Bonds In Other Co.]"/>
        <member name="[CB - Account].[Account CB - Description].&amp;[0124101 - Inv in Piedmont Venture Prtnrs]"/>
        <member name="[CB - Account].[Account CB - Description].&amp;[0124102 - Inv in NC Enterprise Fund]"/>
        <member name="[CB - Account].[Account CB - Description].&amp;[0124103 - Inv in Vaxa Capital Partners]"/>
        <member name="[CB - Account].[Account CB - Description].&amp;[0124104 - Inv in Palmetto Seed Cap Fund]"/>
        <member name="[CB - Account].[Account CB - Description].&amp;[0124105 - Inv in Kannapolis Energy Prtns]"/>
        <member name="[CB - Account].[Account CB - Description].&amp;[0124106 - Investment in T-Rex Group]"/>
        <member name="[CB - Account].[Account CB - Description].&amp;[0124107 - Investment in WestCoast Energy]"/>
        <member name="[CB - Account].[Account CB - Description].&amp;[0124108 - Investment in Microcell]"/>
        <member name="[CB - Account].[Account CB - Description].&amp;[0124109 - Investment in APOG]"/>
        <member name="[CB - Account].[Account CB - Description].&amp;[0124110 - AHFS INV AND OTHER ASSETS]"/>
        <member name="[CB - Account].[Account CB - Description].&amp;[0124111 - Investment in APOG]"/>
        <member name="[CB - Account].[Account CB - Description].&amp;[0124112 - INVESTMENT IN SANGROUP LLC]"/>
        <member name="[CB - Account].[Account CB - Description].&amp;[0124113 - INVESTMENT INFLEXION]"/>
        <member name="[CB - Account].[Account CB - Description].&amp;[0124114 - Investment in Orlagroup]"/>
        <member name="[CB - Account].[Account CB - Description].&amp;[0124120 - KINETIC VENTURES VI]"/>
        <member name="[CB - Account].[Account CB - Description].&amp;[0124121 - KINETIC VENTURES VII]"/>
        <member name="[CB - Account].[Account CB - Description].&amp;[0124130 - Invst-Blue Chip Capital]"/>
        <member name="[CB - Account].[Account CB - Description].&amp;[0124200 - INVST_LT_SEC_INV_PUR_ACCT_ADJ]"/>
        <member name="[CB - Account].[Account CB - Description].&amp;[0124201 - Invst-Nth Power Fund II]"/>
        <member name="[CB - Account].[Account CB - Description].&amp;[0124202 - Invest - Cintrifuse]"/>
        <member name="[CB - Account].[Account CB - Description].&amp;[0124203 - Invest - Cornerstone]"/>
        <member name="[CB - Account].[Account CB - Description].&amp;[0124204 - Invest - Clean Power Finance]"/>
        <member name="[CB - Account].[Account CB - Description].&amp;[0124205 - Invest - REGEN]"/>
        <member name="[CB - Account].[Account CB - Description].&amp;[0124206 - Invest- Middletown]"/>
        <member name="[CB - Account].[Account CB - Description].&amp;[0124207 - Invest - Westly Fund]"/>
        <member name="[CB - Account].[Account CB - Description].&amp;[0124208 - Invest in Port Authority Cinc]"/>
        <member name="[CB - Account].[Account CB - Description].&amp;[0124209 - Investment in Energy Impact]"/>
        <member name="[CB - Account].[Account CB - Description].&amp;[0124210 - Investment in Zero Mass Water]"/>
        <member name="[CB - Account].[Account CB - Description].&amp;[0124211 - Investment in Omnidian]"/>
        <member name="[CB - Account].[Account CB - Description].&amp;[0124250 - Invst-Lynx Capital]"/>
        <member name="[CB - Account].[Account CB - Description].&amp;[0124255 - Invest in General Compression]"/>
        <member name="[CB - Account].[Account CB - Description].&amp;[0124270 - Invst-Cincy New Markets Fund]"/>
        <member name="[CB - Account].[Account CB - Description].&amp;[0124275 - Invst-Cinci New Market Fund II]"/>
        <member name="[CB - Account].[Account CB - Description].&amp;[0124290 - Invst-Cambrdge Ventures LP]"/>
        <member name="[CB - Account].[Account CB - Description].&amp;[0124300 - Investment in Real Estate]"/>
        <member name="[CB - Account].[Account CB - Description].&amp;[0124301 - Invst-Circle Centre Mall]"/>
        <member name="[CB - Account].[Account CB - Description].&amp;[0124310 - Other Assets]"/>
        <member name="[CB - Account].[Account CB - Description].&amp;[0124311 - Inv-CSV Executive Life Plan]"/>
        <member name="[CB - Account].[Account CB - Description].&amp;[0124320 - Inactive]"/>
        <member name="[CB - Account].[Account CB - Description].&amp;[0124330 - Inactive]"/>
        <member name="[CB - Account].[Account CB - Description].&amp;[0124340 - Inactive]"/>
        <member name="[CB - Account].[Account CB - Description].&amp;[0124341 - Invst-Grantor Trusts]"/>
        <member name="[CB - Account].[Account CB - Description].&amp;[0124400 - Cash Surrender Value - Life]"/>
        <member name="[CB - Account].[Account CB - Description].&amp;[0124401 - CSV-Loans]"/>
        <member name="[CB - Account].[Account CB - Description].&amp;[0124402 - CSV-LOANS DCGP]"/>
        <member name="[CB - Account].[Account CB - Description].&amp;[0124404 - Invst - Zolo Technologies]"/>
        <member name="[CB - Account].[Account CB - Description].&amp;[0124405 - Invest - Northern Kentucky]"/>
        <member name="[CB - Account].[Account CB - Description].&amp;[0124406 - Investment in Westly Fund IV]"/>
        <member name="[CB - Account].[Account CB - Description].&amp;[0124407 - Investment in EIP Frontier)]"/>
        <member name="[CB - Account].[Account CB - Description].&amp;[0124408 - Investment in Westly Seed Fund]"/>
        <member name="[CB - Account].[Account CB - Description].&amp;[0124409 - Investment in Sparkfund]"/>
        <member name="[CB - Account].[Account CB - Description].&amp;[0124410 - Cash Surrender Value - Life]"/>
        <member name="[CB - Account].[Account CB - Description].&amp;[0124411 - Investment in EIP Elevate Fund]"/>
        <member name="[CB - Account].[Account CB - Description].&amp;[0124415 - Investment in Allumia]"/>
        <member name="[CB - Account].[Account CB - Description].&amp;[0124419 - Investment in Viatec]"/>
        <member name="[CB - Account].[Account CB - Description].&amp;[0124420 - Toli Life Insurance For]"/>
        <member name="[CB - Account].[Account CB - Description].&amp;[0124425 - Investment in CEF III]"/>
        <member name="[CB - Account].[Account CB - Description].&amp;[0124430 - Split Dollar Life Insurance]"/>
        <member name="[CB - Account].[Account CB - Description].&amp;[0124440 - Pomfret Life Ins. Policy - Exe]"/>
        <member name="[CB - Account].[Account CB - Description].&amp;[0124450 - Csv - Toli Contra]"/>
        <member name="[CB - Account].[Account CB - Description].&amp;[0124451 - Invst-Smart Synch]"/>
        <member name="[CB - Account].[Account CB - Description].&amp;[0124452 - Invest Smart Synch UCM LLC]"/>
        <member name="[CB - Account].[Account CB - Description].&amp;[0124460 - Csv - Split Dollar Contra]"/>
        <member name="[CB - Account].[Account CB - Description].&amp;[0124470 - Rabbi Trust - TEC SUPPL]"/>
        <member name="[CB - Account].[Account CB - Description].&amp;[0124471 - Rabbi Trust - TEC Def Comp]"/>
        <member name="[CB - Account].[Account CB - Description].&amp;[0124472 - Rabbi Trust - PE Exec]"/>
        <member name="[CB - Account].[Account CB - Description].&amp;[0124480 - Investment in Project Reserves]"/>
        <member name="[CB - Account].[Account CB - Description].&amp;[0124481 - FV of instruments not hedges]"/>
        <member name="[CB - Account].[Account CB - Description].&amp;[0124490 - Available for Sale-Debt Securi]"/>
        <member name="[CB - Account].[Account CB - Description].&amp;[0124491 - AFS Debt Sec Corp OCI Contra]"/>
        <member name="[CB - Account].[Account CB - Description].&amp;[0124501 - NOXs Held for Speculation]"/>
        <member name="[CB - Account].[Account CB - Description].&amp;[0124505 - Invst-Rabbi Trust]"/>
        <member name="[CB - Account].[Account CB - Description].&amp;[0124700 - Invst-Rabbi Trust NQ Def Comp]"/>
        <member name="[CB - Account].[Account CB - Description].&amp;[0125000 - Unrealized Gain mk to mkt]"/>
        <member name="[CB - Account].[Account CB - Description].&amp;[0128001 - Money Market-Chittenden Bank]"/>
        <member name="[CB - Account].[Account CB - Description].&amp;[0128003 - Partner's Share]"/>
        <member name="[CB - Account].[Account CB - Description].&amp;[0128100 - Loan Assistance Prog-Nc]"/>
        <member name="[CB - Account].[Account CB - Description].&amp;[0128200 - PC Bonds 2006 A&amp;B 10-1-2031]"/>
        <member name="[CB - Account].[Account CB - Description].&amp;[0128204 - PC Bonds 2007 A&amp;B]"/>
        <member name="[CB - Account].[Account CB - Description].&amp;[0128300 - Missing]"/>
        <member name="[CB - Account].[Account CB - Description].&amp;[0128400 - Reserve Funds For Deck]"/>
        <member name="[CB - Account].[Account CB - Description].&amp;[0128500 - Dividend Re-Investment]"/>
        <member name="[CB - Account].[Account CB - Description].&amp;[0128501 - H&amp;W Benefits Funding]"/>
        <member name="[CB - Account].[Account CB - Description].&amp;[0128600 - NC WORKERS COMP DEPOSIT]"/>
        <member name="[CB - Account].[Account CB - Description].&amp;[0128718 - Prefunded Pension]"/>
        <member name="[CB - Account].[Account CB - Description].&amp;[0128719 - Prefunded OPEB]"/>
        <member name="[CB - Account].[Account CB - Description].&amp;[0128800 - Funds DEC Qual Contr]"/>
        <member name="[CB - Account].[Account CB - Description].&amp;[0128801 - Funds DEC NQ Contr]"/>
        <member name="[CB - Account].[Account CB - Description].&amp;[0128802 - Funds DEC Qual Clean Contr]"/>
        <member name="[CB - Account].[Account CB - Description].&amp;[0128803 - Funds DEC NQ Clean Contr]"/>
        <member name="[CB - Account].[Account CB - Description].&amp;[0128804 - RABBI TRUST]"/>
        <member name="[CB - Account].[Account CB - Description].&amp;[0128805 - COLI PREPAID PREMIUM]"/>
        <member name="[CB - Account].[Account CB - Description].&amp;[0128810 - Funds DEC Qual Real Earn]"/>
        <member name="[CB - Account].[Account CB - Description].&amp;[0128811 - Funds DEC NQ Real Earn]"/>
        <member name="[CB - Account].[Account CB - Description].&amp;[0128812 - Funds DEC Qual Non Real Earn]"/>
        <member name="[CB - Account].[Account CB - Description].&amp;[0128813 - Funds DEC NQ Non Real Earn]"/>
        <member name="[CB - Account].[Account CB - Description].&amp;[0128814 - Funds DEC Qual Clean Real Earn]"/>
        <member name="[CB - Account].[Account CB - Description].&amp;[0128815 - Funds DEC Qual Clean NR Earn]"/>
        <member name="[CB - Account].[Account CB - Description].&amp;[0128816 - Funds DEC NQ Clean Real Earn]"/>
        <member name="[CB - Account].[Account CB - Description].&amp;[0128817 - Funds DEC NQ Clean NR Earn]"/>
        <member name="[CB - Account].[Account CB - Description].&amp;[0128897 - VIE-Restr Nuc Decom Trust Fund]"/>
        <member name="[CB - Account].[Account CB - Description].&amp;[0128910 - CR#3-QUAL. UNREAL GAINS/LOSSES]"/>
        <member name="[CB - Account].[Account CB - Description].&amp;[0128911 - CR#3 - NUC DECOM NONQUALIFIED]"/>
        <member name="[CB - Account].[Account CB - Description].&amp;[0128912 - CR#3-NON-QUAL.UNREAL.GAIN/L]"/>
        <member name="[CB - Account].[Account CB - Description].&amp;[0128913 - CR#3 Nuc Decom NonQualified SH]"/>
        <member name="[CB - Account].[Account CB - Description].&amp;[0128914 - CR3 ADP Qual Unreal G/L]"/>
        <member name="[CB - Account].[Account CB - Description].&amp;[0128915 - CR3 ADP Nuc Decom Qual]"/>
        <member name="[CB - Account].[Account CB - Description].&amp;[0128920 - DEP General Nonqualified Trust]"/>
        <member name="[CB - Account].[Account CB - Description].&amp;[0128921 - ROBINSON 2 QUALIFIED TRUST]"/>
        <member name="[CB - Account].[Account CB - Description].&amp;[0128922 - ROBINSON 2 NONQUALIFIED TRUST]"/>
        <member name="[CB - Account].[Account CB - Description].&amp;[0128923 - BRUNSWICK 1 QUALIFIED TRUST]"/>
        <member name="[CB - Account].[Account CB - Description].&amp;[0128924 - BRUNSWICK 1 NONQUALIFIED TRUST]"/>
        <member name="[CB - Account].[Account CB - Description].&amp;[0128925 - BRUNSWICK 2 QUALIFIED TRUST]"/>
        <member name="[CB - Account].[Account CB - Description].&amp;[0128926 - BRUNSWICK 2 NONQUALIFIED TRUST]"/>
        <member name="[CB - Account].[Account CB - Description].&amp;[0128927 - HARRIS QUALIFIED TRUST]"/>
        <member name="[CB - Account].[Account CB - Description].&amp;[0128928 - HARRIS NONQUALIFIED TRUST]"/>
        <member name="[CB - Account].[Account CB - Description].&amp;[0128929 - CR#3 - NUC DECOM QUALIFIED]"/>
        <member name="[CB - Account].[Account CB - Description].&amp;[0128930 - VEBA Earnings/Pmts]"/>
        <member name="[CB - Account].[Account CB - Description].&amp;[0129701 - Accum-Depr - Compter/Software]"/>
        <member name="[CB - Account].[Account CB - Description].&amp;[0129703 - A/Depr - Furn/Fix]"/>
        <member name="[CB - Account].[Account CB - Description].&amp;[0129705 - A/Depr - Lhld Imprv]"/>
        <member name="[CB - Account].[Account CB - Description].&amp;[0129707 - A/Depr - Of/Fld Eq]"/>
        <member name="[CB - Account].[Account CB - Description].&amp;[0129709 - A/Depr - Pricing Desk]"/>
        <member name="[CB - Account].[Account CB - Description].&amp;[0129710 - A/Depr - Project Equipment]"/>
        <member name="[CB - Account].[Account CB - Description].&amp;[0129712 - ACCUM DEPREC BUILDINGS]"/>
        <member name="[CB - Account].[Account CB - Description].&amp;[0129714 - ACCUM DEPREC MOTOR VEHICLES]"/>
        <member name="[CB - Account].[Account CB - Description].&amp;[0129716 - Prefunded Pension]"/>
        <member name="[CB - Account].[Account CB - Description].&amp;[0129717 - Prefunded pension (DE Car)]"/>
        <member name="[CB - Account].[Account CB - Description].&amp;[0131000 - Cash-Chase-Receipts]"/>
        <member name="[CB - Account].[Account CB - Description].&amp;[0131001 - Cash-Chase-Disbursemts]"/>
        <member name="[CB - Account].[Account CB - Description].&amp;[0131002 - Cash-Texas Commerce]"/>
        <member name="[CB - Account].[Account CB - Description].&amp;[0131003 - Cash-Bank Of Boston]"/>
        <member name="[CB - Account].[Account CB - Description].&amp;[0131004 - Cash-Bank of Boston-Funding]"/>
        <member name="[CB - Account].[Account CB - Description].&amp;[0131005 - Cash-Pt&amp;T]"/>
        <member name="[CB - Account].[Account CB - Description].&amp;[0131006 - Cash-Citibank]"/>
        <member name="[CB - Account].[Account CB - Description].&amp;[0131007 - Cash-Revenue Oper-Receipts]"/>
        <member name="[CB - Account].[Account CB - Description].&amp;[0131008 - Cash-Revenue Oper-Disbursement]"/>
        <member name="[CB - Account].[Account CB - Description].&amp;[0131009 - Cash-Rate Refund Reserve]"/>
        <member name="[CB - Account].[Account CB - Description].&amp;[0131010 - Cash I/C Contra]"/>
        <member name="[CB - Account].[Account CB - Description].&amp;[0131011 - Cash-BOA-Disbursements]"/>
        <member name="[CB - Account].[Account CB - Description].&amp;[0131012 - Cash-Cibc Debt Service]"/>
        <member name="[CB - Account].[Account CB - Description].&amp;[0131013 - Cash-Cibc Debt Service Res]"/>
        <member name="[CB - Account].[Account CB - Description].&amp;[0131014 - Interco Cash]"/>
        <member name="[CB - Account].[Account CB - Description].&amp;[0131015 - Temp Cash Invest-GSRI Canada]"/>
        <member name="[CB - Account].[Account CB - Description].&amp;[0131016 - Bank of NS_CAD Functional]"/>
        <member name="[CB - Account].[Account CB - Description].&amp;[0131017 - Cash Chase Disb XXXXX3490]"/>
        <member name="[CB - Account].[Account CB - Description].&amp;[0131018 - Cash Scotiabank 129890189413]"/>
        <member name="[CB - Account].[Account CB - Description].&amp;[0131019 - Cash Overdrafts to AP-FTG]"/>
        <member name="[CB - Account].[Account CB - Description].&amp;[0131020 - Cash-Loan Proceeds]"/>
        <member name="[CB - Account].[Account CB - Description].&amp;[0131021 - Cash-Receipts]"/>
        <member name="[CB - Account].[Account CB - Description].&amp;[0131022 - Cash-Loan Proceeds-Tech-Disb]"/>
        <member name="[CB - Account].[Account CB - Description].&amp;[0131023 - Cash-Loan Proceeds-Bus-Receipt]"/>
        <member name="[CB - Account].[Account CB - Description].&amp;[0131024 - Cash-Loan Proceeds-Bus-Disb]"/>
        <member name="[CB - Account].[Account CB - Description].&amp;[0131025 - Cash-Revenue]"/>
        <member name="[CB - Account].[Account CB - Description].&amp;[0131026 - Cash-Revenue-Technical-Receipt]"/>
        <member name="[CB - Account].[Account CB - Description].&amp;[0131027 - Cash-Revenue-Technical-Disb]"/>
        <member name="[CB - Account].[Account CB - Description].&amp;[0131028 - Cash-Revenue-Business-Receipt]"/>
        <member name="[CB - Account].[Account CB - Description].&amp;[0131029 - Cash-Revenue-Business-Disb]"/>
        <member name="[CB - Account].[Account CB - Description].&amp;[0131030 - Restricted Cash Long Term]"/>
        <member name="[CB - Account].[Account CB - Description].&amp;[0131031 - Cash Wells 0174 DEP]"/>
        <member name="[CB - Account].[Account CB - Description].&amp;[0131032 - Cash Wells 1182 DEF]"/>
        <member name="[CB - Account].[Account CB - Description].&amp;[0131033 - Cash Wells 1190 PGN]"/>
        <member name="[CB - Account].[Account CB - Description].&amp;[0131034 - Cash BOA 0484 DEBS]"/>
        <member name="[CB - Account].[Account CB - Description].&amp;[0131035 - Cash PeakNet]"/>
        <member name="[CB - Account].[Account CB - Description].&amp;[0131036 - Cash PeakNet Services]"/>
        <member name="[CB - Account].[Account CB - Description].&amp;[0131037 - Cash PT Holding Co.]"/>
        <member name="[CB - Account].[Account CB - Description].&amp;[0131083 - Cash Wells Fargo 1309]"/>
        <member name="[CB - Account].[Account CB - Description].&amp;[0131101 - A/P Cash GAAP Reclass]"/>
        <member name="[CB - Account].[Account CB - Description].&amp;[0131102 - Cash - Affiliate Settlement]"/>
        <member name="[CB - Account].[Account CB - Description].&amp;[0131103 - Cash - PNC - Evergreen]"/>
        <member name="[CB - Account].[Account CB - Description].&amp;[0131115 - CASH-CHASE-DETM OP PREMIUMS]"/>
        <member name="[CB - Account].[Account CB - Description].&amp;[0131117 - Cash - Scotia Bank]"/>
        <member name="[CB - Account].[Account CB - Description].&amp;[0131120 - CASH-CHASE-GENERAL II]"/>
        <member name="[CB - Account].[Account CB - Description].&amp;[0131123 - CASH-CHASE-DETM OTC MARGINS]"/>
        <member name="[CB - Account].[Account CB - Description].&amp;[0131125 - Cash PNC 3736]"/>
        <member name="[CB - Account].[Account CB - Description].&amp;[0131126 - Cash PNC 6968]"/>
        <member name="[CB - Account].[Account CB - Description].&amp;[0131127 - Cash PNC 3621]"/>
        <member name="[CB - Account].[Account CB - Description].&amp;[0131128 - Cash PNC 0813]"/>
        <member name="[CB - Account].[Account CB - Description].&amp;[0131129 - Cash PNC 8605]"/>
        <member name="[CB - Account].[Account CB - Description].&amp;[0131130 - Restricted Cash ST]"/>
        <member name="[CB - Account].[Account CB - Description].&amp;[0131131 - Cash Fifth Third 0918]"/>
        <member name="[CB - Account].[Account CB - Description].&amp;[0131132 - Cash Fifth Third 8377]"/>
        <member name="[CB - Account].[Account CB - Description].&amp;[0131133 - Cash JPM Chase 9815]"/>
        <member name="[CB - Account].[Account CB - Description].&amp;[0131134 - Cash JPM Chase 7073]"/>
        <member name="[CB - Account].[Account CB - Description].&amp;[0131135 - Cash Bank Montreal 4830]"/>
        <member name="[CB - Account].[Account CB - Description].&amp;[0131136 - Cash PNC 0739]"/>
        <member name="[CB - Account].[Account CB - Description].&amp;[0131137 - Cash PNC 3787]"/>
        <member name="[CB - Account].[Account CB - Description].&amp;[0131138 - Cash JPM 0989]"/>
        <member name="[CB - Account].[Account CB - Description].&amp;[0131139 - Cash PNC 8129]"/>
        <member name="[CB - Account].[Account CB - Description].&amp;[0131140 - Cash PNC 3795]"/>
        <member name="[CB - Account].[Account CB - Description].&amp;[0131141 - Cash PNC 2519]"/>
        <member name="[CB - Account].[Account CB - Description].&amp;[0131142 - Cash PNC 3752]"/>
        <member name="[CB - Account].[Account CB - Description].&amp;[0131143 - Cash PNC 3816]"/>
        <member name="[CB - Account].[Account CB - Description].&amp;[0131145 - Cash PNC 7885]"/>
        <member name="[CB - Account].[Account CB - Description].&amp;[0131146 - Cash PNC 5846]"/>
        <member name="[CB - Account].[Account CB - Description].&amp;[0131148 - Cash PNC 3744]"/>
        <member name="[CB - Account].[Account CB - Description].&amp;[0131149 - Cash PNC 6941]"/>
        <member name="[CB - Account].[Account CB - Description].&amp;[0131150 - Cash PNC 3701]"/>
        <member name="[CB - Account].[Account CB - Description].&amp;[0131151 - Cash JPM Chase 1276]"/>
        <member name="[CB - Account].[Account CB - Description].&amp;[0131152 - Cash Fifth Third 6113]"/>
        <member name="[CB - Account].[Account CB - Description].&amp;[0131153 - Cash JPM Chase 9823]"/>
        <member name="[CB - Account].[Account CB - Description].&amp;[0131154 - Cash Fifth Third 4725]"/>
        <member name="[CB - Account].[Account CB - Description].&amp;[0131161 - Cash PNC 1425]"/>
        <member name="[CB - Account].[Account CB - Description].&amp;[0131162 - Cash PNC 6987]"/>
        <member name="[CB - Account].[Account CB - Description].&amp;[0131163 - Cash PNC 0959]"/>
        <member name="[CB - Account].[Account CB - Description].&amp;[0131164 - Cash PNC 6282]"/>
        <member name="[CB - Account].[Account CB - Description].&amp;[0131165 - Cash Fifth Third 0865]"/>
        <member name="[CB - Account].[Account CB - Description].&amp;[0131166 - Cash CinGlobal PNC 9241]"/>
        <member name="[CB - Account].[Account CB - Description].&amp;[0131167 - Cash Delta1 PNC 6351]"/>
        <member name="[CB - Account].[Account CB - Description].&amp;[0131168 - Cash Suez PNC 6367]"/>
        <member name="[CB - Account].[Account CB - Description].&amp;[0131169 - Cash Shreve PNC 1329]"/>
        <member name="[CB - Account].[Account CB - Description].&amp;[0131170 - Cash Oklahoma PNC 1433]"/>
        <member name="[CB - Account].[Account CB - Description].&amp;[0131171 - Cash Delta2 PNC 2097]"/>
        <member name="[CB - Account].[Account CB - Description].&amp;[0131172 - Cash Shouston PNC 6375]"/>
        <member name="[CB - Account].[Account CB - Description].&amp;[0131173 - Cash CinRecv PNC 7469]"/>
        <member name="[CB - Account].[Account CB - Description].&amp;[0131174 - Cash Suez PNC wire4462]"/>
        <member name="[CB - Account].[Account CB - Description].&amp;[0131175 - Cash Shouston PNC wire7286]"/>
        <member name="[CB - Account].[Account CB - Description].&amp;[0131176 - Cash Tri-State PNC 5407]"/>
        <member name="[CB - Account].[Account CB - Description].&amp;[0131177 - Cash DETM Rec JPMChase 4430]"/>
        <member name="[CB - Account].[Account CB - Description].&amp;[0131178 - Cash PNC 3314]"/>
        <member name="[CB - Account].[Account CB - Description].&amp;[0131179 - Cash ROW PNC 679]"/>
        <member name="[CB - Account].[Account CB - Description].&amp;[0131180 - CASH SCOTIABANK XXXXXXXX1612]"/>
        <member name="[CB - Account].[Account CB - Description].&amp;[0131181 - CashJPM6747]"/>
        <member name="[CB - Account].[Account CB - Description].&amp;[0131182 - CashJPM6754]"/>
        <member name="[CB - Account].[Account CB - Description].&amp;[0131183 - Cash ROW PNC 652]"/>
        <member name="[CB - Account].[Account CB - Description].&amp;[0131184 - Cash Tuscola PNC wire9571]"/>
        <member name="[CB - Account].[Account CB - Description].&amp;[0131185 - Cash Tuscola PNC chck4008]"/>
        <member name="[CB - Account].[Account CB - Description].&amp;[0131186 - Cash Ashtabula PNC wire9635]"/>
        <member name="[CB - Account].[Account CB - Description].&amp;[0131187 - Cash Ashtabula PNC chck4059]"/>
        <member name="[CB - Account].[Account CB - Description].&amp;[0131188 - Cash Rochester PNC wire9619]"/>
        <member name="[CB - Account].[Account CB - Description].&amp;[0131189 - Cash Rochester PNC chck4024]"/>
        <member name="[CB - Account].[Account CB - Description].&amp;[0131190 - Cash Silver Grove PNC wire9598]"/>
        <member name="[CB - Account].[Account CB - Description].&amp;[0131191 - Cash Silver Grove PNC chck4016]"/>
        <member name="[CB - Account].[Account CB - Description].&amp;[0131192 - Cash GM Lansing PNC wire9627]"/>
        <member name="[CB - Account].[Account CB - Description].&amp;[0131193 - Cash GM Lansing PNC chck4032]"/>
        <member name="[CB - Account].[Account CB - Description].&amp;[0131194 - Cash DERS PNC wire9643]"/>
        <member name="[CB - Account].[Account CB - Description].&amp;[0131195 - Cash DERS PNC chck4702]"/>
        <member name="[CB - Account].[Account CB - Description].&amp;[0131196 - Cash DCAM PNC 5494]"/>
        <member name="[CB - Account].[Account CB - Description].&amp;[0131197 - Cash DCAM PNC 8126]"/>
        <member name="[CB - Account].[Account CB - Description].&amp;[0131198 - Cash - DCAM PNC 8226]"/>
        <member name="[CB - Account].[Account CB - Description].&amp;[0131200 - Cash BOA 7068]"/>
        <member name="[CB - Account].[Account CB - Description].&amp;[0131203 - Cash BOA 1925 PEC]"/>
        <member name="[CB - Account].[Account CB - Description].&amp;[0131204 - Cash BOA 1097 PEF]"/>
        <member name="[CB - Account].[Account CB - Description].&amp;[0131205 - Cash Mellon 0469 PEC]"/>
        <member name="[CB - Account].[Account CB - Description].&amp;[0131206 - Cash Mellon 0442 PEF]"/>
        <member name="[CB - Account].[Account CB - Description].&amp;[0131207 - Cash DATC PNC wire1901]"/>
        <member name="[CB - Account].[Account CB - Description].&amp;[0131208 - Cash DATC PNC chck 6036]"/>
        <member name="[CB - Account].[Account CB - Description].&amp;[0131209 - Cash Zephyr PNC wire1928]"/>
        <member name="[CB - Account].[Account CB - Description].&amp;[0131210 - CURR ASSET HFS CASH]"/>
        <member name="[CB - Account].[Account CB - Description].&amp;[0131211 - Cash Zephyr PNC chck 6044]"/>
        <member name="[CB - Account].[Account CB - Description].&amp;[0131212 - Cash Mellon 2331 PEC]"/>
        <member name="[CB - Account].[Account CB - Description].&amp;[0131213 - Cash Mellon 2227 PEF]"/>
        <member name="[CB - Account].[Account CB - Description].&amp;[0131215 - Cash Wells 7591 PE-SVC Co]"/>
        <member name="[CB - Account].[Account CB - Description].&amp;[0131216 - Cash Wells 7792 PEF]"/>
        <member name="[CB - Account].[Account CB - Description].&amp;[0131217 - Cash Wells 1924 PEF]"/>
        <member name="[CB - Account].[Account CB - Description].&amp;[0131218 - Cash Wells 5602 PEF]"/>
        <member name="[CB - Account].[Account CB - Description].&amp;[0131219 - Cash Wells 2434 PEF]"/>
        <member name="[CB - Account].[Account CB - Description].&amp;[0131220 - Cash Wells 2450 PEF]"/>
        <member name="[CB - Account].[Account CB - Description].&amp;[0131221 - Cash Wells 6437 PEC]"/>
        <member name="[CB - Account].[Account CB - Description].&amp;[0131222 - Cash Wells 9761 PGN]"/>
        <member name="[CB - Account].[Account CB - Description].&amp;[0131223 - Cash Wells 4753 PEC]"/>
        <member name="[CB - Account].[Account CB - Description].&amp;[0131224 - Cash Wells 1605 PE-SVC Co]"/>
        <member name="[CB - Account].[Account CB - Description].&amp;[0131225 - Cash Wells 7601 PEC]"/>
        <member name="[CB - Account].[Account CB - Description].&amp;[0131226 - Cash Wells 0037 PE-SVC Co]"/>
        <member name="[CB - Account].[Account CB - Description].&amp;[0131227 - Cash Wells 0020 PEC]"/>
        <member name="[CB - Account].[Account CB - Description].&amp;[0131228 - Cash Wells 8238 PEF]"/>
        <member name="[CB - Account].[Account CB - Description].&amp;[0131229 - Cash Wells 5067 PE-SVC Co]"/>
        <member name="[CB - Account].[Account CB - Description].&amp;[0131230 - Cash Wells 9928 FL Prog Fundng]"/>
        <member name="[CB - Account].[Account CB - Description].&amp;[0131231 - Cash Wells 8148 PE-Fuels Corp]"/>
        <member name="[CB - Account].[Account CB - Description].&amp;[0131232 - Cash Wells 0637 CaroFund]"/>
        <member name="[CB - Account].[Account CB - Description].&amp;[0131233 - Cash Wells 0811 CaroHome]"/>
        <member name="[CB - Account].[Account CB - Description].&amp;[0131234 - Cash Wells 4827 PEC]"/>
        <member name="[CB - Account].[Account CB - Description].&amp;[0131235 - Cash Wells 7780 PE-SVC Co]"/>
        <member name="[CB - Account].[Account CB - Description].&amp;[0131240 - Cash BOA 0336 PNG]"/>
        <member name="[CB - Account].[Account CB - Description].&amp;[0131241 - Cash BOA 9617 PNG]"/>
        <member name="[CB - Account].[Account CB - Description].&amp;[0131242 - Cash BOA 8875 PNG]"/>
        <member name="[CB - Account].[Account CB - Description].&amp;[0131243 - Cash BOA 9620 PNG]"/>
        <member name="[CB - Account].[Account CB - Description].&amp;[0131244 - Cash BOA 0460 PNG]"/>
        <member name="[CB - Account].[Account CB - Description].&amp;[0131245 - Cash WELLS 9479 PNG]"/>
        <member name="[CB - Account].[Account CB - Description].&amp;[0131246 - CASH-BMTL-USD]"/>
        <member name="[CB - Account].[Account CB - Description].&amp;[0131247 - Cash WELLS 2258 PNG]"/>
        <member name="[CB - Account].[Account CB - Description].&amp;[0131248 - Cash BOA 9077 PNG]"/>
        <member name="[CB - Account].[Account CB - Description].&amp;[0131249 - Cash JPM 8909 PNG]"/>
        <member name="[CB - Account].[Account CB - Description].&amp;[0131250 - Cash BOA 1639 PNG]"/>
        <member name="[CB - Account].[Account CB - Description].&amp;[0131251 - Cash]"/>
        <member name="[CB - Account].[Account CB - Description].&amp;[0131252 - BNS - DE MKTG POWER]"/>
        <member name="[CB - Account].[Account CB - Description].&amp;[0131253 - BNS - DE MKTG RISK]"/>
        <member name="[CB - Account].[Account CB - Description].&amp;[0131254 - BNS - DE MKTG OPTIONS]"/>
        <member name="[CB - Account].[Account CB - Description].&amp;[0131255 - Cash BOA 7206 PNG]"/>
        <member name="[CB - Account].[Account CB - Description].&amp;[0131256 - Cash JPM 2133 PNG]"/>
        <member name="[CB - Account].[Account CB - Description].&amp;[0131260 - Cash JPM 1260 DEBS]"/>
        <member name="[CB - Account].[Account CB - Description].&amp;[0131261 - Cash JPM 4638 DERF-DEC]"/>
        <member name="[CB - Account].[Account CB - Description].&amp;[0131262 - Cash JPM 4620 CRC-DEO]"/>
        <member name="[CB - Account].[Account CB - Description].&amp;[0131263 - Cash JPM 4612 CRC-DEI]"/>
        <member name="[CB - Account].[Account CB - Description].&amp;[0131265 - Cash JPM 4596 DEPR-DEP]"/>
        <member name="[CB - Account].[Account CB - Description].&amp;[0131266 - Cash JPM 4588 DEFR-DEF]"/>
        <member name="[CB - Account].[Account CB - Description].&amp;[0131267 - Cash JPM 4570 DEC]"/>
        <member name="[CB - Account].[Account CB - Description].&amp;[0131268 - Cash JPM 4562 DEO]"/>
        <member name="[CB - Account].[Account CB - Description].&amp;[0131269 - Cash JPM 4554 DEI]"/>
        <member name="[CB - Account].[Account CB - Description].&amp;[0131271 - Cash JPM 4521 DEP]"/>
        <member name="[CB - Account].[Account CB - Description].&amp;[0131272 - Cash JPM 4513 DEF]"/>
        <member name="[CB - Account].[Account CB - Description].&amp;[0131292 - CASH-CHASE-DE MKTG POWER]"/>
        <member name="[CB - Account].[Account CB - Description].&amp;[0131300 - Retail Branch/Cash Collections]"/>
        <member name="[CB - Account].[Account CB - Description].&amp;[0131301 - Cash-DPCBIS-Bank of Granite-GF]"/>
        <member name="[CB - Account].[Account CB - Description].&amp;[0131302 - Cash-DPCBIS-BankofStanly-Albmr]"/>
        <member name="[CB - Account].[Account CB - Description].&amp;[0131303 - Cash-DPCBIS-1stCharter-Waxhaw]"/>
        <member name="[CB - Account].[Account CB - Description].&amp;[0131304 - Cash-DPCBIS-BB&amp;T-TreasAcct]"/>
        <member name="[CB - Account].[Account CB - Description].&amp;[0131305 - Cash-Chase-USPS]"/>
        <member name="[CB - Account].[Account CB - Description].&amp;[0131306 - Cash-DPCBIS-CCB-Durham]"/>
        <member name="[CB - Account].[Account CB - Description].&amp;[0131307 - Cash-DPCBIS-Centura-RockyMount]"/>
        <member name="[CB - Account].[Account CB - Description].&amp;[0131308 - Cash-DPCBIS-CitizensSvg-Rockwe]"/>
        <member name="[CB - Account].[Account CB - Description].&amp;[0131309 - Cash-DPCBIS-UCB 5115]"/>
        <member name="[CB - Account].[Account CB - Description].&amp;[0131310 - Cash-DPCBIS-FirstCitizens-Chlt]"/>
        <member name="[CB - Account].[Account CB - Description].&amp;[0131311 - Cash-DPCBIS-FirstNatl-Shelby]"/>
        <member name="[CB - Account].[Account CB - Description].&amp;[0131312 - Cash-DPCBIS-FrstNatlB&amp;T-A'boro]"/>
        <member name="[CB - Account].[Account CB - Description].&amp;[0131313 - Cash-DPCBIS-FrstNatlSE-Reidsvl]"/>
        <member name="[CB - Account].[Account CB - Description].&amp;[0131314 - Cash-DPCBIS-FrstComm-Taylorsvl]"/>
        <member name="[CB - Account].[Account CB - Description].&amp;[0131315 - WACHOVIA#2018680829646]"/>
        <member name="[CB - Account].[Account CB - Description].&amp;[0131316 - Cash-DPCBIS-Bank of York]"/>
        <member name="[CB - Account].[Account CB - Description].&amp;[0131317 - Cash-DPCBIS-CarolinaSt-Chesnee]"/>
        <member name="[CB - Account].[Account CB - Description].&amp;[0131318 - Cash-DPCBIS-CarolinaFrst-Lbrty]"/>
        <member name="[CB - Account].[Account CB - Description].&amp;[0131319 - Cash-DPCBIS-Clover Comm Bank]"/>
        <member name="[CB - Account].[Account CB - Description].&amp;[0131320 - Cash-DPCBIS-Commercial-HneaPth]"/>
        <member name="[CB - Account].[Account CB - Description].&amp;[0131321 - Cash-DPCBIS-FrstCitizns-Sptnb]"/>
        <member name="[CB - Account].[Account CB - Description].&amp;[0131322 - Cash-DPCBIS-PalmettoBk-Laurens]"/>
        <member name="[CB - Account].[Account CB - Description].&amp;[0131323 - Cash-DPCBIS-WoodruffStateBank]"/>
        <member name="[CB - Account].[Account CB - Description].&amp;[0131324 - Cash-DPCBIS-Chase-ACHRcpts]"/>
        <member name="[CB - Account].[Account CB - Description].&amp;[0131325 - Cash-DPCBIS-Chase-Ctwba,Wires]"/>
        <member name="[CB - Account].[Account CB - Description].&amp;[0131326 - Cash-DPCBIS-WachoviaRecpts]"/>
        <member name="[CB - Account].[Account CB - Description].&amp;[0131327 - Cash-DPCBIS-BofA-Receipts]"/>
        <member name="[CB - Account].[Account CB - Description].&amp;[0131328 - Cash-DPCBIS-Wachovia-Receipts]"/>
        <member name="[CB - Account].[Account CB - Description].&amp;[0131329 - Cash-DPCBIS-BofA-CreditCard]"/>
        <member name="[CB - Account].[Account CB - Description].&amp;[0131330 - Cash-DPCBIS-HighSt-Hickory]"/>
        <member name="[CB - Account].[Account CB - Description].&amp;[0131331 - Cash-DPCBIS-NWBank-Taylrsvil]"/>
        <member name="[CB - Account].[Account CB - Description].&amp;[0131332 - Dividends Regular]"/>
        <member name="[CB - Account].[Account CB - Description].&amp;[0131333 - Dividend Reinvestment Pending]"/>
        <member name="[CB - Account].[Account CB - Description].&amp;[0131334 - Preferred Redemption Checks]"/>
        <member name="[CB - Account].[Account CB - Description].&amp;[0131350 - Cash-Chase-MAPPS-EFT]"/>
        <member name="[CB - Account].[Account CB - Description].&amp;[0131351 - Cash-Chase-General]"/>
        <member name="[CB - Account].[Account CB - Description].&amp;[0131352 - Cash-Chase-BPM]"/>
        <member name="[CB - Account].[Account CB - Description].&amp;[0131353 - Cash-Chase-MARBS]"/>
        <member name="[CB - Account].[Account CB - Description].&amp;[0131354 - Cash-Wachovia-General]"/>
        <member name="[CB - Account].[Account CB - Description].&amp;[0131355 - Cash-Wachovia-MARBS]"/>
        <member name="[CB - Account].[Account CB - Description].&amp;[0131356 - Cash-Wachovia-GO Collections]"/>
        <member name="[CB - Account].[Account CB - Description].&amp;[0131357 - Cash-Wachovia-JUMS]"/>
        <member name="[CB - Account].[Account CB - Description].&amp;[0131358 - Wells 2000057639545]"/>
        <member name="[CB - Account].[Account CB - Description].&amp;[0131359 - Cash-BofA-GeneralAcct]"/>
        <member name="[CB - Account].[Account CB - Description].&amp;[0131360 - Cash-BofA-CustomerRefunds]"/>
        <member name="[CB - Account].[Account CB - Description].&amp;[0131361 - Cash-Wachovia-PosPay]"/>
        <member name="[CB - Account].[Account CB - Description].&amp;[0131362 - Cash-Wachovia-GeneralAcct]"/>
        <member name="[CB - Account].[Account CB - Description].&amp;[0131363 - Cash-Wachovia-ContrDisb]"/>
        <member name="[CB - Account].[Account CB - Description].&amp;[0131364 - Cash-BofA-Div-Shhldr]"/>
        <member name="[CB - Account].[Account CB - Description].&amp;[0131365 - Cash-Wachovia-PffddStxRdmptn]"/>
        <member name="[CB - Account].[Account CB - Description].&amp;[0131366 - Cash Clring Fleet Svcs Cr Card]"/>
        <member name="[CB - Account].[Account CB - Description].&amp;[0131367 - Cash - CCB Ener Products Loan]"/>
        <member name="[CB - Account].[Account CB - Description].&amp;[0131368 - Cash-ChaseCollAgentsDeposits]"/>
        <member name="[CB - Account].[Account CB - Description].&amp;[0131369 - DUKE ENERGY FDN CASH]"/>
        <member name="[CB - Account].[Account CB - Description].&amp;[0131370 - Cash-Wachovia-WesternUnion]"/>
        <member name="[CB - Account].[Account CB - Description].&amp;[0131371 - Cash-BB&amp;T-WesternUnion]"/>
        <member name="[CB - Account].[Account CB - Description].&amp;[0131372 - Cash - Chase ECNs]"/>
        <member name="[CB - Account].[Account CB - Description].&amp;[0131373 - Cash-Wachovia CAPS]"/>
        <member name="[CB - Account].[Account CB - Description].&amp;[0131374 - Cash- Wachovia-DERF]"/>
        <member name="[CB - Account].[Account CB - Description].&amp;[0131375 - CASH-CHASE-DE MKTG RISK]"/>
        <member name="[CB - Account].[Account CB - Description].&amp;[0131376 - Cash-Wachovia-DCS]"/>
        <member name="[CB - Account].[Account CB - Description].&amp;[0131377 - Cash - Chase -Control Disburs.]"/>
        <member name="[CB - Account].[Account CB - Description].&amp;[0131383 - CASH-CHASE-DE MKTG OPTIONS]"/>
        <member name="[CB - Account].[Account CB - Description].&amp;[0131400 - Gen Office Cash Collections]"/>
        <member name="[CB - Account].[Account CB - Description].&amp;[0131500 - Cash In Transit-General]"/>
        <member name="[CB - Account].[Account CB - Description].&amp;[0131510 - CASH-CHASE-DENA T&amp;M OTC MARG]"/>
        <member name="[CB - Account].[Account CB - Description].&amp;[0131520 - Cash Chase Wire XXXXX3702]"/>
        <member name="[CB - Account].[Account CB - Description].&amp;[0131521 - Cash Chase Wire XXXXX4938]"/>
        <member name="[CB - Account].[Account CB - Description].&amp;[0131600 - Cash Merchandising]"/>
        <member name="[CB - Account].[Account CB - Description].&amp;[0131601 - CASH-NPL-WACHOVIA GENERAL]"/>
        <member name="[CB - Account].[Account CB - Description].&amp;[0131602 - CASH-NPL-FUNBFRANKLIN COLLECT]"/>
        <member name="[CB - Account].[Account CB - Description].&amp;[0131603 - CASH-NPL-FIRSTCHARTER-BRYSONCT]"/>
        <member name="[CB - Account].[Account CB - Description].&amp;[0131604 - CASH-NPL-CENTURABANK_CLINTNS]"/>
        <member name="[CB - Account].[Account CB - Description].&amp;[0131605 - CASH-NPL-MACONSAVINGSBANK-ACH]"/>
        <member name="[CB - Account].[Account CB - Description].&amp;[0131606 - CASH-NPL-Wachovia-CUSDEPREFUND]"/>
        <member name="[CB - Account].[Account CB - Description].&amp;[0131607 - Cash-NPL-CarolinaCommunityBank]"/>
        <member name="[CB - Account].[Account CB - Description].&amp;[0131608 - Cash-NPL-First Citizens]"/>
        <member name="[CB - Account].[Account CB - Description].&amp;[0131609 - Cash-NPL-Macon Bank Collection]"/>
        <member name="[CB - Account].[Account CB - Description].&amp;[0131619 - CASH-BMTL-PRIMARY]"/>
        <member name="[CB - Account].[Account CB - Description].&amp;[0131668 - Petty Cash - Sandersville]"/>
        <member name="[CB - Account].[Account CB - Description].&amp;[0131669 - Cash - CA Regional Office]"/>
        <member name="[CB - Account].[Account CB - Description].&amp;[0131700 - CASH CHASE DISB WAUSAU 41836]"/>
        <member name="[CB - Account].[Account CB - Description].&amp;[0131702 - Cash - First Union Payroll]"/>
        <member name="[CB - Account].[Account CB - Description].&amp;[0131703 - Cash - BankofAmerica Disb]"/>
        <member name="[CB - Account].[Account CB - Description].&amp;[0131704 - Cash - BankofAmerica Ops]"/>
        <member name="[CB - Account].[Account CB - Description].&amp;[0131705 - Cash - BankofAmerica Pyrl]"/>
        <member name="[CB - Account].[Account CB - Description].&amp;[0131706 - Cash - NYPA]"/>
        <member name="[CB - Account].[Account CB - Description].&amp;[0131707 - Cash - Petty Cash]"/>
        <member name="[CB - Account].[Account CB - Description].&amp;[0131710 - Cash-FUNB Payroll APD]"/>
        <member name="[CB - Account].[Account CB - Description].&amp;[0131711 - Cash-BOA Payroll Checks]"/>
        <member name="[CB - Account].[Account CB - Description].&amp;[0131712 - Cash-Chase Risk Mgmt]"/>
        <member name="[CB - Account].[Account CB - Description].&amp;[0131713 - Cash-Chase Risk Mgmt (Wires)]"/>
        <member name="[CB - Account].[Account CB - Description].&amp;[0131714 - Cash-DEBS General]"/>
        <member name="[CB - Account].[Account CB - Description].&amp;[0131715 - Cash-FUNB Corvel]"/>
        <member name="[CB - Account].[Account CB - Description].&amp;[0131716 - Cash-Wach Work Comp]"/>
        <member name="[CB - Account].[Account CB - Description].&amp;[0131717 - Wstr Gen GPM Pan Gat]"/>
        <member name="[CB - Account].[Account CB - Description].&amp;[0131718 - Wstr Gen GPM Ana Gat]"/>
        <member name="[CB - Account].[Account CB - Description].&amp;[0131719 - Wstr Gen PNGCo]"/>
        <member name="[CB - Account].[Account CB - Description].&amp;[0131720 - Wstr Gen GPM Gas Trd]"/>
        <member name="[CB - Account].[Account CB - Description].&amp;[0131721 - Chase Gen GPM Gas Td]"/>
        <member name="[CB - Account].[Account CB - Description].&amp;[0131722 - Wstr Gen P Gas Co]"/>
        <member name="[CB - Account].[Account CB - Description].&amp;[0131723 - Chase Gen P Gas Co]"/>
        <member name="[CB - Account].[Account CB - Description].&amp;[0131724 - Wstr Gen GPM Gas]"/>
        <member name="[CB - Account].[Account CB - Description].&amp;[0131725 - Wstr F Cks GPM Gas]"/>
        <member name="[CB - Account].[Account CB - Description].&amp;[0131726 - Wstr Royalty GPM Gas]"/>
        <member name="[CB - Account].[Account CB - Description].&amp;[0131727 - Chase Gen GPM Gas]"/>
        <member name="[CB - Account].[Account CB - Description].&amp;[0131728 - TCB Lockbox GPM Gas]"/>
        <member name="[CB - Account].[Account CB - Description].&amp;[0131729 - Chase Gen-DEFS P Gas]"/>
        <member name="[CB - Account].[Account CB - Description].&amp;[0131730 - Cash Chase Wire 9102771343]"/>
        <member name="[CB - Account].[Account CB - Description].&amp;[0131731 - Cash Nations 3750674152]"/>
        <member name="[CB - Account].[Account CB - Description].&amp;[0131732 - Cash Chase Wire 323888895]"/>
        <member name="[CB - Account].[Account CB - Description].&amp;[0131733 - Cash Chase Disb 601807654]"/>
        <member name="[CB - Account].[Account CB - Description].&amp;[0131734 - Cash Chase Wire 9102771350]"/>
        <member name="[CB - Account].[Account CB - Description].&amp;[0131735 - Cash Chase Wire 9102771384]"/>
        <member name="[CB - Account].[Account CB - Description].&amp;[0131736 - Cash Chase Disb 601807621]"/>
        <member name="[CB - Account].[Account CB - Description].&amp;[0131737 - Cash Chase Disb 601807688]"/>
        <member name="[CB - Account].[Account CB - Description].&amp;[0131738 - Cash Chase Disb 601807696]"/>
        <member name="[CB - Account].[Account CB - Description].&amp;[0131739 - Cash Chase Wire 9102771376]"/>
        <member name="[CB - Account].[Account CB - Description].&amp;[0131740 - Cash Chase Wire 9102780500]"/>
        <member name="[CB - Account].[Account CB - Description].&amp;[0131741 - Cash Chase Wire 9102780450]"/>
        <member name="[CB - Account].[Account CB - Description].&amp;[0131742 - Cash Chase Wire 9102780476]"/>
        <member name="[CB - Account].[Account CB - Description].&amp;[0131743 - Cash Chase Wire 9102780518]"/>
        <member name="[CB - Account].[Account CB - Description].&amp;[0131744 - Cash Chase Wire 9102786689]"/>
        <member name="[CB - Account].[Account CB - Description].&amp;[0131745 - Cash Chase Disb 601816820]"/>
        <member name="[CB - Account].[Account CB - Description].&amp;[0131746 - Cash Chae Wire 9102786697]"/>
        <member name="[CB - Account].[Account CB - Description].&amp;[0131747 - Cash Chase Disb 601816812]"/>
        <member name="[CB - Account].[Account CB - Description].&amp;[0131748 - Cash Chase Disb 601825474]"/>
        <member name="[CB - Account].[Account CB - Description].&amp;[0131749 - Cash Chase Wire 323134815]"/>
        <member name="[CB - Account].[Account CB - Description].&amp;[0131750 - Cash Chase Wire 323127347]"/>
        <member name="[CB - Account].[Account CB - Description].&amp;[0131751 - Cash Chase DIsb 601826928]"/>
        <member name="[CB - Account].[Account CB - Description].&amp;[0131752 - Cash Chase Wire 323121888]"/>
        <member name="[CB - Account].[Account CB - Description].&amp;[0131753 - Cash Chase Wire 323121926]"/>
        <member name="[CB - Account].[Account CB - Description].&amp;[0131754 - Cash Chase Wire 323120644]"/>
        <member name="[CB - Account].[Account CB - Description].&amp;[0131755 - Cash Chase Disb 601825748]"/>
        <member name="[CB - Account].[Account CB - Description].&amp;[0131756 - Cash Chase Wire 323121942]"/>
        <member name="[CB - Account].[Account CB - Description].&amp;[0131757 - Cash Chase Wire 323120598]"/>
        <member name="[CB - Account].[Account CB - Description].&amp;[0131758 - Cash Chase Wire 323120571]"/>
        <member name="[CB - Account].[Account CB - Description].&amp;[0131759 - Cash Chase Disb 601825771]"/>
        <member name="[CB - Account].[Account CB - Description].&amp;[0131760 - Cash Chase Wire 323122361]"/>
        <member name="[CB - Account].[Account CB - Description].&amp;[0131761 - Cash Chase Wire 323123333]"/>
        <member name="[CB - Account].[Account CB - Description].&amp;[0131762 - Cash Chase Disb 601826365]"/>
        <member name="[CB - Account].[Account CB - Description].&amp;[0131763 - Cash BOA Wire 1291133230]"/>
        <member name="[CB - Account].[Account CB - Description].&amp;[0131764 - Cash Chase Wire 7300203588]"/>
        <member name="[CB - Account].[Account CB - Description].&amp;[0131765 - Cash BOA 3751293192]"/>
        <member name="[CB - Account].[Account CB - Description].&amp;[0131766 - Cash Nations 3750674149]"/>
        <member name="[CB - Account].[Account CB - Description].&amp;[0131767 - Cash Chase Wire 32388887]"/>
        <member name="[CB - Account].[Account CB - Description].&amp;[0131768 - Cash Chase Wire 323120474]"/>
        <member name="[CB - Account].[Account CB - Description].&amp;[0131769 - Cash Chase Wire 323079601]"/>
        <member name="[CB - Account].[Account CB - Description].&amp;[0131770 - Cash Chase Disb 601819071]"/>
        <member name="[CB - Account].[Account CB - Description].&amp;[0131771 - Cash Chase Disb 601821283]"/>
        <member name="[CB - Account].[Account CB - Description].&amp;[0131772 - Cash Chase Wire 323004679]"/>
        <member name="[CB - Account].[Account CB - Description].&amp;[0131773 - Temporary Cash Inv.-Vista Fund]"/>
        <member name="[CB - Account].[Account CB - Description].&amp;[0131774 - Petty Cash Field Off-various]"/>
        <member name="[CB - Account].[Account CB - Description].&amp;[0131775 - Cash Advances-various]"/>
        <member name="[CB - Account].[Account CB - Description].&amp;[0131776 - Cash/short term inv. DEMS-Can]"/>
        <member name="[CB - Account].[Account CB - Description].&amp;[0131777 - Cash AmSo Petty Cash - 6533949]"/>
        <member name="[CB - Account].[Account CB - Description].&amp;[0131778 - Cash Chase Wire 9102771368]"/>
        <member name="[CB - Account].[Account CB - Description].&amp;[0131779 - Chase GGG Gen Op - 323-266797]"/>
        <member name="[CB - Account].[Account CB - Description].&amp;[0131780 - PEOPLESOFT PAYABLES]"/>
        <member name="[CB - Account].[Account CB - Description].&amp;[0131781 - CHASE DEBT RESERVE 125000.2]"/>
        <member name="[CB - Account].[Account CB - Description].&amp;[0131782 - CHASE OP RESERVE 125000.1]"/>
        <member name="[CB - Account].[Account CB - Description].&amp;[0131783 - Amegy Bank  XXXXXX0632]"/>
        <member name="[CB - Account].[Account CB - Description].&amp;[0131784 - Amegy Bank  XXXXXXX8763]"/>
        <member name="[CB - Account].[Account CB - Description].&amp;[0131785 - SW BANK OF TEXAS 444401339]"/>
        <member name="[CB - Account].[Account CB - Description].&amp;[0131786 - SW BANK OF TEXAS 158771]"/>
        <member name="[CB - Account].[Account CB - Description].&amp;[0131787 - SW BANK OF TEXAS 158798]"/>
        <member name="[CB - Account].[Account CB - Description].&amp;[0131788 - PNC BANK 50-0085-4025]"/>
        <member name="[CB - Account].[Account CB - Description].&amp;[0131789 - PNC BANK 50-0316-5284]"/>
        <member name="[CB - Account].[Account CB - Description].&amp;[0131790 - Bank 1 ACCT for EMPLEE EXP]"/>
        <member name="[CB - Account].[Account CB - Description].&amp;[0131791 - Wells Fargo #10780800 (VEBA)]"/>
        <member name="[CB - Account].[Account CB - Description].&amp;[0131792 - CASH-MEMBERSOURCE CU]"/>
        <member name="[CB - Account].[Account CB - Description].&amp;[0131793 - DEGS Tax Deposits]"/>
        <member name="[CB - Account].[Account CB - Description].&amp;[0131794 - Petty Cash - Hinds]"/>
        <member name="[CB - Account].[Account CB - Description].&amp;[0131795 - Petty Cash - Murry]"/>
        <member name="[CB - Account].[Account CB - Description].&amp;[0131796 - Petty Cash - Arlington]"/>
        <member name="[CB - Account].[Account CB - Description].&amp;[0131797 - Petty Cash - Morro Bay]"/>
        <member name="[CB - Account].[Account CB - Description].&amp;[0131798 - Petty Cash - Moss Landing]"/>
        <member name="[CB - Account].[Account CB - Description].&amp;[0131799 - Petty Cash - Oakland]"/>
        <member name="[CB - Account].[Account CB - Description].&amp;[0131800 - Petty Cash - South Bay]"/>
        <member name="[CB - Account].[Account CB - Description].&amp;[0131801 - Petty Cash - Enterprise]"/>
        <member name="[CB - Account].[Account CB - Description].&amp;[0131802 - Petty Cash - Hot Springs]"/>
        <member name="[CB - Account].[Account CB - Description].&amp;[0131803 - Petty Cash - Lee Merchant]"/>
        <member name="[CB - Account].[Account CB - Description].&amp;[0131804 - Petty Cash - Marshall Merchant]"/>
        <member name="[CB - Account].[Account CB - Description].&amp;[0131805 - Petty Cash - New Albany]"/>
        <member name="[CB - Account].[Account CB - Description].&amp;[0131806 - Petty Cash - South Haven]"/>
        <member name="[CB - Account].[Account CB - Description].&amp;[0131807 - Petty Cash - Washington]"/>
        <member name="[CB - Account].[Account CB - Description].&amp;[0131808 - Petty Cash - Bridgeport]"/>
        <member name="[CB - Account].[Account CB - Description].&amp;[0131809 - Petty Cash - Maine]"/>
        <member name="[CB - Account].[Account CB - Description].&amp;[0131810 - Cash-Chase-General Acct]"/>
        <member name="[CB - Account].[Account CB - Description].&amp;[0131811 - Cash-Chase-Loan Acct]"/>
        <member name="[CB - Account].[Account CB - Description].&amp;[0131812 - Cash-BofMontreal-Canadian Acct]"/>
        <member name="[CB - Account].[Account CB - Description].&amp;[0131813 - Cash-DCP Securities]"/>
        <member name="[CB - Account].[Account CB - Description].&amp;[0131814 - CASH CHASE TORONTO 0732306500]"/>
        <member name="[CB - Account].[Account CB - Description].&amp;[0131815 - Cash Chase TX Disb Jonah]"/>
        <member name="[CB - Account].[Account CB - Description].&amp;[0131816 - Cash Chase TX Wire Jonah]"/>
        <member name="[CB - Account].[Account CB - Description].&amp;[0131817 - Cash Chase Wire 323374476]"/>
        <member name="[CB - Account].[Account CB - Description].&amp;[0131818 - Cash Chase Disb 601850399]"/>
        <member name="[CB - Account].[Account CB - Description].&amp;[0131819 - Cash Chase Wire]"/>
        <member name="[CB - Account].[Account CB - Description].&amp;[0131820 - Cash Chase Disb]"/>
        <member name="[CB - Account].[Account CB - Description].&amp;[0131821 - Wells Fargo #41775581166]"/>
        <member name="[CB - Account].[Account CB - Description].&amp;[0131822 - Cash Chase TX Disb Chaparral]"/>
        <member name="[CB - Account].[Account CB - Description].&amp;[0131823 - Cash Chase TX Wire Chaparrel]"/>
        <member name="[CB - Account].[Account CB - Description].&amp;[0131824 - JP Morgan Escrow #201594.2]"/>
        <member name="[CB - Account].[Account CB - Description].&amp;[0131825 - Cash Chase TX Disb Quanah]"/>
        <member name="[CB - Account].[Account CB - Description].&amp;[0131826 - Cash Chase TX Wire Quanah]"/>
        <member name="[CB - Account].[Account CB - Description].&amp;[0131827 - Chase Disbursement]"/>
        <member name="[CB - Account].[Account CB - Description].&amp;[0131828 - Cash Chase TX Wire Midstream]"/>
        <member name="[CB - Account].[Account CB - Description].&amp;[0131829 - Cash Chase Wire 9102771319]"/>
        <member name="[CB - Account].[Account CB - Description].&amp;[0131830 - Cash Chase TX Wire Val Verde]"/>
        <member name="[CB - Account].[Account CB - Description].&amp;[0131831 - Cash Chase TX Disb Val Verde]"/>
        <member name="[CB - Account].[Account CB - Description].&amp;[0131832 - CASH Duke ProjectServGroup]"/>
        <member name="[CB - Account].[Account CB - Description].&amp;[0131833 - Petty Cash - LUNA]"/>
        <member name="[CB - Account].[Account CB - Description].&amp;[0131834 - Petty Cash - NOAPA]"/>
        <member name="[CB - Account].[Account CB - Description].&amp;[0131835 - Petty Cash - Fayette]"/>
        <member name="[CB - Account].[Account CB - Description].&amp;[0131836 - Cash Main Operating Acct(US$)]"/>
        <member name="[CB - Account].[Account CB - Description].&amp;[0131837 - Cash Capital Expend Facility]"/>
        <member name="[CB - Account].[Account CB - Description].&amp;[0131838 - Cash-Bank Debt Service]"/>
        <member name="[CB - Account].[Account CB - Description].&amp;[0131839 - Cash-Bond Debt Service]"/>
        <member name="[CB - Account].[Account CB - Description].&amp;[0131840 - Cash-Bank Debt Reserve]"/>
        <member name="[CB - Account].[Account CB - Description].&amp;[0131841 - Cash-Bond Debt Reserve]"/>
        <member name="[CB - Account].[Account CB - Description].&amp;[0131842 - Cash-Escrow]"/>
        <member name="[CB - Account].[Account CB - Description].&amp;[0131843 - Cash-Casualty]"/>
        <member name="[CB - Account].[Account CB - Description].&amp;[0131844 - Cash-Constr Oper-Receipts]"/>
        <member name="[CB - Account].[Account CB - Description].&amp;[0131845 - Cash-AR Check Clearing]"/>
        <member name="[CB - Account].[Account CB - Description].&amp;[0131846 - Temporary Cash Invest-TEPPCO]"/>
        <member name="[CB - Account].[Account CB - Description].&amp;[0131847 - GSRI Petty Cash]"/>
        <member name="[CB - Account].[Account CB - Description].&amp;[0131848 - Cash Nova Scotia Disb 90009415]"/>
        <member name="[CB - Account].[Account CB - Description].&amp;[0131849 - WausDent/Flex M&amp;Ixxxx-91174]"/>
        <member name="[CB - Account].[Account CB - Description].&amp;[0131850 - CHASE ESCR 103409257]"/>
        <member name="[CB - Account].[Account CB - Description].&amp;[0131851 - Cash Chase Wire XXXXXX4785]"/>
        <member name="[CB - Account].[Account CB - Description].&amp;[0131852 - CASH CHASE WIRE XXXXXX5057]"/>
        <member name="[CB - Account].[Account CB - Description].&amp;[0131853 - CASH CHASE WIRE XXXXXX5065]"/>
        <member name="[CB - Account].[Account CB - Description].&amp;[0131854 - CASH CHASE WIRE XXXXXX5073]"/>
        <member name="[CB - Account].[Account CB - Description].&amp;[0131855 - CASH CHASE DISB XXXXXX6773]"/>
        <member name="[CB - Account].[Account CB - Description].&amp;[0131856 - CASH CHASE WIRE XXXXXX7467]"/>
        <member name="[CB - Account].[Account CB - Description].&amp;[0131857 - DCP-Chase-ROW-8209]"/>
        <member name="[CB - Account].[Account CB - Description].&amp;[0131858 - DCP-Chase-ROW-8209]"/>
        <member name="[CB - Account].[Account CB - Description].&amp;[0131859 - Chase Wire XXXXX7773]"/>
        <member name="[CB - Account].[Account CB - Description].&amp;[0131860 - DCP-Chase-Wire 3698]"/>
        <member name="[CB - Account].[Account CB - Description].&amp;[0131861 - JPMorgan ESC - 10225928.1]"/>
        <member name="[CB - Account].[Account CB - Description].&amp;[0131862 - CASH-CAPEX DEBT RESERVE]"/>
        <member name="[CB - Account].[Account CB - Description].&amp;[0131863 - DCP MIDSTM OP, LP-MMDA 2991]"/>
        <member name="[CB - Account].[Account CB - Description].&amp;[0131864 - DCP-GSR LLC 51101]"/>
        <member name="[CB - Account].[Account CB - Description].&amp;[0131865 - GSR Hldg, Inc 69101]"/>
        <member name="[CB - Account].[Account CB - Description].&amp;[0131866 - DCP Mdstm Op, LP 95204]"/>
        <member name="[CB - Account].[Account CB - Description].&amp;[0131867 - DEFS, LP 95196]"/>
        <member name="[CB - Account].[Account CB - Description].&amp;[0131870 - Cash-Wells Fargo 9545]"/>
        <member name="[CB - Account].[Account CB - Description].&amp;[0131871 - Cash JPM 5003 DE1 Lockbox]"/>
        <member name="[CB - Account].[Account CB - Description].&amp;[0131872 - Cash JPM 5276 DE1 Operating]"/>
        <member name="[CB - Account].[Account CB - Description].&amp;[0131873 - Cash JPM 0971 DERC Lockbox]"/>
        <member name="[CB - Account].[Account CB - Description].&amp;[0131896 - CASH-CHASE-DETM]"/>
        <member name="[CB - Account].[Account CB - Description].&amp;[0131897 - VIE - Restricted Cash of VIE]"/>
        <member name="[CB - Account].[Account CB - Description].&amp;[0131898 - VIE - Restricted Cash LT]"/>
        <member name="[CB - Account].[Account CB - Description].&amp;[0134000 - Funds on Deposit with Trustee]"/>
        <member name="[CB - Account].[Account CB - Description].&amp;[0134001 - Winston-Salem City Street Exc]"/>
        <member name="[CB - Account].[Account CB - Description].&amp;[0134002 - Special Deposits - Nashville]"/>
        <member name="[CB - Account].[Account CB - Description].&amp;[0134003 - Sec Dep - Carolinas Stadium]"/>
        <member name="[CB - Account].[Account CB - Description].&amp;[0134004 - Special Deposit- Ballantyne CC]"/>
        <member name="[CB - Account].[Account CB - Description].&amp;[0134100 - Transmission Related Deposits]"/>
        <member name="[CB - Account].[Account CB - Description].&amp;[0134101 - Restricted Cash ST]"/>
        <member name="[CB - Account].[Account CB - Description].&amp;[0134102 - Backleverage Restricted Cash]"/>
        <member name="[CB - Account].[Account CB - Description].&amp;[0134103 - Project Res / Escrow / Deposit]"/>
        <member name="[CB - Account].[Account CB - Description].&amp;[0134110 - Fnd Dep w/Trustee Rel of Mtg]"/>
        <member name="[CB - Account].[Account CB - Description].&amp;[0134120 - Merrill Lynch Revenue 7078]"/>
        <member name="[CB - Account].[Account CB - Description].&amp;[0134200 - Misc Special Deposits]"/>
        <member name="[CB - Account].[Account CB - Description].&amp;[0134210 - Sale Proceeds Held by Intermed]"/>
        <member name="[CB - Account].[Account CB - Description].&amp;[0134220 - Inactive]"/>
        <member name="[CB - Account].[Account CB - Description].&amp;[0134230 - Inactive]"/>
        <member name="[CB - Account].[Account CB - Description].&amp;[0134300 - Inactive]"/>
        <member name="[CB - Account].[Account CB - Description].&amp;[0134550 - Rst Dep LTD Iss 04 B&amp;C Deut]"/>
        <member name="[CB - Account].[Account CB - Description].&amp;[0134650 - Rst Dep LTD Iss 04 A Deut]"/>
        <member name="[CB - Account].[Account CB - Description].&amp;[0134700 - Rst Dep LTD Iss 05 B&amp;C BONY]"/>
        <member name="[CB - Account].[Account CB - Description].&amp;[0134710 - ML Debt Service Reserve A 7076]"/>
        <member name="[CB - Account].[Account CB - Description].&amp;[0134720 - ML Debt Service Reserve B 7146]"/>
        <member name="[CB - Account].[Account CB - Description].&amp;[0134730 - ML Fixed Debt Reserve A 7181]"/>
        <member name="[CB - Account].[Account CB - Description].&amp;[0134864 - Rst Dep PCRB Ser 2000A 5/1/35]"/>
        <member name="[CB - Account].[Account CB - Description].&amp;[0134865 - Rst Dep 23M IDFA Ser 2002A 3/1]"/>
        <member name="[CB - Account].[Account CB - Description].&amp;[0134866 - Rst Dep IDFA 2004C 77.125 12/1]"/>
        <member name="[CB - Account].[Account CB - Description].&amp;[0134867 - RstDepIDFA2004B 77.125 12/1/39]"/>
        <member name="[CB - Account].[Account CB - Description].&amp;[0134868 - Rst Dep PSI PCB 2005C]"/>
        <member name="[CB - Account].[Account CB - Description].&amp;[0134869 - Rst Dep ULHP PCB 06A]"/>
        <member name="[CB - Account].[Account CB - Description].&amp;[0135000 - Cash-Working Funds-Chase Acct]"/>
        <member name="[CB - Account].[Account CB - Description].&amp;[0135001 - Oper Work Fund-Mellon Bank]"/>
        <member name="[CB - Account].[Account CB - Description].&amp;[0135002 - Employee Cash Advance]"/>
        <member name="[CB - Account].[Account CB - Description].&amp;[0135100 - Wk Funds-Individuals]"/>
        <member name="[CB - Account].[Account CB - Description].&amp;[0135101 - Oth Dep - Petty Cash Fund]"/>
        <member name="[CB - Account].[Account CB - Description].&amp;[0135200 - Wk Funds-Branch Managers]"/>
        <member name="[CB - Account].[Account CB - Description].&amp;[0135300 - Wk Funds-Nsf Checks]"/>
        <member name="[CB - Account].[Account CB - Description].&amp;[0135400 - 12/95]"/>
        <member name="[CB - Account].[Account CB - Description].&amp;[0135500 - Inactive]"/>
        <member name="[CB - Account].[Account CB - Description].&amp;[0135700 - Wk Funds-Departmental Accts]"/>
        <member name="[CB - Account].[Account CB - Description].&amp;[0135800 - Inactive]"/>
        <member name="[CB - Account].[Account CB - Description].&amp;[0135810 - Inactive]"/>
        <member name="[CB - Account].[Account CB - Description].&amp;[0135820 - Inactive]"/>
        <member name="[CB - Account].[Account CB - Description].&amp;[0135900 - Inactive]"/>
        <member name="[CB - Account].[Account CB - Description].&amp;[0136100 - Tax: AFS: Purchased Cost Basis]"/>
        <member name="[CB - Account].[Account CB - Description].&amp;[0136101 - Tax AFS Beg Bal FV Adjt to inc]"/>
        <member name="[CB - Account].[Account CB - Description].&amp;[0136102 - Sch M: AFS: YTD Income mirror]"/>
        <member name="[CB - Account].[Account CB - Description].&amp;[0136103 - Sch M: AFS: OCI mirror]"/>
        <member name="[CB - Account].[Account CB - Description].&amp;[0136104 - Sch M AFS Real gains or losses]"/>
        <member name="[CB - Account].[Account CB - Description].&amp;[0136105 - Tax AFS Purch cost recls to LT]"/>
        <member name="[CB - Account].[Account CB - Description].&amp;[0136106 - Sch M: AFS: FV reclass to LT]"/>
        <member name="[CB - Account].[Account CB - Description].&amp;[0136197 - VIE-Restricted ST Investments]"/>
        <member name="[CB - Account].[Account CB - Description].&amp;[0136200 - Short-Term Investment]"/>
        <member name="[CB - Account].[Account CB - Description].&amp;[0136300 - Auction Rate Security]"/>
        <member name="[CB - Account].[Account CB - Description].&amp;[0137118 - Cash - Scotia Bank Options]"/>
        <member name="[CB - Account].[Account CB - Description].&amp;[0141000 - Notes Receivables]"/>
        <member name="[CB - Account].[Account CB - Description].&amp;[0141001 - Note Rec - Uae Ref - Fuel]"/>
        <member name="[CB - Account].[Account CB - Description].&amp;[0141010 - Notes Rec-Payroll Deduction]"/>
        <member name="[CB - Account].[Account CB - Description].&amp;[0141020 - Notes Rec-Lynnwood Foundation]"/>
        <member name="[CB - Account].[Account CB - Description].&amp;[0141030 - Notes Receivable]"/>
        <member name="[CB - Account].[Account CB - Description].&amp;[0141040 - Notes Receivable - 3rd Party]"/>
        <member name="[CB - Account].[Account CB - Description].&amp;[0141050 - Note Receivable - Macon County]"/>
        <member name="[CB - Account].[Account CB - Description].&amp;[0141060 - Notes Receivable Allowance]"/>
        <member name="[CB - Account].[Account CB - Description].&amp;[0141070 - Notes Receivable Allow LT]"/>
        <member name="[CB - Account].[Account CB - Description].&amp;[0141080 - VIE - Restricted Notes Rec]"/>
        <member name="[CB - Account].[Account CB - Description].&amp;[0141200 - Notes Receivable 3rd Party]"/>
        <member name="[CB - Account].[Account CB - Description].&amp;[0141201 - Notes Receivable - IC]"/>
        <member name="[CB - Account].[Account CB - Description].&amp;[0141202 - LT-Notes Receivable 3rd Party]"/>
        <member name="[CB - Account].[Account CB - Description].&amp;[0141203 - LT-Notes Receivable Affiliates]"/>
        <member name="[CB - Account].[Account CB - Description].&amp;[0141204 - LT NR W/CRI1 30076]"/>
        <member name="[CB - Account].[Account CB - Description].&amp;[0141205 - LT NR W. DE POWER GEN 30072]"/>
        <member name="[CB - Account].[Account CB - Description].&amp;[0141250 - Assets Held For Sale]"/>
        <member name="[CB - Account].[Account CB - Description].&amp;[0141257 - VIE-Restricted Noncurrent AHFS]"/>
        <member name="[CB - Account].[Account CB - Description].&amp;[0141299 - Contra NR - Chicopee &amp; Gwenco]"/>
        <member name="[CB - Account].[Account CB - Description].&amp;[0141300 - Note Rec Related Pty]"/>
        <member name="[CB - Account].[Account CB - Description].&amp;[0142000 - Ar-Transport Int Rec]"/>
        <member name="[CB - Account].[Account CB - Description].&amp;[0142001 - A/R NON-REG]"/>
        <member name="[CB - Account].[Account CB - Description].&amp;[0142002 - A/R-NC MUNI PWR AGENCY 1-TRANS]"/>
        <member name="[CB - Account].[Account CB - Description].&amp;[0142004 - AR Rev Control - Related Party]"/>
        <member name="[CB - Account].[Account CB - Description].&amp;[0142005 - Acct Rec Related Party]"/>
        <member name="[CB - Account].[Account CB - Description].&amp;[0142006 - RPT AR Trade - COP]"/>
        <member name="[CB - Account].[Account CB - Description].&amp;[0142007 - RPT AR Trade - Other]"/>
        <member name="[CB - Account].[Account CB - Description].&amp;[0142008 - RPT Crossbill Gross-up AssetDk]"/>
        <member name="[CB - Account].[Account CB - Description].&amp;[0142009 - RPT Crossbill Gross-up AssetOt]"/>
        <member name="[CB - Account].[Account CB - Description].&amp;[0142010 - Accounts Receivable]"/>
        <member name="[CB - Account].[Account CB - Description].&amp;[0142012 - Unrecovered RECs]"/>
        <member name="[CB - Account].[Account CB - Description].&amp;[0142013 - I&amp;D Insurance Proceeds-Current]"/>
        <member name="[CB - Account].[Account CB - Description].&amp;[0142014 - Accum Prov Nuclear COR]"/>
        <member name="[CB - Account].[Account CB - Description].&amp;[0142015 - Insurance premium receivable]"/>
        <member name="[CB - Account].[Account CB - Description].&amp;[0142020 - Anderson Water Payments]"/>
        <member name="[CB - Account].[Account CB - Description].&amp;[0142050 - Transmission Billing]"/>
        <member name="[CB - Account].[Account CB - Description].&amp;[0142080 - Accounts Rec.-Assigned]"/>
        <member name="[CB - Account].[Account CB - Description].&amp;[0142090 - 12/95]"/>
        <member name="[CB - Account].[Account CB - Description].&amp;[0142102 - DEP Receivable - NG Sales]"/>
        <member name="[CB - Account].[Account CB - Description].&amp;[0142103 - DEF Receivable - NG Sales]"/>
        <member name="[CB - Account].[Account CB - Description].&amp;[0142104 - DEP Receivable - NG Transport]"/>
        <member name="[CB - Account].[Account CB - Description].&amp;[0142105 - DEF Receivable - NG Transport]"/>
        <member name="[CB - Account].[Account CB - Description].&amp;[0142106 - DEP Rec - NG Fin Transact]"/>
        <member name="[CB - Account].[Account CB - Description].&amp;[0142107 - DEF Rec - NG Fin Transact]"/>
        <member name="[CB - Account].[Account CB - Description].&amp;[0142110 - CURR ASSET HFS ACCT REC]"/>
        <member name="[CB - Account].[Account CB - Description].&amp;[0142150 - Rider 73 Deferral]"/>
        <member name="[CB - Account].[Account CB - Description].&amp;[0142160 - Subrogation recoverable]"/>
        <member name="[CB - Account].[Account CB - Description].&amp;[0142210 - Acct Rec - D/FD EPP]"/>
        <member name="[CB - Account].[Account CB - Description].&amp;[0142211 - A/R-Cert Supply-C/R-Sold Acct]"/>
        <member name="[CB - Account].[Account CB - Description].&amp;[0142220 - A/R-Certified Supplier]"/>
        <member name="[CB - Account].[Account CB - Description].&amp;[0142221 - A/R-Certified Supplier PAR Ele]"/>
        <member name="[CB - Account].[Account CB - Description].&amp;[0142231 - Current BPM Sharing Receivable]"/>
        <member name="[CB - Account].[Account CB - Description].&amp;[0142243 - AR Margin EDF MANN]"/>
        <member name="[CB - Account].[Account CB - Description].&amp;[0142248 - AR Margin Prudential]"/>
        <member name="[CB - Account].[Account CB - Description].&amp;[0142250 - Accounts Rec O/S Deposits]"/>
        <member name="[CB - Account].[Account CB - Description].&amp;[0142310 - Draft Exceptions]"/>
        <member name="[CB - Account].[Account CB - Description].&amp;[0142320 - Aggregate(Summary Billing)Susp]"/>
        <member name="[CB - Account].[Account CB - Description].&amp;[0142390 - Other Products &amp; Svcs.-Clearin]"/>
        <member name="[CB - Account].[Account CB - Description].&amp;[0142400 - Cst Acct-Instal Cntrct Not Due]"/>
        <member name="[CB - Account].[Account CB - Description].&amp;[0142430 - A/R Wholesale Billed]"/>
        <member name="[CB - Account].[Account CB - Description].&amp;[0142450 - A/R - Cogeneration]"/>
        <member name="[CB - Account].[Account CB - Description].&amp;[0142490 - Customer Strategy Financing]"/>
        <member name="[CB - Account].[Account CB - Description].&amp;[0142500 - AR Other Reg Asset]"/>
        <member name="[CB - Account].[Account CB - Description].&amp;[0142600 - Cst Acc-Csh Unposted/Spec Bill]"/>
        <member name="[CB - Account].[Account CB - Description].&amp;[0142650 - Customer Receivable PIPP]"/>
        <member name="[CB - Account].[Account CB - Description].&amp;[0142662 - Payments-PIPP Cust ODOD]"/>
        <member name="[CB - Account].[Account CB - Description].&amp;[0142665 - C/R-ODOD]"/>
        <member name="[CB - Account].[Account CB - Description].&amp;[0142700 - Inactive]"/>
        <member name="[CB - Account].[Account CB - Description].&amp;[0142710 - Inactive]"/>
        <member name="[CB - Account].[Account CB - Description].&amp;[0142720 - Inactive]"/>
        <member name="[CB - Account].[Account CB - Description].&amp;[0142750 - Inactive]"/>
        <member name="[CB - Account].[Account CB - Description].&amp;[0142800 - Cst Acc-Cis Internal Clearing]"/>
        <member name="[CB - Account].[Account CB - Description].&amp;[0142802 - A/R - Gas]"/>
        <member name="[CB - Account].[Account CB - Description].&amp;[0142850 - MISO-Unbilled]"/>
        <member name="[CB - Account].[Account CB - Description].&amp;[0142880 - Sale of Customer Receivables]"/>
        <member name="[CB - Account].[Account CB - Description].&amp;[0142900 - Cst Acc-Merc Sales Unposted]"/>
        <member name="[CB - Account].[Account CB - Description].&amp;[0142910 - Direct Loans Receivable]"/>
        <member name="[CB - Account].[Account CB - Description].&amp;[0142920 - Employee Heat Pump Financing]"/>
        <member name="[CB - Account].[Account CB - Description].&amp;[0142950 - Inactive]"/>
        <member name="[CB - Account].[Account CB - Description].&amp;[0142960 - AR Trade Off System]"/>
        <member name="[CB - Account].[Account CB - Description].&amp;[0142961 - Nantahala Receivable]"/>
        <member name="[CB - Account].[Account CB - Description].&amp;[0142970 - A/R - ENRB Holding Account]"/>
        <member name="[CB - Account].[Account CB - Description].&amp;[0142979 - Def Rev Rec - TDSIC2]"/>
        <member name="[CB - Account].[Account CB - Description].&amp;[0142980 - Def Rev Rec-EA]"/>
        <member name="[CB - Account].[Account CB - Description].&amp;[0142981 - Def Rev Rec - Renew Proj Rr 73]"/>
        <member name="[CB - Account].[Account CB - Description].&amp;[0142983 - Def Rev Rec - Markland]"/>
        <member name="[CB - Account].[Account CB - Description].&amp;[0142984 - Def Rev Rec - Crane]"/>
        <member name="[CB - Account].[Account CB - Description].&amp;[0142985 - Def Rev Rec - Unbilled EA]"/>
        <member name="[CB - Account].[Account CB - Description].&amp;[0142986 - CCR Def Rev Rec]"/>
        <member name="[CB - Account].[Account CB - Description].&amp;[0142987 - Def Rev Rec - IGCC]"/>
        <member name="[CB - Account].[Account CB - Description].&amp;[0142988 - Def Rev Rec - Fed Mandate]"/>
        <member name="[CB - Account].[Account CB - Description].&amp;[0142989 - Def Rev Rec - TDSIC]"/>
        <member name="[CB - Account].[Account CB - Description].&amp;[0142990 - Def Rev Rec-Fuel]"/>
        <member name="[CB - Account].[Account CB - Description].&amp;[0142991 - Def Rev Rec - Credit Adj Rr 67]"/>
        <member name="[CB - Account].[Account CB - Description].&amp;[0142992 - Def Rev Rec - Credit Rr 67 Eqt]"/>
        <member name="[CB - Account].[Account CB - Description].&amp;[0142993 - Def Rev Rec-MISO Rr 68]"/>
        <member name="[CB - Account].[Account CB - Description].&amp;[0142994 - Wholesale - MISO Deferred Rec]"/>
        <member name="[CB - Account].[Account CB - Description].&amp;[0142995 - Native Deferred MTM Asset]"/>
        <member name="[CB - Account].[Account CB - Description].&amp;[0142996 - Def Rev Rec-Clean Coal Rr 71]"/>
        <member name="[CB - Account].[Account CB - Description].&amp;[0142998 - AR Other Than Electric]"/>
        <member name="[CB - Account].[Account CB - Description].&amp;[0142999 - A/R  - Estimate Unbilled]"/>
        <member name="[CB - Account].[Account CB - Description].&amp;[0143000 - Ar-Oil &amp; Gas Revenue]"/>
        <member name="[CB - Account].[Account CB - Description].&amp;[0143001 - A/R-Joint Venture]"/>
        <member name="[CB - Account].[Account CB - Description].&amp;[0143002 - Ar-Reimbursable Wo'S]"/>
        <member name="[CB - Account].[Account CB - Description].&amp;[0143003 - Ar- Iowa Gas Proc]"/>
        <member name="[CB - Account].[Account CB - Description].&amp;[0143004 - Ar-Other-Plant Acctg]"/>
        <member name="[CB - Account].[Account CB - Description].&amp;[0143005 - A/R-Other-Maritimes Llc]"/>
        <member name="[CB - Account].[Account CB - Description].&amp;[0143006 - Ar-Owp'S Billed]"/>
        <member name="[CB - Account].[Account CB - Description].&amp;[0143007 - A/r-Transco]"/>
        <member name="[CB - Account].[Account CB - Description].&amp;[0143008 - Test]"/>
        <member name="[CB - Account].[Account CB - Description].&amp;[0143010 - Aetna-Supplemental-Payroll Ded]"/>
        <member name="[CB - Account].[Account CB - Description].&amp;[0143011 - A/R-Other-Gen Acctg]"/>
        <member name="[CB - Account].[Account CB - Description].&amp;[0143012 - COLLECTIONS FOR SAFETY APPAREL]"/>
        <member name="[CB - Account].[Account CB - Description].&amp;[0143013 - Ar-Value Added Tax]"/>
        <member name="[CB - Account].[Account CB - Description].&amp;[0143014 - AR-Tax Rec-Contra]"/>
        <member name="[CB - Account].[Account CB - Description].&amp;[0143015 - Reinsurace recoverable-current]"/>
        <member name="[CB - Account].[Account CB - Description].&amp;[0143016 - Dividends Receivable]"/>
        <member name="[CB - Account].[Account CB - Description].&amp;[0143017 - LT Tax Interest Rec-Spectra]"/>
        <member name="[CB - Account].[Account CB - Description].&amp;[0143018 - A/R OIL HEDGING]"/>
        <member name="[CB - Account].[Account CB - Description].&amp;[0143019 - PA Billed &amp; Def Net Rec-F2G]"/>
        <member name="[CB - Account].[Account CB - Description].&amp;[0143020 - Vision - Payroll Deductions]"/>
        <member name="[CB - Account].[Account CB - Description].&amp;[0143021 - A/R Byproducts - Ash]"/>
        <member name="[CB - Account].[Account CB - Description].&amp;[0143022 - A/R Byproducts]"/>
        <member name="[CB - Account].[Account CB - Description].&amp;[0143023 - A/R Byproducts - Gypsum]"/>
        <member name="[CB - Account].[Account CB - Description].&amp;[0143024 - Line Ext. 3rd Party Billings]"/>
        <member name="[CB - Account].[Account CB - Description].&amp;[0143025 - LT Tax Rec - External]"/>
        <member name="[CB - Account].[Account CB - Description].&amp;[0143026 - Non-Income Tax Receivable]"/>
        <member name="[CB - Account].[Account CB - Description].&amp;[0143027 - PURCPA Accounts Receivable]"/>
        <member name="[CB - Account].[Account CB - Description].&amp;[0143030 - AD&amp;D Covrg - Supplmntl-P/R Ded]"/>
        <member name="[CB - Account].[Account CB - Description].&amp;[0143040 - John Hancock-Ltc-Payroll Ded]"/>
        <member name="[CB - Account].[Account CB - Description].&amp;[0143050 - A/R from CCB]"/>
        <member name="[CB - Account].[Account CB - Description].&amp;[0143051 - State Interconnect Receiv ST]"/>
        <member name="[CB - Account].[Account CB - Description].&amp;[0143052 - State Interconnect Receivab LT]"/>
        <member name="[CB - Account].[Account CB - Description].&amp;[0143055 - A/R-Duplicate Payments]"/>
        <member name="[CB - Account].[Account CB - Description].&amp;[0143068 - Parking Funding Receivable]"/>
        <member name="[CB - Account].[Account CB - Description].&amp;[0143080 - VIE - Restricted AR Trade]"/>
        <member name="[CB - Account].[Account CB - Description].&amp;[0143090 - A/R DUKE ENERGY IND ASSET DEV]"/>
        <member name="[CB - Account].[Account CB - Description].&amp;[0143100 - Reinsurace recoverable-long-te]"/>
        <member name="[CB - Account].[Account CB - Description].&amp;[0143105 - Reinsurace recoverable LT-affi]"/>
        <member name="[CB - Account].[Account CB - Description].&amp;[0143110 - Misc Acct Rec-Clearing]"/>
        <member name="[CB - Account].[Account CB - Description].&amp;[0143120 - Misc Acct Rec-Branches]"/>
        <member name="[CB - Account].[Account CB - Description].&amp;[0143130 - Misc Accts Rec-Stores]"/>
        <member name="[CB - Account].[Account CB - Description].&amp;[0143140 - Home Energy Asst Program]"/>
        <member name="[CB - Account].[Account CB - Description].&amp;[0143150 - Emp Rec'ble Stock Option Tax]"/>
        <member name="[CB - Account].[Account CB - Description].&amp;[0143160 - Accounts Receivable-Cobra]"/>
        <member name="[CB - Account].[Account CB - Description].&amp;[0143170 - Emp Portion-Med Ins Prem]"/>
        <member name="[CB - Account].[Account CB - Description].&amp;[0143175 - Curr Lease Receivables]"/>
        <member name="[CB - Account].[Account CB - Description].&amp;[0143190 - Med,Den,Life Ins-Dir Collect]"/>
        <member name="[CB - Account].[Account CB - Description].&amp;[0143200 - Emp Part/Life Ins-Payroll Ded]"/>
        <member name="[CB - Account].[Account CB - Description].&amp;[0143210 - Opeb 401(H) Payments]"/>
        <member name="[CB - Account].[Account CB - Description].&amp;[0143211 - Medicare Part D]"/>
        <member name="[CB - Account].[Account CB - Description].&amp;[0143220 - Pole Att Rental]"/>
        <member name="[CB - Account].[Account CB - Description].&amp;[0143221 - LT Asset: Interest Receivable]"/>
        <member name="[CB - Account].[Account CB - Description].&amp;[0143222 - LT Tax Reclass Acct Fed Dr]"/>
        <member name="[CB - Account].[Account CB - Description].&amp;[0143223 - LT Tax Reclass Acct State Dr]"/>
        <member name="[CB - Account].[Account CB - Description].&amp;[0143224 - LT Tax Reclass Acct Intl Dr]"/>
        <member name="[CB - Account].[Account CB - Description].&amp;[0143225 - LT GC Receivable: Spectra]"/>
        <member name="[CB - Account].[Account CB - Description].&amp;[0143226 - LT Asset: DOE Settlement Recei]"/>
        <member name="[CB - Account].[Account CB - Description].&amp;[0143240 - Emp Part Den Ins Payroll Ded]"/>
        <member name="[CB - Account].[Account CB - Description].&amp;[0143250 - Salary Adv-Monthly Payroll]"/>
        <member name="[CB - Account].[Account CB - Description].&amp;[0143260 - A/R Pole Attach-JUMS]"/>
        <member name="[CB - Account].[Account CB - Description].&amp;[0143270 - Misc Accounts Rec - Fuel]"/>
        <member name="[CB - Account].[Account CB - Description].&amp;[0143271 - Misc Accts Rec Fuel]"/>
        <member name="[CB - Account].[Account CB - Description].&amp;[0143273 - A/R-Gas Stored Current]"/>
        <member name="[CB - Account].[Account CB - Description].&amp;[0143275 - Misc Accts Rec - REC]"/>
        <member name="[CB - Account].[Account CB - Description].&amp;[0143280 - Dependent Care Spending Acc'T]"/>
        <member name="[CB - Account].[Account CB - Description].&amp;[0143285 - A/R Group Insurance]"/>
        <member name="[CB - Account].[Account CB - Description].&amp;[0143290 - Misc Coal A/R]"/>
        <member name="[CB - Account].[Account CB - Description].&amp;[0143295 - Misc Fuel Oil A/R]"/>
        <member name="[CB - Account].[Account CB - Description].&amp;[0143300 - Sales Held by Intermediary]"/>
        <member name="[CB - Account].[Account CB - Description].&amp;[0143310 - Other Accounts Receivable-NPL]"/>
        <member name="[CB - Account].[Account CB - Description].&amp;[0143330 - Collections Of Mar-Edp]"/>
        <member name="[CB - Account].[Account CB - Description].&amp;[0143331 - AR - CVO]"/>
        <member name="[CB - Account].[Account CB - Description].&amp;[0143340 - Cash Collections Suspense-Edp]"/>
        <member name="[CB - Account].[Account CB - Description].&amp;[0143341 - Accounts Receivable - Joint Ow]"/>
        <member name="[CB - Account].[Account CB - Description].&amp;[0143350 - Mar Billed-Suspense]"/>
        <member name="[CB - Account].[Account CB - Description].&amp;[0143400 - A/R Energy Delivery Solutions]"/>
        <member name="[CB - Account].[Account CB - Description].&amp;[0143420 - ACCTS RECEIVABLE - GRID SOUTH]"/>
        <member name="[CB - Account].[Account CB - Description].&amp;[0143421 - A/R - Gibson 5 WVPA]"/>
        <member name="[CB - Account].[Account CB - Description].&amp;[0143425 - A/R-Wabash River 1 WVPA]"/>
        <member name="[CB - Account].[Account CB - Description].&amp;[0143426 - A/R - Vermillion WVPA]"/>
        <member name="[CB - Account].[Account CB - Description].&amp;[0143430 - Wholesale Revenue - Billed]"/>
        <member name="[CB - Account].[Account CB - Description].&amp;[0143431 - A/R - Gibson 5 IMPA]"/>
        <member name="[CB - Account].[Account CB - Description].&amp;[0143440 - ISO/DETM Keepwhole fm DENA AR]"/>
        <member name="[CB - Account].[Account CB - Description].&amp;[0143450 - Interest Rate Swaps]"/>
        <member name="[CB - Account].[Account CB - Description].&amp;[0143500 - Insurance claims receivable-Zu]"/>
        <member name="[CB - Account].[Account CB - Description].&amp;[0143501 - A/R-WVPA T/D Agree]"/>
        <member name="[CB - Account].[Account CB - Description].&amp;[0143540 - Insurance Receivable - Other]"/>
        <member name="[CB - Account].[Account CB - Description].&amp;[0143550 - INS PROP/BI CLAIMS AR - BISON]"/>
        <member name="[CB - Account].[Account CB - Description].&amp;[0143551 - A/R-IMPA T/D Agree]"/>
        <member name="[CB - Account].[Account CB - Description].&amp;[0143600 - AR GST Tax]"/>
        <member name="[CB - Account].[Account CB - Description].&amp;[0143602 - AR QST Tax]"/>
        <member name="[CB - Account].[Account CB - Description].&amp;[0143605 - A/R-DPL CD/CCD Operations]"/>
        <member name="[CB - Account].[Account CB - Description].&amp;[0143610 - A/R-CSP CD/CCD Operations]"/>
        <member name="[CB - Account].[Account CB - Description].&amp;[0143615 - Receivable from FE for LGR-A]"/>
        <member name="[CB - Account].[Account CB - Description].&amp;[0143623 - A/R - DPL Transmission]"/>
        <member name="[CB - Account].[Account CB - Description].&amp;[0143640 - RCBP Admin AR]"/>
        <member name="[CB - Account].[Account CB - Description].&amp;[0143650 - Stimulus Accounts Receivable]"/>
        <member name="[CB - Account].[Account CB - Description].&amp;[0143651 - A/R-DPL CD/CCDcapex]"/>
        <member name="[CB - Account].[Account CB - Description].&amp;[0143653 - A/R - CSP Transmission]"/>
        <member name="[CB - Account].[Account CB - Description].&amp;[0143660 - A/R-CSP CD/CCDcapex]"/>
        <member name="[CB - Account].[Account CB - Description].&amp;[0143710 - Accrued Power Agency Rec]"/>
        <member name="[CB - Account].[Account CB - Description].&amp;[0143711 - Accrued NCEMPA Rec. - Contra]"/>
        <member name="[CB - Account].[Account CB - Description].&amp;[0143712 - NCEMPA Rec. Other]"/>
        <member name="[CB - Account].[Account CB - Description].&amp;[0143720 - Accrued Power Agency Rec IA]"/>
        <member name="[CB - Account].[Account CB - Description].&amp;[0143730 - Accrued Ncemc Receivable]"/>
        <member name="[CB - Account].[Account CB - Description].&amp;[0143731 - Other AR - EA Penalties]"/>
        <member name="[CB - Account].[Account CB - Description].&amp;[0143735 - A/R CJO Special Projects]"/>
        <member name="[CB - Account].[Account CB - Description].&amp;[0143740 - Accrued Ncemc Receivable - IA]"/>
        <member name="[CB - Account].[Account CB - Description].&amp;[0143750 - Accrued Saluda River Rec]"/>
        <member name="[CB - Account].[Account CB - Description].&amp;[0143751 - A/R-InterchangPwrCMS]"/>
        <member name="[CB - Account].[Account CB - Description].&amp;[0143760 - Accrued Saluda River Rec - IA]"/>
        <member name="[CB - Account].[Account CB - Description].&amp;[0143770 - Accrued Pmpa Receivable]"/>
        <member name="[CB - Account].[Account CB - Description].&amp;[0143780 - Accrued PMPA Rec IA]"/>
        <member name="[CB - Account].[Account CB - Description].&amp;[0143810 - Central Csh Remittance Posting]"/>
        <member name="[CB - Account].[Account CB - Description].&amp;[0143820 - Ccr Clearing]"/>
        <member name="[CB - Account].[Account CB - Description].&amp;[0143830 - Ccr Ret Cks]"/>
        <member name="[CB - Account].[Account CB - Description].&amp;[0143840 - Southern Rec Cherokee]"/>
        <member name="[CB - Account].[Account CB - Description].&amp;[0143910 - Inactive]"/>
        <member name="[CB - Account].[Account CB - Description].&amp;[0143920 - Rec For Outside Serv:Non-De&amp;S]"/>
        <member name="[CB - Account].[Account CB - Description].&amp;[0143921 - Allowance for Doubtful Account]"/>
        <member name="[CB - Account].[Account CB - Description].&amp;[0143927 - Employee Receivables]"/>
        <member name="[CB - Account].[Account CB - Description].&amp;[0143950 - A/R-Retail and Transp]"/>
        <member name="[CB - Account].[Account CB - Description].&amp;[0143955 - A/R-Sold]"/>
        <member name="[CB - Account].[Account CB - Description].&amp;[0143970 - State Tax Refunds - External]"/>
        <member name="[CB - Account].[Account CB - Description].&amp;[0143980 - Franchise Tax Rec - Ext]"/>
        <member name="[CB - Account].[Account CB - Description].&amp;[0143985 - LT Franchise Tax Rec - Ext]"/>
        <member name="[CB - Account].[Account CB - Description].&amp;[0143990 - AR ENRB Holding Account]"/>
        <member name="[CB - Account].[Account CB - Description].&amp;[0143992 - Fed Tax Receivable - Audit]"/>
        <member name="[CB - Account].[Account CB - Description].&amp;[0143994 - State Tax Receivable - Audit]"/>
        <member name="[CB - Account].[Account CB - Description].&amp;[0143995 - Wholesale Rev - Est Unbilled]"/>
        <member name="[CB - Account].[Account CB - Description].&amp;[0143997 - A\R-Brokering Activity]"/>
        <member name="[CB - Account].[Account CB - Description].&amp;[0143998 - ST Receivable: Spectra]"/>
        <member name="[CB - Account].[Account CB - Description].&amp;[0143999 - AR Duke/Spectra]"/>
        <member name="[CB - Account].[Account CB - Description].&amp;[0144001 - Acc Prov Uncoll Whsle Acct FP]"/>
        <member name="[CB - Account].[Account CB - Description].&amp;[0144080 - SCHM Uncollectible Accrual VIE]"/>
        <member name="[CB - Account].[Account CB - Description].&amp;[0144081 - Allowance Credit Loss - VIE]"/>
        <member name="[CB - Account].[Account CB - Description].&amp;[0144090 - Disc on sale of AR (factoring)]"/>
        <member name="[CB - Account].[Account CB - Description].&amp;[0144101 - Allowance Credit Loss]"/>
        <member name="[CB - Account].[Account CB - Description].&amp;[0144110 - SCHM Uncollectible Accr NCElec]"/>
        <member name="[CB - Account].[Account CB - Description].&amp;[0144120 - SCHM Uncollectible Accr SCElec]"/>
        <member name="[CB - Account].[Account CB - Description].&amp;[0144130 - CURR ASSET HFS AFDA]"/>
        <member name="[CB - Account].[Account CB - Description].&amp;[0144140 - HGA-ALLOWANCE FOR DOUBTFUL ACC]"/>
        <member name="[CB - Account].[Account CB - Description].&amp;[0144200 - SCHM Uncollectible Accr Water]"/>
        <member name="[CB - Account].[Account CB - Description].&amp;[0144210 - SCHM Uncollectible Acc NCWater]"/>
        <member name="[CB - Account].[Account CB - Description].&amp;[0144220 - SCHM Uncollectible Acc SCWater]"/>
        <member name="[CB - Account].[Account CB - Description].&amp;[0144250 - Acc Prov Uncoll Cert Sup]"/>
        <member name="[CB - Account].[Account CB - Description].&amp;[0144300 - Uncollectible Accrual Merch]"/>
        <member name="[CB - Account].[Account CB - Description].&amp;[0144310 - SCHM Uncollectible Acc NCmerch]"/>
        <member name="[CB - Account].[Account CB - Description].&amp;[0144320 - SCHM Uncollectible Acc SCmerch]"/>
        <member name="[CB - Account].[Account CB - Description].&amp;[0144340 - Allowance - Service Plus]"/>
        <member name="[CB - Account].[Account CB - Description].&amp;[0144400 - SCHM Uncollectible Acc Ht Pump]"/>
        <member name="[CB - Account].[Account CB - Description].&amp;[0144410 - SCHM Uncollectible Acc NCHt Pm]"/>
        <member name="[CB - Account].[Account CB - Description].&amp;[0144420 - SCHM Uncollectible Acc SCHt Pm]"/>
        <member name="[CB - Account].[Account CB - Description].&amp;[0144500 - Prov for BPM Uncollectibles]"/>
        <member name="[CB - Account].[Account CB - Description].&amp;[0144510 - NC BPM Uncollectibles]"/>
        <member name="[CB - Account].[Account CB - Description].&amp;[0144520 - SC BPM Uncollectibles]"/>
        <member name="[CB - Account].[Account CB - Description].&amp;[0144600 - UNCOLLECT ACCRI-PROD/SERV]"/>
        <member name="[CB - Account].[Account CB - Description].&amp;[0144610 - UNCOLLECTIBLES-PROD/SERV-NC]"/>
        <member name="[CB - Account].[Account CB - Description].&amp;[0144620 - UNCOLLECTIBLES-PROD/SERV-SC]"/>
        <member name="[CB - Account].[Account CB - Description].&amp;[0144960 - Disc on Purch A/R]"/>
        <member name="[CB - Account].[Account CB - Description].&amp;[0145001 - LT-NR with DCC]"/>
        <member name="[CB - Account].[Account CB - Description].&amp;[0145002 - Notes Rec Current I/C Contra]"/>
        <member name="[CB - Account].[Account CB - Description].&amp;[0145003 - Notes Rec Long Term I/C Contra]"/>
        <member name="[CB - Account].[Account CB - Description].&amp;[0145005 - LT INTERCOMPANY NOTE]"/>
        <member name="[CB - Account].[Account CB - Description].&amp;[0145006 - Non-current Lease Receivable]"/>
        <member name="[CB - Account].[Account CB - Description].&amp;[0145890 - N/R - Rp Cin Receivables]"/>
        <member name="[CB - Account].[Account CB - Description].&amp;[0146001 - Missing]"/>
        <member name="[CB - Account].[Account CB - Description].&amp;[0146003 - Accounts Receivable I/C Contra]"/>
        <member name="[CB - Account].[Account CB - Description].&amp;[0146004 - Interest Receivable I/C Contra]"/>
        <member name="[CB - Account].[Account CB - Description].&amp;[0146006 - IC Moneypool - Interest Receiv]"/>
        <member name="[CB - Account].[Account CB - Description].&amp;[0146007 - Int Rec/Pay Dei Bu Only]"/>
        <member name="[CB - Account].[Account CB - Description].&amp;[0146008 - Intercompany Receivables]"/>
        <member name="[CB - Account].[Account CB - Description].&amp;[0146020 - AR DUKE ENERGY TRANSPORT]"/>
        <member name="[CB - Account].[Account CB - Description].&amp;[0146022 - Interco Notes Receivable LT]"/>
        <member name="[CB - Account].[Account CB - Description].&amp;[0146025 - LT Tax Rec - Interco]"/>
        <member name="[CB - Account].[Account CB - Description].&amp;[0146070 - I/C A/R with 10276]"/>
        <member name="[CB - Account].[Account CB - Description].&amp;[0146080 - AR CALIFORNIA COMPANIES]"/>
        <member name="[CB - Account].[Account CB - Description].&amp;[0146090 - AR DUKE ENER IND ASSET DEV]"/>
        <member name="[CB - Account].[Account CB - Description].&amp;[0146100 - A/R Maintenance]"/>
        <member name="[CB - Account].[Account CB - Description].&amp;[0146104 - I/C AR - Joint Dispatch]"/>
        <member name="[CB - Account].[Account CB - Description].&amp;[0146110 - Inactive]"/>
        <member name="[CB - Account].[Account CB - Description].&amp;[0146115 - Ins prem receivable-affiliate]"/>
        <member name="[CB - Account].[Account CB - Description].&amp;[0146116 - Reinsurace recoverable current]"/>
        <member name="[CB - Account].[Account CB - Description].&amp;[0146120 - A/R - Demc]"/>
        <member name="[CB - Account].[Account CB - Description].&amp;[0146130 - A/R - De&amp;S Northwest, Inc.]"/>
        <member name="[CB - Account].[Account CB - Description].&amp;[0146140 - A/R-Duke Solutions]"/>
        <member name="[CB - Account].[Account CB - Description].&amp;[0146150 - A/R-Pan Energy]"/>
        <member name="[CB - Account].[Account CB - Description].&amp;[0146160 - A/R - Houston Westchase Office]"/>
        <member name="[CB - Account].[Account CB - Description].&amp;[0146170 - A/R - Houston - Global Assets]"/>
        <member name="[CB - Account].[Account CB - Description].&amp;[0146180 - A/R - Denver]"/>
        <member name="[CB - Account].[Account CB - Description].&amp;[0146190 - Church Street Capital Corp]"/>
        <member name="[CB - Account].[Account CB - Description].&amp;[0146200 - A/R-Crescent Resources]"/>
        <member name="[CB - Account].[Account CB - Description].&amp;[0146210 - Accounts Receivable - Tetco]"/>
        <member name="[CB - Account].[Account CB - Description].&amp;[0146220 - A/R Interco w/TE Bermuda]"/>
        <member name="[CB - Account].[Account CB - Description].&amp;[0146230 - Intercompany w/ Electric]"/>
        <member name="[CB - Account].[Account CB - Description].&amp;[0146250 - IC Netting - Accts Receivable]"/>
        <member name="[CB - Account].[Account CB - Description].&amp;[0146260 - AR DUKE COMMUNICATION SERVICE]"/>
        <member name="[CB - Account].[Account CB - Description].&amp;[0146270 - AR PANENERGY RESOURCE MGT]"/>
        <member name="[CB - Account].[Account CB - Description].&amp;[0146300 - Eastover Mining]"/>
        <member name="[CB - Account].[Account CB - Description].&amp;[0146302 - Intraco Rec - Commodity]"/>
        <member name="[CB - Account].[Account CB - Description].&amp;[0146303 - Interco Rec - DETM]"/>
        <member name="[CB - Account].[Account CB - Description].&amp;[0146304 - Intraco Rec - Canada]"/>
        <member name="[CB - Account].[Account CB - Description].&amp;[0146305 - Intraco Rec - Techtrol]"/>
        <member name="[CB - Account].[Account CB - Description].&amp;[0146306 - Intraco Rec - Energy Invest]"/>
        <member name="[CB - Account].[Account CB - Description].&amp;[0146309 - Intraco Rec - DukeSolutions US]"/>
        <member name="[CB - Account].[Account CB - Description].&amp;[0146310 - Interco Rec-DS w/FIMCO]"/>
        <member name="[CB - Account].[Account CB - Description].&amp;[0146311 - Interco Rec-DS w/DENA]"/>
        <member name="[CB - Account].[Account CB - Description].&amp;[0146400 - Eastover Land]"/>
        <member name="[CB - Account].[Account CB - Description].&amp;[0146401 - Collateral Asset]"/>
        <member name="[CB - Account].[Account CB - Description].&amp;[0146500 - Gt&amp;W]"/>
        <member name="[CB - Account].[Account CB - Description].&amp;[0146501 - Intercompany Gas True-Up]"/>
        <member name="[CB - Account].[Account CB - Description].&amp;[0146600 - Inactive]"/>
        <member name="[CB - Account].[Account CB - Description].&amp;[0146641 - Intercompany CPRE Unbilled]"/>
        <member name="[CB - Account].[Account CB - Description].&amp;[0146642 - Intercompany CPRE Billed]"/>
        <member name="[CB - Account].[Account CB - Description].&amp;[0146700 - A/R-De&amp;S]"/>
        <member name="[CB - Account].[Account CB - Description].&amp;[0146710 - A/R-Dukenet Communications]"/>
        <member name="[CB - Account].[Account CB - Description].&amp;[0146720 - A/R-Duke Merchandising]"/>
        <member name="[CB - Account].[Account CB - Description].&amp;[0146730 - 5/14/96]"/>
        <member name="[CB - Account].[Account CB - Description].&amp;[0146740 - Intera Receivables]"/>
        <member name="[CB - Account].[Account CB - Description].&amp;[0146750 - A/R-D/Fd]"/>
        <member name="[CB - Account].[Account CB - Description].&amp;[0146760 - A/R-Duke Coal]"/>
        <member name="[CB - Account].[Account CB - Description].&amp;[0146770 - De&amp;S Resources, Inc Receivable]"/>
        <member name="[CB - Account].[Account CB - Description].&amp;[0146777 - AR Intercompany Crossbill]"/>
        <member name="[CB - Account].[Account CB - Description].&amp;[0146800 - Nantahala Power And Light]"/>
        <member name="[CB - Account].[Account CB - Description].&amp;[0146830 - DETM/DENA Keepwhole Rec'ble]"/>
        <member name="[CB - Account].[Account CB - Description].&amp;[0146888 - AR-Crossbill DEFS]"/>
        <member name="[CB - Account].[Account CB - Description].&amp;[0146900 - A/R-Duke Energy Group]"/>
        <member name="[CB - Account].[Account CB - Description].&amp;[0146950 - AR with DEI]"/>
        <member name="[CB - Account].[Account CB - Description].&amp;[0146955 - AR with DETM-US]"/>
        <member name="[CB - Account].[Account CB - Description].&amp;[0146956 - Intco AR w/DEFS JV]"/>
        <member name="[CB - Account].[Account CB - Description].&amp;[0146957 - Interco Receivable w/Evendale]"/>
        <member name="[CB - Account].[Account CB - Description].&amp;[0146958 - Interco Receivable w/GNE]"/>
        <member name="[CB - Account].[Account CB - Description].&amp;[0146959 - Interco Rec w/Huntington Beach]"/>
        <member name="[CB - Account].[Account CB - Description].&amp;[0146960 - A/R Non Prop/BI Interco]"/>
        <member name="[CB - Account].[Account CB - Description].&amp;[0146961 - Interco REC w/ E-Business]"/>
        <member name="[CB - Account].[Account CB - Description].&amp;[0146962 - Accts Receivable w/ 30274]"/>
        <member name="[CB - Account].[Account CB - Description].&amp;[0146963 - Accts Receivable w/ 30274]"/>
        <member name="[CB - Account].[Account CB - Description].&amp;[0146970 - AR-Contra]"/>
        <member name="[CB - Account].[Account CB - Description].&amp;[0146971 - AR-Estimate]"/>
        <member name="[CB - Account].[Account CB - Description].&amp;[0146972 - AR-Revenue Control]"/>
        <member name="[CB - Account].[Account CB - Description].&amp;[0146973 - Insurance Claim Receivable]"/>
        <member name="[CB - Account].[Account CB - Description].&amp;[0146974 - A/R - Affiliates]"/>
        <member name="[CB - Account].[Account CB - Description].&amp;[0146975 - Interest Receivable-Affiliates]"/>
        <member name="[CB - Account].[Account CB - Description].&amp;[0146976 - A/R Duke Fuels]"/>
        <member name="[CB - Account].[Account CB - Description].&amp;[0146977 - AR/AP-Unconsol]"/>
        <member name="[CB - Account].[Account CB - Description].&amp;[0146978 - Royalty/Mgmt fee rec]"/>
        <member name="[CB - Account].[Account CB - Description].&amp;[0146979 - Royalty/Mgmt Fee pay]"/>
        <member name="[CB - Account].[Account CB - Description].&amp;[0146980 - AR CONTROLLED SUSPENSE]"/>
        <member name="[CB - Account].[Account CB - Description].&amp;[0146985 - Deferred aquisition costs-affi]"/>
        <member name="[CB - Account].[Account CB - Description].&amp;[0146986 - Due From Affiliates]"/>
        <member name="[CB - Account].[Account CB - Description].&amp;[0146991 - LT Franchise Tax Rec - Interco]"/>
        <member name="[CB - Account].[Account CB - Description].&amp;[0146995 - AR Est Affiliate Non-Consol]"/>
        <member name="[CB - Account].[Account CB - Description].&amp;[0146996 - Franchise Tax - Interco]"/>
        <member name="[CB - Account].[Account CB - Description].&amp;[0146998 - Franchise Tax - Interco - P/Y]"/>
        <member name="[CB - Account].[Account CB - Description].&amp;[0146999 - Interunit unconsolidated bus]"/>
        <member name="[CB - Account].[Account CB - Description].&amp;[0149133 - FAS 133 Short Term Asset]"/>
        <member name="[CB - Account].[Account CB - Description].&amp;[0149420 - UNRLZGAIN ON MKT TO MKT TRADNG]"/>
        <member name="[CB - Account].[Account CB - Description].&amp;[0149421 - IC MTM CURRENT ASSETS]"/>
        <member name="[CB - Account].[Account CB - Description].&amp;[0149500 - IUB A/R Actual]"/>
        <member name="[CB - Account].[Account CB - Description].&amp;[0149501 - Interco A/R Estimate]"/>
        <member name="[CB - Account].[Account CB - Description].&amp;[0149502 - A/R-NGL Processing]"/>
        <member name="[CB - Account].[Account CB - Description].&amp;[0149503 - 3rd Party Deriv Asset Current]"/>
        <member name="[CB - Account].[Account CB - Description].&amp;[0149504 - Intco Deriv Asset Current]"/>
        <member name="[CB - Account].[Account CB - Description].&amp;[0150000 - Trading MTM Inventory-3rdParty]"/>
        <member name="[CB - Account].[Account CB - Description].&amp;[0150001 - Intercompany Inventory]"/>
        <member name="[CB - Account].[Account CB - Description].&amp;[0151100 - Oremulsion Fuel Stock]"/>
        <member name="[CB - Account].[Account CB - Description].&amp;[0151110 - Heavy Fuel Oil]"/>
        <member name="[CB - Account].[Account CB - Description].&amp;[0151120 - Other Fuel Stock]"/>
        <member name="[CB - Account].[Account CB - Description].&amp;[0151125 - Other Fuel Inventory]"/>
        <member name="[CB - Account].[Account CB - Description].&amp;[0151126 - Fuel Stock - Propane]"/>
        <member name="[CB - Account].[Account CB - Description].&amp;[0151133 - FAS 133 Long Term Asset]"/>
        <member name="[CB - Account].[Account CB - Description].&amp;[0151135 - Oil]"/>
        <member name="[CB - Account].[Account CB - Description].&amp;[0151150 - Jet Fuel]"/>
        <member name="[CB - Account].[Account CB - Description].&amp;[0151160 - Inactive]"/>
        <member name="[CB - Account].[Account CB - Description].&amp;[0151170 - Oil Stock In Transit]"/>
        <member name="[CB - Account].[Account CB - Description].&amp;[0151190 - L-T UNREALIZED GAINS MTM]"/>
        <member name="[CB - Account].[Account CB - Description].&amp;[0151191 - IC MTM NONCURRENT ASSETS]"/>
        <member name="[CB - Account].[Account CB - Description].&amp;[0151200 - COAL STOCKS-PURCH_ACCTG ADJ]"/>
        <member name="[CB - Account].[Account CB - Description].&amp;[0151210 - Biomass Inventory]"/>
        <member name="[CB - Account].[Account CB - Description].&amp;[0151222 - Test Fuel Stock]"/>
        <member name="[CB - Account].[Account CB - Description].&amp;[0151260 - Test Wood Inventory]"/>
        <member name="[CB - Account].[Account CB - Description].&amp;[0151700 - Propane Inventory]"/>
        <member name="[CB - Account].[Account CB - Description].&amp;[0153000 - Exch Imbal &amp; Invent (NGL)]"/>
        <member name="[CB - Account].[Account CB - Description].&amp;[0153005 - Inventory in Transit]"/>
        <member name="[CB - Account].[Account CB - Description].&amp;[0153010 - Inventory-Natural Gas]"/>
        <member name="[CB - Account].[Account CB - Description].&amp;[0153011 - Inventory - Iowa Plant]"/>
        <member name="[CB - Account].[Account CB - Description].&amp;[0153015 - INVENTORY- REFINED PRODUCTS]"/>
        <member name="[CB - Account].[Account CB - Description].&amp;[0154000 - Plant M&amp;S-Suspense]"/>
        <member name="[CB - Account].[Account CB - Description].&amp;[0154001 - Plant M&amp;S-Over/Under]"/>
        <member name="[CB - Account].[Account CB - Description].&amp;[0154002 - Materials &amp; Supplies-Stg Field]"/>
        <member name="[CB - Account].[Account CB - Description].&amp;[0154003 - INVENTORY - RECS]"/>
        <member name="[CB - Account].[Account CB - Description].&amp;[0154004 - INVENTORY-RESERVE]"/>
        <member name="[CB - Account].[Account CB - Description].&amp;[0154010 - M&amp;S Air Pollution Units 1-4]"/>
        <member name="[CB - Account].[Account CB - Description].&amp;[0154020 - M&amp;S-AirPoll GIB5 (scrubber)]"/>
        <member name="[CB - Account].[Account CB - Description].&amp;[0154030 - M&amp;S Waste Poll GIB5 (scrubber)]"/>
        <member name="[CB - Account].[Account CB - Description].&amp;[0154050 - M&amp;S GIB5 (scrubber)]"/>
        <member name="[CB - Account].[Account CB - Description].&amp;[0154060 - M&amp;S Waste Pollution Units 1-4]"/>
        <member name="[CB - Account].[Account CB - Description].&amp;[0154070 - M&amp;S GIB 4&amp;5 (scrubber-50)]"/>
        <member name="[CB - Account].[Account CB - Description].&amp;[0154080 - M&amp;S AirPoll GIB 4&amp;5 (scrub-50)]"/>
        <member name="[CB - Account].[Account CB - Description].&amp;[0154101 - Inventory Estimate]"/>
        <member name="[CB - Account].[Account CB - Description].&amp;[0154102 - Common M&amp;S]"/>
        <member name="[CB - Account].[Account CB - Description].&amp;[0154103 - M&amp;S_Inventory-WVPA,IMPA_contra]"/>
        <member name="[CB - Account].[Account CB - Description].&amp;[0154105 - M&amp;S Waste Pollution]"/>
        <member name="[CB - Account].[Account CB - Description].&amp;[0154106 - M&amp;S Air Pollution]"/>
        <member name="[CB - Account].[Account CB - Description].&amp;[0154110 - M&amp;S Supply Inv - Joint Owner]"/>
        <member name="[CB - Account].[Account CB - Description].&amp;[0154115 - CURR ASSET HFS INV]"/>
        <member name="[CB - Account].[Account CB - Description].&amp;[0154120 - Catawba Stm Station Stk Contra]"/>
        <member name="[CB - Account].[Account CB - Description].&amp;[0154121 - Joint Owner Share of Parts]"/>
        <member name="[CB - Account].[Account CB - Description].&amp;[0154122 - Limestone In Transit Inventory]"/>
        <member name="[CB - Account].[Account CB - Description].&amp;[0154123 - Ammonia In Transit Inventory]"/>
        <member name="[CB - Account].[Account CB - Description].&amp;[0154130 - Catawba C&amp;Md Stock Contra]"/>
        <member name="[CB - Account].[Account CB - Description].&amp;[0154141 - In-Transit Transfers - AAT]"/>
        <member name="[CB - Account].[Account CB - Description].&amp;[0154145 - Invty - Long Term]"/>
        <member name="[CB - Account].[Account CB - Description].&amp;[0154150 - Spent Fuel Canisters]"/>
        <member name="[CB - Account].[Account CB - Description].&amp;[0154190 - Material For Future Lines]"/>
        <member name="[CB - Account].[Account CB - Description].&amp;[0154201 - Limestone Inventory JO]"/>
        <member name="[CB - Account].[Account CB - Description].&amp;[0154210 - Trona Inventory]"/>
        <member name="[CB - Account].[Account CB - Description].&amp;[0154300 - Inactive]"/>
        <member name="[CB - Account].[Account CB - Description].&amp;[0154400 - 12/95]"/>
        <member name="[CB - Account].[Account CB - Description].&amp;[0154401 - Ammonia Inventory]"/>
        <member name="[CB - Account].[Account CB - Description].&amp;[0154406 - Dibasic Acid Inventory]"/>
        <member name="[CB - Account].[Account CB - Description].&amp;[0154450 - M&amp;S 100% CD]"/>
        <member name="[CB - Account].[Account CB - Description].&amp;[0154500 - Part Share M&amp;S CR3]"/>
        <member name="[CB - Account].[Account CB - Description].&amp;[0154501 - Part Share M&amp;S IP11]"/>
        <member name="[CB - Account].[Account CB - Description].&amp;[0154550 - M&amp;S Gas Turbine]"/>
        <member name="[CB - Account].[Account CB - Description].&amp;[0154750 - M&amp;S Mechanical &amp; Electrical]"/>
        <member name="[CB - Account].[Account CB - Description].&amp;[0154760 - M&amp;S  Coal Yard]"/>
        <member name="[CB - Account].[Account CB - Description].&amp;[0154897 - VIE - Restricted Inventory]"/>
        <member name="[CB - Account].[Account CB - Description].&amp;[0154900 - Reserve for loss on inventory]"/>
        <member name="[CB - Account].[Account CB - Description].&amp;[0155100 - Resale Appliance]"/>
        <member name="[CB - Account].[Account CB - Description].&amp;[0155200 - Inactive]"/>
        <member name="[CB - Account].[Account CB - Description].&amp;[0155300 - Inactive]"/>
        <member name="[CB - Account].[Account CB - Description].&amp;[0155400 - Appliance Repair Parts]"/>
        <member name="[CB - Account].[Account CB - Description].&amp;[0156000 - M&amp;S-Company Gifts]"/>
        <member name="[CB - Account].[Account CB - Description].&amp;[0156001 - Fuel Inventory]"/>
        <member name="[CB - Account].[Account CB - Description].&amp;[0156010 - Other M&amp;S / Inventory]"/>
        <member name="[CB - Account].[Account CB - Description].&amp;[0157100 - Inactive]"/>
        <member name="[CB - Account].[Account CB - Description].&amp;[0157200 - Inactive]"/>
        <member name="[CB - Account].[Account CB - Description].&amp;[0157300 - Inactive]"/>
        <member name="[CB - Account].[Account CB - Description].&amp;[0158110 - INTANGIBLES_EMISSION_ALLOW]"/>
        <member name="[CB - Account].[Account CB - Description].&amp;[0158111 - Coal, Gas &amp; Power Contracts]"/>
        <member name="[CB - Account].[Account CB - Description].&amp;[0158112 - Intangibles_Other]"/>
        <member name="[CB - Account].[Account CB - Description].&amp;[0158113 - RECS Intangible Asset Non Curr]"/>
        <member name="[CB - Account].[Account CB - Description].&amp;[0158115 - IC Allowance Inventory]"/>
        <member name="[CB - Account].[Account CB - Description].&amp;[0158120 - RECs - DE Carolinas - NC]"/>
        <member name="[CB - Account].[Account CB - Description].&amp;[0158125 - REC's - Intercompany]"/>
        <member name="[CB - Account].[Account CB - Description].&amp;[0158130 - RECs - DE Ohio]"/>
        <member name="[CB - Account].[Account CB - Description].&amp;[0158135 - RECs - DE Kentucky]"/>
        <member name="[CB - Account].[Account CB - Description].&amp;[0158151 - SO2 RSP Non-Current Vintage]"/>
        <member name="[CB - Account].[Account CB - Description].&amp;[0158153 - SO2 Non-Current Vintage]"/>
        <member name="[CB - Account].[Account CB - Description].&amp;[0158160 - SO2 Current Vintage Step-up]"/>
        <member name="[CB - Account].[Account CB - Description].&amp;[0158161 - SO2 RSP NonCurrnt Vint Step-up]"/>
        <member name="[CB - Account].[Account CB - Description].&amp;[0158163 - SO2 NonCurrent Vintage Step-up]"/>
        <member name="[CB - Account].[Account CB - Description].&amp;[0158172 - Annual NOx Non-Current Vintage]"/>
        <member name="[CB - Account].[Account CB - Description].&amp;[0158180 - Reg EA-SO2 Native Current]"/>
        <member name="[CB - Account].[Account CB - Description].&amp;[0158181 - Seasonal NOx Curr Vint Step Up]"/>
        <member name="[CB - Account].[Account CB - Description].&amp;[0158182 - Seasonal NOx NnCurr Vnt StepUp]"/>
        <member name="[CB - Account].[Account CB - Description].&amp;[0158184 - Seasonal NOx Non-Current]"/>
        <member name="[CB - Account].[Account CB - Description].&amp;[0158185 - Reg EA-SO2 NonNative Current]"/>
        <member name="[CB - Account].[Account CB - Description].&amp;[0158190 - Reg EA-SO2 Native NonCurrent]"/>
        <member name="[CB - Account].[Account CB - Description].&amp;[0158195 - Reg EA-SO2 NonNative NonCurent]"/>
        <member name="[CB - Account].[Account CB - Description].&amp;[0158200 - ALLOW INV_PURCH_ACCTG_ADJ]"/>
        <member name="[CB - Account].[Account CB - Description].&amp;[0158250 - Seasonal NOx Current]"/>
        <member name="[CB - Account].[Account CB - Description].&amp;[0158252 - Seasonal NOx Non-Current]"/>
        <member name="[CB - Account].[Account CB - Description].&amp;[0158260 - Seasonal NOx Curr Vint Step Up]"/>
        <member name="[CB - Account].[Account CB - Description].&amp;[0158262 - NOx NonCurrent Vintage Step Up]"/>
        <member name="[CB - Account].[Account CB - Description].&amp;[0158270 - Annual NOx Current]"/>
        <member name="[CB - Account].[Account CB - Description].&amp;[0158272 - Annual NOx Non-Current]"/>
        <member name="[CB - Account].[Account CB - Description].&amp;[0158280 - Reg EA-NOx Native Current]"/>
        <member name="[CB - Account].[Account CB - Description].&amp;[0158285 - Reg EA-NOx NonNative Current]"/>
        <member name="[CB - Account].[Account CB - Description].&amp;[0158290 - Reg EA-NOx Native NonCurrent]"/>
        <member name="[CB - Account].[Account CB - Description].&amp;[0158295 - Reg EA-NOx NonNative NonCurent]"/>
        <member name="[CB - Account].[Account CB - Description].&amp;[0162000 - NYMEX FUTURES]"/>
        <member name="[CB - Account].[Account CB - Description].&amp;[0162001 - NYMEX OPTIONS]"/>
        <member name="[CB - Account].[Account CB - Description].&amp;[0162002 - ST UNREALIZED GAINS]"/>
        <member name="[CB - Account].[Account CB - Description].&amp;[0162005 - OTC CRUDE DEFERRED]"/>
        <member name="[CB - Account].[Account CB - Description].&amp;[0162006 - BROKER COMMISSION]"/>
        <member name="[CB - Account].[Account CB - Description].&amp;[0162009 - Risk Deferred Activity]"/>
        <member name="[CB - Account].[Account CB - Description].&amp;[0162012 - Phy Options Exp]"/>
        <member name="[CB - Account].[Account CB - Description].&amp;[0163000 - COMMODITY COST]"/>
        <member name="[CB - Account].[Account CB - Description].&amp;[0163010 - Merchandising Stores Expense]"/>
        <member name="[CB - Account].[Account CB - Description].&amp;[0163110 - Stores Expense]"/>
        <member name="[CB - Account].[Account CB - Description].&amp;[0163111 - Stores_Exp-WVPA,IMPA_contra]"/>
        <member name="[CB - Account].[Account CB - Description].&amp;[0163120 - Stores Expense - Joint Owner]"/>
        <member name="[CB - Account].[Account CB - Description].&amp;[0163130 - 1/96]"/>
        <member name="[CB - Account].[Account CB - Description].&amp;[0163150 - Inactive]"/>
        <member name="[CB - Account].[Account CB - Description].&amp;[0163160 - Stores Exp Distribution-Credit]"/>
        <member name="[CB - Account].[Account CB - Description].&amp;[0163170 - Stores Exp-Cr Dist Of Pur Cost]"/>
        <member name="[CB - Account].[Account CB - Description].&amp;[0163180 - Freight And Express]"/>
        <member name="[CB - Account].[Account CB - Description].&amp;[0163190 - Gas Storage]"/>
        <member name="[CB - Account].[Account CB - Description].&amp;[0163200 - ST Gas Park &amp; Loan]"/>
        <member name="[CB - Account].[Account CB - Description].&amp;[0163210 - Gas Imbalance]"/>
        <member name="[CB - Account].[Account CB - Description].&amp;[0163230 - Inactive]"/>
        <member name="[CB - Account].[Account CB - Description].&amp;[0163290 - Inactive]"/>
        <member name="[CB - Account].[Account CB - Description].&amp;[0163340 - 12/95]"/>
        <member name="[CB - Account].[Account CB - Description].&amp;[0163400 - Overages, Shortages &amp; Damages]"/>
        <member name="[CB - Account].[Account CB - Description].&amp;[0163401 - Inventory]"/>
        <member name="[CB - Account].[Account CB - Description].&amp;[0163888 - Stores Expense-BU B/S Svc Exp]"/>
        <member name="[CB - Account].[Account CB - Description].&amp;[0164000 - COMMODITY TPROT]"/>
        <member name="[CB - Account].[Account CB - Description].&amp;[0164100 - Storage Gas-Current Inventory]"/>
        <member name="[CB - Account].[Account CB - Description].&amp;[0164101 - Line Pack]"/>
        <member name="[CB - Account].[Account CB - Description].&amp;[0164105 - Storage - Gas - Current Invent]"/>
        <member name="[CB - Account].[Account CB - Description].&amp;[0164200 - STOR_GAS_CURR_INV_PUR_ACCT_ADJ]"/>
        <member name="[CB - Account].[Account CB - Description].&amp;[0164201 - Lng-Storage - In Stock]"/>
        <member name="[CB - Account].[Account CB - Description].&amp;[0165000 - Other Current Assets]"/>
        <member name="[CB - Account].[Account CB - Description].&amp;[0165001 - ISO/DETM Keepwhole fm DENA OCA]"/>
        <member name="[CB - Account].[Account CB - Description].&amp;[0165002 - State Tax Refunds Receivable]"/>
        <member name="[CB - Account].[Account CB - Description].&amp;[0165003 - Fed Tax Receivable - Audit]"/>
        <member name="[CB - Account].[Account CB - Description].&amp;[0165004 - State Tax Receivable - Audit]"/>
        <member name="[CB - Account].[Account CB - Description].&amp;[0165005 - Deferred reinsurance]"/>
        <member name="[CB - Account].[Account CB - Description].&amp;[0165006 - BARTOW LTSA]"/>
        <member name="[CB - Account].[Account CB - Description].&amp;[0165007 - HINES LTSA]"/>
        <member name="[CB - Account].[Account CB - Description].&amp;[0165008 - LTSA PREPAID RICHMOND]"/>
        <member name="[CB - Account].[Account CB - Description].&amp;[0165009 - Prepaid Inv - Solar Recs]"/>
        <member name="[CB - Account].[Account CB - Description].&amp;[0165010 - Ppd Ins-Property-Captive]"/>
        <member name="[CB - Account].[Account CB - Description].&amp;[0165012 - Ppd-Software - Sybase]"/>
        <member name="[CB - Account].[Account CB - Description].&amp;[0165013 - IBM Quarterly Advance]"/>
        <member name="[CB - Account].[Account CB - Description].&amp;[0165014 - Ppd-Comdisco]"/>
        <member name="[CB - Account].[Account CB - Description].&amp;[0165015 - IBM Monthly Advance]"/>
        <member name="[CB - Account].[Account CB - Description].&amp;[0165016 - Pre Paid Ad Valorem Tax]"/>
        <member name="[CB - Account].[Account CB - Description].&amp;[0165017 - Prepaid Franchise Tax]"/>
        <member name="[CB - Account].[Account CB - Description].&amp;[0165018 - MW - Prepaid Expenses ST]"/>
        <member name="[CB - Account].[Account CB - Description].&amp;[0165019 - St. Gross Receipts-TN]"/>
        <member name="[CB - Account].[Account CB - Description].&amp;[0165020 - Deferred Reinsurance - Affilia]"/>
        <member name="[CB - Account].[Account CB - Description].&amp;[0165021 - Prepayments (sch M)]"/>
        <member name="[CB - Account].[Account CB - Description].&amp;[0165022 - Non-Current Prepaid Expenses]"/>
        <member name="[CB - Account].[Account CB - Description].&amp;[0165023 - CITRUS COUNTY LTSA]"/>
        <member name="[CB - Account].[Account CB - Description].&amp;[0165024 - FHOF SOLAR LEASE]"/>
        <member name="[CB - Account].[Account CB - Description].&amp;[0165033 - GEN AM LIFE PREPAID INT]"/>
        <member name="[CB - Account].[Account CB - Description].&amp;[0165034 - PAC MUTUAL PREPAID INT 9/25/85]"/>
        <member name="[CB - Account].[Account CB - Description].&amp;[0165036 - GR WEST LIFE PREPD INT 6/1/85]"/>
        <member name="[CB - Account].[Account CB - Description].&amp;[0165037 - ST ASSET-PHYS FIRM COMMIT]"/>
        <member name="[CB - Account].[Account CB - Description].&amp;[0165050 - Other Assets-Affiliate]"/>
        <member name="[CB - Account].[Account CB - Description].&amp;[0165100 - Unexpired Insurance]"/>
        <member name="[CB - Account].[Account CB - Description].&amp;[0165110 - Unexpired Ins-Catawba Contra]"/>
        <member name="[CB - Account].[Account CB - Description].&amp;[0165120 - UNEXPIRED INSURANCE- NUCLEAR]"/>
        <member name="[CB - Account].[Account CB - Description].&amp;[0165130 - Deferred acquisition costs]"/>
        <member name="[CB - Account].[Account CB - Description].&amp;[0165200 - SCHM Retirement Plan PreFundng]"/>
        <member name="[CB - Account].[Account CB - Description].&amp;[0165210 - NYMEX Options 01-01-2004]"/>
        <member name="[CB - Account].[Account CB - Description].&amp;[0165211 - Broker Fees]"/>
        <member name="[CB - Account].[Account CB - Description].&amp;[0165220 - Park &amp; Loan for Oth Cur Assets]"/>
        <member name="[CB - Account].[Account CB - Description].&amp;[0165230 - FX G/L for Other Cur Assets]"/>
        <member name="[CB - Account].[Account CB - Description].&amp;[0165300 - SCHM DPC RETIREMENT PLAN]"/>
        <member name="[CB - Account].[Account CB - Description].&amp;[0165301 - IC SCHM DPLLC Ret Pln (Prfndg)]"/>
        <member name="[CB - Account].[Account CB - Description].&amp;[0165401 - Prepaid NRC License Fees]"/>
        <member name="[CB - Account].[Account CB - Description].&amp;[0165402 - Prepaid EPRI Dues]"/>
        <member name="[CB - Account].[Account CB - Description].&amp;[0165403 - Res Assurance Prods-PPD Exp]"/>
        <member name="[CB - Account].[Account CB - Description].&amp;[0165404 - Prepaid Net Worth Tax]"/>
        <member name="[CB - Account].[Account CB - Description].&amp;[0165410 - LT ASSET-PHYS FIRM COMMIT]"/>
        <member name="[CB - Account].[Account CB - Description].&amp;[0165420 - Prepaid License Agreement]"/>
        <member name="[CB - Account].[Account CB - Description].&amp;[0165450 - Deferred Insurance Premium -LT]"/>
        <member name="[CB - Account].[Account CB - Description].&amp;[0165500 - SCHM Prepd Taxes-Huntersville]"/>
        <member name="[CB - Account].[Account CB - Description].&amp;[0165501 - Prepaid Interest]"/>
        <member name="[CB - Account].[Account CB - Description].&amp;[0165502 - Accrued Gas Cost]"/>
        <member name="[CB - Account].[Account CB - Description].&amp;[0165510 - NYMEX Margin]"/>
        <member name="[CB - Account].[Account CB - Description].&amp;[0165511 - Deposits]"/>
        <member name="[CB - Account].[Account CB - Description].&amp;[0165512 - Prepaid Commissions]"/>
        <member name="[CB - Account].[Account CB - Description].&amp;[0165513 - Prepaid Expense - Misc.]"/>
        <member name="[CB - Account].[Account CB - Description].&amp;[0165514 - Prepaid Rent/Deposit]"/>
        <member name="[CB - Account].[Account CB - Description].&amp;[0165515 - Prepay-Dominion]"/>
        <member name="[CB - Account].[Account CB - Description].&amp;[0165518 - MW - Prepaid Expenses LT]"/>
        <member name="[CB - Account].[Account CB - Description].&amp;[0165521 - Prepayments - NEI]"/>
        <member name="[CB - Account].[Account CB - Description].&amp;[0165538 - LTSA - Long Term Portion FTG]"/>
        <member name="[CB - Account].[Account CB - Description].&amp;[0165550 - Imarex Margin Account]"/>
        <member name="[CB - Account].[Account CB - Description].&amp;[0165555 - Prepaid Inv - Solar Recs]"/>
        <member name="[CB - Account].[Account CB - Description].&amp;[0165600 - Prepaid Interest]"/>
        <member name="[CB - Account].[Account CB - Description].&amp;[0165601 - Prepaid Tariff&gt; 1 yr]"/>
        <member name="[CB - Account].[Account CB - Description].&amp;[0165602 - Prepaid Pension Costs-Partners]"/>
        <member name="[CB - Account].[Account CB - Description].&amp;[0165650 - ResSol HomeServ Acquisition]"/>
        <member name="[CB - Account].[Account CB - Description].&amp;[0165700 - Prepaid Capital Lease]"/>
        <member name="[CB - Account].[Account CB - Description].&amp;[0165800 - Short Term Asset Held for Sale]"/>
        <member name="[CB - Account].[Account CB - Description].&amp;[0165897 - VIE - Restricted Current AHFS]"/>
        <member name="[CB - Account].[Account CB - Description].&amp;[0165900 - Prepaid Insurance IC Contra]"/>
        <member name="[CB - Account].[Account CB - Description].&amp;[0165910 - Prepayment - Fuel]"/>
        <member name="[CB - Account].[Account CB - Description].&amp;[0165970 - State Tax Prepayments]"/>
        <member name="[CB - Account].[Account CB - Description].&amp;[0165980 - Foreign Taxes Receivable]"/>
        <member name="[CB - Account].[Account CB - Description].&amp;[0165981 - Current Tax Reclass Intl Dr]"/>
        <member name="[CB - Account].[Account CB - Description].&amp;[0165990 - Federal Tax Prepayments]"/>
        <member name="[CB - Account].[Account CB - Description].&amp;[0165999 - Inter-Co Prepaid Insurance]"/>
        <member name="[CB - Account].[Account CB - Description].&amp;[0168351 - Missing]"/>
        <member name="[CB - Account].[Account CB - Description].&amp;[0171001 - Int Rec Other - Nonreg]"/>
        <member name="[CB - Account].[Account CB - Description].&amp;[0171002 - ALLOW FOR INTEREST RECEIVABLE]"/>
        <member name="[CB - Account].[Account CB - Description].&amp;[0171050 - Interco Interest Receivable]"/>
        <member name="[CB - Account].[Account CB - Description].&amp;[0171100 - SCHM Interest Receivable]"/>
        <member name="[CB - Account].[Account CB - Description].&amp;[0171101 - Contra Interest Receivable]"/>
        <member name="[CB - Account].[Account CB - Description].&amp;[0171102 - Int Rec Related Pty]"/>
        <member name="[CB - Account].[Account CB - Description].&amp;[0171103 - Accrued investment income]"/>
        <member name="[CB - Account].[Account CB - Description].&amp;[0171104 - Cur Asset: Interest Receiv]"/>
        <member name="[CB - Account].[Account CB - Description].&amp;[0171200 - 12/95]"/>
        <member name="[CB - Account].[Account CB - Description].&amp;[0172000 - Rents Receivable]"/>
        <member name="[CB - Account].[Account CB - Description].&amp;[0172001 - Rent Receivable-IMPA]"/>
        <member name="[CB - Account].[Account CB - Description].&amp;[0172002 - Rent Receivable-WVPA]"/>
        <member name="[CB - Account].[Account CB - Description].&amp;[0172003 - Rent Receivable - CERT]"/>
        <member name="[CB - Account].[Account CB - Description].&amp;[0172005 - Lease Receivable]"/>
        <member name="[CB - Account].[Account CB - Description].&amp;[0173080 - VIE - Unbilled Revenue Rec]"/>
        <member name="[CB - Account].[Account CB - Description].&amp;[0173101 - Fenb - Nypa]"/>
        <member name="[CB - Account].[Account CB - Description].&amp;[0173102 - Fenb De&amp;S]"/>
        <member name="[CB - Account].[Account CB - Description].&amp;[0173103 - Fenb Ds]"/>
        <member name="[CB - Account].[Account CB - Description].&amp;[0173104 - FENB/FBNE DS/DE&amp;S Reserve]"/>
        <member name="[CB - Account].[Account CB - Description].&amp;[0173105 - FENB DS - Long Term]"/>
        <member name="[CB - Account].[Account CB - Description].&amp;[0173106 - Work in Progress]"/>
        <member name="[CB - Account].[Account CB - Description].&amp;[0173107 - Unbilled Lease Revenue-Current]"/>
        <member name="[CB - Account].[Account CB - Description].&amp;[0173108 - Unbilled Lease Revenue - LT]"/>
        <member name="[CB - Account].[Account CB - Description].&amp;[0173109 - Allowance for Doubtful FENB]"/>
        <member name="[CB - Account].[Account CB - Description].&amp;[0173110 - Accounts Receivable Sold]"/>
        <member name="[CB - Account].[Account CB - Description].&amp;[0173111 - FL Accr Util Rev - Wholesale]"/>
        <member name="[CB - Account].[Account CB - Description].&amp;[0174000 - Imbalance-Shipper]"/>
        <member name="[CB - Account].[Account CB - Description].&amp;[0174001 - INTERCO DERIV ASSET_CURRENT]"/>
        <member name="[CB - Account].[Account CB - Description].&amp;[0174002 - 3RD PARTY DERIV ASSET CURRENT]"/>
        <member name="[CB - Account].[Account CB - Description].&amp;[0174003 - Purchased Options Current]"/>
        <member name="[CB - Account].[Account CB - Description].&amp;[0174004 - ST FAS Contra - Asset]"/>
        <member name="[CB - Account].[Account CB - Description].&amp;[0174005 - NON-HEDGE PURCH OPTION CURRENT]"/>
        <member name="[CB - Account].[Account CB - Description].&amp;[0174006 - PA 253 Billing Net Rec-F2G]"/>
        <member name="[CB - Account].[Account CB - Description].&amp;[0174014 - Bal Agree Imbalance-Post-OBA]"/>
        <member name="[CB - Account].[Account CB - Description].&amp;[0174021 - Imbalance Receivable-OBA]"/>
        <member name="[CB - Account].[Account CB - Description].&amp;[0174022 - Imbalance Receivable-Exchange]"/>
        <member name="[CB - Account].[Account CB - Description].&amp;[0174023 - Imbalance-System Gas]"/>
        <member name="[CB - Account].[Account CB - Description].&amp;[0174024 - Imbalance Receivable-Park/Lend]"/>
        <member name="[CB - Account].[Account CB - Description].&amp;[0174025 - Imbalance Receivable-TFO]"/>
        <member name="[CB - Account].[Account CB - Description].&amp;[0174026 - Imbalance Receivable-Related P]"/>
        <member name="[CB - Account].[Account CB - Description].&amp;[0174030 - Fuel Reimbursement Quantity]"/>
        <member name="[CB - Account].[Account CB - Description].&amp;[0174031 - Gas Purchase- ASA/SBA]"/>
        <member name="[CB - Account].[Account CB - Description].&amp;[0174032 - Cashout- ASA/SBA]"/>
        <member name="[CB - Account].[Account CB - Description].&amp;[0174033 - Construction Gas- ASA/SBA]"/>
        <member name="[CB - Account].[Account CB - Description].&amp;[0174034 - Other Charges- ASA/SBA]"/>
        <member name="[CB - Account].[Account CB - Description].&amp;[0174035 - Surcharge Recovery- ASA/SBA]"/>
        <member name="[CB - Account].[Account CB - Description].&amp;[0174036 - Transporters Use- SBA]"/>
        <member name="[CB - Account].[Account CB - Description].&amp;[0174037 - Fuel Tracker- Carrying Charge]"/>
        <member name="[CB - Account].[Account CB - Description].&amp;[0174038 - Cashout Tracker]"/>
        <member name="[CB - Account].[Account CB - Description].&amp;[0174039 - Electric Power Cost Deferral]"/>
        <member name="[CB - Account].[Account CB - Description].&amp;[0174040 - EPC Deferral- Time Project]"/>
        <member name="[CB - Account].[Account CB - Description].&amp;[0174041 - EPC Deferral- Franklin]"/>
        <member name="[CB - Account].[Account CB - Description].&amp;[0174042 - CY IT REVENUE DEFERRALS ASSET]"/>
        <member name="[CB - Account].[Account CB - Description].&amp;[0174043 - PY IT REVENUE DEFERRALS ASSET]"/>
        <member name="[CB - Account].[Account CB - Description].&amp;[0174044 - CY PROPTAX DEFERRALS ASSET]"/>
        <member name="[CB - Account].[Account CB - Description].&amp;[0174045 - PY PROPTAX DEFERRALS ASSET]"/>
        <member name="[CB - Account].[Account CB - Description].&amp;[0174046 - CY INCOME TAX DEFERRASL ASSET]"/>
        <member name="[CB - Account].[Account CB - Description].&amp;[0174047 - PY INCOME TAX DEFERRALS ASSET]"/>
        <member name="[CB - Account].[Account CB - Description].&amp;[0174048 - CY INTEREST DEFERRALS ASSET]"/>
        <member name="[CB - Account].[Account CB - Description].&amp;[0174049 - PY INTEREST DEFERRALS ASSET]"/>
        <member name="[CB - Account].[Account CB - Description].&amp;[0174050 - CY OTHER DEFERRASL ASSET]"/>
        <member name="[CB - Account].[Account CB - Description].&amp;[0174051 - PY OTHER DEFERRAKS ASSET]"/>
        <member name="[CB - Account].[Account CB - Description].&amp;[0174052 - Other Curr Asset Related Pty]"/>
        <member name="[CB - Account].[Account CB - Description].&amp;[0174061 - Relocation - NEI]"/>
        <member name="[CB - Account].[Account CB - Description].&amp;[0174100 - Other Current Assets]"/>
        <member name="[CB - Account].[Account CB - Description].&amp;[0174103 - Current Net Invest in Lease]"/>
        <member name="[CB - Account].[Account CB - Description].&amp;[0174105 - Deferred ST MTM Assets]"/>
        <member name="[CB - Account].[Account CB - Description].&amp;[0174110 - CURR ASSET HFS OTHER]"/>
        <member name="[CB - Account].[Account CB - Description].&amp;[0174120 - Current TN Incentive Plan]"/>
        <member name="[CB - Account].[Account CB - Description].&amp;[0174160 - Current Assets of VIEs]"/>
        <member name="[CB - Account].[Account CB - Description].&amp;[0174200 - Intercompany Imbalance - Rec]"/>
        <member name="[CB - Account].[Account CB - Description].&amp;[0174273 - Gas Stored Current]"/>
        <member name="[CB - Account].[Account CB - Description].&amp;[0174355 - Current Other Reg Asset - CAIR]"/>
        <member name="[CB - Account].[Account CB - Description].&amp;[0175003 - IC Deriv Assets-Non-CF-S-T]"/>
        <member name="[CB - Account].[Account CB - Description].&amp;[0175004 - IC Deriv Assets-Non-CF-L-T]"/>
        <member name="[CB - Account].[Account CB - Description].&amp;[0175005 - ERM-Option Prem-Pwr-Current]"/>
        <member name="[CB - Account].[Account CB - Description].&amp;[0175006 - FV Hedge - Noncash - Current]"/>
        <member name="[CB - Account].[Account CB - Description].&amp;[0175007 - FV Hedge -Noncash -Non-Current]"/>
        <member name="[CB - Account].[Account CB - Description].&amp;[0175010 - NDTF Derivative Options]"/>
        <member name="[CB - Account].[Account CB - Description].&amp;[0175110 - CURR ASSET HFS UNR GAIN]"/>
        <member name="[CB - Account].[Account CB - Description].&amp;[0175401 - EA Risk Mgmt Asset -Noncurrent]"/>
        <member name="[CB - Account].[Account CB - Description].&amp;[0176001 - 3RD PTY DERIV ASSET CURRENT]"/>
        <member name="[CB - Account].[Account CB - Description].&amp;[0176002 - 3RD PTY DERIV ASSET LONG TERM]"/>
        <member name="[CB - Account].[Account CB - Description].&amp;[0176003 - Accrued Interest Recv - Swaps]"/>
        <member name="[CB - Account].[Account CB - Description].&amp;[0176004 - 3rd Party Deriv Int Receivebl]"/>
        <member name="[CB - Account].[Account CB - Description].&amp;[0176897 - 3rd Party Deriv Asset Cur VIE]"/>
        <member name="[CB - Account].[Account CB - Description].&amp;[0176898 - 3rd Party Deriv Asset LT VIE]"/>
        <member name="[CB - Account].[Account CB - Description].&amp;[0181000 - Unamrt Dde-8% 2002]"/>
        <member name="[CB - Account].[Account CB - Description].&amp;[0181001 - Unamrt Dde-100Mm Med]"/>
        <member name="[CB - Account].[Account CB - Description].&amp;[0181002 - Unamrt Dde-8.25% 2004]"/>
        <member name="[CB - Account].[Account CB - Description].&amp;[0181003 - Unamrt Dde-9.13% 2003]"/>
        <member name="[CB - Account].[Account CB - Description].&amp;[0181004 - Unamrt Dde-Pec Tax Exempt Bond]"/>
        <member name="[CB - Account].[Account CB - Description].&amp;[0181005 - Unamrt Dde-8.625%]"/>
        <member name="[CB - Account].[Account CB - Description].&amp;[0181006 - Unamrt Dde-9.9%]"/>
        <member name="[CB - Account].[Account CB - Description].&amp;[0181007 - Unamrt Dde-7%]"/>
        <member name="[CB - Account].[Account CB - Description].&amp;[0181008 - Unamrt Dde-7.25%]"/>
        <member name="[CB - Account].[Account CB - Description].&amp;[0181009 - Unamrt Dde-7.38% Due 09/2003]"/>
        <member name="[CB - Account].[Account CB - Description].&amp;[0181010 - $300m Var DERF Due 9/2005]"/>
        <member name="[CB - Account].[Account CB - Description].&amp;[0181011 - Unamrt DDE-Bond Indenture]"/>
        <member name="[CB - Account].[Account CB - Description].&amp;[0181012 - Unamrt DDE-Credit Agreement]"/>
        <member name="[CB - Account].[Account CB - Description].&amp;[0181013 - Unamrt Dde-5.69% 2012]"/>
        <member name="[CB - Account].[Account CB - Description].&amp;[0181014 - Unamrt Dde-5.71% 2012]"/>
        <member name="[CB - Account].[Account CB - Description].&amp;[0181015 - Unamrt-Dde-5.25% 2007]"/>
        <member name="[CB - Account].[Account CB - Description].&amp;[0181016 - $500M 7.00% FMB due 11/15/2018]"/>
        <member name="[CB - Account].[Account CB - Description].&amp;[0181017 - Unamrt DDE-8.25% due 2005]"/>
        <member name="[CB - Account].[Account CB - Description].&amp;[0181018 - DEF 650M 2.40% 12/15/2031]"/>
        <member name="[CB - Account].[Account CB - Description].&amp;[0181019 - DEF 500M 3.00% 12/15/2051]"/>
        <member name="[CB - Account].[Account CB - Description].&amp;[0181020 - $250m SR FLOATING 12/8/2005]"/>
        <member name="[CB - Account].[Account CB - Description].&amp;[0181022 - Unamrt Dde-7.30%2010]"/>
        <member name="[CB - Account].[Account CB - Description].&amp;[0181023 - Unamort Prem Bonds Pay - 2003]"/>
        <member name="[CB - Account].[Account CB - Description].&amp;[0181024 - Bond 6.75% 2/15/2032]"/>
        <member name="[CB - Account].[Account CB - Description].&amp;[0181025 - Bond 6.25% 2/15/2013]"/>
        <member name="[CB - Account].[Account CB - Description].&amp;[0181026 - Global 7.5% 10/1/2009]"/>
        <member name="[CB - Account].[Account CB - Description].&amp;[0181027 - Global 7.25% 10/1/2004]"/>
        <member name="[CB - Account].[Account CB - Description].&amp;[0181028 - Global 8% 10/1/2019]"/>
        <member name="[CB - Account].[Account CB - Description].&amp;[0181029 - Notes 4.302% 3/1/2009]"/>
        <member name="[CB - Account].[Account CB - Description].&amp;[0181030 - Maxes Due 12/03/12]"/>
        <member name="[CB - Account].[Account CB - Description].&amp;[0181031 - Notes 5.5% 3/1/2004]"/>
        <member name="[CB - Account].[Account CB - Description].&amp;[0181032 - Unamrt Dde 5.56% due 2015]"/>
        <member name="[CB - Account].[Account CB - Description].&amp;[0181033 - Unamrt Dde 6.19% due 2025]"/>
        <member name="[CB - Account].[Account CB - Description].&amp;[0181034 - Purch Acctg Contra DDE]"/>
        <member name="[CB - Account].[Account CB - Description].&amp;[0181035 - Unamort Debt Exp - Insurance]"/>
        <member name="[CB - Account].[Account CB - Description].&amp;[0181036 - Unamort Debt Expense]"/>
        <member name="[CB - Account].[Account CB - Description].&amp;[0181037 - $300M 5.1% FMB due 4/15/2018]"/>
        <member name="[CB - Account].[Account CB - Description].&amp;[0181038 - $600M 6.05% FMB due 4/15/2038]"/>
        <member name="[CB - Account].[Account CB - Description].&amp;[0181039 - DEFR AR Securitization 225M]"/>
        <member name="[CB - Account].[Account CB - Description].&amp;[0181040 - York Co. Pc Bonds-1990 Series]"/>
        <member name="[CB - Account].[Account CB - Description].&amp;[0181041 - DEC Unamort Debt Storm Funding]"/>
        <member name="[CB - Account].[Account CB - Description].&amp;[0181042 - DEP Unamort Debt Storm Funding]"/>
        <member name="[CB - Account].[Account CB - Description].&amp;[0181043 - DEP 500M 4.15% 12/1/44]"/>
        <member name="[CB - Account].[Account CB - Description].&amp;[0181044 - $650M 2.00% FMB due 8/15/31]"/>
        <member name="[CB - Account].[Account CB - Description].&amp;[0181045 - DEF Long Term Debt Q4]"/>
        <member name="[CB - Account].[Account CB - Description].&amp;[0181046 - DEF DDE 600M 3.80% 7/15/28]"/>
        <member name="[CB - Account].[Account CB - Description].&amp;[0181047 - DEF DDE 400M 4.20%]"/>
        <member name="[CB - Account].[Account CB - Description].&amp;[0181050 - 6 3/8% Series Due 2008]"/>
        <member name="[CB - Account].[Account CB - Description].&amp;[0181051 - DEP 500M 3.25% 8/15/2025]"/>
        <member name="[CB - Account].[Account CB - Description].&amp;[0181052 - DEP 700M 4.20% 8/15/2045]"/>
        <member name="[CB - Account].[Account CB - Description].&amp;[0181053 - DEP DDE 450M 3.70% 10/15/46]"/>
        <member name="[CB - Account].[Account CB - Description].&amp;[0181054 - DEP 300M Floating 9/08/20]"/>
        <member name="[CB - Account].[Account CB - Description].&amp;[0181055 - $500M 3.90% FMB due 6/15/21]"/>
        <member name="[CB - Account].[Account CB - Description].&amp;[0181057 - VIE Unamortized Debt Exp-CLTD]"/>
        <member name="[CB - Account].[Account CB - Description].&amp;[0181058 - DEP DDE 500M 3.60%  9/15/47]"/>
        <member name="[CB - Account].[Account CB - Description].&amp;[0181059 - DEP 300M 3.375% 9/1/2023]"/>
        <member name="[CB - Account].[Account CB - Description].&amp;[0181060 - 7.5% Series B Due 2025]"/>
        <member name="[CB - Account].[Account CB - Description].&amp;[0181061 - $450M 2.90% FMB due 8/15/51]"/>
        <member name="[CB - Account].[Account CB - Description].&amp;[0181062 - $650M 4% FMB due 09/30/2042]"/>
        <member name="[CB - Account].[Account CB - Description].&amp;[0181063 - Unamrt Dde (Interest/Due Date)]"/>
        <member name="[CB - Account].[Account CB - Description].&amp;[0181064 - Unamrt Dde (Interest/Due Date)]"/>
        <member name="[CB - Account].[Account CB - Description].&amp;[0181065 - DEP 500M 3.70% 09/1/2028]"/>
        <member name="[CB - Account].[Account CB - Description].&amp;[0181070 - Inactive]"/>
        <member name="[CB - Account].[Account CB - Description].&amp;[0181072 - DDE DEI 50M 4 95 2009C 10/1/40]"/>
        <member name="[CB - Account].[Account CB - Description].&amp;[0181073 - DEP DDE $200M 3.30% Series 202]"/>
        <member name="[CB - Account].[Account CB - Description].&amp;[0181074 - DEPDDE$210M 3.70% Series2022A2]"/>
        <member name="[CB - Account].[Account CB - Description].&amp;[0181075 - DEP 400M 4.375% 3/30/2044]"/>
        <member name="[CB - Account].[Account CB - Description].&amp;[0181076 - DEP 250M Floating 3/6/2017]"/>
        <member name="[CB - Account].[Account CB - Description].&amp;[0181079 - DEP DDE $41.7M 4.00% Series 20]"/>
        <member name="[CB - Account].[Account CB - Description].&amp;[0181080 - Mort Bonds 7% Due 2000]"/>
        <member name="[CB - Account].[Account CB - Description].&amp;[0181081 - Un Dde-500M 2.85% FMB 3/1/2032]"/>
        <member name="[CB - Account].[Account CB - Description].&amp;[0181082 - Un Dde-$650M 3.55%FMB 3/1/2052]"/>
        <member name="[CB - Account].[Account CB - Description].&amp;[0181083 - $500M 3.40% FMB due 4/1/32]"/>
        <member name="[CB - Account].[Account CB - Description].&amp;[0181084 - $400M 4.00% FMB due 4/1/52]"/>
        <member name="[CB - Account].[Account CB - Description].&amp;[0181085 - DEF 500M 5.95% 11/15/2052]"/>
        <member name="[CB - Account].[Account CB - Description].&amp;[0181089 - 2020 DEFUnamt disc - FMB]"/>
        <member name="[CB - Account].[Account CB - Description].&amp;[0181090 - 7.375% Sr Unsecur Nts due 3/10]"/>
        <member name="[CB - Account].[Account CB - Description].&amp;[0181091 - DEF 600M DDE 3.4% 10/1/46]"/>
        <member name="[CB - Account].[Account CB - Description].&amp;[0181092 - DEF 650M 3.20% 1/15/27]"/>
        <member name="[CB - Account].[Account CB - Description].&amp;[0181093 - DEF DDE 650M 3.20% 1/15/27]"/>
        <member name="[CB - Account].[Account CB - Description].&amp;[0181094 - $550M 3.7% FMB due 12/1/2047]"/>
        <member name="[CB - Account].[Account CB - Description].&amp;[0181095 - DEF DDE 400M 2.1% 12/15/19]"/>
        <member name="[CB - Account].[Account CB - Description].&amp;[0181096 - $500M 3.05% FMB due 3/15/2023]"/>
        <member name="[CB - Account].[Account CB - Description].&amp;[0181097 - $500M 3.95% FMB due 3/15/2048]"/>
        <member name="[CB - Account].[Account CB - Description].&amp;[0181098 - 2019 DEFUnamt disc - fixed rat]"/>
        <member name="[CB - Account].[Account CB - Description].&amp;[0181099 - DEF Unamt discount - Float rat]"/>
        <member name="[CB - Account].[Account CB - Description].&amp;[0181100 - Unamor Debt Expense-Clearing]"/>
        <member name="[CB - Account].[Account CB - Description].&amp;[0181101 - DEF 800M FLOAT 4/21/2024]"/>
        <member name="[CB - Account].[Account CB - Description].&amp;[0181110 - Floating Senior due 1-15-2005]"/>
        <member name="[CB - Account].[Account CB - Description].&amp;[0181120 - Gaston Co 1999 Ser due 10/1/12]"/>
        <member name="[CB - Account].[Account CB - Description].&amp;[0181130 - $200M Ret Notes 6.6%-12/31/38]"/>
        <member name="[CB - Account].[Account CB - Description].&amp;[0181140 - Core Bond 11/30/07 4.611%]"/>
        <member name="[CB - Account].[Account CB - Description].&amp;[0181150 - $300M 6.0% Sr Nte due 12/1/28]"/>
        <member name="[CB - Account].[Account CB - Description].&amp;[0181170 - Unamort Exp TruPS$250M Due2039]"/>
        <member name="[CB - Account].[Account CB - Description].&amp;[0181180 - 6.25% Senior due 1-15-2012]"/>
        <member name="[CB - Account].[Account CB - Description].&amp;[0181181 - $400M 5.75% FMB due 11/15/2013]"/>
        <member name="[CB - Account].[Account CB - Description].&amp;[0181190 - Inactive]"/>
        <member name="[CB - Account].[Account CB - Description].&amp;[0181200 - Inactive]"/>
        <member name="[CB - Account].[Account CB - Description].&amp;[0181210 - $500M FMB 3.75% DUE 3-5-08]"/>
        <member name="[CB - Account].[Account CB - Description].&amp;[0181220 - Inactive]"/>
        <member name="[CB - Account].[Account CB - Description].&amp;[0181230 - $200M FMB 4.5% DUE 4-1-2010]"/>
        <member name="[CB - Account].[Account CB - Description].&amp;[0181240 - Sr Unsecured Bds due 10/15/32]"/>
        <member name="[CB - Account].[Account CB - Description].&amp;[0181250 - 7% Fst/Ref Mort Bonds Due 7/33]"/>
        <member name="[CB - Account].[Account CB - Description].&amp;[0181260 - $300M SR NT 4.2% 10/1/08]"/>
        <member name="[CB - Account].[Account CB - Description].&amp;[0181270 - $500M FMB 5.3% 10/1/2015]"/>
        <member name="[CB - Account].[Account CB - Description].&amp;[0181280 - $770M Sr Conv Bonds Due5-15-23]"/>
        <member name="[CB - Account].[Account CB - Description].&amp;[0181281 - $500M 2.45% FMB due 2/1/30]"/>
        <member name="[CB - Account].[Account CB - Description].&amp;[0181282 - $550M 2.55% FMB due 4/15/31]"/>
        <member name="[CB - Account].[Account CB - Description].&amp;[0181283 - $450M 3.45% FMB due 4/15/51]"/>
        <member name="[CB - Account].[Account CB - Description].&amp;[0181284 - $650M 4.25% FMB due 12/15/41]"/>
        <member name="[CB - Account].[Account CB - Description].&amp;[0181285 - $750M 5.3% FMB due 2/15/2040]"/>
        <member name="[CB - Account].[Account CB - Description].&amp;[0181286 - $450M 4.3% FMB due 6/15/2020]"/>
        <member name="[CB - Account].[Account CB - Description].&amp;[0181287 - $350M 3.35% FMB due 5/15/22]"/>
        <member name="[CB - Account].[Account CB - Description].&amp;[0181288 - $650M 3.95% FMB due 11/15/28]"/>
        <member name="[CB - Account].[Account CB - Description].&amp;[0181289 - $450M 2.45% FMB due 8/15/29]"/>
        <member name="[CB - Account].[Account CB - Description].&amp;[0181290 - 8.27% Medium Term Notes Due]"/>
        <member name="[CB - Account].[Account CB - Description].&amp;[0181291 - $750M 3.20% FMB due 8/15/49]"/>
        <member name="[CB - Account].[Account CB - Description].&amp;[0181300 - 5.8% Oconee Pc Due 2014]"/>
        <member name="[CB - Account].[Account CB - Description].&amp;[0181320 - Inactive]"/>
        <member name="[CB - Account].[Account CB - Description].&amp;[0181330 - 6.125% Mtn Bonds Due 7/2003]"/>
        <member name="[CB - Account].[Account CB - Description].&amp;[0181340 - Oconee Co 1999 SerA due 2/1/17]"/>
        <member name="[CB - Account].[Account CB - Description].&amp;[0181350 - $250M Retail Bonds Due 4/1/22]"/>
        <member name="[CB - Account].[Account CB - Description].&amp;[0181360 - 12/95]"/>
        <member name="[CB - Account].[Account CB - Description].&amp;[0181370 - Sen Unsecured Notes 11/30/12]"/>
        <member name="[CB - Account].[Account CB - Description].&amp;[0181380 - 8.95% Grnsbor Transit Due 2027]"/>
        <member name="[CB - Account].[Account CB - Description].&amp;[0181390 - Oconee Co 1999 SerB due 2/1/17]"/>
        <member name="[CB - Account].[Account CB - Description].&amp;[0181410 - 8.00% Series Due 2004]"/>
        <member name="[CB - Account].[Account CB - Description].&amp;[0181420 - 8.625 Series Due 2022]"/>
        <member name="[CB - Account].[Account CB - Description].&amp;[0181460 - PNG DDE 100M 6.0% MTN 12/19/33]"/>
        <member name="[CB - Account].[Account CB - Description].&amp;[0181461 - PNG DDE 55M 7.4% MTN 10/3/25]"/>
        <member name="[CB - Account].[Account CB - Description].&amp;[0181462 - PNG DDE 60M 7.95% MTN 9/14/29]"/>
        <member name="[CB - Account].[Account CB - Description].&amp;[0181463 - PNG 250M 4.10% SR NT 9/18/34]"/>
        <member name="[CB - Account].[Account CB - Description].&amp;[0181464 - PNG DDE 40M 7.5% MTN 10/9/26]"/>
        <member name="[CB - Account].[Account CB - Description].&amp;[0181466 - PNG DDE 45M 6.87% MTN 10/6/23]"/>
        <member name="[CB - Account].[Account CB - Description].&amp;[0181467 - PNG DDE 40M 8.45% MTN 9/19/24]"/>
        <member name="[CB - Account].[Account CB - Description].&amp;[0181468 - PNG 100M 3.47% SR NT 7/16/27]"/>
        <member name="[CB - Account].[Account CB - Description].&amp;[0181469 - PNG 160M 4.24% SR NT 6/6/21]"/>
        <member name="[CB - Account].[Account CB - Description].&amp;[0181470 - PNG 200M 3.57% SR NT 7/16/27]"/>
        <member name="[CB - Account].[Account CB - Description].&amp;[0181471 - PNG 300M 4.65% SR NT 8/1/43]"/>
        <member name="[CB - Account].[Account CB - Description].&amp;[0181472 - PNG 150M 3.60% SR NT 9/1/25]"/>
        <member name="[CB - Account].[Account CB - Description].&amp;[0181473 - PNG DDE 40M 2.92% SR NT 6/16]"/>
        <member name="[CB - Account].[Account CB - Description].&amp;[0181474 - PNG 300M 3.64% SR NT 11/1/46]"/>
        <member name="[CB - Account].[Account CB - Description].&amp;[0181475 - PNG 2017 Term Loan DDE]"/>
        <member name="[CB - Account].[Account CB - Description].&amp;[0181476 - PNG 2018 Financing DDE]"/>
        <member name="[CB - Account].[Account CB - Description].&amp;[0181477 - PNG DDE 600M 3.5% SR NT 6/1/29]"/>
        <member name="[CB - Account].[Account CB - Description].&amp;[0181478 - PNG 400M 3.35% SR NT 6/1/50]"/>
        <member name="[CB - Account].[Account CB - Description].&amp;[0181479 - PNG 350M 2.50% SR NT 3/15/31]"/>
        <member name="[CB - Account].[Account CB - Description].&amp;[0181480 - PNG 400M 5.05% SR NT 5/15/52]"/>
        <member name="[CB - Account].[Account CB - Description].&amp;[0181501 - PGN DDE  1.25B 7.10% 2011]"/>
        <member name="[CB - Account].[Account CB - Description].&amp;[0181502 - PGN DDE 650M 7.75% 1/1/31]"/>
        <member name="[CB - Account].[Account CB - Description].&amp;[0181503 - PGN DDE 400M 7% 10/30/31]"/>
        <member name="[CB - Account].[Account CB - Description].&amp;[0181504 - PGN DDE 450M 3.15% 4/1/22]"/>
        <member name="[CB - Account].[Account CB - Description].&amp;[0181506 - PGN DDE 300M 5.625% 1/15/16]"/>
        <member name="[CB - Account].[Account CB - Description].&amp;[0181507 - PGN DDE 300M 6.05% 3/15/14]"/>
        <member name="[CB - Account].[Account CB - Description].&amp;[0181508 - PGN DDE 450M  7.05% 3/15/19]"/>
        <member name="[CB - Account].[Account CB - Description].&amp;[0181509 - PGN DDE 350M 4.875% 12/1/19]"/>
        <member name="[CB - Account].[Account CB - Description].&amp;[0181510 - 8 3/4% Series Due 2021]"/>
        <member name="[CB - Account].[Account CB - Description].&amp;[0181511 - DEF DDE 150M 6.75% 2/1/28]"/>
        <member name="[CB - Account].[Account CB - Description].&amp;[0181512 - PEC DDE 500M 6.5% NOTES]"/>
        <member name="[CB - Account].[Account CB - Description].&amp;[0181513 - PGN DDE 500M 4.4% 1/15/21]"/>
        <member name="[CB - Account].[Account CB - Description].&amp;[0181514 - PGN DDE 600M 6.0% 12/1/39]"/>
        <member name="[CB - Account].[Account CB - Description].&amp;[0181520 - Medium Term Notes]"/>
        <member name="[CB - Account].[Account CB - Description].&amp;[0181531 - DEF DDE PCB 108.55M 2002A]"/>
        <member name="[CB - Account].[Account CB - Description].&amp;[0181532 - DEF DDE PCB 100.115M 2002B]"/>
        <member name="[CB - Account].[Account CB - Description].&amp;[0181533 - DEF DDE PCB 32.2M 2002C]"/>
        <member name="[CB - Account].[Account CB - Description].&amp;[0181534 - DEF DDE 425M 4.8% 3/1/13]"/>
        <member name="[CB - Account].[Account CB - Description].&amp;[0181535 - DEF DDE 225M 5.9% 3/1/33]"/>
        <member name="[CB - Account].[Account CB - Description].&amp;[0181536 - DEF DDE 300M 5.1% 12/1/15]"/>
        <member name="[CB - Account].[Account CB - Description].&amp;[0181537 - DEF DDE 500M 6.35% 9/15/37]"/>
        <member name="[CB - Account].[Account CB - Description].&amp;[0181538 - DEF DDE 250M 5.80% 9/15/17]"/>
        <member name="[CB - Account].[Account CB - Description].&amp;[0181539 - DEF DDE 500M 5.65% 6/15/18]"/>
        <member name="[CB - Account].[Account CB - Description].&amp;[0181540 - Unamortized Debt Exp-Pollution]"/>
        <member name="[CB - Account].[Account CB - Description].&amp;[0181541 - DEF DDE 250M 4.55% 4/1/20]"/>
        <member name="[CB - Account].[Account CB - Description].&amp;[0181542 - DEF DDE 350M 5.65% 4/1/40]"/>
        <member name="[CB - Account].[Account CB - Description].&amp;[0181543 - DEP DDE 300M 5.15% 2015]"/>
        <member name="[CB - Account].[Account CB - Description].&amp;[0181544 - DEP DDE 200M 5.70% 2035]"/>
        <member name="[CB - Account].[Account CB - Description].&amp;[0181545 - DEP DDE 400M 5.25% 2015]"/>
        <member name="[CB - Account].[Account CB - Description].&amp;[0181546 - DEP DDE 325M 6.30% 2038]"/>
        <member name="[CB - Account].[Account CB - Description].&amp;[0181547 - DEP DDE 600M 5.30% 2019]"/>
        <member name="[CB - Account].[Account CB - Description].&amp;[0181548 - DEP DDE  400M 5.125% 2013]"/>
        <member name="[CB - Account].[Account CB - Description].&amp;[0181549 - DEP DDE  200M 6.125% 2033]"/>
        <member name="[CB - Account].[Account CB - Description].&amp;[0181551 - DEP DDE PCB 72.6M WAKE  94A]"/>
        <member name="[CB - Account].[Account CB - Description].&amp;[0181552 - DEP DDE PCB 50M WAKE  94B]"/>
        <member name="[CB - Account].[Account CB - Description].&amp;[0181553 - DEP DDE PCBFMB 67.3M WAKE 00A]"/>
        <member name="[CB - Account].[Account CB - Description].&amp;[0181554 - DEP DDE PCBFMB 55.64M PERS 00A]"/>
        <member name="[CB - Account].[Account CB - Description].&amp;[0181555 - DEP DDE PCBFMB 50M WAKE 2000B]"/>
        <member name="[CB - Account].[Account CB - Description].&amp;[0181556 - DEP DDE WAKE 2000C]"/>
        <member name="[CB - Account].[Account CB - Description].&amp;[0181557 - DEP DDE PCBFMB 41.7M WAKE 00D]"/>
        <member name="[CB - Account].[Account CB - Description].&amp;[0181558 - DEP DDE PCBFMB 50M WAKE 2000E]"/>
        <member name="[CB - Account].[Account CB - Description].&amp;[0181559 - DEP DDE PCBFMB 50M WAKE 2000F]"/>
        <member name="[CB - Account].[Account CB - Description].&amp;[0181560 - Inactive]"/>
        <member name="[CB - Account].[Account CB - Description].&amp;[0181561 - DEP DDE PCBFMB 87.4M WAKE 00G]"/>
        <member name="[CB - Account].[Account CB - Description].&amp;[0181562 - DEP DDE PERSON 2000B]"/>
        <member name="[CB - Account].[Account CB - Description].&amp;[0181563 - DEP DDE 48.485M WAKE 2002]"/>
        <member name="[CB - Account].[Account CB - Description].&amp;[0181564 - DEF DDE 300M 3.10% 08/15/2021]"/>
        <member name="[CB - Account].[Account CB - Description].&amp;[0181565 - DEF DDE 1B 6.40% 06/15/38]"/>
        <member name="[CB - Account].[Account CB - Description].&amp;[0181566 - DEP DDE 100M 8 5/8% 9/15/21]"/>
        <member name="[CB - Account].[Account CB - Description].&amp;[0181567 - DEP 500M 3.00% 9/15/21]"/>
        <member name="[CB - Account].[Account CB - Description].&amp;[0181568 - DEP 500M 2.80% 5/15/22]"/>
        <member name="[CB - Account].[Account CB - Description].&amp;[0181569 - DEF DDE 400M 3.85% 11/15/42]"/>
        <member name="[CB - Account].[Account CB - Description].&amp;[0181570 - Pollution Control Due 2017]"/>
        <member name="[CB - Account].[Account CB - Description].&amp;[0181571 - DEF DDE 250M .65% 11/15/15]"/>
        <member name="[CB - Account].[Account CB - Description].&amp;[0181572 - DEP DDE 500M 4.10% 5/15/42]"/>
        <member name="[CB - Account].[Account CB - Description].&amp;[0181573 - DEP DDE 500M 4.10% 3/15/43]"/>
        <member name="[CB - Account].[Account CB - Description].&amp;[0181574 - DEP DDE 48M Wake2002Refn2013]"/>
        <member name="[CB - Account].[Account CB - Description].&amp;[0181575 - FMB issuing 2013 - Debt Exp]"/>
        <member name="[CB - Account].[Account CB - Description].&amp;[0181576 - FMB issuing 2013-Debt Exp Vari]"/>
        <member name="[CB - Account].[Account CB - Description].&amp;[0181577 - FMB issuing 2013 - Debt Exp]"/>
        <member name="[CB - Account].[Account CB - Description].&amp;[0181578 - FMB issuing 2013-Debt Exp Vari]"/>
        <member name="[CB - Account].[Account CB - Description].&amp;[0181579 - FMB issuing May 2016 Debt Exp]"/>
        <member name="[CB - Account].[Account CB - Description].&amp;[0181580 - DEO DDE 250M FMB 3.70% 6/15/46]"/>
        <member name="[CB - Account].[Account CB - Description].&amp;[0181581 - DEP 700M Trm Loan-Fltg12/31/20]"/>
        <member name="[CB - Account].[Account CB - Description].&amp;[0181582 - DEO Fixed Rate FMB]"/>
        <member name="[CB - Account].[Account CB - Description].&amp;[0181583 - DE OH Fixed rate FMB]"/>
        <member name="[CB - Account].[Account CB - Description].&amp;[0181584 - DEP 600M 3.45% 3/15/2029]"/>
        <member name="[CB - Account].[Account CB - Description].&amp;[0181585 - FMB Issuing Sep 2019 $500M 30Y]"/>
        <member name="[CB - Account].[Account CB - Description].&amp;[0181586 - FMB issuing MAR 2020]"/>
        <member name="[CB - Account].[Account CB - Description].&amp;[0181587 - DEO Unamort Debt Exp 20]"/>
        <member name="[CB - Account].[Account CB - Description].&amp;[0181588 - DEP 600M 2.5% 8/15/50]"/>
        <member name="[CB - Account].[Account CB - Description].&amp;[0181589 - DExp DEP 700M Floater 2/18/22]"/>
        <member name="[CB - Account].[Account CB - Description].&amp;[0181590 - Inactive]"/>
        <member name="[CB - Account].[Account CB - Description].&amp;[0181600 - 6.875% 1St Mortg Bonds - 8/23]"/>
        <member name="[CB - Account].[Account CB - Description].&amp;[0181610 - PC Bonds 2006 A 10-1-2031]"/>
        <member name="[CB - Account].[Account CB - Description].&amp;[0181620 - PC Bonds 2006 B 10-1-2031]"/>
        <member name="[CB - Account].[Account CB - Description].&amp;[0181650 - Unamort Fees-2004 Revolver]"/>
        <member name="[CB - Account].[Account CB - Description].&amp;[0181680 - Oconee PC Var Due 2/1/2017]"/>
        <member name="[CB - Account].[Account CB - Description].&amp;[0181685 - Oconee PC Bonds 3.6% 2/1/2017]"/>
        <member name="[CB - Account].[Account CB - Description].&amp;[0181710 - Unamort. Debt - MMutual - NPL]"/>
        <member name="[CB - Account].[Account CB - Description].&amp;[0181720 - Unamort. Debt TIAA - NPL]"/>
        <member name="[CB - Account].[Account CB - Description].&amp;[0181730 - Unamort. Debt - NY Life - NPL]"/>
        <member name="[CB - Account].[Account CB - Description].&amp;[0181731 - Unamort Debt-Capitalized Costs]"/>
        <member name="[CB - Account].[Account CB - Description].&amp;[0181800 - DDE-BondsCG&amp;EB 5 45SerB 1 1 24]"/>
        <member name="[CB - Account].[Account CB - Description].&amp;[0181801 - $500M 6.1% Sr Nte due 6/1/37-A]"/>
        <member name="[CB - Account].[Account CB - Description].&amp;[0181802 - $400M 5.25% FMB due 1/15/18]"/>
        <member name="[CB - Account].[Account CB - Description].&amp;[0181803 - $500M 6.0% FMB due 1/15/38]"/>
        <member name="[CB - Account].[Account CB - Description].&amp;[0181804 - PC Bonds 2008A  11/1/2040]"/>
        <member name="[CB - Account].[Account CB - Description].&amp;[0181805 - PC Bonds 2008B 11/1/2040]"/>
        <member name="[CB - Account].[Account CB - Description].&amp;[0181806 - DDE-42MCG&amp;E OAQDSer2002A9/1/37]"/>
        <member name="[CB - Account].[Account CB - Description].&amp;[0181807 - DDE-42MCG&amp;E OAQDSer2002B9/1/37]"/>
        <member name="[CB - Account].[Account CB - Description].&amp;[0181808 - DDE-PutBondCG&amp;EOAQD 1995A 9130]"/>
        <member name="[CB - Account].[Account CB - Description].&amp;[0181809 - DDE-PutBondCG&amp;EOAQD1995B9/1/30]"/>
        <member name="[CB - Account].[Account CB - Description].&amp;[0181810 - DDE-BondsCG&amp;E SerA 5 45 1,1,24]"/>
        <member name="[CB - Account].[Account CB - Description].&amp;[0181811 - DDE-6 4 CG&amp;EDebs4/1/08]"/>
        <member name="[CB - Account].[Account CB - Description].&amp;[0181812 - DDE-LiqAsstNote Coup Ex10-1-07]"/>
        <member name="[CB - Account].[Account CB - Description].&amp;[0181813 - DDE-6 5 ULHPDebs4/30/08]"/>
        <member name="[CB - Account].[Account CB - Description].&amp;[0181814 - DDE-7 875 SnrUnsecDebs 9/15/09]"/>
        <member name="[CB - Account].[Account CB - Description].&amp;[0181815 - DDE-JrMaturingPrincipleSec]"/>
        <member name="[CB - Account].[Account CB - Description].&amp;[0181816 - DDE-PCRB - Ser 2000B 4/1/22]"/>
        <member name="[CB - Account].[Account CB - Description].&amp;[0181817 - DDE-55 M Var PCB 2004 A 8/1/39]"/>
        <member name="[CB - Account].[Account CB - Description].&amp;[0181818 - DDE-23M IDFA Ser 2002A 3/1/31]"/>
        <member name="[CB - Account].[Account CB - Description].&amp;[0181819 - DDE-24 6M IDFA Ser2002B 3/1/19]"/>
        <member name="[CB - Account].[Account CB - Description].&amp;[0181820 - DDE-35M IDFA Serie 2003 4/1/22]"/>
        <member name="[CB - Account].[Account CB - Description].&amp;[0181821 - DDE-PCRB - Ser 2000A 5/1/35]"/>
        <member name="[CB - Account].[Account CB - Description].&amp;[0181822 - DDE-PSI FMB Ser BBB 07/15/09]"/>
        <member name="[CB - Account].[Account CB - Description].&amp;[0181823 - DDE-PSI FMB Ser DDD 09/01/32]"/>
        <member name="[CB - Account].[Account CB - Description].&amp;[0181824 - DDE-PSI FMB Ser CCC 01/15/22]"/>
        <member name="[CB - Account].[Account CB - Description].&amp;[0181825 - DDE-Senior Notes 6 52 3/15/09]"/>
        <member name="[CB - Account].[Account CB - Description].&amp;[0181826 - DDE-7 85 PSI Debs 10/15/07]"/>
        <member name="[CB - Account].[Account CB - Description].&amp;[0181827 - DDE-Medium Term Notes - A]"/>
        <member name="[CB - Account].[Account CB - Description].&amp;[0181828 - DDE-40 25MVarRatePCBSerA 12138]"/>
        <member name="[CB - Account].[Account CB - Description].&amp;[0181829 - DDE-40 25MVarRatePCBSerB 12138]"/>
        <member name="[CB - Account].[Account CB - Description].&amp;[0181830 - DDE-Medium Term Notes - B]"/>
        <member name="[CB - Account].[Account CB - Description].&amp;[0181831 - DDE-400M 5 0 PSIDebs 9/15/13]"/>
        <member name="[CB - Account].[Account CB - Description].&amp;[0181832 - DDE-6 20 CGR DebsDue11/3/08]"/>
        <member name="[CB - Account].[Account CB - Description].&amp;[0181833 - DDE-CORP DEB 6 53 12/16/08]"/>
        <member name="[CB - Account].[Account CB - Description].&amp;[0181835 - DDE-PSI PCB 2005A]"/>
        <member name="[CB - Account].[Account CB - Description].&amp;[0181836 - DDE-PSI 350M 10/35]"/>
        <member name="[CB - Account].[Account CB - Description].&amp;[0181837 - DDE-PSI PCB 2005B]"/>
        <member name="[CB - Account].[Account CB - Description].&amp;[0181838 - DDE-PSI PCB 2005C]"/>
        <member name="[CB - Account].[Account CB - Description].&amp;[0181841 - DDE-PSI 325M 6 05 06/15/16]"/>
        <member name="[CB - Account].[Account CB - Description].&amp;[0181842 - DDE-ULHP PCB 06A]"/>
        <member name="[CB - Account].[Account CB - Description].&amp;[0181846 - DDE-OAQD 2004 Ser A 11/1/39]"/>
        <member name="[CB - Account].[Account CB - Description].&amp;[0181847 - DDE-OAQD 2004 Ser B 11/1/39]"/>
        <member name="[CB - Account].[Account CB - Description].&amp;[0181848 - DDE-Corp Revolver 2006]"/>
        <member name="[CB - Account].[Account CB - Description].&amp;[0181849 - DDE-IDFA 2004C 77 12512/1/2039]"/>
        <member name="[CB - Account].[Account CB - Description].&amp;[0181850 - DEI FMB Ser UUU $250M 3/15/42]"/>
        <member name="[CB - Account].[Account CB - Description].&amp;[0181851 - DDE-5 375CG&amp;ESer, 2003B6/15/33]"/>
        <member name="[CB - Account].[Account CB - Description].&amp;[0181852 - DDE-5 40CG&amp;E Ser 2003A 6/15/33]"/>
        <member name="[CB - Account].[Account CB - Description].&amp;[0181853 - CLT Metro Debt]"/>
        <member name="[CB - Account].[Account CB - Description].&amp;[0181854 - DDE-500MCG&amp;EDeb5 7Due9/15/12]"/>
        <member name="[CB - Account].[Account CB - Description].&amp;[0181855 - DDE-Debs CG&amp;E 6 906-1-25]"/>
        <member name="[CB - Account].[Account CB - Description].&amp;[0181856 - Unamrt Debt 3.75% due 6/1/2045]"/>
        <member name="[CB - Account].[Account CB - Description].&amp;[0181857 - Unamort Debt 2.5% due 3/15/23]"/>
        <member name="[CB - Account].[Account CB - Description].&amp;[0181858 - Unamrt Debt 3.875% due 3/15/46]"/>
        <member name="[CB - Account].[Account CB - Description].&amp;[0181859 - Unamort Debt 2.95% due 12/1/26]"/>
        <member name="[CB - Account].[Account CB - Description].&amp;[0181860 - DDE DEI 2008 $500M due 8/15/38]"/>
        <member name="[CB - Account].[Account CB - Description].&amp;[0181861 - DDE DEI 2010 $500M DUE 7/2020]"/>
        <member name="[CB - Account].[Account CB - Description].&amp;[0181862 - LOC FEE KY PCB 08A]"/>
        <member name="[CB - Account].[Account CB - Description].&amp;[0181863 - Other Unamortized Debt Fees]"/>
        <member name="[CB - Account].[Account CB - Description].&amp;[0181864 - PCRB - Ser 2000A 5/1/35]"/>
        <member name="[CB - Account].[Account CB - Description].&amp;[0181865 - 23M IDFA Ser 2002A 3/1/31]"/>
        <member name="[CB - Account].[Account CB - Description].&amp;[0181866 - IDFA 2004C 77.25 12/1/39]"/>
        <member name="[CB - Account].[Account CB - Description].&amp;[0181867 - IDFA 2004B 77.25 12/1/39]"/>
        <member name="[CB - Account].[Account CB - Description].&amp;[0181868 - PSI PCB 2005C]"/>
        <member name="[CB - Account].[Account CB - Description].&amp;[0181870 - DDE IDFA 50M 2009A5]"/>
        <member name="[CB - Account].[Account CB - Description].&amp;[0181871 - DDE IDFA 55M 2004A]"/>
        <member name="[CB - Account].[Account CB - Description].&amp;[0181872 - DDE IDFA 77 25M 2009A3]"/>
        <member name="[CB - Account].[Account CB - Description].&amp;[0181873 - DDE IDFA 77 25M 2009A4]"/>
        <member name="[CB - Account].[Account CB - Description].&amp;[0181875 - DDE DEI 450M 6.45% MMM 04/39]"/>
        <member name="[CB - Account].[Account CB - Description].&amp;[0181880 - DDE DEO 450M 5.45% due 2019]"/>
        <member name="[CB - Account].[Account CB - Description].&amp;[0181885 - DEO DDE 250M 2 10 DUE 2013]"/>
        <member name="[CB - Account].[Account CB - Description].&amp;[0181886 - LOC FEE IND PCB 2009A5]"/>
        <member name="[CB - Account].[Account CB - Description].&amp;[0181887 - LOC FEE IND PCB 2009A3]"/>
        <member name="[CB - Account].[Account CB - Description].&amp;[0181888 - LOC FEE IND PCB 2009A4]"/>
        <member name="[CB - Account].[Account CB - Description].&amp;[0181889 - LOC FEE IND PCB 2009A2]"/>
        <member name="[CB - Account].[Account CB - Description].&amp;[0181890 - LOC FEE IND PCB 2009A1]"/>
        <member name="[CB - Account].[Account CB - Description].&amp;[0181897 - VIE - Restrict Deferred Debt E]"/>
        <member name="[CB - Account].[Account CB - Description].&amp;[0181910 - Inactive]"/>
        <member name="[CB - Account].[Account CB - Description].&amp;[0181950 - DDE-PA-BondsCG&amp;EB 5 45SerB1124]"/>
        <member name="[CB - Account].[Account CB - Description].&amp;[0181951 - DDE-PA5 375CG&amp;ESer2003B6/15/33]"/>
        <member name="[CB - Account].[Account CB - Description].&amp;[0181952 - DDE-PA5 40CG&amp;ESer2003A 6/15/33]"/>
        <member name="[CB - Account].[Account CB - Description].&amp;[0181953 - DDE-PA500M CG&amp;EDebent5 7 91512]"/>
        <member name="[CB - Account].[Account CB - Description].&amp;[0181954 - DDE-PA-Debs CG&amp;E 6 90Due6-1-25]"/>
        <member name="[CB - Account].[Account CB - Description].&amp;[0181955 - DDE-PA-BondsCG&amp;ESerA 5 45 1124]"/>
        <member name="[CB - Account].[Account CB - Description].&amp;[0181956 - DDE-PA-6 4 CG&amp;EDebent 04012008]"/>
        <member name="[CB - Account].[Account CB - Description].&amp;[0181957 - DDE-PA-6 20 CGRDebsDue11/03/08]"/>
        <member name="[CB - Account].[Account CB - Description].&amp;[0181958 - DDE-PA-CORP DEB 6 53 12/16/08]"/>
        <member name="[CB - Account].[Account CB - Description].&amp;[0181959 - DDE-IDFA2004B77125Due12/1/2039]"/>
        <member name="[CB - Account].[Account CB - Description].&amp;[0181960 - DDE-LT Debt - Delta Twp Util]"/>
        <member name="[CB - Account].[Account CB - Description].&amp;[0181961 - DDE-PAPrefTrustSec6 9Due2007FP]"/>
        <member name="[CB - Account].[Account CB - Description].&amp;[0181962 - DDE-Corp Revolver 2005]"/>
        <member name="[CB - Account].[Account CB - Description].&amp;[0181963 - DDE-Feline Prides Remkt]"/>
        <member name="[CB - Account].[Account CB - Description].&amp;[0181964 - DDE-DEO 2007A 25 3]"/>
        <member name="[CB - Account].[Account CB - Description].&amp;[0181965 - DDE-DEO 2007A 21 4]"/>
        <member name="[CB - Account].[Account CB - Description].&amp;[0181966 - DDE-DEO OAQD REV 2007A]"/>
        <member name="[CB - Account].[Account CB - Description].&amp;[0181967 - DDE-DEO OAQD REV 2007B]"/>
        <member name="[CB - Account].[Account CB - Description].&amp;[0181968 - DDE-CST GP 25M]"/>
        <member name="[CB - Account].[Account CB - Description].&amp;[0181969 - DDE-Accum Exp rel to 8M LTD]"/>
        <member name="[CB - Account].[Account CB - Description].&amp;[0181970 - DDE-CORP 2004A Revolver]"/>
        <member name="[CB - Account].[Account CB - Description].&amp;[0181971 - DDE-2005 Canadian Revolver]"/>
        <member name="[CB - Account].[Account CB - Description].&amp;[0182000 - PNG Cur Reg Asset - Derivative]"/>
        <member name="[CB - Account].[Account CB - Description].&amp;[0182001 - Mapping Failure Suspense]"/>
        <member name="[CB - Account].[Account CB - Description].&amp;[0182003 - Suspense-Jnl Lines In Error]"/>
        <member name="[CB - Account].[Account CB - Description].&amp;[0182004 - DanRiver Cliff 6 Def Cost]"/>
        <member name="[CB - Account].[Account CB - Description].&amp;[0182005 - Dan River Cliff 6 Defferal]"/>
        <member name="[CB - Account].[Account CB - Description].&amp;[0182006 - Passport Suspense]"/>
        <member name="[CB - Account].[Account CB - Description].&amp;[0182007 - Current Deferred O&amp;M]"/>
        <member name="[CB - Account].[Account CB - Description].&amp;[0182008 - RATE CASE COST TN CUR]"/>
        <member name="[CB - Account].[Account CB - Description].&amp;[0182009 - ENCNG Accum Int - Deferred O&amp;M]"/>
        <member name="[CB - Account].[Account CB - Description].&amp;[0182010 - Amort of Pipeline Integ Mgmt]"/>
        <member name="[CB - Account].[Account CB - Description].&amp;[0182011 - NC PIM - Transmission]"/>
        <member name="[CB - Account].[Account CB - Description].&amp;[0182012 - Deferred Expenses-TN Flood]"/>
        <member name="[CB - Account].[Account CB - Description].&amp;[0182013 - Unrecovered Costs - Robeson]"/>
        <member name="[CB - Account].[Account CB - Description].&amp;[0182014 - Rate Case Cost TN LT]"/>
        <member name="[CB - Account].[Account CB - Description].&amp;[0182015 - Smartgrid 2021 Rate Case]"/>
        <member name="[CB - Account].[Account CB - Description].&amp;[0182016 - Rate Case Cost SC LT]"/>
        <member name="[CB - Account].[Account CB - Description].&amp;[0182017 - Storm Secur Srvc/Admin - ST]"/>
        <member name="[CB - Account].[Account CB - Description].&amp;[0182018 - Storm Secur Srvc/Admin - LT]"/>
        <member name="[CB - Account].[Account CB - Description].&amp;[0182023 - AMRP 2001 Plast Carry Costs]"/>
        <member name="[CB - Account].[Account CB - Description].&amp;[0182025 - AMRP 2001 Services Carry Costs]"/>
        <member name="[CB - Account].[Account CB - Description].&amp;[0182031 - AMRP 2002 Steel Carry Costs]"/>
        <member name="[CB - Account].[Account CB - Description].&amp;[0182033 - AMRP 2002 Plast Carry Costs]"/>
        <member name="[CB - Account].[Account CB - Description].&amp;[0182035 - AMRP 2002 Services Carry Costs]"/>
        <member name="[CB - Account].[Account CB - Description].&amp;[0182036 - Deferred Gas Riverside Costs]"/>
        <member name="[CB - Account].[Account CB - Description].&amp;[0182040 - SC Long-Term Deferred Fuel]"/>
        <member name="[CB - Account].[Account CB - Description].&amp;[0182041 - AMRP 2003 Steel Carry Costs]"/>
        <member name="[CB - Account].[Account CB - Description].&amp;[0182043 - AMRP 2003 Plastic Carry Costs]"/>
        <member name="[CB - Account].[Account CB - Description].&amp;[0182045 - AMRP 2003 Services Carry Costs]"/>
        <member name="[CB - Account].[Account CB - Description].&amp;[0182051 - AMRP 2004 Steel Carry Costs]"/>
        <member name="[CB - Account].[Account CB - Description].&amp;[0182053 - AMRP 2004 Plastic Carry Costs]"/>
        <member name="[CB - Account].[Account CB - Description].&amp;[0182055 - AMRP 2004 Services Carry Costs]"/>
        <member name="[CB - Account].[Account CB - Description].&amp;[0182061 - AMRP 2005 Steel Carry Costs]"/>
        <member name="[CB - Account].[Account CB - Description].&amp;[0182062 - AMRP 2005 Plastic Carry Costs]"/>
        <member name="[CB - Account].[Account CB - Description].&amp;[0182063 - AMRP 2005 Services Carry Costs]"/>
        <member name="[CB - Account].[Account CB - Description].&amp;[0182071 - AMRP 2006 Steel Carry Costs]"/>
        <member name="[CB - Account].[Account CB - Description].&amp;[0182072 - AMRP 2006 Plastic Carry Costs]"/>
        <member name="[CB - Account].[Account CB - Description].&amp;[0182073 - AMRP 2006 Services Carry Costs]"/>
        <member name="[CB - Account].[Account CB - Description].&amp;[0182081 - AMRP 2007 Steel Carry Costs]"/>
        <member name="[CB - Account].[Account CB - Description].&amp;[0182082 - AMRP 2007 Plastic Carry Costs]"/>
        <member name="[CB - Account].[Account CB - Description].&amp;[0182083 - AMRP 2007 Services Carry Costs]"/>
        <member name="[CB - Account].[Account CB - Description].&amp;[0182091 - AMRP_2008_STEEL_CARRY_COSTS]"/>
        <member name="[CB - Account].[Account CB - Description].&amp;[0182092 - AMRP_2008_PLASTIC_CARRY_COSTS]"/>
        <member name="[CB - Account].[Account CB - Description].&amp;[0182093 - AMRP_2008_SERVICES_CARRY_COSTS]"/>
        <member name="[CB - Account].[Account CB - Description].&amp;[0182094 - AMRP 2008 Risers Carry Costs]"/>
        <member name="[CB - Account].[Account CB - Description].&amp;[0182100 - Extraordinary Property Loss]"/>
        <member name="[CB - Account].[Account CB - Description].&amp;[0182101 - AMRP 2009 Steel Carry Costs]"/>
        <member name="[CB - Account].[Account CB - Description].&amp;[0182102 - AMRP 2009 Plastic Carry Costs]"/>
        <member name="[CB - Account].[Account CB - Description].&amp;[0182103 - AMRP 2009 Service Carry Costs]"/>
        <member name="[CB - Account].[Account CB - Description].&amp;[0182104 - AMRP 2009 Risers Carry Costs]"/>
        <member name="[CB - Account].[Account CB - Description].&amp;[0182110 - Inactive]"/>
        <member name="[CB - Account].[Account CB - Description].&amp;[0182111 - Post In Service Afudc NOx]"/>
        <member name="[CB - Account].[Account CB - Description].&amp;[0182113 - Post In Serv NOx Post 8/03]"/>
        <member name="[CB - Account].[Account CB - Description].&amp;[0182114 - PISCC Phase 1]"/>
        <member name="[CB - Account].[Account CB - Description].&amp;[0182116 - AMRP 2010 Steel Carry Costs]"/>
        <member name="[CB - Account].[Account CB - Description].&amp;[0182117 - AMRP 2010 Plastic Carry Costs]"/>
        <member name="[CB - Account].[Account CB - Description].&amp;[0182118 - AMRP 2010 Service Carry Costs]"/>
        <member name="[CB - Account].[Account CB - Description].&amp;[0182119 - AMRP 2010 Risers Carry Costs]"/>
        <member name="[CB - Account].[Account CB - Description].&amp;[0182120 - AMRP 2011 Steel Carry Costs]"/>
        <member name="[CB - Account].[Account CB - Description].&amp;[0182121 - AMRP 2011 PLASTIC CARRY COSTS]"/>
        <member name="[CB - Account].[Account CB - Description].&amp;[0182122 - AMRP 2011 SERVICE CARRY COSTS]"/>
        <member name="[CB - Account].[Account CB - Description].&amp;[0182123 - AMRP 2011 Risers Carry Costs]"/>
        <member name="[CB - Account].[Account CB - Description].&amp;[0182124 - AMRP 2012 Steel Carry Costs]"/>
        <member name="[CB - Account].[Account CB - Description].&amp;[0182125 - AMRP 2012 Plastic Carry Costs]"/>
        <member name="[CB - Account].[Account CB - Description].&amp;[0182126 - AMRP 2012 Service Carry Costs]"/>
        <member name="[CB - Account].[Account CB - Description].&amp;[0182127 - AMRP 2012 Risers Carry Costs]"/>
        <member name="[CB - Account].[Account CB - Description].&amp;[0182128 - AMRP 2013 Steel Carry Costs]"/>
        <member name="[CB - Account].[Account CB - Description].&amp;[0182129 - AMRP 2013 Plastic Carry Costs]"/>
        <member name="[CB - Account].[Account CB - Description].&amp;[0182130 - AMRP 2013 Serv Carrying Costs]"/>
        <member name="[CB - Account].[Account CB - Description].&amp;[0182131 - AMRP 2013 Riser Carrying Cost]"/>
        <member name="[CB - Account].[Account CB - Description].&amp;[0182135 - McGuire Uprate Deferred Deprec]"/>
        <member name="[CB - Account].[Account CB - Description].&amp;[0182136 - Oconee HELB Deferred Deprec]"/>
        <member name="[CB - Account].[Account CB - Description].&amp;[0182140 - Post In Service Nblsvlle Repwr]"/>
        <member name="[CB - Account].[Account CB - Description].&amp;[0182141 - Post Serv Nblsv Rpr Post 8/03]"/>
        <member name="[CB - Account].[Account CB - Description].&amp;[0182150 - Def Depr Nblsvl Repower]"/>
        <member name="[CB - Account].[Account CB - Description].&amp;[0182151 - Def Depr Nblsvl Rpr Post 8/03]"/>
        <member name="[CB - Account].[Account CB - Description].&amp;[0182161 - EXTRAORDINARY PROP LOSS]"/>
        <member name="[CB - Account].[Account CB - Description].&amp;[0182162 - AMRP 2014 Steel Carry Costs]"/>
        <member name="[CB - Account].[Account CB - Description].&amp;[0182163 - AMRP 2014 Plastic Carry Costs]"/>
        <member name="[CB - Account].[Account CB - Description].&amp;[0182164 - AMRP 2014 Service Carry Costs]"/>
        <member name="[CB - Account].[Account CB - Description].&amp;[0182165 - AMRP 2014 Riser Carry Costs]"/>
        <member name="[CB - Account].[Account CB - Description].&amp;[0182200 - DEFERRED_ASSET_PUR_ACCTG_ADJ]"/>
        <member name="[CB - Account].[Account CB - Description].&amp;[0182201 - Retail Purchased Power]"/>
        <member name="[CB - Account].[Account CB - Description].&amp;[0182202 - Regulatory Asset-Gallagher 1&amp;3]"/>
        <member name="[CB - Account].[Account CB - Description].&amp;[0182203 - Unrecovered Plant]"/>
        <member name="[CB - Account].[Account CB - Description].&amp;[0182204 - BRUNS DESIGN BASIS DEFERRAL]"/>
        <member name="[CB - Account].[Account CB - Description].&amp;[0182205 - BRUNS DESIGN BASIS DEF-AMORT]"/>
        <member name="[CB - Account].[Account CB - Description].&amp;[0182206 - ROB DESIGN BASIS DEFERRAL]"/>
        <member name="[CB - Account].[Account CB - Description].&amp;[0182207 - MAYO 2 AMORTIZATION-WH]"/>
        <member name="[CB - Account].[Account CB - Description].&amp;[0182208 - ROB DESIGN BASIS DEF- AMORT]"/>
        <member name="[CB - Account].[Account CB - Description].&amp;[0182209 - DEF CR3 NCR-Reg Asset Base Rat]"/>
        <member name="[CB - Account].[Account CB - Description].&amp;[0182210 - 2014 Smart Grid Other Def O&amp;M]"/>
        <member name="[CB - Account].[Account CB - Description].&amp;[0182211 - Defer Deprec NOx]"/>
        <member name="[CB - Account].[Account CB - Description].&amp;[0182212 - Lee Fossil - Retail]"/>
        <member name="[CB - Account].[Account CB - Description].&amp;[0182214 - 2004 Rate Stab Plan Debt Ret]"/>
        <member name="[CB - Account].[Account CB - Description].&amp;[0182215 - Cape Fear Fossil - Retail]"/>
        <member name="[CB - Account].[Account CB - Description].&amp;[0182216 - Cape Fear Fossil - Wholesale]"/>
        <member name="[CB - Account].[Account CB - Description].&amp;[0182217 - Robinson Fossil - Retail]"/>
        <member name="[CB - Account].[Account CB - Description].&amp;[0182218 - Cape Fear CT - Retail]"/>
        <member name="[CB - Account].[Account CB - Description].&amp;[0182219 - Cape Fear CT - Wholesale]"/>
        <member name="[CB - Account].[Account CB - Description].&amp;[0182220 - 2014 Smart Grid PISCC]"/>
        <member name="[CB - Account].[Account CB - Description].&amp;[0182221 - Post In Serv MAD/CAD Post 8/03]"/>
        <member name="[CB - Account].[Account CB - Description].&amp;[0182222 - Post In Service MAD/CAD]"/>
        <member name="[CB - Account].[Account CB - Description].&amp;[0182223 - Nuclear COLA - Wholesale]"/>
        <member name="[CB - Account].[Account CB - Description].&amp;[0182224 - Nuclear COLA - Retail]"/>
        <member name="[CB - Account].[Account CB - Description].&amp;[0182225 - 2017 Smart Grid Other Def O&amp;M]"/>
        <member name="[CB - Account].[Account CB - Description].&amp;[0182226 - Nuclear COLA - SC]"/>
        <member name="[CB - Account].[Account CB - Description].&amp;[0182227 - Roxboro WWT NC]"/>
        <member name="[CB - Account].[Account CB - Description].&amp;[0182230 - 2014 Smart Grid Def Depr]"/>
        <member name="[CB - Account].[Account CB - Description].&amp;[0182231 - Def Deprec MAD/CAD Post 8/03]"/>
        <member name="[CB - Account].[Account CB - Description].&amp;[0182232 - Def Deprec MAD/CAD]"/>
        <member name="[CB - Account].[Account CB - Description].&amp;[0182233 - AMRP 2015 Plastic Carry Cost]"/>
        <member name="[CB - Account].[Account CB - Description].&amp;[0182234 - AMRP 2015 Service Carry Cost]"/>
        <member name="[CB - Account].[Account CB - Description].&amp;[0182235 - AMRP 2015 Steel Carry Cost]"/>
        <member name="[CB - Account].[Account CB - Description].&amp;[0182236 - Early Retired Plant]"/>
        <member name="[CB - Account].[Account CB - Description].&amp;[0182238 - Early Retired Plant-SC]"/>
        <member name="[CB - Account].[Account CB - Description].&amp;[0182239 - Roxboro WWT - WS]"/>
        <member name="[CB - Account].[Account CB - Description].&amp;[0182240 - Early Retired Plant Wholesale)]"/>
        <member name="[CB - Account].[Account CB - Description].&amp;[0182241 - Post in Service - DSI system]"/>
        <member name="[CB - Account].[Account CB - Description].&amp;[0182242 - 2015 Smart Grid Other Def O&amp;M]"/>
        <member name="[CB - Account].[Account CB - Description].&amp;[0182244 - DEO Gas CEP - Def Depr 2020]"/>
        <member name="[CB - Account].[Account CB - Description].&amp;[0182245 - Transactions Costs - Wheatland]"/>
        <member name="[CB - Account].[Account CB - Description].&amp;[0182246 - 2016 Smart Grid Other Def O&amp;M]"/>
        <member name="[CB - Account].[Account CB - Description].&amp;[0182247 - 2016 Smart Grid PISCC]"/>
        <member name="[CB - Account].[Account CB - Description].&amp;[0182248 - 2016 Smart Grid Def Depr]"/>
        <member name="[CB - Account].[Account CB - Description].&amp;[0182250 - PSI MISO Cost Adder]"/>
        <member name="[CB - Account].[Account CB - Description].&amp;[0182251 - 2018 Smart Grid Other Def O&amp;M]"/>
        <member name="[CB - Account].[Account CB - Description].&amp;[0182252 - 2015 Smart Grid PISCC]"/>
        <member name="[CB - Account].[Account CB - Description].&amp;[0182253 - 2018 Smart Grid PISCC]"/>
        <member name="[CB - Account].[Account CB - Description].&amp;[0182254 - 2019 Smart Grid PISCC]"/>
        <member name="[CB - Account].[Account CB - Description].&amp;[0182255 - Weatherspoon Fossil - Retail]"/>
        <member name="[CB - Account].[Account CB - Description].&amp;[0182256 - Weatherspoon Fossil-Wholesale]"/>
        <member name="[CB - Account].[Account CB - Description].&amp;[0182257 - 2017 Smart Grid PISCC]"/>
        <member name="[CB - Account].[Account CB - Description].&amp;[0182258 - 2017 Smart Grid Def Depr]"/>
        <member name="[CB - Account].[Account CB - Description].&amp;[0182259 - 2018 Smart Grid Def Depr]"/>
        <member name="[CB - Account].[Account CB - Description].&amp;[0182260 - Def Depr - Wheatland]"/>
        <member name="[CB - Account].[Account CB - Description].&amp;[0182261 - 2019 Smart Grid Other Def O&amp;M]"/>
        <member name="[CB - Account].[Account CB - Description].&amp;[0182262 - 2015 Smart Grid Def Depr]"/>
        <member name="[CB - Account].[Account CB - Description].&amp;[0182263 - Morehead City CT - Retail]"/>
        <member name="[CB - Account].[Account CB - Description].&amp;[0182264 - Morehead City CT - Wholesale]"/>
        <member name="[CB - Account].[Account CB - Description].&amp;[0182265 - Sutton Fossil - Retail]"/>
        <member name="[CB - Account].[Account CB - Description].&amp;[0182266 - Sutton Fossil - Wholesale]"/>
        <member name="[CB - Account].[Account CB - Description].&amp;[0182267 - Robinson Fossil - Wholesale]"/>
        <member name="[CB - Account].[Account CB - Description].&amp;[0182268 - 2018 Smart Grid Def Depr]"/>
        <member name="[CB - Account].[Account CB - Description].&amp;[0182269 - DEO Gas CEP - Def Depr 2018]"/>
        <member name="[CB - Account].[Account CB - Description].&amp;[0182270 - Hydro Loss Recovery - NC]"/>
        <member name="[CB - Account].[Account CB - Description].&amp;[0182271 - DEO Gas CEP - PISCC 2017]"/>
        <member name="[CB - Account].[Account CB - Description].&amp;[0182272 - DEO Gas CEP - PISCC 2018]"/>
        <member name="[CB - Account].[Account CB - Description].&amp;[0182273 - DEO Gas CEP - Prop tax 2018]"/>
        <member name="[CB - Account].[Account CB - Description].&amp;[0182274 - DEO Gas CEP - Def Dept 2019]"/>
        <member name="[CB - Account].[Account CB - Description].&amp;[0182275 - DEO Gas CEP - Def Depr 2021]"/>
        <member name="[CB - Account].[Account CB - Description].&amp;[0182276 - DEO Gas CEP - PISCC 2021]"/>
        <member name="[CB - Account].[Account CB - Description].&amp;[0182277 - DEO Gas CEP - Prop tax 2021]"/>
        <member name="[CB - Account].[Account CB - Description].&amp;[0182278 - DEO Gas CEP - Def Depr 2017]"/>
        <member name="[CB - Account].[Account CB - Description].&amp;[0182279 - DEO Gas CEP - Prop tax 2017]"/>
        <member name="[CB - Account].[Account CB - Description].&amp;[0182280 - Lee CT - Retail]"/>
        <member name="[CB - Account].[Account CB - Description].&amp;[0182282 - DEO Gas CEP - PISCC 2019]"/>
        <member name="[CB - Account].[Account CB - Description].&amp;[0182283 - DEO Gas CEP - Prop tax 2019]"/>
        <member name="[CB - Account].[Account CB - Description].&amp;[0182285 - Lee CT - Wholesale]"/>
        <member name="[CB - Account].[Account CB - Description].&amp;[0182286 - Lee Fossil - Wholesale]"/>
        <member name="[CB - Account].[Account CB - Description].&amp;[0182292 - DEO Gas CEP - PISCC 2020]"/>
        <member name="[CB - Account].[Account CB - Description].&amp;[0182293 - DEO Gas CEP - Prop tax 2020]"/>
        <member name="[CB - Account].[Account CB - Description].&amp;[0182296 - 2020 Smart Grid Other Def O&amp;M]"/>
        <member name="[CB - Account].[Account CB - Description].&amp;[0182297 - 2020 Smart Grid PISCC]"/>
        <member name="[CB - Account].[Account CB - Description].&amp;[0182298 - 2020 Smart Grid Def Depr]"/>
        <member name="[CB - Account].[Account CB - Description].&amp;[0182300 - Pension Deferred Costs]"/>
        <member name="[CB - Account].[Account CB - Description].&amp;[0182301 - Buck Bridge Return Deferral]"/>
        <member name="[CB - Account].[Account CB - Description].&amp;[0182302 - Load Factor Adj Defer - Asset]"/>
        <member name="[CB - Account].[Account CB - Description].&amp;[0182303 - Severance Costs Current NC]"/>
        <member name="[CB - Account].[Account CB - Description].&amp;[0182304 - Storm Reg Asset - Upfront Cost]"/>
        <member name="[CB - Account].[Account CB - Description].&amp;[0182305 - NC NBV Retired Plant]"/>
        <member name="[CB - Account].[Account CB - Description].&amp;[0182306 - OH Dist Decoupling Rider]"/>
        <member name="[CB - Account].[Account CB - Description].&amp;[0182307 - Deferred Levy Contra Equity]"/>
        <member name="[CB - Account].[Account CB - Description].&amp;[0182308 - INTEREST ON TAX DEFICIENCIES]"/>
        <member name="[CB - Account].[Account CB - Description].&amp;[0182309 - Amort Load Management Switches]"/>
        <member name="[CB - Account].[Account CB - Description].&amp;[0182310 - McGuire Uprates Equity Reserve]"/>
        <member name="[CB - Account].[Account CB - Description].&amp;[0182311 - Accrued Environmental Recovery]"/>
        <member name="[CB - Account].[Account CB - Description].&amp;[0182312 - OPEB FAS 106 - Medical]"/>
        <member name="[CB - Account].[Account CB - Description].&amp;[0182313 - Deferred ECRC]"/>
        <member name="[CB - Account].[Account CB - Description].&amp;[0182314 - Buck Bridgewater Deferred Cost]"/>
        <member name="[CB - Account].[Account CB - Description].&amp;[0182316 - Deferred Rate Case Exp - Flori]"/>
        <member name="[CB - Account].[Account CB - Description].&amp;[0182317 - Deferred Depreciation - 2010 R]"/>
        <member name="[CB - Account].[Account CB - Description].&amp;[0182319 - Closed Def Int Hedge-Asset]"/>
        <member name="[CB - Account].[Account CB - Description].&amp;[0182321 - REG ASSET-DERIV MTM OIL]"/>
        <member name="[CB - Account].[Account CB - Description].&amp;[0182322 - ST Closed Def Int Hedge-Asset]"/>
        <member name="[CB - Account].[Account CB - Description].&amp;[0182323 - RATE CASE COST NC CUR]"/>
        <member name="[CB - Account].[Account CB - Description].&amp;[0182324 - Bad Debt To Be Recovered]"/>
        <member name="[CB - Account].[Account CB - Description].&amp;[0182325 - Current Regulatory Asset - VIE]"/>
        <member name="[CB - Account].[Account CB - Description].&amp;[0182326 - Power Future Initiatives]"/>
        <member name="[CB - Account].[Account CB - Description].&amp;[0182327 - Reg Asset - EV Rebate for C&amp;I]"/>
        <member name="[CB - Account].[Account CB - Description].&amp;[0182328 - DEF Retail Final Dism Deferral]"/>
        <member name="[CB - Account].[Account CB - Description].&amp;[0182329 - Reg Asset Section 124 Asset]"/>
        <member name="[CB - Account].[Account CB - Description].&amp;[0182331 - Deferred GPIF - FL Fuel Reg As]"/>
        <member name="[CB - Account].[Account CB - Description].&amp;[0182332 - SC 2014 Ice Storm]"/>
        <member name="[CB - Account].[Account CB - Description].&amp;[0182333 - SFAS158 Reg Asset]"/>
        <member name="[CB - Account].[Account CB - Description].&amp;[0182334 - Pension settlement charges]"/>
        <member name="[CB - Account].[Account CB - Description].&amp;[0182335 - Deferred Levy - NCRC]"/>
        <member name="[CB - Account].[Account CB - Description].&amp;[0182336 - Deferred CR3 DCS Contra Equity]"/>
        <member name="[CB - Account].[Account CB - Description].&amp;[0182337 - 2012 Smart Grid PISCC]"/>
        <member name="[CB - Account].[Account CB - Description].&amp;[0182338 - Storm Cost Regulatory Asset]"/>
        <member name="[CB - Account].[Account CB - Description].&amp;[0182339 - Deferred CR3 - Dep &amp; Prop Tax]"/>
        <member name="[CB - Account].[Account CB - Description].&amp;[0182340 - Sch M: Vac Accrual Reg Asset]"/>
        <member name="[CB - Account].[Account CB - Description].&amp;[0182341 - 2013 Smart Grid Other Def O&amp;M]"/>
        <member name="[CB - Account].[Account CB - Description].&amp;[0182343 - 2013 Smart Grid PISCC]"/>
        <member name="[CB - Account].[Account CB - Description].&amp;[0182344 - 2013 Smart Grid Def Depr]"/>
        <member name="[CB - Account].[Account CB - Description].&amp;[0182345 - MISO MTEP - Regulatory Asset]"/>
        <member name="[CB - Account].[Account CB - Description].&amp;[0182346 - MISO MTEP - Rider Collections]"/>
        <member name="[CB - Account].[Account CB - Description].&amp;[0182347 - Deferred CR3 - Depr &amp; Prop Tax]"/>
        <member name="[CB - Account].[Account CB - Description].&amp;[0182348 - Deferred Levy - 2010 Reg Asset]"/>
        <member name="[CB - Account].[Account CB - Description].&amp;[0182349 - NDT - Nonqual Unreal Losses]"/>
        <member name="[CB - Account].[Account CB - Description].&amp;[0182350 - Storm Reg Asset - ST]"/>
        <member name="[CB - Account].[Account CB - Description].&amp;[0182351 - Storm Reg Asset - LT]"/>
        <member name="[CB - Account].[Account CB - Description].&amp;[0182352 - DEO Gas CEP - Def Depr 2022]"/>
        <member name="[CB - Account].[Account CB - Description].&amp;[0182353 - Deferred CIS O&amp;M Current]"/>
        <member name="[CB - Account].[Account CB - Description].&amp;[0182354 - Accrued SPP Recovery]"/>
        <member name="[CB - Account].[Account CB - Description].&amp;[0182355 - Black &amp; Veatch Reg Asset]"/>
        <member name="[CB - Account].[Account CB - Description].&amp;[0182356 - IGCC Crbn Capture FS Reg Asset]"/>
        <member name="[CB - Account].[Account CB - Description].&amp;[0182357 - DEO Gas CEP - PISCC 2022]"/>
        <member name="[CB - Account].[Account CB - Description].&amp;[0182358 - Smartgrid 2021 Rate Case]"/>
        <member name="[CB - Account].[Account CB - Description].&amp;[0182360 - Storm Contra Equity ST]"/>
        <member name="[CB - Account].[Account CB - Description].&amp;[0182361 - SC Energy Efficiency Reg Asset]"/>
        <member name="[CB - Account].[Account CB - Description].&amp;[0182362 - DEO Gas CEP - Prop tax 2022]"/>
        <member name="[CB - Account].[Account CB - Description].&amp;[0182363 - 2008 SmartGrid PISCC]"/>
        <member name="[CB - Account].[Account CB - Description].&amp;[0182364 - Storm Contra Equity LT]"/>
        <member name="[CB - Account].[Account CB - Description].&amp;[0182365 - Def Depr - Gallagher]"/>
        <member name="[CB - Account].[Account CB - Description].&amp;[0182367 - DEO SSO Auction Deferral ST]"/>
        <member name="[CB - Account].[Account CB - Description].&amp;[0182368 - 2009 SmartGrid PISCC]"/>
        <member name="[CB - Account].[Account CB - Description].&amp;[0182369 - 2009 SmartGrid Def Depr]"/>
        <member name="[CB - Account].[Account CB - Description].&amp;[0182371 - Reg Asset - Pro Co formation]"/>
        <member name="[CB - Account].[Account CB - Description].&amp;[0182372 - 2010 SmartGrid PISCC]"/>
        <member name="[CB - Account].[Account CB - Description].&amp;[0182373 - SC Storm Reserve Fund]"/>
        <member name="[CB - Account].[Account CB - Description].&amp;[0182374 - Duke Generated REC Certificate]"/>
        <member name="[CB - Account].[Account CB - Description].&amp;[0182375 - Int Rate Lock - Regulatory]"/>
        <member name="[CB - Account].[Account CB - Description].&amp;[0182376 - Deferred Project Costs]"/>
        <member name="[CB - Account].[Account CB - Description].&amp;[0182377 - 2011 SmartGrid Other Def O&amp;M]"/>
        <member name="[CB - Account].[Account CB - Description].&amp;[0182378 - 2011 SmartGrid PISCC]"/>
        <member name="[CB - Account].[Account CB - Description].&amp;[0182379 - 2011 SmartGrid Def Depr]"/>
        <member name="[CB - Account].[Account CB - Description].&amp;[0182380 - Storm Reg Asset - ST]"/>
        <member name="[CB - Account].[Account CB - Description].&amp;[0182381 - NC Energy Efficiency Reg Asset]"/>
        <member name="[CB - Account].[Account CB - Description].&amp;[0182382 - Cliffside Deferral Account]"/>
        <member name="[CB - Account].[Account CB - Description].&amp;[0182383 - IN Core EE Deferred Costs]"/>
        <member name="[CB - Account].[Account CB - Description].&amp;[0182384 - Cliffside Return Deferral]"/>
        <member name="[CB - Account].[Account CB - Description].&amp;[0182385 - Camera Costs AMRP - Reg Asset]"/>
        <member name="[CB - Account].[Account CB - Description].&amp;[0182386 - DEO Econ Dev Reg Asset]"/>
        <member name="[CB - Account].[Account CB - Description].&amp;[0182387 - MGP Reg Asset - Reserve]"/>
        <member name="[CB - Account].[Account CB - Description].&amp;[0182388 - MGP Reg Asset - Incurred Exp]"/>
        <member name="[CB - Account].[Account CB - Description].&amp;[0182389 - MGP Reg Asset - Insurance Proc]"/>
        <member name="[CB - Account].[Account CB - Description].&amp;[0182390 - SC GridSouth Reg Asset]"/>
        <member name="[CB - Account].[Account CB - Description].&amp;[0182391 - NPL Extraordinary Repairs]"/>
        <member name="[CB - Account].[Account CB - Description].&amp;[0182392 - Gridsouth-Wholesale Reg Asset]"/>
        <member name="[CB - Account].[Account CB - Description].&amp;[0182393 - Deferred VOP Costs]"/>
        <member name="[CB - Account].[Account CB - Description].&amp;[0182394 - Bad Debt To be Recovered - GEN]"/>
        <member name="[CB - Account].[Account CB - Description].&amp;[0182395 - Deferred SPP]"/>
        <member name="[CB - Account].[Account CB - Description].&amp;[0182396 - Coastal Wind Equity Reserve]"/>
        <member name="[CB - Account].[Account CB - Description].&amp;[0182397 - VIE-Restrict Reg Asset Inc Tax]"/>
        <member name="[CB - Account].[Account CB - Description].&amp;[0182398 - Load Management Switches]"/>
        <member name="[CB - Account].[Account CB - Description].&amp;[0182399 - ARO Regulatory Asset]"/>
        <member name="[CB - Account].[Account CB - Description].&amp;[0182400 - Deferred Capacity - Florida Re]"/>
        <member name="[CB - Account].[Account CB - Description].&amp;[0182403 - Gas ARO Other Regulatory Asset]"/>
        <member name="[CB - Account].[Account CB - Description].&amp;[0182404 - DEO SSO Auction Deferral LT]"/>
        <member name="[CB - Account].[Account CB - Description].&amp;[0182405 - Reg Asset Reclass]"/>
        <member name="[CB - Account].[Account CB - Description].&amp;[0182406 - DEF CR3 Uprate-2012 Reg Asset]"/>
        <member name="[CB - Account].[Account CB - Description].&amp;[0182407 - Rider 70 Deferral]"/>
        <member name="[CB - Account].[Account CB - Description].&amp;[0182408 - NC RETAIL DEFER FUEL CLAUSE]"/>
        <member name="[CB - Account].[Account CB - Description].&amp;[0182409 - BTR Deferral - Asset]"/>
        <member name="[CB - Account].[Account CB - Description].&amp;[0182411 - DEFERRED FUEL EXP-CURRENT YEAR]"/>
        <member name="[CB - Account].[Account CB - Description].&amp;[0182412 - DEFERRED FUEL EXP - PRIOR YEAR]"/>
        <member name="[CB - Account].[Account CB - Description].&amp;[0182413 - DEF CAPACITY EXP-CURRENT YEAR]"/>
        <member name="[CB - Account].[Account CB - Description].&amp;[0182414 - DEFERRED FUEL EXP - WHOLESALE]"/>
        <member name="[CB - Account].[Account CB - Description].&amp;[0182415 - REGULATORY ASSET - COR]"/>
        <member name="[CB - Account].[Account CB - Description].&amp;[0182416 - PISCC-EQUITY-NOBLEVILE]"/>
        <member name="[CB - Account].[Account CB - Description].&amp;[0182417 - PISCC-EQUITY-Amortized NOX]"/>
        <member name="[CB - Account].[Account CB - Description].&amp;[0182418 - PISCC-EQUITY-NOX&amp;COMPLIANCE]"/>
        <member name="[CB - Account].[Account CB - Description].&amp;[0182419 - PISCC-EQUITY-MADISON&amp;CADIZ]"/>
        <member name="[CB - Account].[Account CB - Description].&amp;[0182420 - Deferred Fuel Retail]"/>
        <member name="[CB - Account].[Account CB - Description].&amp;[0182421 - PISCC-EQUITY-DSI]"/>
        <member name="[CB - Account].[Account CB - Description].&amp;[0182422 - PISCC-EQUITY-IGCC CARBON CAPT]"/>
        <member name="[CB - Account].[Account CB - Description].&amp;[0182423 - Wayne Deferred Cost]"/>
        <member name="[CB - Account].[Account CB - Description].&amp;[0182424 - Wayne return on Deferral]"/>
        <member name="[CB - Account].[Account CB - Description].&amp;[0182425 - Post in Serv carrying Cst-IGCC]"/>
        <member name="[CB - Account].[Account CB - Description].&amp;[0182426 - PISCC-EQUITY-IGCC]"/>
        <member name="[CB - Account].[Account CB - Description].&amp;[0182427 - SC Wayne Deferred Cost]"/>
        <member name="[CB - Account].[Account CB - Description].&amp;[0182428 - NC Nuclear Levelization]"/>
        <member name="[CB - Account].[Account CB - Description].&amp;[0182429 - SC Nuclear Levelization]"/>
        <member name="[CB - Account].[Account CB - Description].&amp;[0182430 - Coal Inventory Rider NC]"/>
        <member name="[CB - Account].[Account CB - Description].&amp;[0182431 - NC Nuclear Levelize Cur]"/>
        <member name="[CB - Account].[Account CB - Description].&amp;[0182432 - Wayne Deferred Cost Current]"/>
        <member name="[CB - Account].[Account CB - Description].&amp;[0182433 - RATE CASE COST NC LT]"/>
        <member name="[CB - Account].[Account CB - Description].&amp;[0182434 - DCI Deferral Asset]"/>
        <member name="[CB - Account].[Account CB - Description].&amp;[0182435 - SFAS158 Reg Asset OPEB]"/>
        <member name="[CB - Account].[Account CB - Description].&amp;[0182436 - SFAS158 Reg Asset Qual]"/>
        <member name="[CB - Account].[Account CB - Description].&amp;[0182437 - Env Phase III Recovery-DE Ind]"/>
        <member name="[CB - Account].[Account CB - Description].&amp;[0182438 - Billing System Deferral - Ltg]"/>
        <member name="[CB - Account].[Account CB - Description].&amp;[0182439 - Reg Asset - Accrued Vacation]"/>
        <member name="[CB - Account].[Account CB - Description].&amp;[0182440 - Sutton Deferred Cost-SC]"/>
        <member name="[CB - Account].[Account CB - Description].&amp;[0182441 - Sutton Return on Deferral]"/>
        <member name="[CB - Account].[Account CB - Description].&amp;[0182442 - ST Portion of EE Programs]"/>
        <member name="[CB - Account].[Account CB - Description].&amp;[0182443 - SC Sutton Deferred Cost]"/>
        <member name="[CB - Account].[Account CB - Description].&amp;[0182444 - GreenEdge Tariff Deferral ST]"/>
        <member name="[CB - Account].[Account CB - Description].&amp;[0182445 - SC Nuclear Levelization]"/>
        <member name="[CB - Account].[Account CB - Description].&amp;[0182446 - Rate Case Cost SC CUR]"/>
        <member name="[CB - Account].[Account CB - Description].&amp;[0182447 - DEO Gas CEP - PISCC 2016]"/>
        <member name="[CB - Account].[Account CB - Description].&amp;[0182448 - Fukushima CyberSecurity Equity]"/>
        <member name="[CB - Account].[Account CB - Description].&amp;[0182449 - Fukushima CyberSecurity Def-SC]"/>
        <member name="[CB - Account].[Account CB - Description].&amp;[0182450 - PISCC - CCR 60% EQ]"/>
        <member name="[CB - Account].[Account CB - Description].&amp;[0182451 - GreenEdge Tariff Deferral LT]"/>
        <member name="[CB - Account].[Account CB - Description].&amp;[0182452 - Rate Case Cost SC LT]"/>
        <member name="[CB - Account].[Account CB - Description].&amp;[0182453 - DEI Env. Phase II PISCC Equity]"/>
        <member name="[CB - Account].[Account CB - Description].&amp;[0182454 - Early Plant Retirement]"/>
        <member name="[CB - Account].[Account CB - Description].&amp;[0182455 - DEI Env.Phase III PISCC Equity]"/>
        <member name="[CB - Account].[Account CB - Description].&amp;[0182456 - DEI Env.Phase III PISCC]"/>
        <member name="[CB - Account].[Account CB - Description].&amp;[0182457 - DEI Env. Phase II PISCC]"/>
        <member name="[CB - Account].[Account CB - Description].&amp;[0182458 - NC Long-Term Deferred Fuel]"/>
        <member name="[CB - Account].[Account CB - Description].&amp;[0182459 - Supplier Cost Recovery - Asset]"/>
        <member name="[CB - Account].[Account CB - Description].&amp;[0182460 - Deferred Audit Costs]"/>
        <member name="[CB - Account].[Account CB - Description].&amp;[0182461 - OH Elec Choice Supplier Site]"/>
        <member name="[CB - Account].[Account CB - Description].&amp;[0182462 - DEO Gas CEP - Prop Tax 2015]"/>
        <member name="[CB - Account].[Account CB - Description].&amp;[0182463 - DEO Gas CEP - Def Depr 2015]"/>
        <member name="[CB - Account].[Account CB - Description].&amp;[0182464 - DEO Gas CEP - PISCC 2015]"/>
        <member name="[CB - Account].[Account CB - Description].&amp;[0182465 - DEO Gas CEP - Prop tax 2014]"/>
        <member name="[CB - Account].[Account CB - Description].&amp;[0182466 - DEO Gas CEP - Def Depr 2014]"/>
        <member name="[CB - Account].[Account CB - Description].&amp;[0182467 - DEO Gas CEP - PISCC 2014]"/>
        <member name="[CB - Account].[Account CB - Description].&amp;[0182468 - DEO Gas CEP - Def Depr 2016]"/>
        <member name="[CB - Account].[Account CB - Description].&amp;[0182469 - DEO Gas CEP - Prop tax 2016]"/>
        <member name="[CB - Account].[Account CB - Description].&amp;[0182470 - Coal Ash Spend - Retail SC&amp;FL]"/>
        <member name="[CB - Account].[Account CB - Description].&amp;[0182472 - Coal Ash Spend - Wholesale]"/>
        <member name="[CB - Account].[Account CB - Description].&amp;[0182473 - PISCC EQUITY - FED MANDATE]"/>
        <member name="[CB - Account].[Account CB - Description].&amp;[0182474 - NCEMPA Purchase Collection- SC]"/>
        <member name="[CB - Account].[Account CB - Description].&amp;[0182475 - PISCC - Federal Mandate - 20%]"/>
        <member name="[CB - Account].[Account CB - Description].&amp;[0182476 - PISCC EQ - FED MANDATE 20%]"/>
        <member name="[CB - Account].[Account CB - Description].&amp;[0182477 - Post in Service - Fed Mandate]"/>
        <member name="[CB - Account].[Account CB - Description].&amp;[0182478 - NCEMPA Purchase Collection- NC]"/>
        <member name="[CB - Account].[Account CB - Description].&amp;[0182479 - NCEMPA Purchase Deferral NC]"/>
        <member name="[CB - Account].[Account CB - Description].&amp;[0182480 - NCEMPA Purchase Deferral SC]"/>
        <member name="[CB - Account].[Account CB - Description].&amp;[0182481 - Asheville CC Current]"/>
        <member name="[CB - Account].[Account CB - Description].&amp;[0182482 - Reg Asset Contra Equity ST]"/>
        <member name="[CB - Account].[Account CB - Description].&amp;[0182483 - Rotable Fleet Spare Reg Asset]"/>
        <member name="[CB - Account].[Account CB - Description].&amp;[0182484 - NC Regulatory Fee]"/>
        <member name="[CB - Account].[Account CB - Description].&amp;[0182485 - NCEMPA Short-Term Reg Asset]"/>
        <member name="[CB - Account].[Account CB - Description].&amp;[0182486 - DE Ind Env Phase III Recovery]"/>
        <member name="[CB - Account].[Account CB - Description].&amp;[0182487 - PIPP SSO Auction]"/>
        <member name="[CB - Account].[Account CB - Description].&amp;[0182488 - CR3 Non-NCRC EPU Contra Equity]"/>
        <member name="[CB - Account].[Account CB - Description].&amp;[0182489 - Osprey Outage O&amp;M Deferral]"/>
        <member name="[CB - Account].[Account CB - Description].&amp;[0182490 - DEP SC COR Giveback]"/>
        <member name="[CB - Account].[Account CB - Description].&amp;[0182491 - POLLUTION CONTROL SC DEFERRAL]"/>
        <member name="[CB - Account].[Account CB - Description].&amp;[0182492 - DEI-Env Phase II Recovery]"/>
        <member name="[CB - Account].[Account CB - Description].&amp;[0182494 - Deferred Asset - SC DERP]"/>
        <member name="[CB - Account].[Account CB - Description].&amp;[0182495 - SC Non-AMI Meter NBV]"/>
        <member name="[CB - Account].[Account CB - Description].&amp;[0182496 - SC AMI Meter Deferred Costs]"/>
        <member name="[CB - Account].[Account CB - Description].&amp;[0182497 - SC AMI Deferred Costs - Equity]"/>
        <member name="[CB - Account].[Account CB - Description].&amp;[0182498 - Current Environmental Costs TN]"/>
        <member name="[CB - Account].[Account CB - Description].&amp;[0182499 - Current NCNG Pension and OPEB]"/>
        <member name="[CB - Account].[Account CB - Description].&amp;[0182500 - Current Nashville Franch Renew]"/>
        <member name="[CB - Account].[Account CB - Description].&amp;[0182501 - Current Environmental Costs NC]"/>
        <member name="[CB - Account].[Account CB - Description].&amp;[0182502 - Current Environmental Costs SC]"/>
        <member name="[CB - Account].[Account CB - Description].&amp;[0182503 - PISCC - CCR 40% EQ]"/>
        <member name="[CB - Account].[Account CB - Description].&amp;[0182504 - PISCC Fed Man 100% Equity]"/>
        <member name="[CB - Account].[Account CB - Description].&amp;[0182505 - PISCC Fed Man 100%]"/>
        <member name="[CB - Account].[Account CB - Description].&amp;[0182508 - Spend RA Amort. (SC Rate Base)]"/>
        <member name="[CB - Account].[Account CB - Description].&amp;[0182509 - Sutton SC Deferred Cost Curren]"/>
        <member name="[CB - Account].[Account CB - Description].&amp;[0182510 - Wayne SC Deferred Cost Current]"/>
        <member name="[CB - Account].[Account CB - Description].&amp;[0182511 - SC Pollution Control Current]"/>
        <member name="[CB - Account].[Account CB - Description].&amp;[0182512 - Mayo Deferred Cost Current]"/>
        <member name="[CB - Account].[Account CB - Description].&amp;[0182513 - Severance Costs Current]"/>
        <member name="[CB - Account].[Account CB - Description].&amp;[0182514 - Misc ST Reg Assets]"/>
        <member name="[CB - Account].[Account CB - Description].&amp;[0182515 - NCEMPA ST Purchase Deferral SC]"/>
        <member name="[CB - Account].[Account CB - Description].&amp;[0182516 - LT Deferred Fuel]"/>
        <member name="[CB - Account].[Account CB - Description].&amp;[0182517 - Non-CCR Coal Ash Spend]"/>
        <member name="[CB - Account].[Account CB - Description].&amp;[0182519 - NITS Deferral]"/>
        <member name="[CB - Account].[Account CB - Description].&amp;[0182520 - Current NC PIM - Transmission]"/>
        <member name="[CB - Account].[Account CB - Description].&amp;[0182521 - Deferred Expense TN Flood]"/>
        <member name="[CB - Account].[Account CB - Description].&amp;[0182522 - Misc Current Reg Assets]"/>
        <member name="[CB - Account].[Account CB - Description].&amp;[0182523 - NC CustomerConnect Deferral ST]"/>
        <member name="[CB - Account].[Account CB - Description].&amp;[0182524 - NC CustomerConnect Deferral LT]"/>
        <member name="[CB - Account].[Account CB - Description].&amp;[0182528 - CPRE Rider]"/>
        <member name="[CB - Account].[Account CB - Description].&amp;[0182529 - Emission Allowances]"/>
        <member name="[CB - Account].[Account CB - Description].&amp;[0182530 - Hydro Loss Recovery - SC]"/>
        <member name="[CB - Account].[Account CB - Description].&amp;[0182531 - Lee CC - NC]"/>
        <member name="[CB - Account].[Account CB - Description].&amp;[0182532 - Lee CC - SC]"/>
        <member name="[CB - Account].[Account CB - Description].&amp;[0182533 - Lee CC - NC Contra Equity]"/>
        <member name="[CB - Account].[Account CB - Description].&amp;[0182534 - Lee CC - SC Contra Equity]"/>
        <member name="[CB - Account].[Account CB - Description].&amp;[0182535 - Deferred Reg Fee Current]"/>
        <member name="[CB - Account].[Account CB - Description].&amp;[0182536 - PPA BUYOUT REG ASSET]"/>
        <member name="[CB - Account].[Account CB - Description].&amp;[0182537 - Extended Amortizaiton Asset]"/>
        <member name="[CB - Account].[Account CB - Description].&amp;[0182538 - DEO Veg Mgmt Rider]"/>
        <member name="[CB - Account].[Account CB - Description].&amp;[0182539 - RIDGEGEN PPA BUYOUT REG ASSET]"/>
        <member name="[CB - Account].[Account CB - Description].&amp;[0182540 - Deferred PIP Uncollectible-Gas]"/>
        <member name="[CB - Account].[Account CB - Description].&amp;[0182541 - Customer Connect SC LT]"/>
        <member name="[CB - Account].[Account CB - Description].&amp;[0182542 - Customer Connect SC EQ ST]"/>
        <member name="[CB - Account].[Account CB - Description].&amp;[0182543 - Customer Connect SC EQ LT]"/>
        <member name="[CB - Account].[Account CB - Description].&amp;[0182544 - ABSAT Projects Deferred Costs]"/>
        <member name="[CB - Account].[Account CB - Description].&amp;[0182545 - Nuclear COLA - Retail SC]"/>
        <member name="[CB - Account].[Account CB - Description].&amp;[0182546 - ABSAT Proj Deferred Costs-SC]"/>
        <member name="[CB - Account].[Account CB - Description].&amp;[0182547 - Contra Eq-ABSAT Proj Def Costs]"/>
        <member name="[CB - Account].[Account CB - Description].&amp;[0182548 - Con Eq-ABSAT Proj Def Costs SC]"/>
        <member name="[CB - Account].[Account CB - Description].&amp;[0182549 - Contra Eq-CWDC Def Costs SC]"/>
        <member name="[CB - Account].[Account CB - Description].&amp;[0182550 - COR Settement - SC]"/>
        <member name="[CB - Account].[Account CB - Description].&amp;[0182551 - COR Settlement]"/>
        <member name="[CB - Account].[Account CB - Description].&amp;[0182552 - CWDC Deferred Costs - SC]"/>
        <member name="[CB - Account].[Account CB - Description].&amp;[0182553 - Depreciation Deferral - SC]"/>
        <member name="[CB - Account].[Account CB - Description].&amp;[0182554 - Customer Connect SC ST]"/>
        <member name="[CB - Account].[Account CB - Description].&amp;[0182556 - Customer Connect NC EQ ST]"/>
        <member name="[CB - Account].[Account CB - Description].&amp;[0182557 - Customer Connect NC EQ LT]"/>
        <member name="[CB - Account].[Account CB - Description].&amp;[0182558 - PISCC Equity Phase 1]"/>
        <member name="[CB - Account].[Account CB - Description].&amp;[0182559 - DEO Rider PSR - OVEC]"/>
        <member name="[CB - Account].[Account CB - Description].&amp;[0182560 - NC Solar Rebate Program Costs]"/>
        <member name="[CB - Account].[Account CB - Description].&amp;[0182561 - Grid Deferral - SC]"/>
        <member name="[CB - Account].[Account CB - Description].&amp;[0182562 - Grid Deferral - SC Contra EQ]"/>
        <member name="[CB - Account].[Account CB - Description].&amp;[0182563 - NC Solar Amort &amp; Returns]"/>
        <member name="[CB - Account].[Account CB - Description].&amp;[0182564 - NC Storm Deferred Cost]"/>
        <member name="[CB - Account].[Account CB - Description].&amp;[0182565 - SC Deferred Storm Costs]"/>
        <member name="[CB - Account].[Account CB - Description].&amp;[0182566 - Deferred Storm Equity Reserve]"/>
        <member name="[CB - Account].[Account CB - Description].&amp;[0182567 - Job Retention Rider Asset]"/>
        <member name="[CB - Account].[Account CB - Description].&amp;[0182568 - CR South Reg Asset - Current]"/>
        <member name="[CB - Account].[Account CB - Description].&amp;[0182569 - Crystal River South Reg Asset]"/>
        <member name="[CB - Account].[Account CB - Description].&amp;[0182570 - Continue of AFUDC-Future Recov]"/>
        <member name="[CB - Account].[Account CB - Description].&amp;[0182571 - WH Storm Deferred Costs]"/>
        <member name="[CB - Account].[Account CB - Description].&amp;[0182572 - SC H3659 Implementation]"/>
        <member name="[CB - Account].[Account CB - Description].&amp;[0182573 - DEO 19 Veg Mgmt Rider]"/>
        <member name="[CB - Account].[Account CB - Description].&amp;[0182575 - SC Grid Amort - Deferral]"/>
        <member name="[CB - Account].[Account CB - Description].&amp;[0182576 - SC Grid-Return on Equity Defer]"/>
        <member name="[CB - Account].[Account CB - Description].&amp;[0182577 - CertainTeed - ST Amortization]"/>
        <member name="[CB - Account].[Account CB - Description].&amp;[0182578 - CertainTeed - LT Amortization]"/>
        <member name="[CB - Account].[Account CB - Description].&amp;[0182579 - SC Grid LT Deferral]"/>
        <member name="[CB - Account].[Account CB - Description].&amp;[0182580 - Deferred Depreciation-Future R]"/>
        <member name="[CB - Account].[Account CB - Description].&amp;[0182581 - Current NC PIM - Distribution]"/>
        <member name="[CB - Account].[Account CB - Description].&amp;[0182582 - NC PIM - Distribution]"/>
        <member name="[CB - Account].[Account CB - Description].&amp;[0182583 - DEO Veg Mgmt Rider - Addl 19]"/>
        <member name="[CB - Account].[Account CB - Description].&amp;[0182584 - Credit Card Program]"/>
        <member name="[CB - Account].[Account CB - Description].&amp;[0182585 - DEO 20 Veg Mgmt Rider]"/>
        <member name="[CB - Account].[Account CB - Description].&amp;[0182586 - Greenhat Default Deferral]"/>
        <member name="[CB - Account].[Account CB - Description].&amp;[0182587 - Deferred Severance Charges]"/>
        <member name="[CB - Account].[Account CB - Description].&amp;[0182588 - DEK Rate Case COVID]"/>
        <member name="[CB - Account].[Account CB - Description].&amp;[0182589 - COVID-19 Deferral]"/>
        <member name="[CB - Account].[Account CB - Description].&amp;[0182590 - COVID Contra RA]"/>
        <member name="[CB - Account].[Account CB - Description].&amp;[0182591 - DEO 21 Veg Mgmt Rider]"/>
        <member name="[CB - Account].[Account CB - Description].&amp;[0182592 - 2022 DEO VEG MGMT DEFERRAL]"/>
        <member name="[CB - Account].[Account CB - Description].&amp;[0182593 - TN ARM Deferrals - 2022]"/>
        <member name="[CB - Account].[Account CB - Description].&amp;[0182594 - TN ARM Contra Equity Rtn 2022]"/>
        <member name="[CB - Account].[Account CB - Description].&amp;[0182598 - DEP ST Int Hedge-Asset]"/>
        <member name="[CB - Account].[Account CB - Description].&amp;[0182599 - DEP LT Int Hedge Asset]"/>
        <member name="[CB - Account].[Account CB - Description].&amp;[0182600 - Merger CTA-Future Recovery-FER]"/>
        <member name="[CB - Account].[Account CB - Description].&amp;[0182602 - PISCC - CCR 40%]"/>
        <member name="[CB - Account].[Account CB - Description].&amp;[0182606 - Managment Penalty Amortization]"/>
        <member name="[CB - Account].[Account CB - Description].&amp;[0182608 - CCR Deferred Depreciation - 40]"/>
        <member name="[CB - Account].[Account CB - Description].&amp;[0182609 - CCR Deferred O&amp;M - 20%]"/>
        <member name="[CB - Account].[Account CB - Description].&amp;[0182610 - CCR Plan Develop - 80%]"/>
        <member name="[CB - Account].[Account CB - Description].&amp;[0182611 - CCR Plan Develop - 20%]"/>
        <member name="[CB - Account].[Account CB - Description].&amp;[0182612 - PISCC - CCR 60%]"/>
        <member name="[CB - Account].[Account CB - Description].&amp;[0182613 - Plan Dev Def Costs 316b-80%]"/>
        <member name="[CB - Account].[Account CB - Description].&amp;[0182614 - Plan Dev Def Costs 316b-20%]"/>
        <member name="[CB - Account].[Account CB - Description].&amp;[0182616 - Purdue CHP Def O&amp;M Expense]"/>
        <member name="[CB - Account].[Account CB - Description].&amp;[0182617 - Purdue CHP Def Depreciation]"/>
        <member name="[CB - Account].[Account CB - Description].&amp;[0182620 - Crane Deferred Expenses]"/>
        <member name="[CB - Account].[Account CB - Description].&amp;[0182625 - IGCC Def Expenses]"/>
        <member name="[CB - Account].[Account CB - Description].&amp;[0182627 - Current TN Deferred Pension]"/>
        <member name="[CB - Account].[Account CB - Description].&amp;[0182628 - CCR Carrying Costs - 20%]"/>
        <member name="[CB - Account].[Account CB - Description].&amp;[0182629 - CCR Carrying Costs - 20% EQ]"/>
        <member name="[CB - Account].[Account CB - Description].&amp;[0182632 - IGCC 10 Def Expenses]"/>
        <member name="[CB - Account].[Account CB - Description].&amp;[0182640 - Fed Mandate Def Expenses]"/>
        <member name="[CB - Account].[Account CB - Description].&amp;[0182641 - Fed Mandate Carrying Costs]"/>
        <member name="[CB - Account].[Account CB - Description].&amp;[0182642 - Fed Mand Carry Costs - Equity]"/>
        <member name="[CB - Account].[Account CB - Description].&amp;[0182643 - Fed Mandate Def Depreciation]"/>
        <member name="[CB - Account].[Account CB - Description].&amp;[0182644 - TDSIC2 - Carrying Cost - EQ]"/>
        <member name="[CB - Account].[Account CB - Description].&amp;[0182645 - TDSIC2 - Carrying Costs DBT]"/>
        <member name="[CB - Account].[Account CB - Description].&amp;[0182646 - TDSIC2 - Def Depreciation]"/>
        <member name="[CB - Account].[Account CB - Description].&amp;[0182647 - TDSIC2 - Def Expenses]"/>
        <member name="[CB - Account].[Account CB - Description].&amp;[0182650 - TDSIC Def Expenses]"/>
        <member name="[CB - Account].[Account CB - Description].&amp;[0182651 - TDSIC Carrying Costs]"/>
        <member name="[CB - Account].[Account CB - Description].&amp;[0182652 - TDSIC Carrying Costs - Equity]"/>
        <member name="[CB - Account].[Account CB - Description].&amp;[0182653 - PISCC TDSIC 100% EQ (T2 &amp; T3)]"/>
        <member name="[CB - Account].[Account CB - Description].&amp;[0182654 - PISCC TDSIC 100% Equity]"/>
        <member name="[CB - Account].[Account CB - Description].&amp;[0182655 - TDSIC AMI - Def Depreciation]"/>
        <member name="[CB - Account].[Account CB - Description].&amp;[0182656 - TDSIC Def Depreciation]"/>
        <member name="[CB - Account].[Account CB - Description].&amp;[0182657 - Demand Discount]"/>
        <member name="[CB - Account].[Account CB - Description].&amp;[0182658 - Rider 73 O&amp;M Expenses]"/>
        <member name="[CB - Account].[Account CB - Description].&amp;[0182659 - Rider 73 Deferred Depreciation]"/>
        <member name="[CB - Account].[Account CB - Description].&amp;[0182660 - PSI Environ Comp Case]"/>
        <member name="[CB - Account].[Account CB - Description].&amp;[0182670 - AFUDC Continuation-Retail Reco]"/>
        <member name="[CB - Account].[Account CB - Description].&amp;[0182671 - PISCC - TDSIC 80% (T2 &amp; T3)]"/>
        <member name="[CB - Account].[Account CB - Description].&amp;[0182672 - PISCC - TDSIC 80% EQ (T2 &amp; T3)]"/>
        <member name="[CB - Account].[Account CB - Description].&amp;[0182673 - PISCC - TDSIC 20% (T2 &amp; T3)]"/>
        <member name="[CB - Account].[Account CB - Description].&amp;[0182674 - PISCC - TDSIC 20% EQ (T2 &amp; T3)]"/>
        <member name="[CB - Account].[Account CB - Description].&amp;[0182675 - PT Carrying Costs - equity]"/>
        <member name="[CB - Account].[Account CB - Description].&amp;[0182676 - TDSIC Equity - 100%]"/>
        <member name="[CB - Account].[Account CB - Description].&amp;[0182677 - Customer Connect Equity - 100%]"/>
        <member name="[CB - Account].[Account CB - Description].&amp;[0182678 - ARO Equity - 100%]"/>
        <member name="[CB - Account].[Account CB - Description].&amp;[0182680 - Defer Depr-Retail Recovery]"/>
        <member name="[CB - Account].[Account CB - Description].&amp;[0182695 - 2004 CGE Electric Rate Case]"/>
        <member name="[CB - Account].[Account CB - Description].&amp;[0182701 - 2009 Ice Storm costs]"/>
        <member name="[CB - Account].[Account CB - Description].&amp;[0182708 - SC Storm - Matthew]"/>
        <member name="[CB - Account].[Account CB - Description].&amp;[0182709 - SC Deferred Storm Costs Equity]"/>
        <member name="[CB - Account].[Account CB - Description].&amp;[0182710 - NC Storm - Matthew]"/>
        <member name="[CB - Account].[Account CB - Description].&amp;[0182711 - Distribution Storm Rider-Asset]"/>
        <member name="[CB - Account].[Account CB - Description].&amp;[0182712 - Bill Format CRES Logo Deferral]"/>
        <member name="[CB - Account].[Account CB - Description].&amp;[0182713 - Dist Storm Rider Carrying Cost]"/>
        <member name="[CB - Account].[Account CB - Description].&amp;[0182716 - Ohio Gas Integrity Deferral Co]"/>
        <member name="[CB - Account].[Account CB - Description].&amp;[0182717 - ESP IV Rate Case Def Costs]"/>
        <member name="[CB - Account].[Account CB - Description].&amp;[0182718 - DEI 2019 Rate Case]"/>
        <member name="[CB - Account].[Account CB - Description].&amp;[0182719 - 2019 Distr Storm Rider - Asset]"/>
        <member name="[CB - Account].[Account CB - Description].&amp;[0182720 - 2020 Distr Storm Rider - Asset]"/>
        <member name="[CB - Account].[Account CB - Description].&amp;[0182750 - 2005 Merger Transaction Costs]"/>
        <member name="[CB - Account].[Account CB - Description].&amp;[0182751 - Cust. Connect Deferral LT]"/>
        <member name="[CB - Account].[Account CB - Description].&amp;[0182752 - Cust. Connect Equity Resrv LT]"/>
        <member name="[CB - Account].[Account CB - Description].&amp;[0182754 - Cust. Connect Def Depreciation]"/>
        <member name="[CB - Account].[Account CB - Description].&amp;[0182755 - DEI Distrib. Veg Mgmt - Asset]"/>
        <member name="[CB - Account].[Account CB - Description].&amp;[0182756 - 316a/316b/NPDES Study Cost-20%]"/>
        <member name="[CB - Account].[Account CB - Description].&amp;[0182757 - Crane Solar Deferral]"/>
        <member name="[CB - Account].[Account CB - Description].&amp;[0182759 - Major Outage Deferral]"/>
        <member name="[CB - Account].[Account CB - Description].&amp;[0182803 - Pen Post Ret P Acctg-FAS 112]"/>
        <member name="[CB - Account].[Account CB - Description].&amp;[0182888 - Oth Reg Assets-BU B/S SvcExp]"/>
        <member name="[CB - Account].[Account CB - Description].&amp;[0182897 - VIE -Restr Reg Asset Debit Oth]"/>
        <member name="[CB - Account].[Account CB - Description].&amp;[0182900 - RTC Elec Retail Reg Asset]"/>
        <member name="[CB - Account].[Account CB - Description].&amp;[0182902 - RTC Elec Retail]"/>
        <member name="[CB - Account].[Account CB - Description].&amp;[0182903 - RTC Elec Retail Trans Mgt]"/>
        <member name="[CB - Account].[Account CB - Description].&amp;[0182904 - RTC Elec Retail Amort]"/>
        <member name="[CB - Account].[Account CB - Description].&amp;[0182905 - RTC Elec Retail Purch Pwr]"/>
        <member name="[CB - Account].[Account CB - Description].&amp;[0182907 - RTC Elec Retail Excise Tax Def]"/>
        <member name="[CB - Account].[Account CB - Description].&amp;[0182910 - LERP Delayed Cash Costs]"/>
        <member name="[CB - Account].[Account CB - Description].&amp;[0182911 - PISCC - TDSIC 80%]"/>
        <member name="[CB - Account].[Account CB - Description].&amp;[0182912 - PISCC - TDSIC 80% EQ]"/>
        <member name="[CB - Account].[Account CB - Description].&amp;[0182913 - PISCC - TDSIC 20%]"/>
        <member name="[CB - Account].[Account CB - Description].&amp;[0182914 - PISCC - TDSIC 20% EQ]"/>
        <member name="[CB - Account].[Account CB - Description].&amp;[0182915 - PISCC - TDSIC AMI]"/>
        <member name="[CB - Account].[Account CB - Description].&amp;[0182916 - PISCC - CRANE SOLAR]"/>
        <member name="[CB - Account].[Account CB - Description].&amp;[0182917 - PISCC EQ - CRANE SOLAR]"/>
        <member name="[CB - Account].[Account CB - Description].&amp;[0182918 - PISCC - MARKLAND]"/>
        <member name="[CB - Account].[Account CB - Description].&amp;[0182919 - PISCC Crane Solar 100%]"/>
        <member name="[CB - Account].[Account CB - Description].&amp;[0182920 - PISCC - MARKLAND EQ]"/>
        <member name="[CB - Account].[Account CB - Description].&amp;[0182921 - OH EL Economic Comp Fund]"/>
        <member name="[CB - Account].[Account CB - Description].&amp;[0182922 - Equity 100% PISCC]"/>
        <member name="[CB - Account].[Account CB - Description].&amp;[0182923 - PISCC CCR 100%]"/>
        <member name="[CB - Account].[Account CB - Description].&amp;[0182924 - PISCC Markland 100%]"/>
        <member name="[CB - Account].[Account CB - Description].&amp;[0182925 - PISCC Markland 100% Equity]"/>
        <member name="[CB - Account].[Account CB - Description].&amp;[0182926 - PISCC CCR 100% Equity]"/>
        <member name="[CB - Account].[Account CB - Description].&amp;[0182927 - PISCC - ATTERBURY NAAB]"/>
        <member name="[CB - Account].[Account CB - Description].&amp;[0182928 - PISCC EQ - ATTER NAAB]"/>
        <member name="[CB - Account].[Account CB - Description].&amp;[0182929 - PISCC Atterbury Naab 100%]"/>
        <member name="[CB - Account].[Account CB - Description].&amp;[0182930 - PSI 2002 Electric Rate Case]"/>
        <member name="[CB - Account].[Account CB - Description].&amp;[0182931 - PISCC EQ - CUSTOMER CONNECT]"/>
        <member name="[CB - Account].[Account CB - Description].&amp;[0182932 - PISCC - CUSTOMER CONNECT]"/>
        <member name="[CB - Account].[Account CB - Description].&amp;[0182933 - PISCC CUSTOMER CONNECT 100%]"/>
        <member name="[CB - Account].[Account CB - Description].&amp;[0182934 - PISCC - PURDUE]"/>
        <member name="[CB - Account].[Account CB - Description].&amp;[0182935 - PISCC EQ - PURDUE]"/>
        <member name="[CB - Account].[Account CB - Description].&amp;[0182936 - PISCC PURDUE  100%]"/>
        <member name="[CB - Account].[Account CB - Description].&amp;[0182940 - ULHP 2006 Electric Rate Case]"/>
        <member name="[CB - Account].[Account CB - Description].&amp;[0182947 - DEO Hillcrest Proj Reg Asset]"/>
        <member name="[CB - Account].[Account CB - Description].&amp;[0182950 - ULHP 2005 Gas Rate Case]"/>
        <member name="[CB - Account].[Account CB - Description].&amp;[0182952 - DEO 2012 Elec Dist Rate Case]"/>
        <member name="[CB - Account].[Account CB - Description].&amp;[0182956 - DEO 2007 Gas Rate Case]"/>
        <member name="[CB - Account].[Account CB - Description].&amp;[0182957 - DEO 2007 Gas Rate Case SC]"/>
        <member name="[CB - Account].[Account CB - Description].&amp;[0182958 - DEO 2012 Gas Rate Case]"/>
        <member name="[CB - Account].[Account CB - Description].&amp;[0182960 - Retail Recovery-Dynegy]"/>
        <member name="[CB - Account].[Account CB - Description].&amp;[0182961 - South Carolina Hedging Program]"/>
        <member name="[CB - Account].[Account CB - Description].&amp;[0182962 - North Carolina Hedging Program]"/>
        <member name="[CB - Account].[Account CB - Description].&amp;[0182963 - TN Hedging Open Positions]"/>
        <member name="[CB - Account].[Account CB - Description].&amp;[0182964 - Retired Plant]"/>
        <member name="[CB - Account].[Account CB - Description].&amp;[0182975 - AMRP Study Costs]"/>
        <member name="[CB - Account].[Account CB - Description].&amp;[0183000 - Prelim Survey &amp; Investigation]"/>
        <member name="[CB - Account].[Account CB - Description].&amp;[0183200 - Prelim Survey &amp; Invstigate-Oth]"/>
        <member name="[CB - Account].[Account CB - Description].&amp;[0183300 - Deferred Energy Conservation]"/>
        <member name="[CB - Account].[Account CB - Description].&amp;[0183362 - Smart Grid-Prelim Survey &amp; Inv]"/>
        <member name="[CB - Account].[Account CB - Description].&amp;[0183775 - Prelim Survey- IGCC Proj Costs]"/>
        <member name="[CB - Account].[Account CB - Description].&amp;[0183825 - PS&amp;I]"/>
        <member name="[CB - Account].[Account CB - Description].&amp;[0183888 - PrelimSrvyInvest-BU B/S-SvcExp]"/>
        <member name="[CB - Account].[Account CB - Description].&amp;[0183980 - Inactive]"/>
        <member name="[CB - Account].[Account CB - Description].&amp;[0184007 - Misc Clear-Corp Gen Acctg]"/>
        <member name="[CB - Account].[Account CB - Description].&amp;[0184008 - Misc Clear - Accounts Payable]"/>
        <member name="[CB - Account].[Account CB - Description].&amp;[0184009 - Lease Receivables]"/>
        <member name="[CB - Account].[Account CB - Description].&amp;[0184010 - Misc Clear-Transfer Of Funds]"/>
        <member name="[CB - Account].[Account CB - Description].&amp;[0184011 - Misc Clear-Freight]"/>
        <member name="[CB - Account].[Account CB - Description].&amp;[0184012 - Misc Clear-Rv Bil]"/>
        <member name="[CB - Account].[Account CB - Description].&amp;[0184013 - Misc Clear-Rv Bil-Nhc]"/>
        <member name="[CB - Account].[Account CB - Description].&amp;[0184014 - Misc Clear-Rv Bil-Cgc]"/>
        <member name="[CB - Account].[Account CB - Description].&amp;[0184015 - Misc Clear-Rv Bil-Pan Gas]"/>
        <member name="[CB - Account].[Account CB - Description].&amp;[0184016 - DOE Stimulus Funds AR]"/>
        <member name="[CB - Account].[Account CB - Description].&amp;[0184017 - Misc Clear-Payroll]"/>
        <member name="[CB - Account].[Account CB - Description].&amp;[0184018 - Clear-Rev Bill-Scheduling]"/>
        <member name="[CB - Account].[Account CB - Description].&amp;[0184020 - Misc Clear-Amex-Mm]"/>
        <member name="[CB - Account].[Account CB - Description].&amp;[0184021 - Misc Clear-Lease Vehicles]"/>
        <member name="[CB - Account].[Account CB - Description].&amp;[0184022 - Customer Ops Expense Pool]"/>
        <member name="[CB - Account].[Account CB - Description].&amp;[0184050 - Mapping Table Suspense]"/>
        <member name="[CB - Account].[Account CB - Description].&amp;[0184100 - Fringe Benefits Clearing]"/>
        <member name="[CB - Account].[Account CB - Description].&amp;[0184101 - Def Dr-Clearing]"/>
        <member name="[CB - Account].[Account CB - Description].&amp;[0184102 - Other Current Assets Clearing]"/>
        <member name="[CB - Account].[Account CB - Description].&amp;[0184103 - Other Current Liab Clearing]"/>
        <member name="[CB - Account].[Account CB - Description].&amp;[0184201 - Indirect Overheads]"/>
        <member name="[CB - Account].[Account CB - Description].&amp;[0184202 - Technical Services Dept]"/>
        <member name="[CB - Account].[Account CB - Description].&amp;[0184203 - Power Generation-PEC Clearing]"/>
        <member name="[CB - Account].[Account CB - Description].&amp;[0184204 - NED Supv Indirect Costs]"/>
        <member name="[CB - Account].[Account CB - Description].&amp;[0184205 - Fossil Fuel Dept - Admin]"/>
        <member name="[CB - Account].[Account CB - Description].&amp;[0184206 - Env Svcs-Carolina Supply]"/>
        <member name="[CB - Account].[Account CB - Description].&amp;[0184207 - NGG VP Nuc Opers Indirect Cost]"/>
        <member name="[CB - Account].[Account CB - Description].&amp;[0184208 - Power Gen Svcs Fossil Clearing]"/>
        <member name="[CB - Account].[Account CB - Description].&amp;[0184301 - Clearing-Credit Union]"/>
        <member name="[CB - Account].[Account CB - Description].&amp;[0184420 - Transportation Exp Clearing]"/>
        <member name="[CB - Account].[Account CB - Description].&amp;[0184450 - Charges To Be Tranferred(Go On]"/>
        <member name="[CB - Account].[Account CB - Description].&amp;[0184451 - FERC to GAAP 184 clearing (new]"/>
        <member name="[CB - Account].[Account CB - Description].&amp;[0184452 - Interest Rate Swap Clearing]"/>
        <member name="[CB - Account].[Account CB - Description].&amp;[0184453 - UNAPPLIED CASH-MARBS]"/>
        <member name="[CB - Account].[Account CB - Description].&amp;[0184454 - SCHM Int Rate Swap Gain Cancel]"/>
        <member name="[CB - Account].[Account CB - Description].&amp;[0184456 - Fleet Transport Cross-Charging]"/>
        <member name="[CB - Account].[Account CB - Description].&amp;[0184460 - Captive Insurance Receivable]"/>
        <member name="[CB - Account].[Account CB - Description].&amp;[0184470 - SCHM Corp Gov Houston Rel Chgs]"/>
        <member name="[CB - Account].[Account CB - Description].&amp;[0184480 - Commerical Paper Interest -]"/>
        <member name="[CB - Account].[Account CB - Description].&amp;[0184490 - SCHM Defd Tax Consulting Fees]"/>
        <member name="[CB - Account].[Account CB - Description].&amp;[0184495 - RAIL CAR LEASING CLEARING]"/>
        <member name="[CB - Account].[Account CB - Description].&amp;[018450 - Mapping Table Suspense]"/>
        <member name="[CB - Account].[Account CB - Description].&amp;[0184500 - Departmental &amp; Other Clearing]"/>
        <member name="[CB - Account].[Account CB - Description].&amp;[0184501 - Depart/Other Clearing-Fleet]"/>
        <member name="[CB - Account].[Account CB - Description].&amp;[0184502 - NES Nuclear Material Control]"/>
        <member name="[CB - Account].[Account CB - Description].&amp;[0184503 - ENV SVCS-Florida Supply]"/>
        <member name="[CB - Account].[Account CB - Description].&amp;[0184504 - RCO FPC Term Contracts]"/>
        <member name="[CB - Account].[Account CB - Description].&amp;[0184505 - Power Generation-PEF Clearing]"/>
        <member name="[CB - Account].[Account CB - Description].&amp;[0184506 - RCO Power Trading]"/>
        <member name="[CB - Account].[Account CB - Description].&amp;[0184507 - NGG VP Nuc Oversight Ind Cost]"/>
        <member name="[CB - Account].[Account CB - Description].&amp;[0184508 - NED-NUCLEAR FUEL ADMIN COSTS]"/>
        <member name="[CB - Account].[Account CB - Description].&amp;[0184509 - FOSSIL GEN DEPT-MAINT SUPPORT]"/>
        <member name="[CB - Account].[Account CB - Description].&amp;[0184510 - FGD DEPT STAFF]"/>
        <member name="[CB - Account].[Account CB - Description].&amp;[0184511 - GRID MOD DUKE CAPITAL ALLOC]"/>
        <member name="[CB - Account].[Account CB - Description].&amp;[0184512 - NUCLEAR SECURITY INDIRECTS]"/>
        <member name="[CB - Account].[Account CB - Description].&amp;[0184600 - Joint Operations]"/>
        <member name="[CB - Account].[Account CB - Description].&amp;[0184601 - Ind Labor Non-Union Clearing]"/>
        <member name="[CB - Account].[Account CB - Description].&amp;[0184610 - Ind Labor Union Clearing]"/>
        <member name="[CB - Account].[Account CB - Description].&amp;[0184620 - Unit Train Exp Clearing]"/>
        <member name="[CB - Account].[Account CB - Description].&amp;[0184670 - Aerial Patrol Expense]"/>
        <member name="[CB - Account].[Account CB - Description].&amp;[0184888 - Clearing Acct-BU B/S-SvcCo Exp]"/>
        <member name="[CB - Account].[Account CB - Description].&amp;[0184900 - IT SCH M:DECOM CON QUAL FUNDS]"/>
        <member name="[CB - Account].[Account CB - Description].&amp;[0184901 - IT SCH M: MEALS &amp; ENTERTAIN 20]"/>
        <member name="[CB - Account].[Account CB - Description].&amp;[0184902 - IT SCH M: MEALS &amp; ENTERTAIN 50]"/>
        <member name="[CB - Account].[Account CB - Description].&amp;[0184903 - IT SCH M: MEALS &amp; ENTERTN 100]"/>
        <member name="[CB - Account].[Account CB - Description].&amp;[0184904 - IT SCH M: TAX EXEMPT INT]"/>
        <member name="[CB - Account].[Account CB - Description].&amp;[0184905 - IT SCH M: CATWBA EXMPT INT INC]"/>
        <member name="[CB - Account].[Account CB - Description].&amp;[0184906 - IT SCH M: PARKING DECK-CURRENT]"/>
        <member name="[CB - Account].[Account CB - Description].&amp;[0184907 - IT SCH M: PARKING DECK-LT]"/>
        <member name="[CB - Account].[Account CB - Description].&amp;[0184908 - IT SCH M: CAP PROP TX REAL PRP]"/>
        <member name="[CB - Account].[Account CB - Description].&amp;[0184909 - IT SCH M: CIAC ACCRUAL]"/>
        <member name="[CB - Account].[Account CB - Description].&amp;[0184910 - IT SCH M: COST OF REMOVAL]"/>
        <member name="[CB - Account].[Account CB - Description].&amp;[0184911 - IT SCH M: DECOM CON N-Q FUNDS]"/>
        <member name="[CB - Account].[Account CB - Description].&amp;[0184912 - IT SCH M: PENSION PYMTS]"/>
        <member name="[CB - Account].[Account CB - Description].&amp;[0184913 - IT SCH M: PREPAID INSURANCE]"/>
        <member name="[CB - Account].[Account CB - Description].&amp;[0184914 - IT SCH M: LOW LVEL RADIO WASTE]"/>
        <member name="[CB - Account].[Account CB - Description].&amp;[0184915 - IT SCH M: HYDRO FACILITY RENT]"/>
        <member name="[CB - Account].[Account CB - Description].&amp;[0184916 - ARO Asset]"/>
        <member name="[CB - Account].[Account CB - Description].&amp;[0184917 - IT SCH M: DUES]"/>
        <member name="[CB - Account].[Account CB - Description].&amp;[0184918 - IT SCH M:Frankln Plant Repairs]"/>
        <member name="[CB - Account].[Account CB - Description].&amp;[0184919 - IT SCH M:NPL Generator Rewing]"/>
        <member name="[CB - Account].[Account CB - Description].&amp;[0184920 - IT SCH M:Oil Clean-Up]"/>
        <member name="[CB - Account].[Account CB - Description].&amp;[0184921 - IT SCH M:Painting Costs]"/>
        <member name="[CB - Account].[Account CB - Description].&amp;[0184922 - IT SCH M:Snowstorm Costs 03/93]"/>
        <member name="[CB - Account].[Account CB - Description].&amp;[0184923 - IT SCH M:Snowstorm Costs 12/93]"/>
        <member name="[CB - Account].[Account CB - Description].&amp;[0184924 - IT SCH M:Opal Storm Costs]"/>
        <member name="[CB - Account].[Account CB - Description].&amp;[0184925 - IT SCH M:Thrp Generator Rewind]"/>
        <member name="[CB - Account].[Account CB - Description].&amp;[0184926 - IT SCH M:Section 124 Depr]"/>
        <member name="[CB - Account].[Account CB - Description].&amp;[0184927 - IT SCH M:Section 124A Depr]"/>
        <member name="[CB - Account].[Account CB - Description].&amp;[0184928 - IT SCH M:Catawba Reserve]"/>
        <member name="[CB - Account].[Account CB - Description].&amp;[0184929 - IT SCH M: Lobbing Expense]"/>
        <member name="[CB - Account].[Account CB - Description].&amp;[0184930 - IT SCH M: Charitable Donations]"/>
        <member name="[CB - Account].[Account CB - Description].&amp;[0184931 - IT SCH M: Flyash Reserve]"/>
        <member name="[CB - Account].[Account CB - Description].&amp;[0184932 - IT SCH M: Reserve-Long Term]"/>
        <member name="[CB - Account].[Account CB - Description].&amp;[0184933 - IT SCH M: Misc Income]"/>
        <member name="[CB - Account].[Account CB - Description].&amp;[0184934 - IT SCH M: Operating Expense]"/>
        <member name="[CB - Account].[Account CB - Description].&amp;[0184935 - IT SCH M: MiscPrepaid&amp;EmpExp]"/>
        <member name="[CB - Account].[Account CB - Description].&amp;[0184936 - IT SCH M: Admin Expense]"/>
        <member name="[CB - Account].[Account CB - Description].&amp;[0184937 - IT SCHM: Nuclear Insurance Res]"/>
        <member name="[CB - Account].[Account CB - Description].&amp;[0184938 - IT SCHM:NPL Inj and Damages]"/>
        <member name="[CB - Account].[Account CB - Description].&amp;[0184939 - It Sch M:Spousal Travel]"/>
        <member name="[CB - Account].[Account CB - Description].&amp;[0184940 - IT SCH M: DOE Clean up Fees]"/>
        <member name="[CB - Account].[Account CB - Description].&amp;[0184999 - IT SCH M: TAX OFF SET]"/>
        <member name="[CB - Account].[Account CB - Description].&amp;[0185261 - Grid Deferral - SC]"/>
        <member name="[CB - Account].[Account CB - Description].&amp;[0185888 - Temp Facil - BU B/S-SvcCoExp]"/>
        <member name="[CB - Account].[Account CB - Description].&amp;[0186000 - NC Environmental Expense]"/>
        <member name="[CB - Account].[Account CB - Description].&amp;[0186001 - Unfunded Dsit-Gaap]"/>
        <member name="[CB - Account].[Account CB - Description].&amp;[0186002 - Reserve-Misc Def Debits]"/>
        <member name="[CB - Account].[Account CB - Description].&amp;[0186003 - SC Environmental Expense]"/>
        <member name="[CB - Account].[Account CB - Description].&amp;[0186004 - TN Environmental Expense]"/>
        <member name="[CB - Account].[Account CB - Description].&amp;[0186005 - Def Dr-Sable Island-C]"/>
        <member name="[CB - Account].[Account CB - Description].&amp;[0186006 - Def Dr -Development Costs]"/>
        <member name="[CB - Account].[Account CB - Description].&amp;[0186007 - Accum Amort Dev Costs]"/>
        <member name="[CB - Account].[Account CB - Description].&amp;[0186008 - Ferc Annual Budget 2001]"/>
        <member name="[CB - Account].[Account CB - Description].&amp;[0186009 - Def Dr-Comm. Fees]"/>
        <member name="[CB - Account].[Account CB - Description].&amp;[0186010 - Deferred Billings-Transmission]"/>
        <member name="[CB - Account].[Account CB - Description].&amp;[0186011 - Def Dr-Pngts Tax]"/>
        <member name="[CB - Account].[Account CB - Description].&amp;[0186012 - Ferc Annual Budget 2002]"/>
        <member name="[CB - Account].[Account CB - Description].&amp;[0186013 - Def Dr-Net Exchange Imbalance]"/>
        <member name="[CB - Account].[Account CB - Description].&amp;[0186014 - Def Dr-Storage Imbalance]"/>
        <member name="[CB - Account].[Account CB - Description].&amp;[0186015 - FERC Annual Budget 2003]"/>
        <member name="[CB - Account].[Account CB - Description].&amp;[0186016 - Other Well Connect Assets]"/>
        <member name="[CB - Account].[Account CB - Description].&amp;[0186017 - FERC Annual Budget 2004]"/>
        <member name="[CB - Account].[Account CB - Description].&amp;[0186018 - FERC Annual Budget 2005]"/>
        <member name="[CB - Account].[Account CB - Description].&amp;[0186019 - FERC Annual Budget 2006]"/>
        <member name="[CB - Account].[Account CB - Description].&amp;[0186020 - Vision Florida Def O&amp;M]"/>
        <member name="[CB - Account].[Account CB - Description].&amp;[0186021 - Vision Florida Capital]"/>
        <member name="[CB - Account].[Account CB - Description].&amp;[0186022 - ST Asset Closed Def Int Hedge]"/>
        <member name="[CB - Account].[Account CB - Description].&amp;[0186023 - Coal Mine Safety-OCA F2G]"/>
        <member name="[CB - Account].[Account CB - Description].&amp;[0186024 - Misc Def Debits-OCL FTG]"/>
        <member name="[CB - Account].[Account CB - Description].&amp;[0186025 - Misc Deferred Debits Sch M]"/>
        <member name="[CB - Account].[Account CB - Description].&amp;[0186026 - Life Insurance/Policy Loans]"/>
        <member name="[CB - Account].[Account CB - Description].&amp;[0186027 - KO Transmission 2015-2016 Rate]"/>
        <member name="[CB - Account].[Account CB - Description].&amp;[0186029 - Misc Def Debit MISO Activity]"/>
        <member name="[CB - Account].[Account CB - Description].&amp;[0186030 - Corp Svcs Work in Progress]"/>
        <member name="[CB - Account].[Account CB - Description].&amp;[0186031 - Gas Pipeline Charges-ST]"/>
        <member name="[CB - Account].[Account CB - Description].&amp;[0186032 - Off System Support-Not billed]"/>
        <member name="[CB - Account].[Account CB - Description].&amp;[0186033 - Deferred Study Costs]"/>
        <member name="[CB - Account].[Account CB - Description].&amp;[0186034 - Environmental Mitigation Proj]"/>
        <member name="[CB - Account].[Account CB - Description].&amp;[0186035 - NCEMPA NC Equity Reserve]"/>
        <member name="[CB - Account].[Account CB - Description].&amp;[0186037 - NC CustConnect - Equity Rsv ST]"/>
        <member name="[CB - Account].[Account CB - Description].&amp;[0186038 - NC CustConnect - Equity Rsv LT]"/>
        <member name="[CB - Account].[Account CB - Description].&amp;[0186039 - East Bend CO2 Capture System]"/>
        <member name="[CB - Account].[Account CB - Description].&amp;[0186040 - LT BPM Sharing]"/>
        <member name="[CB - Account].[Account CB - Description].&amp;[0186041 - Def Dr-Gas Acctg]"/>
        <member name="[CB - Account].[Account CB - Description].&amp;[0186042 - Deferred Fuel Reimbursement]"/>
        <member name="[CB - Account].[Account CB - Description].&amp;[0186043 - Deferred Debit-Oakford]"/>
        <member name="[CB - Account].[Account CB - Description].&amp;[0186044 - Deferred Debit-Leidy]"/>
        <member name="[CB - Account].[Account CB - Description].&amp;[0186045 - Suspense cash 0484 BOA DEBS]"/>
        <member name="[CB - Account].[Account CB - Description].&amp;[0186046 - ORS Avoided Cost Cnslt]"/>
        <member name="[CB - Account].[Account CB - Description].&amp;[0186047 - Oth Def Debit - Inc Tax]"/>
        <member name="[CB - Account].[Account CB - Description].&amp;[0186048 - Plan and Dev - New Generation]"/>
        <member name="[CB - Account].[Account CB - Description].&amp;[0186050 - Owner Controlled Ins Program]"/>
        <member name="[CB - Account].[Account CB - Description].&amp;[0186051 - Joint Owner Misc Deferred Exp]"/>
        <member name="[CB - Account].[Account CB - Description].&amp;[0186052 - PIPP arrearage forgiveness]"/>
        <member name="[CB - Account].[Account CB - Description].&amp;[0186053 - PIPP arrearage forgiveness 2]"/>
        <member name="[CB - Account].[Account CB - Description].&amp;[0186055 - NCEMPA SC Equity Reserve]"/>
        <member name="[CB - Account].[Account CB - Description].&amp;[0186056 - NCEMPA SC Equity Reserve - ST]"/>
        <member name="[CB - Account].[Account CB - Description].&amp;[0186060 - I&amp;D Insurance Receivable]"/>
        <member name="[CB - Account].[Account CB - Description].&amp;[0186061 - Allowance IandD Insur. Rec]"/>
        <member name="[CB - Account].[Account CB - Description].&amp;[0186070 - Inactive]"/>
        <member name="[CB - Account].[Account CB - Description].&amp;[0186071 - CertainTeed stlmnt SC retail]"/>
        <member name="[CB - Account].[Account CB - Description].&amp;[0186072 - CertainTeed stlmnt Wholesale]"/>
        <member name="[CB - Account].[Account CB - Description].&amp;[0186075 - Smart Grid OCA]"/>
        <member name="[CB - Account].[Account CB - Description].&amp;[0186080 - Intercompany Deferred Debit]"/>
        <member name="[CB - Account].[Account CB - Description].&amp;[0186090 - I&amp;D O/S Svcs Receivable]"/>
        <member name="[CB - Account].[Account CB - Description].&amp;[0186100 - Balancing Gas - Union Gas]"/>
        <member name="[CB - Account].[Account CB - Description].&amp;[0186101 - DEF CR3 NCR-Reg Asst Base Rate]"/>
        <member name="[CB - Account].[Account CB - Description].&amp;[0186102 - DEF CR3 Dry Cask Storage]"/>
        <member name="[CB - Account].[Account CB - Description].&amp;[0186103 - DEO 2016 Electric Rate Case Ex]"/>
        <member name="[CB - Account].[Account CB - Description].&amp;[0186104 - DEFERRED ASSET-EXIT COSTS]"/>
        <member name="[CB - Account].[Account CB - Description].&amp;[0186105 - Current Regulatory Asset - VIE]"/>
        <member name="[CB - Account].[Account CB - Description].&amp;[0186106 - 2017 ESP Case Expenses]"/>
        <member name="[CB - Account].[Account CB - Description].&amp;[0186109 - DEF DCS Contra Equity]"/>
        <member name="[CB - Account].[Account CB - Description].&amp;[0186111 - Cust Connect Def O&amp;M]"/>
        <member name="[CB - Account].[Account CB - Description].&amp;[0186112 - Goodwill]"/>
        <member name="[CB - Account].[Account CB - Description].&amp;[0186114 - Intercompany Goodwill]"/>
        <member name="[CB - Account].[Account CB - Description].&amp;[0186117 - DEO 2022 Rate Case - Gas]"/>
        <member name="[CB - Account].[Account CB - Description].&amp;[0186120 - Misc. Wip-Fp Dist. Wids]"/>
        <member name="[CB - Account].[Account CB - Description].&amp;[0186130 - LT_NOTEREC_CERT]"/>
        <member name="[CB - Account].[Account CB - Description].&amp;[0186140 - INTERCO DERIV ASSET NONCURRENT]"/>
        <member name="[CB - Account].[Account CB - Description].&amp;[0186141 - SCHM 3rd Pty Deriv Asst Noncur]"/>
        <member name="[CB - Account].[Account CB - Description].&amp;[0186144 - LT FAS Contra - Asset]"/>
        <member name="[CB - Account].[Account CB - Description].&amp;[0186150 - NonCurr Underecovery Fuel Cost]"/>
        <member name="[CB - Account].[Account CB - Description].&amp;[0186160 - Long Term Assets of VIEs]"/>
        <member name="[CB - Account].[Account CB - Description].&amp;[0186170 - Reg Asset FAS 158 OCI Qual]"/>
        <member name="[CB - Account].[Account CB - Description].&amp;[0186171 - Reg Asset FAS 158 OCI NQ]"/>
        <member name="[CB - Account].[Account CB - Description].&amp;[0186172 - Reg Asset FAS 158 OCI OPEB]"/>
        <member name="[CB - Account].[Account CB - Description].&amp;[0186175 - LT Lease Receivables]"/>
        <member name="[CB - Account].[Account CB - Description].&amp;[0186176 - Deferred lease expense]"/>
        <member name="[CB - Account].[Account CB - Description].&amp;[0186177 - Reg asset - Leases]"/>
        <member name="[CB - Account].[Account CB - Description].&amp;[0186180 - COR Settlement - SC]"/>
        <member name="[CB - Account].[Account CB - Description].&amp;[0186181 - COR Settlement - NC]"/>
        <member name="[CB - Account].[Account CB - Description].&amp;[0186195 - DEFERRED RATE CASE EXPENSE]"/>
        <member name="[CB - Account].[Account CB - Description].&amp;[0186200 - CONTRA_UNAMOR_DEBT_PURCH_ACCTG]"/>
        <member name="[CB - Account].[Account CB - Description].&amp;[0186201 - Def Project/Acq Exp]"/>
        <member name="[CB - Account].[Account CB - Description].&amp;[0186202 - Accrual Pwr Deals with a Value]"/>
        <member name="[CB - Account].[Account CB - Description].&amp;[0186204 - Intang Assets Gas Purch Acctg]"/>
        <member name="[CB - Account].[Account CB - Description].&amp;[0186206 - Fuel-EA-Derv Intangible Assets]"/>
        <member name="[CB - Account].[Account CB - Description].&amp;[0186207 - Intang Assets Rate Stabiliz]"/>
        <member name="[CB - Account].[Account CB - Description].&amp;[0186208 - Intangible Asset Pwr Trdg Cont]"/>
        <member name="[CB - Account].[Account CB - Description].&amp;[0186209 - Intangible Assets OVEC Inv]"/>
        <member name="[CB - Account].[Account CB - Description].&amp;[0186210 - Westmoreland Contracts]"/>
        <member name="[CB - Account].[Account CB - Description].&amp;[0186213 - Intang Assets-Naming Rights]"/>
        <member name="[CB - Account].[Account CB - Description].&amp;[0186214 - Intang Assets-Customer Incent]"/>
        <member name="[CB - Account].[Account CB - Description].&amp;[0186215 - Def GASCO - Intangible Asset]"/>
        <member name="[CB - Account].[Account CB - Description].&amp;[0186216 - Intang Assets-Noncompete Agmnt]"/>
        <member name="[CB - Account].[Account CB - Description].&amp;[0186220 - SCHM Deferred Dsm Costs-Nc]"/>
        <member name="[CB - Account].[Account CB - Description].&amp;[0186221 - NonCurrent BPM Sharing Recvbl]"/>
        <member name="[CB - Account].[Account CB - Description].&amp;[0186222 - Reserve Equity BPM Sharing AR]"/>
        <member name="[CB - Account].[Account CB - Description].&amp;[0186230 - SCHM Deferred Dsm Costs_Sc]"/>
        <member name="[CB - Account].[Account CB - Description].&amp;[0186232 - Accum_Amort_Intang_Assets]"/>
        <member name="[CB - Account].[Account CB - Description].&amp;[0186233 - Accrl Pwr Deals w/Value Amort]"/>
        <member name="[CB - Account].[Account CB - Description].&amp;[0186236 - Accum_Amort_Intang_Pur_Acct]"/>
        <member name="[CB - Account].[Account CB - Description].&amp;[0186237 - Acc_Amort_Emission_Allow]"/>
        <member name="[CB - Account].[Account CB - Description].&amp;[0186238 - Acc_Amort_Coal,Gas&amp;Power]"/>
        <member name="[CB - Account].[Account CB - Description].&amp;[0186239 - Acc_Amort_Other]"/>
        <member name="[CB - Account].[Account CB - Description].&amp;[0186240 - SCHM Deferred Dsm Incentive_Nc]"/>
        <member name="[CB - Account].[Account CB - Description].&amp;[0186241 - Intng Asst Pwr Trdg Cont Amort]"/>
        <member name="[CB - Account].[Account CB - Description].&amp;[0186242 - Intang Assets OVEC Inv Amort]"/>
        <member name="[CB - Account].[Account CB - Description].&amp;[0186243 - Intang Asset-Name Rights Amort]"/>
        <member name="[CB - Account].[Account CB - Description].&amp;[0186244 - Intang Asset-Cust Incent Amort]"/>
        <member name="[CB - Account].[Account CB - Description].&amp;[0186245 - Def GASCO-Intang Asset Amort]"/>
        <member name="[CB - Account].[Account CB - Description].&amp;[0186246 - Intang Asset-Noncmp Agmt Amort]"/>
        <member name="[CB - Account].[Account CB - Description].&amp;[0186247 - Fuel/EA Derv Intng Asset Amort]"/>
        <member name="[CB - Account].[Account CB - Description].&amp;[0186248 - Amort-Wind Intangibles]"/>
        <member name="[CB - Account].[Account CB - Description].&amp;[0186249 - Coal Ash Deferred Spend]"/>
        <member name="[CB - Account].[Account CB - Description].&amp;[0186250 - SCHM Deferred Dsm Incentive-Sc]"/>
        <member name="[CB - Account].[Account CB - Description].&amp;[0186251 - Contra Equty Coal Ash Spend RA]"/>
        <member name="[CB - Account].[Account CB - Description].&amp;[0186260 - Coastal Wind Deferrals]"/>
        <member name="[CB - Account].[Account CB - Description].&amp;[0186270 - 12/95]"/>
        <member name="[CB - Account].[Account CB - Description].&amp;[0186280 - DEFERRED VACATION PAY ACCRUAL]"/>
        <member name="[CB - Account].[Account CB - Description].&amp;[0186281 - Accrued Coal Capacity Exp]"/>
        <member name="[CB - Account].[Account CB - Description].&amp;[0186282 - SMART GRID DEFERRED COSTS]"/>
        <member name="[CB - Account].[Account CB - Description].&amp;[0186283 - Hedge Asset Pre-Tax]"/>
        <member name="[CB - Account].[Account CB - Description].&amp;[0186284 - Estimated Payroll]"/>
        <member name="[CB - Account].[Account CB - Description].&amp;[0186290 - Oth Deferred Charges-Operation]"/>
        <member name="[CB - Account].[Account CB - Description].&amp;[0186295 - Deferred Storm Expenses]"/>
        <member name="[CB - Account].[Account CB - Description].&amp;[0186296 - Contra Deferred Storm Costs]"/>
        <member name="[CB - Account].[Account CB - Description].&amp;[0186300 - Purch Capacity - Curr Portion]"/>
        <member name="[CB - Account].[Account CB - Description].&amp;[0186301 - Lease Receivable]"/>
        <member name="[CB - Account].[Account CB - Description].&amp;[0186310 - Bond Issue Expense]"/>
        <member name="[CB - Account].[Account CB - Description].&amp;[0186315 - Life Ins-Defd Comp Agreement]"/>
        <member name="[CB - Account].[Account CB - Description].&amp;[0186316 - Coal Ash Spend - NC Retail]"/>
        <member name="[CB - Account].[Account CB - Description].&amp;[0186317 - Coal Ash Spend - SC Retail]"/>
        <member name="[CB - Account].[Account CB - Description].&amp;[0186318 - Coal AshSpend - Wholesale]"/>
        <member name="[CB - Account].[Account CB - Description].&amp;[0186320 - Common Stock Expense]"/>
        <member name="[CB - Account].[Account CB - Description].&amp;[0186330 - Preferred Stock Expense]"/>
        <member name="[CB - Account].[Account CB - Description].&amp;[0186340 - Inactive]"/>
        <member name="[CB - Account].[Account CB - Description].&amp;[0186341 - Unearned Income]"/>
        <member name="[CB - Account].[Account CB - Description].&amp;[0186350 - Pollution Cont'L Financing Exp]"/>
        <member name="[CB - Account].[Account CB - Description].&amp;[0186351 - DEO 2012 Gas Rate Case]"/>
        <member name="[CB - Account].[Account CB - Description].&amp;[0186352 - DEO 2012 Elec Dist Rate Case]"/>
        <member name="[CB - Account].[Account CB - Description].&amp;[0186353 - DEK 2011 Gas Rate Case]"/>
        <member name="[CB - Account].[Account CB - Description].&amp;[0186355 - Other Reg Asset - CAIR]"/>
        <member name="[CB - Account].[Account CB - Description].&amp;[0186356 - DEK 2011 Electric Rate Case]"/>
        <member name="[CB - Account].[Account CB - Description].&amp;[0186357 - DEK 2009 Gas Rate Case Reg]"/>
        <member name="[CB - Account].[Account CB - Description].&amp;[0186358 - DE Indiana Rate Case 2010]"/>
        <member name="[CB - Account].[Account CB - Description].&amp;[0186360 - Note Issue Expense]"/>
        <member name="[CB - Account].[Account CB - Description].&amp;[0186361 - Save A Watt Misc Def Deb]"/>
        <member name="[CB - Account].[Account CB - Description].&amp;[0186362 - Smart Grid Misc Def Deb]"/>
        <member name="[CB - Account].[Account CB - Description].&amp;[0186370 - Inactive]"/>
        <member name="[CB - Account].[Account CB - Description].&amp;[0186375 - Interest Rate Lock - Regulator]"/>
        <member name="[CB - Account].[Account CB - Description].&amp;[0186390 - Deferred Rate Activity Exp-07]"/>
        <member name="[CB - Account].[Account CB - Description].&amp;[0186391 - Deferred Rate Activity Exp-09]"/>
        <member name="[CB - Account].[Account CB - Description].&amp;[0186392 - Deferred Rate Case Exp -  NC]"/>
        <member name="[CB - Account].[Account CB - Description].&amp;[0186393 - Deferred Rate Activity Exp-12]"/>
        <member name="[CB - Account].[Account CB - Description].&amp;[018640 - ARO Liability - Ash Mgmt]"/>
        <member name="[CB - Account].[Account CB - Description].&amp;[0186400 - SECI-Lakeland Intercon Upgrade]"/>
        <member name="[CB - Account].[Account CB - Description].&amp;[0186405 - Def Debits Billed to Partners]"/>
        <member name="[CB - Account].[Account CB - Description].&amp;[0186410 - Error Suspense- Accts Payable]"/>
        <member name="[CB - Account].[Account CB - Description].&amp;[0186420 - Error Suspense-Customer Acct'G]"/>
        <member name="[CB - Account].[Account CB - Description].&amp;[0186430 - Error Suspense - Capital Acctg]"/>
        <member name="[CB - Account].[Account CB - Description].&amp;[0186431 - Split Dollar Insurance]"/>
        <member name="[CB - Account].[Account CB - Description].&amp;[0186440 - Error Suspense - Fssg]"/>
        <member name="[CB - Account].[Account CB - Description].&amp;[0186450 - Error Suspense - Other Product]"/>
        <member name="[CB - Account].[Account CB - Description].&amp;[0186460 - Error Suspense- Mapps(Invoice)]"/>
        <member name="[CB - Account].[Account CB - Description].&amp;[0186471 - GALLAGHER_WHOLESALE PORTION]"/>
        <member name="[CB - Account].[Account CB - Description].&amp;[0186472 - GALLAGHER_WHOLESALE CONTRA]"/>
        <member name="[CB - Account].[Account CB - Description].&amp;[0186480 - MISC DEBITS TO BE CLEARED]"/>
        <member name="[CB - Account].[Account CB - Description].&amp;[0186490 - DEFERRED FUEL COST]"/>
        <member name="[CB - Account].[Account CB - Description].&amp;[0186500 - Other Long Term Receivable]"/>
        <member name="[CB - Account].[Account CB - Description].&amp;[0186505 - Fixed Gas deferred O&amp;M costs]"/>
        <member name="[CB - Account].[Account CB - Description].&amp;[0186506 - Deferred Coal and Oil Costs]"/>
        <member name="[CB - Account].[Account CB - Description].&amp;[0186550 - Odd Cent Adj-Plt In Ser]"/>
        <member name="[CB - Account].[Account CB - Description].&amp;[0186560 - Odd Cent Adj-General Ledger]"/>
        <member name="[CB - Account].[Account CB - Description].&amp;[0186570 - Inactive]"/>
        <member name="[CB - Account].[Account CB - Description].&amp;[0186580 - Error-Suspense]"/>
        <member name="[CB - Account].[Account CB - Description].&amp;[0186581 - Misc Def Debit-Ohio Excise Tax]"/>
        <member name="[CB - Account].[Account CB - Description].&amp;[0186600 - Misc Reg Asset - FAS 87Q]"/>
        <member name="[CB - Account].[Account CB - Description].&amp;[0186601 - Contra Misc Regulatory Asset]"/>
        <member name="[CB - Account].[Account CB - Description].&amp;[0186602 - Reg Asset - FAS 87 NQ]"/>
        <member name="[CB - Account].[Account CB - Description].&amp;[0186603 - Reg Asset - FAS 106]"/>
        <member name="[CB - Account].[Account CB - Description].&amp;[0186604 - Reg Asset -  FAS 112]"/>
        <member name="[CB - Account].[Account CB - Description].&amp;[0186605 - MISC DEFER DEBIT WORKERS COMP]"/>
        <member name="[CB - Account].[Account CB - Description].&amp;[0186606 - OTHER MISC DEBIT-GOV IMPOSIT]"/>
        <member name="[CB - Account].[Account CB - Description].&amp;[0186610 - PEC UNRECOVERED PLANT]"/>
        <member name="[CB - Account].[Account CB - Description].&amp;[0186620 - Intag Asset Assoc-Misc Re]"/>
        <member name="[CB - Account].[Account CB - Description].&amp;[0186625 - Intang Asset Fas87-Qual Pen]"/>
        <member name="[CB - Account].[Account CB - Description].&amp;[0186630 - LT Closed Def Int Hedge]"/>
        <member name="[CB - Account].[Account CB - Description].&amp;[0186632 - Open Def Int Hedge Pre-Tax]"/>
        <member name="[CB - Account].[Account CB - Description].&amp;[0186650 - MISC GAAP ADJ]"/>
        <member name="[CB - Account].[Account CB - Description].&amp;[0186660 - Solar - Deferred Cost]"/>
        <member name="[CB - Account].[Account CB - Description].&amp;[0186661 - Reserve Equity  - Solar]"/>
        <member name="[CB - Account].[Account CB - Description].&amp;[0186700 - DEC Unrecovered Plant]"/>
        <member name="[CB - Account].[Account CB - Description].&amp;[0186710 - SCHM Def Catawba Pur Cap-Nc]"/>
        <member name="[CB - Account].[Account CB - Description].&amp;[0186720 - Roxboro WWT Defer]"/>
        <member name="[CB - Account].[Account CB - Description].&amp;[0186730 - SCHM Def Catawba Pur Cap-Whsle]"/>
        <member name="[CB - Account].[Account CB - Description].&amp;[0186770 - Misc Deferred Debits Debt]"/>
        <member name="[CB - Account].[Account CB - Description].&amp;[0186801 - Other Work In Progress]"/>
        <member name="[CB - Account].[Account CB - Description].&amp;[0186802 - Accr Pen FAS158 - Qual]"/>
        <member name="[CB - Account].[Account CB - Description].&amp;[0186803 - Pen Post Ret FAS158-FAS 106]"/>
        <member name="[CB - Account].[Account CB - Description].&amp;[0186804 - Pen Post Ret P Acctg-Qual]"/>
        <member name="[CB - Account].[Account CB - Description].&amp;[0186805 - Pen PostRet FAS158-FAS 87 NQ]"/>
        <member name="[CB - Account].[Account CB - Description].&amp;[0186810 - SCHM Ret On Def Cat Pur Cap-Nc]"/>
        <member name="[CB - Account].[Account CB - Description].&amp;[0186820 - SCHM Ret On Def Cat Pur Cap-Sc]"/>
        <member name="[CB - Account].[Account CB - Description].&amp;[0186830 - SCHM Ret On Def Cat Pur Cap-Wh]"/>
        <member name="[CB - Account].[Account CB - Description].&amp;[0186888 - Misc Def Dbt - BU B/S-SvcCoExp]"/>
        <member name="[CB - Account].[Account CB - Description].&amp;[0186889 - Asset Recovery Deferred]"/>
        <member name="[CB - Account].[Account CB - Description].&amp;[0186910 - Deferred Benefit Plan- AS]"/>
        <member name="[CB - Account].[Account CB - Description].&amp;[0186915 - Acc Exp - Debt Issuances]"/>
        <member name="[CB - Account].[Account CB - Description].&amp;[0186920 - Deferred Debit - Energy Bank]"/>
        <member name="[CB - Account].[Account CB - Description].&amp;[0186922 - Intercompany Deferred Debits]"/>
        <member name="[CB - Account].[Account CB - Description].&amp;[0186930 - Def Debit - Ret Plan Executive]"/>
        <member name="[CB - Account].[Account CB - Description].&amp;[0186931 - Def Debit - Ret Plan Employees]"/>
        <member name="[CB - Account].[Account CB - Description].&amp;[0186932 - Notes Rec - LT]"/>
        <member name="[CB - Account].[Account CB - Description].&amp;[0186933 - Restricted LT Receivable VIEs]"/>
        <member name="[CB - Account].[Account CB - Description].&amp;[0186940 - Unproductive Loading]"/>
        <member name="[CB - Account].[Account CB - Description].&amp;[0186950 - Unproductive Vacation]"/>
        <member name="[CB - Account].[Account CB - Description].&amp;[0186958 - DEO 2008 Elec Rate Case Exp]"/>
        <member name="[CB - Account].[Account CB - Description].&amp;[0186959 - Ohio SSO / MRO Exp]"/>
        <member name="[CB - Account].[Account CB - Description].&amp;[0186960 - MISO MTEP - PJM Mkt Trnsfr Exp]"/>
        <member name="[CB - Account].[Account CB - Description].&amp;[0186963 - Risk Deferred Activity - LT]"/>
        <member name="[CB - Account].[Account CB - Description].&amp;[0186979 - Covid Deferrals]"/>
        <member name="[CB - Account].[Account CB - Description].&amp;[0186980 - COVID Contra RA]"/>
        <member name="[CB - Account].[Account CB - Description].&amp;[0186981 - Deferred Debits w/ElectGrp Ops]"/>
        <member name="[CB - Account].[Account CB - Description].&amp;[0186982 - Project Construction]"/>
        <member name="[CB - Account].[Account CB - Description].&amp;[0186983 - Risk Deferred Activity - LT]"/>
        <member name="[CB - Account].[Account CB - Description].&amp;[0186984 - Other Long Term Assets]"/>
        <member name="[CB - Account].[Account CB - Description].&amp;[0186985 - Loss on Commodity Operations]"/>
        <member name="[CB - Account].[Account CB - Description].&amp;[0186986 - Impairment of Engage Investmen]"/>
        <member name="[CB - Account].[Account CB - Description].&amp;[0186987 - Office Lease Cancellation]"/>
        <member name="[CB - Account].[Account CB - Description].&amp;[0186988 - Ash Management Suspense]"/>
        <member name="[CB - Account].[Account CB - Description].&amp;[0186989 - Unrealized Gain - DETM]"/>
        <member name="[CB - Account].[Account CB - Description].&amp;[0186990 - Suspense-DE&amp;S]"/>
        <member name="[CB - Account].[Account CB - Description].&amp;[0186991 - FV of hedges-Financial Hedges]"/>
        <member name="[CB - Account].[Account CB - Description].&amp;[0186992 - FV of hedges-Commodity Hedges]"/>
        <member name="[CB - Account].[Account CB - Description].&amp;[0186993 - Bison Reins Recover Reserve]"/>
        <member name="[CB - Account].[Account CB - Description].&amp;[0186994 - Non-Reg intang non-unitized]"/>
        <member name="[CB - Account].[Account CB - Description].&amp;[0186995 - Non-Reg intang unitized]"/>
        <member name="[CB - Account].[Account CB - Description].&amp;[0186996 - Intang Asset net of Amort]"/>
        <member name="[CB - Account].[Account CB - Description].&amp;[0186997 - VIE-Restrictd Intangibles, Net]"/>
        <member name="[CB - Account].[Account CB - Description].&amp;[0186998 - FUKUSHIMA POOLED INVENTORY OPT]"/>
        <member name="[CB - Account].[Account CB - Description].&amp;[0188001 - GRI Defer Costs Trackable]"/>
        <member name="[CB - Account].[Account CB - Description].&amp;[0188100 - Inactive]"/>
        <member name="[CB - Account].[Account CB - Description].&amp;[0188200 - Inactive]"/>
        <member name="[CB - Account].[Account CB - Description].&amp;[0188300 - Unamortized Investment-Les]"/>
        <member name="[CB - Account].[Account CB - Description].&amp;[0188470 - Missing]"/>
        <member name="[CB - Account].[Account CB - Description].&amp;[0189000 - SCHM UNAMT LOSS REAQ DT PRE SC]"/>
        <member name="[CB - Account].[Account CB - Description].&amp;[0189001 - Unamrt-Deb-12.75% 2008]"/>
        <member name="[CB - Account].[Account CB - Description].&amp;[0189002 - Unamrt-Deb-13% 2009]"/>
        <member name="[CB - Account].[Account CB - Description].&amp;[0189003 - Unamrt-Deb-13.25% 2010]"/>
        <member name="[CB - Account].[Account CB - Description].&amp;[0189004 - Unamrt-Deb-12% Due 2010]"/>
        <member name="[CB - Account].[Account CB - Description].&amp;[0189005 - Unamrt-Deb-10 1/8% 2011]"/>
        <member name="[CB - Account].[Account CB - Description].&amp;[0189006 - Unamrt-Deb-10% 2011]"/>
        <member name="[CB - Account].[Account CB - Description].&amp;[0189007 - ST UNAMT LOSS REACQDEBT-TOTAL]"/>
        <member name="[CB - Account].[Account CB - Description].&amp;[0189101 - Schm Unamt Loss Reaq DT-MAXES]"/>
        <member name="[CB - Account].[Account CB - Description].&amp;[0190000 - ADIT: Assets]"/>
        <member name="[CB - Account].[Account CB - Description].&amp;[0190003 - Deferred Foreign Tax Assets-LT]"/>
        <member name="[CB - Account].[Account CB - Description].&amp;[0190004 - Deferred Foreign Tax Assets-St]"/>
        <member name="[CB - Account].[Account CB - Description].&amp;[0190005 - DEF for Tax Assets-Valuation]"/>
        <member name="[CB - Account].[Account CB - Description].&amp;[0190006 - Deferred Tax - Foreign NOL]"/>
        <member name="[CB - Account].[Account CB - Description].&amp;[0190007 - PA_DEFD_FOREIGN_INC_TAX_LT]"/>
        <member name="[CB - Account].[Account CB - Description].&amp;[0190008 - Defferred Federal Tax Asset-Cu]"/>
        <member name="[CB - Account].[Account CB - Description].&amp;[0190009 - Deferred SIT - Current]"/>
        <member name="[CB - Account].[Account CB - Description].&amp;[0190010 - LT FIN48 NONCURRENT DTA-FED]"/>
        <member name="[CB - Account].[Account CB - Description].&amp;[0190011 - LT FIN48 NONCURRENT DTA-NC]"/>
        <member name="[CB - Account].[Account CB - Description].&amp;[0190012 - LT FIN48 NONCURRENT DTA-SC]"/>
        <member name="[CB - Account].[Account CB - Description].&amp;[0190014 - LT Def Tax Asset: State-190]"/>
        <member name="[CB - Account].[Account CB - Description].&amp;[0190015 - LT Def Cred For State Liab-190]"/>
        <member name="[CB - Account].[Account CB - Description].&amp;[0190016 - LT Def Tax Asset: Fed]"/>
        <member name="[CB - Account].[Account CB - Description].&amp;[0190017 - LT Def Tax Asset: State]"/>
        <member name="[CB - Account].[Account CB - Description].&amp;[0190018 - LT Def Credit For State Liab]"/>
        <member name="[CB - Account].[Account CB - Description].&amp;[0190019 - LT Def Tax Asset: Fed]"/>
        <member name="[CB - Account].[Account CB - Description].&amp;[0190020 - LT Def Tax Asset: State]"/>
        <member name="[CB - Account].[Account CB - Description].&amp;[0190021 - LT Def Credit For State Liab]"/>
        <member name="[CB - Account].[Account CB - Description].&amp;[0190022 - Curr Tax Asset: Federal]"/>
        <member name="[CB - Account].[Account CB - Description].&amp;[0190023 - Curr Tax Asset: State]"/>
        <member name="[CB - Account].[Account CB - Description].&amp;[0190024 - Curr Tax Asset: Federal]"/>
        <member name="[CB - Account].[Account CB - Description].&amp;[0190025 - Curr Tax Asset: State]"/>
        <member name="[CB - Account].[Account CB - Description].&amp;[0190026 - Curr Def Tax Asset: Fed]"/>
        <member name="[CB - Account].[Account CB - Description].&amp;[0190027 - Curr Def Tax Asset: State]"/>
        <member name="[CB - Account].[Account CB - Description].&amp;[0190051 - Accum Deferred FIT-OCI]"/>
        <member name="[CB - Account].[Account CB - Description].&amp;[0190052 - Accum Deferred SIT-OCI]"/>
        <member name="[CB - Account].[Account CB - Description].&amp;[0190053 - Accum Deferred FIT-Plant]"/>
        <member name="[CB - Account].[Account CB - Description].&amp;[0190054 - Accum Deferred SIT-Plant]"/>
        <member name="[CB - Account].[Account CB - Description].&amp;[019008 - Deferred Federal Tax Asset-Cur]"/>
        <member name="[CB - Account].[Account CB - Description].&amp;[0190100 - ADIT: Acct 190 FAS109]"/>
        <member name="[CB - Account].[Account CB - Description].&amp;[0190120 - ADIT: Reg Liab: Federal]"/>
        <member name="[CB - Account].[Account CB - Description].&amp;[0190121 - ADIT: Reg Liab: State]"/>
        <member name="[CB - Account].[Account CB - Description].&amp;[0190130 - ADIT: SARs]"/>
        <member name="[CB - Account].[Account CB - Description].&amp;[0190140 - ADIT: Restricted Stock]"/>
        <member name="[CB - Account].[Account CB - Description].&amp;[0190150 - ADIT:EPS]"/>
        <member name="[CB - Account].[Account CB - Description].&amp;[0190151 - Travel Advances]"/>
        <member name="[CB - Account].[Account CB - Description].&amp;[0190156 - Deferred Tax-State NOLs]"/>
        <member name="[CB - Account].[Account CB - Description].&amp;[0190157 - Current Federal Tax NOL]"/>
        <member name="[CB - Account].[Account CB - Description].&amp;[0190158 - Current State Tax NOL]"/>
        <member name="[CB - Account].[Account CB - Description].&amp;[0190160 - MANAGEMENT FEE RECEIVABLE]"/>
        <member name="[CB - Account].[Account CB - Description].&amp;[0190350 - Accum Deferred SIT FIN-48 UTP]"/>
        <member name="[CB - Account].[Account CB - Description].&amp;[0191400 - Unrecovered Purch Gas Cost]"/>
        <member name="[CB - Account].[Account CB - Description].&amp;[0191800 - Unrec Purch Gas - Unbilled Rev]"/>
        <member name="[CB - Account].[Account CB - Description].&amp;[0191990 - Unrec Purch Gas-Manual Reclass]"/>
        <member name="[CB - Account].[Account CB - Description].&amp;[0195001 - Goodwill - EI Acquisition]"/>
        <member name="[CB - Account].[Account CB - Description].&amp;[0195002 - Goodwill - Tech Acq]"/>
        <member name="[CB - Account].[Account CB - Description].&amp;[0195003 - Noncompete Agreement]"/>
        <member name="[CB - Account].[Account CB - Description].&amp;[0195004 - Goodwill]"/>
        <member name="[CB - Account].[Account CB - Description].&amp;[0195005 - Organizational Costs]"/>
        <member name="[CB - Account].[Account CB - Description].&amp;[0195006 - FirmTransp Agrmt w/TETCO]"/>
        <member name="[CB - Account].[Account CB - Description].&amp;[0195007 - Gas Contracts]"/>
        <member name="[CB - Account].[Account CB - Description].&amp;[0195010 - Gas Well Rights]"/>
        <member name="[CB - Account].[Account CB - Description].&amp;[0195011 - NHC Plant Modifications]"/>
        <member name="[CB - Account].[Account CB - Description].&amp;[0195897 - VIE - Restricted Goodwill]"/>
        <member name="[CB - Account].[Account CB - Description].&amp;[0196002 - Accum Amorit Goodwill]"/>
        <member name="[CB - Account].[Account CB - Description].&amp;[0196005 - Accum Amorit Noncompete]"/>
        <member name="[CB - Account].[Account CB - Description].&amp;[0196006 - AccuAmort - Trans Agmt w/TETCO]"/>
        <member name="[CB - Account].[Account CB - Description].&amp;[0196010 - Amortization Engage]"/>
        <member name="[CB - Account].[Account CB - Description].&amp;[0196011 - Accum Amorit Gas Contracts]"/>
        <member name="[CB - Account].[Account CB - Description].&amp;[0201000 - Common Stock Issued]"/>
        <member name="[CB - Account].[Account CB - Description].&amp;[0204000 - Pref Stock]"/>
        <member name="[CB - Account].[Account CB - Description].&amp;[0204001 - Pref Stock-W Sink Fund]"/>
        <member name="[CB - Account].[Account CB - Description].&amp;[0204002 - Gpb Int-Corp Subord Notes]"/>
        <member name="[CB - Account].[Account CB - Description].&amp;[0204003 - Unamort. Dis. TOPrS Trust I]"/>
        <member name="[CB - Account].[Account CB - Description].&amp;[0204004 - Unamort. Dis. QuIPS Trust II]"/>
        <member name="[CB - Account].[Account CB - Description].&amp;[0204005 - Unamort Discount - Trust III]"/>
        <member name="[CB - Account].[Account CB - Description].&amp;[0204006 - Interco Preferred Stock Issued]"/>
        <member name="[CB - Account].[Account CB - Description].&amp;[0204007 - Pref Stock Series A 2019]"/>
        <member name="[CB - Account].[Account CB - Description].&amp;[0204008 - Pref Stock Series B 2019]"/>
        <member name="[CB - Account].[Account CB - Description].&amp;[0204070 - Pref Cap Stk 1992 Series 5.95%]"/>
        <member name="[CB - Account].[Account CB - Description].&amp;[0204080 - Pref Cap Stk Series 6.10%]"/>
        <member name="[CB - Account].[Account CB - Description].&amp;[0204090 - Pref Cap Stk 1992 Series 6.20%]"/>
        <member name="[CB - Account].[Account CB - Description].&amp;[0204100 - Pref Capital Stock-Series W]"/>
        <member name="[CB - Account].[Account CB - Description].&amp;[0204110 - Pref Stk A 1993 Series 6.375%]"/>
        <member name="[CB - Account].[Account CB - Description].&amp;[0204120 - Inactive]"/>
        <member name="[CB - Account].[Account CB - Description].&amp;[0204130 - Pref Capital Stock-Series C]"/>
        <member name="[CB - Account].[Account CB - Description].&amp;[0204140 - Pref Capital Stock-Series D]"/>
        <member name="[CB - Account].[Account CB - Description].&amp;[0204150 - Pref Capital Stock-Series E]"/>
        <member name="[CB - Account].[Account CB - Description].&amp;[0204160 - Inactive]"/>
        <member name="[CB - Account].[Account CB - Description].&amp;[0204170 - Inactive]"/>
        <member name="[CB - Account].[Account CB - Description].&amp;[0204180 - Inactive]"/>
        <member name="[CB - Account].[Account CB - Description].&amp;[0204190 - Inactive]"/>
        <member name="[CB - Account].[Account CB - Description].&amp;[0204200 - Preferred Stock Series R]"/>
        <member name="[CB - Account].[Account CB - Description].&amp;[0204210 - Pref Capital Stock-Series X]"/>
        <member name="[CB - Account].[Account CB - Description].&amp;[0204220 - Pref Capital Stock-Series Y]"/>
        <member name="[CB - Account].[Account CB - Description].&amp;[0204225 - PrefCapital Stock Series X]"/>
        <member name="[CB - Account].[Account CB - Description].&amp;[0204230 - Inactive]"/>
        <member name="[CB - Account].[Account CB - Description].&amp;[0204240 - Pref Capital Stock-Series Q]"/>
        <member name="[CB - Account].[Account CB - Description].&amp;[0204250 - Pfd. Stk - Auction Series A]"/>
        <member name="[CB - Account].[Account CB - Description].&amp;[0204260 - Inactive]"/>
        <member name="[CB - Account].[Account CB - Description].&amp;[0204270 - Pref Cap Stk-Series A-Adj Rate]"/>
        <member name="[CB - Account].[Account CB - Description].&amp;[0204280 - Pref Capital Stock-Series S]"/>
        <member name="[CB - Account].[Account CB - Description].&amp;[0204290 - Pref Capital Stk A-1992 Series]"/>
        <member name="[CB - Account].[Account CB - Description].&amp;[0204300 - Preferred Stock Series T]"/>
        <member name="[CB - Account].[Account CB - Description].&amp;[0204310 - Preferred Stock Series U]"/>
        <member name="[CB - Account].[Account CB - Description].&amp;[0204320 - Preferred Stock Series V]"/>
        <member name="[CB - Account].[Account CB - Description].&amp;[0204400 - 0204400 - Redeem Pref Stock]"/>
        <member name="[CB - Account].[Account CB - Description].&amp;[0204401 - Quips Pref Sec Outside]"/>
        <member name="[CB - Account].[Account CB - Description].&amp;[0207001 - Premium on Common Stock]"/>
        <member name="[CB - Account].[Account CB - Description].&amp;[0207002 - Add'l PIC - EI Acq]"/>
        <member name="[CB - Account].[Account CB - Description].&amp;[0207003 - Add'l PIC - DS]"/>
        <member name="[CB - Account].[Account CB - Description].&amp;[0207004 - Add'l PIC - Techtrol Acq]"/>
        <member name="[CB - Account].[Account CB - Description].&amp;[0207005 - Add'l PIC - Retail]"/>
        <member name="[CB - Account].[Account CB - Description].&amp;[0207006 - Add'l PIC - Irvine]"/>
        <member name="[CB - Account].[Account CB - Description].&amp;[0207007 - Add'l PIC - DE&amp;S]"/>
        <member name="[CB - Account].[Account CB - Description].&amp;[0207008 - Additional Paid In Capital]"/>
        <member name="[CB - Account].[Account CB - Description].&amp;[0207009 - Contract Adjust - Eq Units]"/>
        <member name="[CB - Account].[Account CB - Description].&amp;[0207012 - APIC - Preferred Interest]"/>
        <member name="[CB - Account].[Account CB - Description].&amp;[0207020 - APIC - Contributions]"/>
        <member name="[CB - Account].[Account CB - Description].&amp;[0207021 - APIC - Distrib &amp; Dividends]"/>
        <member name="[CB - Account].[Account CB - Description].&amp;[0208001 - Donations From Stckholder-DENA]"/>
        <member name="[CB - Account].[Account CB - Description].&amp;[0208010 - Donat Recvd From Stkhld Tax]"/>
        <member name="[CB - Account].[Account CB - Description].&amp;[0210000 - Paid In Capital - CS]"/>
        <member name="[CB - Account].[Account CB - Description].&amp;[0210001 - Gain-Reacq Capt Stk]"/>
        <member name="[CB - Account].[Account CB - Description].&amp;[0210100 - Inactive]"/>
        <member name="[CB - Account].[Account CB - Description].&amp;[0211001 - Accum Oth Compr Ind-Duke Power]"/>
        <member name="[CB - Account].[Account CB - Description].&amp;[0211002 - Accum Oth Compreh Inc-Subs]"/>
        <member name="[CB - Account].[Account CB - Description].&amp;[0211004 - Misc PIC Purch Acctg]"/>
        <member name="[CB - Account].[Account CB - Description].&amp;[0211005 - Misc PIC Premerger Equity]"/>
        <member name="[CB - Account].[Account CB - Description].&amp;[0211006 - Other Misc Paid in Cap]"/>
        <member name="[CB - Account].[Account CB - Description].&amp;[0211007 - Misc PIC Premerg RE for Div]"/>
        <member name="[CB - Account].[Account CB - Description].&amp;[0211008 - Misc PIC Pushdown Adj RE]"/>
        <member name="[CB - Account].[Account CB - Description].&amp;[0211009 - APIC - Transaction Costs]"/>
        <member name="[CB - Account].[Account CB - Description].&amp;[0211010 - Partner Equity - DEGS]"/>
        <member name="[CB - Account].[Account CB - Description].&amp;[0211011 - Acc Oth Comp Inc-Tax Effect]"/>
        <member name="[CB - Account].[Account CB - Description].&amp;[0211012 - Partner Equity - Partner 3]"/>
        <member name="[CB - Account].[Account CB - Description].&amp;[0211013 - Partner Equity - Partner 2]"/>
        <member name="[CB - Account].[Account CB - Description].&amp;[0211014 - Partner Equity - Partner 1]"/>
        <member name="[CB - Account].[Account CB - Description].&amp;[0211015 - APIC - NCI Calc Excluded]"/>
        <member name="[CB - Account].[Account CB - Description].&amp;[0211016 - OCI - Current Year Activity]"/>
        <member name="[CB - Account].[Account CB - Description].&amp;[0211017 - OCI - Tax Effect]"/>
        <member name="[CB - Account].[Account CB - Description].&amp;[0211018 - MISC PAID-IN CAP-STK OPTIONS]"/>
        <member name="[CB - Account].[Account CB - Description].&amp;[0211019 - MISC PAID IN CAP - PSSP]"/>
        <member name="[CB - Account].[Account CB - Description].&amp;[0211020 - MISC PAID IN CAP - RSU]"/>
        <member name="[CB - Account].[Account CB - Description].&amp;[0211021 - DON REC FROM STOCKHOLDERS]"/>
        <member name="[CB - Account].[Account CB - Description].&amp;[0211022 - RED IN PAR OF COMMON STOCK]"/>
        <member name="[CB - Account].[Account CB - Description].&amp;[0211031 - Accum Distrib - Partner 1]"/>
        <member name="[CB - Account].[Account CB - Description].&amp;[0211032 - Accum Distrib - Partner 2]"/>
        <member name="[CB - Account].[Account CB - Description].&amp;[0211033 - Accum Distrib - Partner 3]"/>
        <member name="[CB - Account].[Account CB - Description].&amp;[0211034 - Accum Distributions - Duke]"/>
        <member name="[CB - Account].[Account CB - Description].&amp;[0214000 - Capt Stk Exp-$5 Par Common]"/>
        <member name="[CB - Account].[Account CB - Description].&amp;[0214100 - Inactive]"/>
        <member name="[CB - Account].[Account CB - Description].&amp;[0214200 - Inactive]"/>
        <member name="[CB - Account].[Account CB - Description].&amp;[0214215 - Current Electric Earnings]"/>
        <member name="[CB - Account].[Account CB - Description].&amp;[0214216 - Historical Electric Earnings]"/>
        <member name="[CB - Account].[Account CB - Description].&amp;[0214218 - OCI - Electric Earnings]"/>
        <member name="[CB - Account].[Account CB - Description].&amp;[0215000 - Inactive]"/>
        <member name="[CB - Account].[Account CB - Description].&amp;[0215100 - Approp. Retained Earnings --]"/>
        <member name="[CB - Account].[Account CB - Description].&amp;[0216000 - Unapprop Retained Earnings]"/>
        <member name="[CB - Account].[Account CB - Description].&amp;[0216001 - Ret Earn-Mgt/Intel Prop Chrg]"/>
        <member name="[CB - Account].[Account CB - Description].&amp;[0216002 - Ret Earn-MGT/INTEL PROP CHRG-G]"/>
        <member name="[CB - Account].[Account CB - Description].&amp;[0216003 - Cum Affect of Chg in Acctg]"/>
        <member name="[CB - Account].[Account CB - Description].&amp;[0216004 - CEA-UTP State]"/>
        <member name="[CB - Account].[Account CB - Description].&amp;[0216005 - CEA-UTP Pre-Tax]"/>
        <member name="[CB - Account].[Account CB - Description].&amp;[0216006 - Cumm Effect Change in Acct Tax]"/>
        <member name="[CB - Account].[Account CB - Description].&amp;[0216007 - Cumm Effect Acct Princ PreTax]"/>
        <member name="[CB - Account].[Account CB - Description].&amp;[0216100 - Unappr Undistr Subsid Earnings]"/>
        <member name="[CB - Account].[Account CB - Description].&amp;[0216101 - Foreign Currency Translation]"/>
        <member name="[CB - Account].[Account CB - Description].&amp;[0216102 - Retained Earn Pr Yr DE&amp;S]"/>
        <member name="[CB - Account].[Account CB - Description].&amp;[0216103 - Retained Earn Pr Yr Tech A]"/>
        <member name="[CB - Account].[Account CB - Description].&amp;[0216104 - Retained Earn Pr Yr EI Acq]"/>
        <member name="[CB - Account].[Account CB - Description].&amp;[0216105 - Electric Foreign Currncy Rllup]"/>
        <member name="[CB - Account].[Account CB - Description].&amp;[0216106 - Ret Earn - Dividend]"/>
        <member name="[CB - Account].[Account CB - Description].&amp;[0216111 - For Curr Trans - Tax Effect]"/>
        <member name="[CB - Account].[Account CB - Description].&amp;[0216112 - FX, NET INVESTMENT HEDGE]"/>
        <member name="[CB - Account].[Account CB - Description].&amp;[0216113 - FX, NET INVEST HEDG, TAX IMPAC]"/>
        <member name="[CB - Account].[Account CB - Description].&amp;[0216400 - Minority Interest]"/>
        <member name="[CB - Account].[Account CB - Description].&amp;[0217100 - Reacquired Cap - Stock]"/>
        <member name="[CB - Account].[Account CB - Description].&amp;[0217110 - Reacquired Common Stock]"/>
        <member name="[CB - Account].[Account CB - Description].&amp;[0217120 - Inactive]"/>
        <member name="[CB - Account].[Account CB - Description].&amp;[0218000 - Partner's Distributions]"/>
        <member name="[CB - Account].[Account CB - Description].&amp;[0218001 - Partner's Contributions]"/>
        <member name="[CB - Account].[Account CB - Description].&amp;[0218002 - Partner's Earnings]"/>
        <member name="[CB - Account].[Account CB - Description].&amp;[0218003 - Partner's Share]"/>
        <member name="[CB - Account].[Account CB - Description].&amp;[0218004 - Prtnshp Earn-Chambers Co]"/>
        <member name="[CB - Account].[Account CB - Description].&amp;[0218005 - Prtnshp Earn-Conoco Mb]"/>
        <member name="[CB - Account].[Account CB - Description].&amp;[0218006 - Prtnshp Earn-Ds Mt Belv]"/>
        <member name="[CB - Account].[Account CB - Description].&amp;[0218007 - Prtnshp Earn-Enterprise]"/>
        <member name="[CB - Account].[Account CB - Description].&amp;[0218008 - Prtnshp Earn-Arco Mtb Cor]"/>
        <member name="[CB - Account].[Account CB - Description].&amp;[0218009 - Prtnshp Earn-Mtb Land]"/>
        <member name="[CB - Account].[Account CB - Description].&amp;[0218010 - Prtnshp Earn-Warren Petr]"/>
        <member name="[CB - Account].[Account CB - Description].&amp;[0218011 - Prtnshp Earn-Belvex Inc]"/>
        <member name="[CB - Account].[Account CB - Description].&amp;[0218012 - Non-Ownrship-Exxon Pipeline]"/>
        <member name="[CB - Account].[Account CB - Description].&amp;[0218013 - Non-Ownrship-Shell]"/>
        <member name="[CB - Account].[Account CB - Description].&amp;[0218014 - Non-Ownrship-Gulf Coast]"/>
        <member name="[CB - Account].[Account CB - Description].&amp;[0218015 - Non-Ownrship-Vista Chem]"/>
        <member name="[CB - Account].[Account CB - Description].&amp;[0218016 - Non-Ownrship-Santa Fe]"/>
        <member name="[CB - Account].[Account CB - Description].&amp;[0218017 - Non-Ownrship-Seminole]"/>
        <member name="[CB - Account].[Account CB - Description].&amp;[0218018 - Non-Ownrship-Dow Pipeline]"/>
        <member name="[CB - Account].[Account CB - Description].&amp;[0218019 - Non-Ownrship-Cities Serv]"/>
        <member name="[CB - Account].[Account CB - Description].&amp;[0218020 - Non-Ownrship-Dixie Pipeline]"/>
        <member name="[CB - Account].[Account CB - Description].&amp;[0219001 - OTHER COMPR INCOME]"/>
        <member name="[CB - Account].[Account CB - Description].&amp;[0219002 - OCI -Commodity Hedges]"/>
        <member name="[CB - Account].[Account CB - Description].&amp;[0219003 - OCI -Interest Rate Hedges]"/>
        <member name="[CB - Account].[Account CB - Description].&amp;[0219004 - OCI-TAX EFFECT- COMMODITY]"/>
        <member name="[CB - Account].[Account CB - Description].&amp;[0219005 - OCI-TAX EFFECT- INTEREST RATE]"/>
        <member name="[CB - Account].[Account CB - Description].&amp;[0219006 - AOCI -Interest Rate Hedges]"/>
        <member name="[CB - Account].[Account CB - Description].&amp;[0219007 - AOCI-TAX EFFECT]"/>
        <member name="[CB - Account].[Account CB - Description].&amp;[0219008 - OCI-MINIMUM PENSION LIABILITY]"/>
        <member name="[CB - Account].[Account CB - Description].&amp;[0219009 - Tax: OCI on AFS Securities]"/>
        <member name="[CB - Account].[Account CB - Description].&amp;[0219010 - OCI-TAX EFFECT-PENSION]"/>
        <member name="[CB - Account].[Account CB - Description].&amp;[0219011 - OCI-TAX EFFECT AVAIL SEC]"/>
        <member name="[CB - Account].[Account CB - Description].&amp;[0219012 - OCI- CASH COMMODITY HEDGES]"/>
        <member name="[CB - Account].[Account CB - Description].&amp;[0219013 - OCI-CASH INT RATE HEDGES]"/>
        <member name="[CB - Account].[Account CB - Description].&amp;[0219014 - FAS 87 Prior Service Cost]"/>
        <member name="[CB - Account].[Account CB - Description].&amp;[0219015 - FAS 87 Actuarial Gain/Loss]"/>
        <member name="[CB - Account].[Account CB - Description].&amp;[0219016 - NQ 87 Prior Service Cost]"/>
        <member name="[CB - Account].[Account CB - Description].&amp;[0219017 - NQ 87 Actuarial Gain/Loss]"/>
        <member name="[CB - Account].[Account CB - Description].&amp;[0219018 - Fed Tax effect - FAS 112 AOCI]"/>
        <member name="[CB - Account].[Account CB - Description].&amp;[0219019 - FAS 106 Prior Service Cost]"/>
        <member name="[CB - Account].[Account CB - Description].&amp;[0219020 - FAS 106 Actuarial Gain/Loss]"/>
        <member name="[CB - Account].[Account CB - Description].&amp;[0219021 - OCI - FV Hedges]"/>
        <member name="[CB - Account].[Account CB - Description].&amp;[0219022 - OCI-FV Hedge Fed Tx]"/>
        <member name="[CB - Account].[Account CB - Description].&amp;[0219023 - OCI-Fair Value Hedge St Tx]"/>
        <member name="[CB - Account].[Account CB - Description].&amp;[0219025 - OCI-St Tax Min Pen Liab]"/>
        <member name="[CB - Account].[Account CB - Description].&amp;[0219026 - OCI-Fed Tax Min Pen Liab Qual]"/>
        <member name="[CB - Account].[Account CB - Description].&amp;[0219027 - OCI-St Tax Min Pen Liab Qual]"/>
        <member name="[CB - Account].[Account CB - Description].&amp;[0219028 - OCI-Min Pension Liab Qual]"/>
        <member name="[CB - Account].[Account CB - Description].&amp;[0219029 - OCI-Grantor Unreal GL]"/>
        <member name="[CB - Account].[Account CB - Description].&amp;[0219030 - OCI-Grantor Unreal GL Fed Tax]"/>
        <member name="[CB - Account].[Account CB - Description].&amp;[0219031 - OCI-Grantor Unreal GL St Tax]"/>
        <member name="[CB - Account].[Account CB - Description].&amp;[0219032 - OCI-Rabbi -Unreal GL]"/>
        <member name="[CB - Account].[Account CB - Description].&amp;[0219033 - OCI-Rabbi -Unreal GL Fed Tax]"/>
        <member name="[CB - Account].[Account CB - Description].&amp;[0219034 - OCI-Rabbi -Unreal GL St Tax]"/>
        <member name="[CB - Account].[Account CB - Description].&amp;[0219035 - OCI-Actuarial GL Qual]"/>
        <member name="[CB - Account].[Account CB - Description].&amp;[0219036 - OCI-Actuarial GL Qual Fed Tx]"/>
        <member name="[CB - Account].[Account CB - Description].&amp;[0219037 - OCI-Actuarial GL Qual St Tx]"/>
        <member name="[CB - Account].[Account CB - Description].&amp;[0219038 - OCI-Actuarial GL NQ]"/>
        <member name="[CB - Account].[Account CB - Description].&amp;[0219039 - OCI-Actuarial GL NQ Fed Tx]"/>
        <member name="[CB - Account].[Account CB - Description].&amp;[0219040 - OCI Actuarial GL NQ St Tx]"/>
        <member name="[CB - Account].[Account CB - Description].&amp;[0219041 - FAS 106 Actuarial GL Fed Tx]"/>
        <member name="[CB - Account].[Account CB - Description].&amp;[0219042 - FAS 106 Actuarial GL St Tx]"/>
        <member name="[CB - Account].[Account CB - Description].&amp;[0219043 - PTIS OCI-Int Rate Hdg]"/>
        <member name="[CB - Account].[Account CB - Description].&amp;[0219044 - PTIS OCI-Int Rate Hdg-FedTax]"/>
        <member name="[CB - Account].[Account CB - Description].&amp;[0219045 - PTIS OCI-Int Rate Hdg-St Tax]"/>
        <member name="[CB - Account].[Account CB - Description].&amp;[0219046 - OCI-Interest Rate Hdgs Fed Tax]"/>
        <member name="[CB - Account].[Account CB - Description].&amp;[0219047 - OCI-Interest Rate Hdgs St Tax]"/>
        <member name="[CB - Account].[Account CB - Description].&amp;[0219048 - OCI-Treasury Lock]"/>
        <member name="[CB - Account].[Account CB - Description].&amp;[0219049 - OCI-Treasury Lock - Fed Tax]"/>
        <member name="[CB - Account].[Account CB - Description].&amp;[0219050 - OCI-Treasury Lock - St Tax]"/>
        <member name="[CB - Account].[Account CB - Description].&amp;[0219051 - OCI-Fwd Start Swap]"/>
        <member name="[CB - Account].[Account CB - Description].&amp;[0219052 - OCI-Fwd Start Swap - St Tax]"/>
        <member name="[CB - Account].[Account CB - Description].&amp;[0219053 - OCI-Fwd Start Swap - Fed Tax]"/>
        <member name="[CB - Account].[Account CB - Description].&amp;[0219054 - OCI-CF Commod Hdg-St Tax]"/>
        <member name="[CB - Account].[Account CB - Description].&amp;[0219055 - NDTF- Unreal Gains/Losses]"/>
        <member name="[CB - Account].[Account CB - Description].&amp;[0219058 - St Tax OCI-Act G/L F112  OPRB]"/>
        <member name="[CB - Account].[Account CB - Description].&amp;[0219060 - OCI-TCSR Actuarial GL Qual]"/>
        <member name="[CB - Account].[Account CB - Description].&amp;[0219061 - OCI-TCSR Act GL Qual Fed Tx]"/>
        <member name="[CB - Account].[Account CB - Description].&amp;[0219062 - OCI-TCSR Act GL Qual St Tx]"/>
        <member name="[CB - Account].[Account CB - Description].&amp;[0219063 - FAS 106 TCSR Actuarial GL]"/>
        <member name="[CB - Account].[Account CB - Description].&amp;[0219064 - FAS 106 TCSR Act GL Fed Tx]"/>
        <member name="[CB - Account].[Account CB - Description].&amp;[0219065 - FAS 106 TCSR Act GL St Tx]"/>
        <member name="[CB - Account].[Account CB - Description].&amp;[0219071 - OCI - Gains Loss  Fed Tax]"/>
        <member name="[CB - Account].[Account CB - Description].&amp;[0219072 - OCI Gains Loss  State Tax]"/>
        <member name="[CB - Account].[Account CB - Description].&amp;[0219100 - FAS 87 Prior Service Cost]"/>
        <member name="[CB - Account].[Account CB - Description].&amp;[0219101 - FAS 87 Actuarial Gain/Loss]"/>
        <member name="[CB - Account].[Account CB - Description].&amp;[0219102 - NQ 87 Prior Service Cost]"/>
        <member name="[CB - Account].[Account CB - Description].&amp;[0219103 - NQ 87 Actuarial Gain/Loss]"/>
        <member name="[CB - Account].[Account CB - Description].&amp;[0219104 - FAS 112 AOCI]"/>
        <member name="[CB - Account].[Account CB - Description].&amp;[0219105 - FAS 106 Prior Service Cost]"/>
        <member name="[CB - Account].[Account CB - Description].&amp;[0219106 - FAX 106 Actuarial Gain/Loss]"/>
        <member name="[CB - Account].[Account CB - Description].&amp;[0219107 - FMV Adj of Auction Rate Secur]"/>
        <member name="[CB - Account].[Account CB - Description].&amp;[0219108 - Tax Eff of FMV of Act Rate Sec]"/>
        <member name="[CB - Account].[Account CB - Description].&amp;[0219110 - AOCI-Min Pens-Pretax-BB Qual]"/>
        <member name="[CB - Account].[Account CB - Description].&amp;[0219111 - AOCI-Min Pens-Pretax-BB NQ]"/>
        <member name="[CB - Account].[Account CB - Description].&amp;[0219112 - AOCI-Min Pens-Pretax-BB OPEB]"/>
        <member name="[CB - Account].[Account CB - Description].&amp;[0219113 - AOCI-Min Pens-Tax-BB Qual]"/>
        <member name="[CB - Account].[Account CB - Description].&amp;[0219114 - AOCI-Min Pens-Tax-BB NQ]"/>
        <member name="[CB - Account].[Account CB - Description].&amp;[0219115 - AOCI-Min Pens-Tax-BB OPEB]"/>
        <member name="[CB - Account].[Account CB - Description].&amp;[0219200 - OCI-Cumulative Translation Adj]"/>
        <member name="[CB - Account].[Account CB - Description].&amp;[0219201 - OCI-Cumul Trans Adj Fed Tax]"/>
        <member name="[CB - Account].[Account CB - Description].&amp;[0219202 - OCI-Cumul Trans Adj State Tax]"/>
        <member name="[CB - Account].[Account CB - Description].&amp;[0221000 - Ltd-Deb-7 3/4% Port Fac Rev B]"/>
        <member name="[CB - Account].[Account CB - Description].&amp;[0221001 - Ltd-Deb-8.625%]"/>
        <member name="[CB - Account].[Account CB - Description].&amp;[0221002 - Ltd-Bonds]"/>
        <member name="[CB - Account].[Account CB - Description].&amp;[0221003 - Curr Portion of LTD-Bonds]"/>
        <member name="[CB - Account].[Account CB - Description].&amp;[0221004 - $300M 5.1% FMB due 4/15/2018]"/>
        <member name="[CB - Account].[Account CB - Description].&amp;[0221005 - $600M 6.05% FMB due 4/15/2038]"/>
        <member name="[CB - Account].[Account CB - Description].&amp;[0221006 - VIE - Non-recourse Current LTD]"/>
        <member name="[CB - Account].[Account CB - Description].&amp;[0221007 - DEF CR3 183M 3/1/2020]"/>
        <member name="[CB - Account].[Account CB - Description].&amp;[0221008 - DEF CR3 150M 9/1/2022]"/>
        <member name="[CB - Account].[Account CB - Description].&amp;[0221009 - DEF CR3 436M 9/1/2029]"/>
        <member name="[CB - Account].[Account CB - Description].&amp;[0221010 - DEF CR3 250M 3/1/2033]"/>
        <member name="[CB - Account].[Account CB - Description].&amp;[0221011 - Long Term Debt]"/>
        <member name="[CB - Account].[Account CB - Description].&amp;[0221012 - LTD-Bonds 6.90% due 2019]"/>
        <member name="[CB - Account].[Account CB - Description].&amp;[0221013 - LTD-Credit-Bank Facility]"/>
        <member name="[CB - Account].[Account CB - Description].&amp;[0221014 - LTD-Cap Ex Facility]"/>
        <member name="[CB - Account].[Account CB - Description].&amp;[0221015 - LTD-O&amp;M Facility]"/>
        <member name="[CB - Account].[Account CB - Description].&amp;[0221016 - DEC $100M 1.679% due 7/1/31]"/>
        <member name="[CB - Account].[Account CB - Description].&amp;[0221017 - DEP $221M 1.295% due 7/1/28]"/>
        <member name="[CB - Account].[Account CB - Description].&amp;[0221018 - DEF 650M 2.40% 12/15/2031]"/>
        <member name="[CB - Account].[Account CB - Description].&amp;[0221019 - DEF 500M 3.00% 12/15/2051]"/>
        <member name="[CB - Account].[Account CB - Description].&amp;[0221020 - $250m SR FLOATING 12/8/2005]"/>
        <member name="[CB - Account].[Account CB - Description].&amp;[0221021 - DEC 137M 2.617% DUE 7/01/41]"/>
        <member name="[CB - Account].[Account CB - Description].&amp;[0221022 - DEP 352M 2.387% Due 7/01/37]"/>
        <member name="[CB - Account].[Account CB - Description].&amp;[0221023 - DEP 197M 2.799% due 7/01/41]"/>
        <member name="[CB - Account].[Account CB - Description].&amp;[0221030 - Maxes Due 12/03/12]"/>
        <member name="[CB - Account].[Account CB - Description].&amp;[0221031 - LTD-12.55% Debt Series L 2010]"/>
        <member name="[CB - Account].[Account CB - Description].&amp;[0221032 - LTD-8.5% Debt Series O 2018]"/>
        <member name="[CB - Account].[Account CB - Description].&amp;[0221033 - LTD-8.3% Debt Series P 2013]"/>
        <member name="[CB - Account].[Account CB - Description].&amp;[0221034 - LTD-9.90% Debt Series S 2020]"/>
        <member name="[CB - Account].[Account CB - Description].&amp;[0221035 - LTD-8.85% Debt Series T 2025]"/>
        <member name="[CB - Account].[Account CB - Description].&amp;[0221036 - LTD-8.80% MTN Debt Srs 2 2025]"/>
        <member name="[CB - Account].[Account CB - Description].&amp;[0221037 - LTD-8.5% Debt Series U 2015]"/>
        <member name="[CB - Account].[Account CB - Description].&amp;[0221038 - LTD-7.3% Debt Series W 2026]"/>
        <member name="[CB - Account].[Account CB - Description].&amp;[0221039 - LTD-6.75% MTN Debt Srs 4 2027]"/>
        <member name="[CB - Account].[Account CB - Description].&amp;[0221040 - LTD-5.70% MTN Debt Srs 5 2008]"/>
        <member name="[CB - Account].[Account CB - Description].&amp;[0221041 - LTD-7.20% Debt Series 7 2010]"/>
        <member name="[CB - Account].[Account CB - Description].&amp;[0221042 - LTD-7.15% Debt Series 8 2031]"/>
        <member name="[CB - Account].[Account CB - Description].&amp;[0221043 - DEP FMB 500M 4.15% 12/1/44]"/>
        <member name="[CB - Account].[Account CB - Description].&amp;[0221044 - DEP FMB 650M 2.00 8/15/2031]"/>
        <member name="[CB - Account].[Account CB - Description].&amp;[0221045 - DEF Long Term Debt Liability]"/>
        <member name="[CB - Account].[Account CB - Description].&amp;[0221046 - DEF FMB 600M 3.80% 7/15/28]"/>
        <member name="[CB - Account].[Account CB - Description].&amp;[0221047 - DEF FMB 400M 4.20% 7/15/48]"/>
        <member name="[CB - Account].[Account CB - Description].&amp;[0221050 - Mort Bonds 6-3/8% Due 2008]"/>
        <member name="[CB - Account].[Account CB - Description].&amp;[0221051 - DEP FMB 500M 3.25% 8/15/2025]"/>
        <member name="[CB - Account].[Account CB - Description].&amp;[0221052 - DEP FMB 700M 4.20% 8/15/2045]"/>
        <member name="[CB - Account].[Account CB - Description].&amp;[0221053 - DEP FMB 450M 3.70% 10/15/46]"/>
        <member name="[CB - Account].[Account CB - Description].&amp;[0221054 - DEP FMB 300M Floating 09/08/20]"/>
        <member name="[CB - Account].[Account CB - Description].&amp;[0221055 - $500M 3.90% FMB due 6/15/21]"/>
        <member name="[CB - Account].[Account CB - Description].&amp;[0221058 - DEP FMB 500M 3.60%  9/15/47]"/>
        <member name="[CB - Account].[Account CB - Description].&amp;[0221059 - DEP FMB 300M 3.375 9/1/2023]"/>
        <member name="[CB - Account].[Account CB - Description].&amp;[0221060 - 7.5% Bond Due 2025]"/>
        <member name="[CB - Account].[Account CB - Description].&amp;[0221061 - DEP FMB 450M 2.90 8/15/2051]"/>
        <member name="[CB - Account].[Account CB - Description].&amp;[0221062 - $650M 4% FMB due 9/30/2042]"/>
        <member name="[CB - Account].[Account CB - Description].&amp;[0221063 - $600M Refin A (Int/Date TBD)]"/>
        <member name="[CB - Account].[Account CB - Description].&amp;[0221064 - $600M Refin B (Int/Date TBD)]"/>
        <member name="[CB - Account].[Account CB - Description].&amp;[0221065 - DEP FMB 500M 3.70 9/1/2028]"/>
        <member name="[CB - Account].[Account CB - Description].&amp;[0221070 - 6.875% 1St Mortg Bonds - 8/23]"/>
        <member name="[CB - Account].[Account CB - Description].&amp;[0221072 - DEI FMB Ser 2009C 10/1/2040]"/>
        <member name="[CB - Account].[Account CB - Description].&amp;[0221073 - DEP $200M 3.30% Series 2022A-1]"/>
        <member name="[CB - Account].[Account CB - Description].&amp;[0221074 - DEP $210M 3.70%Series 2022A-2]"/>
        <member name="[CB - Account].[Account CB - Description].&amp;[0221075 - DEP FMB 400M 4.375% 3/30/2044]"/>
        <member name="[CB - Account].[Account CB - Description].&amp;[0221076 - DEP FMB 250M Floating 3/6/2017]"/>
        <member name="[CB - Account].[Account CB - Description].&amp;[0221079 - DEP $41.7M 4.00% Series 2022B]"/>
        <member name="[CB - Account].[Account CB - Description].&amp;[0221080 - 6.75% 1St Mortg Bonds Due 8/25]"/>
        <member name="[CB - Account].[Account CB - Description].&amp;[0221081 - $500M 2.85% due 3/1/32]"/>
        <member name="[CB - Account].[Account CB - Description].&amp;[0221082 - $650M 3.55% due 3/1/52]"/>
        <member name="[CB - Account].[Account CB - Description].&amp;[0221083 - $500M 3.40% due 4/1/32]"/>
        <member name="[CB - Account].[Account CB - Description].&amp;[0221084 - $400M 4.00% due 4/1/52]"/>
        <member name="[CB - Account].[Account CB - Description].&amp;[0221085 - DEF 500M 5.95% 11/15/2052]"/>
        <member name="[CB - Account].[Account CB - Description].&amp;[0221089 - DEF LT FMB]"/>
        <member name="[CB - Account].[Account CB - Description].&amp;[0221090 - Inactive]"/>
        <member name="[CB - Account].[Account CB - Description].&amp;[0221091 - DEF 600M 3.4% 10/1/2046]"/>
        <member name="[CB - Account].[Account CB - Description].&amp;[0221092 - DEF 250M 1.85% 1/15/20]"/>
        <member name="[CB - Account].[Account CB - Description].&amp;[0221093 - DEF 650M 3.20% 1/15/27]"/>
        <member name="[CB - Account].[Account CB - Description].&amp;[0221094 - $550M 3.7% FMB due 12/1/2047]"/>
        <member name="[CB - Account].[Account CB - Description].&amp;[0221096 - $500M 3.05% FMB due 3/15/2023]"/>
        <member name="[CB - Account].[Account CB - Description].&amp;[0221097 - $500M 3.95% FMB due 3/15/2048]"/>
        <member name="[CB - Account].[Account CB - Description].&amp;[0221098 - DEF LT bond-fixed rate]"/>
        <member name="[CB - Account].[Account CB - Description].&amp;[0221099 - DEF LT bond-Floating rate]"/>
        <member name="[CB - Account].[Account CB - Description].&amp;[0221100 - LT  Debt - Unsec Float]"/>
        <member name="[CB - Account].[Account CB - Description].&amp;[0221105 - LT Debt - Unsecured Fix(Bonds)]"/>
        <member name="[CB - Account].[Account CB - Description].&amp;[0221106 - LT Debt - Other Fixed (Bonds)]"/>
        <member name="[CB - Account].[Account CB - Description].&amp;[0221110 - LIBOR Due 1/15/05]"/>
        <member name="[CB - Account].[Account CB - Description].&amp;[0221120 - Mort Bonds 7% Due 2000]"/>
        <member name="[CB - Account].[Account CB - Description].&amp;[0221130 - $200M Ret Notes 6.6%-12/31/38]"/>
        <member name="[CB - Account].[Account CB - Description].&amp;[0221140 - Core Bond 11/30/07 4.611%]"/>
        <member name="[CB - Account].[Account CB - Description].&amp;[0221150 - Mort Bonds 8-3/8% Due 2021]"/>
        <member name="[CB - Account].[Account CB - Description].&amp;[0221160 - 8.95% Grnsboro Transit Due2027]"/>
        <member name="[CB - Account].[Account CB - Description].&amp;[0221170 - Inactive]"/>
        <member name="[CB - Account].[Account CB - Description].&amp;[0221180 - Senior Unsecured Due 1/15/12]"/>
        <member name="[CB - Account].[Account CB - Description].&amp;[0221190 - 12/95]"/>
        <member name="[CB - Account].[Account CB - Description].&amp;[0221200 - LONG_TERM_DEBT_PUR_ACCTG_ADJ]"/>
        <member name="[CB - Account].[Account CB - Description].&amp;[0221201 - $500M 7.00% FMB due 11/15/2018]"/>
        <member name="[CB - Account].[Account CB - Description].&amp;[0221210 - $500M FMB 3.75% DUE 3-5-08]"/>
        <member name="[CB - Account].[Account CB - Description].&amp;[0221212 - DEI FMB Ser QQQ $10M 4/1/22]"/>
        <member name="[CB - Account].[Account CB - Description].&amp;[0221214 - DEI FMB Ser RRR $59.6M 3/1/19]"/>
        <member name="[CB - Account].[Account CB - Description].&amp;[0221220 - Inactive]"/>
        <member name="[CB - Account].[Account CB - Description].&amp;[0221221 - $400M 5.75% FMB due 11/15/2013]"/>
        <member name="[CB - Account].[Account CB - Description].&amp;[0221230 - $200M FMB 4.5% DUE 4-1-2010]"/>
        <member name="[CB - Account].[Account CB - Description].&amp;[0221240 - Sr Unsecured Bds due 10/15/32]"/>
        <member name="[CB - Account].[Account CB - Description].&amp;[0221250 - 7% Fst/Ref Mort Bonds Due 7/33]"/>
        <member name="[CB - Account].[Account CB - Description].&amp;[0221260 - $300M SR NT 4.2% 10/1/08]"/>
        <member name="[CB - Account].[Account CB - Description].&amp;[0221270 - $500M FMB 5.3% 10/1/2015]"/>
        <member name="[CB - Account].[Account CB - Description].&amp;[0221280 - $770 Sr Conv Bonds 5-15-23]"/>
        <member name="[CB - Account].[Account CB - Description].&amp;[0221281 - $500M 2.45% FMB due 2/1/30]"/>
        <member name="[CB - Account].[Account CB - Description].&amp;[0221282 - $550M 2.55% FMB due 4/15/31]"/>
        <member name="[CB - Account].[Account CB - Description].&amp;[0221283 - $450 3.45% FMB due 4/15/51]"/>
        <member name="[CB - Account].[Account CB - Description].&amp;[0221284 - $650M 4.25% FMB due 12/15/41]"/>
        <member name="[CB - Account].[Account CB - Description].&amp;[0221285 - $750M 5.3%  FMB due 2/15/2040]"/>
        <member name="[CB - Account].[Account CB - Description].&amp;[0221286 - $450M 4.3% FMB due 6/15/2020]"/>
        <member name="[CB - Account].[Account CB - Description].&amp;[0221287 - $350M 3.35% FMB due 5/15/22]"/>
        <member name="[CB - Account].[Account CB - Description].&amp;[0221288 - $650M 3.95% FMB due 11/15/28]"/>
        <member name="[CB - Account].[Account CB - Description].&amp;[0221289 - $450M 2.45% FMB due 8/15/29]"/>
        <member name="[CB - Account].[Account CB - Description].&amp;[0221290 - 8.27% Mtn Iss 4/20/95 Due 2025]"/>
        <member name="[CB - Account].[Account CB - Description].&amp;[0221291 - $750M 3.20% FMB due 8/15/49]"/>
        <member name="[CB - Account].[Account CB - Description].&amp;[0221300 - 5.78% Mtn Bonds Due 7/99]"/>
        <member name="[CB - Account].[Account CB - Description].&amp;[0221310 - 5.79% Mtn Bonds Due 7/99]"/>
        <member name="[CB - Account].[Account CB - Description].&amp;[0221320 - Inactive]"/>
        <member name="[CB - Account].[Account CB - Description].&amp;[0221330 - 6.125% Mtn Bonds Due 7/2003]"/>
        <member name="[CB - Account].[Account CB - Description].&amp;[0221340 - 5.76% Mtn Bonds Due 7/99]"/>
        <member name="[CB - Account].[Account CB - Description].&amp;[0221350 - $250M Retail Bonds Due 4/1/22]"/>
        <member name="[CB - Account].[Account CB - Description].&amp;[0221360 - 12/95]"/>
        <member name="[CB - Account].[Account CB - Description].&amp;[0221370 - Sen Unsecured Notes 11/30/12]"/>
        <member name="[CB - Account].[Account CB - Description].&amp;[0221380 - Series A 6% Snr Notes Due 2028]"/>
        <member name="[CB - Account].[Account CB - Description].&amp;[0221390 - 6.25% Series Due 1999]"/>
        <member name="[CB - Account].[Account CB - Description].&amp;[0221400 - NP&amp;L, 6.9% SER C DUE 12/31/16]"/>
        <member name="[CB - Account].[Account CB - Description].&amp;[0221410 - NP&amp;L, 7.4% SER B DUE 11/30/12]"/>
        <member name="[CB - Account].[Account CB - Description].&amp;[0221420 - NP&amp;L, 9.21% DUE 2/1/11]"/>
        <member name="[CB - Account].[Account CB - Description].&amp;[0221430 - Series B 5.375% Sr Nts due 09]"/>
        <member name="[CB - Account].[Account CB - Description].&amp;[0221440 - 12/95]"/>
        <member name="[CB - Account].[Account CB - Description].&amp;[0221450 - 12/95]"/>
        <member name="[CB - Account].[Account CB - Description].&amp;[0221460 - Misc Clearing Acct]"/>
        <member name="[CB - Account].[Account CB - Description].&amp;[0221470 - Medium Term Due 12/15/95]"/>
        <member name="[CB - Account].[Account CB - Description].&amp;[0221480 - Medium Term 6.58% Due 12/15/95]"/>
        <member name="[CB - Account].[Account CB - Description].&amp;[0221490 - Medium Term 6.6% Due 12/15/95]"/>
        <member name="[CB - Account].[Account CB - Description].&amp;[0221500 - 12/95]"/>
        <member name="[CB - Account].[Account CB - Description].&amp;[0221510 - 12/95]"/>
        <member name="[CB - Account].[Account CB - Description].&amp;[0221520 - 12/95]"/>
        <member name="[CB - Account].[Account CB - Description].&amp;[0221530 - Medium Term 6.59% Due 01/16/96]"/>
        <member name="[CB - Account].[Account CB - Description].&amp;[0221531 - DEF PCB 108.5M 2002A 1/1/27]"/>
        <member name="[CB - Account].[Account CB - Description].&amp;[0221532 - DEF PCB 100.1M 2002B 1/1/22]"/>
        <member name="[CB - Account].[Account CB - Description].&amp;[0221533 - DEF PCB 32.2M 2002C 1/1/18]"/>
        <member name="[CB - Account].[Account CB - Description].&amp;[0221534 - DEF FMB 425M  4.8% 3/1/13]"/>
        <member name="[CB - Account].[Account CB - Description].&amp;[0221535 - DEF FMB 225M 5.9% 3/1/33]"/>
        <member name="[CB - Account].[Account CB - Description].&amp;[0221536 - DEF FMB 300M 5.1% 12/1/15]"/>
        <member name="[CB - Account].[Account CB - Description].&amp;[0221537 - DEF FMB 500M 6.35% 9/15/37]"/>
        <member name="[CB - Account].[Account CB - Description].&amp;[0221538 - DEF FMB 250M 5.80% 9/15/17]"/>
        <member name="[CB - Account].[Account CB - Description].&amp;[0221539 - DEF FMB 500M 5.65% 6/15/18]"/>
        <member name="[CB - Account].[Account CB - Description].&amp;[0221540 - Medium Term 6.57% Due 12/15/95]"/>
        <member name="[CB - Account].[Account CB - Description].&amp;[0221541 - DEF FMB 250M  4.55% 4/1/20]"/>
        <member name="[CB - Account].[Account CB - Description].&amp;[0221542 - DEF FMB 350M 5.65% 4/1/40]"/>
        <member name="[CB - Account].[Account CB - Description].&amp;[0221543 - DEP FMB 300M 5.15% 4/1/15]"/>
        <member name="[CB - Account].[Account CB - Description].&amp;[0221544 - DEP FMB 200M 5.70% 4/1/35]"/>
        <member name="[CB - Account].[Account CB - Description].&amp;[0221545 - DEP FMB 400M 5.25% 11/15]"/>
        <member name="[CB - Account].[Account CB - Description].&amp;[0221546 - DEP FMB 325M 6.30% 4/1/38]"/>
        <member name="[CB - Account].[Account CB - Description].&amp;[0221547 - DEP FMB 600M 5.30% 1/15/19]"/>
        <member name="[CB - Account].[Account CB - Description].&amp;[0221548 - DEP FMB 400M 5.125% 9/15/13]"/>
        <member name="[CB - Account].[Account CB - Description].&amp;[0221549 - DEP FMB 200M 6.125% 9/15/33]"/>
        <member name="[CB - Account].[Account CB - Description].&amp;[0221550 - 12/95]"/>
        <member name="[CB - Account].[Account CB - Description].&amp;[0221551 - DEP PCBFMB 72.6M WAKE 1994A]"/>
        <member name="[CB - Account].[Account CB - Description].&amp;[0221552 - DEP PCBFMB 50M WAKE 1994B]"/>
        <member name="[CB - Account].[Account CB - Description].&amp;[0221553 - DEP PCBFMB 67.3M WAKE 2000A]"/>
        <member name="[CB - Account].[Account CB - Description].&amp;[0221554 - DEP PCBFMB 55.64M PERS 2000A]"/>
        <member name="[CB - Account].[Account CB - Description].&amp;[0221555 - DEP PCBFMB 50M WAKE 2000B]"/>
        <member name="[CB - Account].[Account CB - Description].&amp;[0221556 - DEP PCBFMB 50M WAKE 2000C]"/>
        <member name="[CB - Account].[Account CB - Description].&amp;[0221557 - DEP PCBFMB 41.7M WAKE 2000D]"/>
        <member name="[CB - Account].[Account CB - Description].&amp;[0221558 - DEP PCBFMB 50M WAKE 2000E]"/>
        <member name="[CB - Account].[Account CB - Description].&amp;[0221559 - DEP PCBFMB 50M WAKE 2000F]"/>
        <member name="[CB - Account].[Account CB - Description].&amp;[0221560 - 12/95]"/>
        <member name="[CB - Account].[Account CB - Description].&amp;[0221561 - DEP PCBFMB 87.4M WAKE 2000G]"/>
        <member name="[CB - Account].[Account CB - Description].&amp;[0221562 - DEP PCBFMB 45.6M PERS 2000B]"/>
        <member name="[CB - Account].[Account CB - Description].&amp;[0221563 - DEP PCBFMB 48.485M WAKE 2002]"/>
        <member name="[CB - Account].[Account CB - Description].&amp;[0221564 - DEF FMB 300M 3.10% 8/15/21]"/>
        <member name="[CB - Account].[Account CB - Description].&amp;[0221565 - DEF FMB 1B  6.40% 6/15/38]"/>
        <member name="[CB - Account].[Account CB - Description].&amp;[0221566 - DEP FMB 100M 8 5/8%  9/15/21]"/>
        <member name="[CB - Account].[Account CB - Description].&amp;[0221567 - DEP 500M 3.00% 9/15/21]"/>
        <member name="[CB - Account].[Account CB - Description].&amp;[0221568 - DEP 500M 2.80% 5/15/22]"/>
        <member name="[CB - Account].[Account CB - Description].&amp;[0221569 - DEF 400M 3.85% 11/15/42]"/>
        <member name="[CB - Account].[Account CB - Description].&amp;[0221570 - DEF CR3 275.290M 9/1/2036]"/>
        <member name="[CB - Account].[Account CB - Description].&amp;[0221571 - DEF 250M .65% 11/15/15]"/>
        <member name="[CB - Account].[Account CB - Description].&amp;[0221572 - DEP 500M 4.10% 5/15/42]"/>
        <member name="[CB - Account].[Account CB - Description].&amp;[0221573 - DEP 500M 4.10% 3/15/43]"/>
        <member name="[CB - Account].[Account CB - Description].&amp;[0221574 - DEP 48.485M Wake2002Refn2013]"/>
        <member name="[CB - Account].[Account CB - Description].&amp;[0221575 - FMB issuing June 2013]"/>
        <member name="[CB - Account].[Account CB - Description].&amp;[0221576 - FMB issuing June 2013-Variable]"/>
        <member name="[CB - Account].[Account CB - Description].&amp;[0221577 - FMB issuing August 2013]"/>
        <member name="[CB - Account].[Account CB - Description].&amp;[0221578 - FMB issuing Aug 2013-Variable]"/>
        <member name="[CB - Account].[Account CB - Description].&amp;[0221579 - FMB issuing May 2016 $500M 30y]"/>
        <member name="[CB - Account].[Account CB - Description].&amp;[0221580 - DEO 250M FMB 3.70% 6/15/46]"/>
        <member name="[CB - Account].[Account CB - Description].&amp;[0221582 - DEO 2019 Fixed Rate FMB]"/>
        <member name="[CB - Account].[Account CB - Description].&amp;[0221583 - DEO  fixed rate FMB]"/>
        <member name="[CB - Account].[Account CB - Description].&amp;[0221584 - DEP 600M 3.45% 3/15/2029]"/>
        <member name="[CB - Account].[Account CB - Description].&amp;[0221585 - FMB Issuing Sep 2019 $500M 30Y]"/>
        <member name="[CB - Account].[Account CB - Description].&amp;[0221586 - FMB issuing Mar 2020 $550M 30Y]"/>
        <member name="[CB - Account].[Account CB - Description].&amp;[0221587 - DEO LT Liab May 2020]"/>
        <member name="[CB - Account].[Account CB - Description].&amp;[0221588 - DEP 600M FMB 2.50% 8/15/50]"/>
        <member name="[CB - Account].[Account CB - Description].&amp;[0221590 - Medium Term 7.37% Due 2/2/04]"/>
        <member name="[CB - Account].[Account CB - Description].&amp;[0221600 - Medium Term 7.4% Due 2/10/04]"/>
        <member name="[CB - Account].[Account CB - Description].&amp;[0221610 - Medium Term 7.38% Due 2/10/04]"/>
        <member name="[CB - Account].[Account CB - Description].&amp;[0221620 - Medium Term 7.41% Due 2/10/04]"/>
        <member name="[CB - Account].[Account CB - Description].&amp;[0221630 - Medium Term 7.41% Due 2/10/04]"/>
        <member name="[CB - Account].[Account CB - Description].&amp;[0221640 - Medium Term 7.5% Due 4/1/99]"/>
        <member name="[CB - Account].[Account CB - Description].&amp;[0221650 - 8.00% Series Due 2004]"/>
        <member name="[CB - Account].[Account CB - Description].&amp;[0221660 - 8.625% Series Due 2022]"/>
        <member name="[CB - Account].[Account CB - Description].&amp;[0221670 - 5.17% Mtn Bonds Due 9/98]"/>
        <member name="[CB - Account].[Account CB - Description].&amp;[0221800 - Bonds CG&amp;EB 5 45 Ser B 1 1 24]"/>
        <member name="[CB - Account].[Account CB - Description].&amp;[0221801 - $500M 6.1% Snr Note due 6/1/37]"/>
        <member name="[CB - Account].[Account CB - Description].&amp;[0221802 - $400M 5.25% FMB due 1/15/18]"/>
        <member name="[CB - Account].[Account CB - Description].&amp;[0221803 - $500M 6.0% FMB due 1/15/38]"/>
        <member name="[CB - Account].[Account CB - Description].&amp;[0221805 - CG&amp;E OAQD 2001 Ser A]"/>
        <member name="[CB - Account].[Account CB - Description].&amp;[0221806 - 42M CG&amp;E OAQD 02A 9/1/37]"/>
        <member name="[CB - Account].[Account CB - Description].&amp;[0221807 - 42M CG&amp;E OAQD 02B 9/1/37]"/>
        <member name="[CB - Account].[Account CB - Description].&amp;[0221808 - Put Bond CG&amp;E OAQD 95A 9/1/30]"/>
        <member name="[CB - Account].[Account CB - Description].&amp;[0221809 - Put Bond CG&amp;E OAQD 95B 9/1/30]"/>
        <member name="[CB - Account].[Account CB - Description].&amp;[0221810 - Bonds CG&amp;E Ser A 5 45 1 1 24]"/>
        <member name="[CB - Account].[Account CB - Description].&amp;[0221811 - Bonds CG&amp;EC 5 50 Due 1124]"/>
        <member name="[CB - Account].[Account CB - Description].&amp;[0221816 - PCRB - Ser 2000B 4/1/22]"/>
        <member name="[CB - Account].[Account CB - Description].&amp;[0221817 - 55 M Var PCB 2004 A 8/1/39]"/>
        <member name="[CB - Account].[Account CB - Description].&amp;[0221818 - 23M IDFA Ser 2002A 3/1/31]"/>
        <member name="[CB - Account].[Account CB - Description].&amp;[0221819 - 24 6M IDFA Ser2002B 3/1/19]"/>
        <member name="[CB - Account].[Account CB - Description].&amp;[0221820 - 35M IDFA Serie 2003 4/1/22]"/>
        <member name="[CB - Account].[Account CB - Description].&amp;[0221821 - PCRB - Ser 2000A 5/1/35]"/>
        <member name="[CB - Account].[Account CB - Description].&amp;[0221822 - PSI FMB Ser BBB 07/15/09]"/>
        <member name="[CB - Account].[Account CB - Description].&amp;[0221823 - PSI FMB Ser DDD 09/01/32]"/>
        <member name="[CB - Account].[Account CB - Description].&amp;[0221824 - PSI FMB Ser CCC 01/15/22]"/>
        <member name="[CB - Account].[Account CB - Description].&amp;[0221828 - 40 25M VR PCB Ser A 12/01/38]"/>
        <member name="[CB - Account].[Account CB - Description].&amp;[0221829 - 40 25M VR PCB Ser B 12/01/38]"/>
        <member name="[CB - Account].[Account CB - Description].&amp;[0221837 - PSI PCB 2005B]"/>
        <member name="[CB - Account].[Account CB - Description].&amp;[0221838 - PSI PCB 2005C]"/>
        <member name="[CB - Account].[Account CB - Description].&amp;[0221839 - DEO 2007A 25 3]"/>
        <member name="[CB - Account].[Account CB - Description].&amp;[0221840 - DEO 2007A 21 4]"/>
        <member name="[CB - Account].[Account CB - Description].&amp;[0221856 - $500M 3.75% FMB due 6/1/2045]"/>
        <member name="[CB - Account].[Account CB - Description].&amp;[0221857 - $500M 2.5% FMB due 3/15/23]"/>
        <member name="[CB - Account].[Account CB - Description].&amp;[0221858 - $500M 3.875% FMB due 3/15/2046]"/>
        <member name="[CB - Account].[Account CB - Description].&amp;[0221859 - $600M 2.95% FMB due 12/1/26]"/>
        <member name="[CB - Account].[Account CB - Description].&amp;[0221860 - DEI FMB 2008 $500M due 8/15/3]"/>
        <member name="[CB - Account].[Account CB - Description].&amp;[0221861 - DEI FMB 2010 $500M DUE 7/2020]"/>
        <member name="[CB - Account].[Account CB - Description].&amp;[0221864 - PCRB - Ser 2000A 5/1/35]"/>
        <member name="[CB - Account].[Account CB - Description].&amp;[0221865 - 23M IDFA Ser 2002A 3/1/31]"/>
        <member name="[CB - Account].[Account CB - Description].&amp;[0221868 - PSI PCB 2005C]"/>
        <member name="[CB - Account].[Account CB - Description].&amp;[0221870 - DEI PCB 2009A5]"/>
        <member name="[CB - Account].[Account CB - Description].&amp;[0221871 - DEI 55M IDFA 6% 2009B 8/1/39]"/>
        <member name="[CB - Account].[Account CB - Description].&amp;[0221875 - DEI FMB Ser MMM 04/2039]"/>
        <member name="[CB - Account].[Account CB - Description].&amp;[0221876 - DEI FMB Ser UUU $250M 3/15/42]"/>
        <member name="[CB - Account].[Account CB - Description].&amp;[0221880 - DEO 5.45% FMB Ser 04/2019]"/>
        <member name="[CB - Account].[Account CB - Description].&amp;[0221885 - DEO 250M 2 10SER FMB DUE 61513]"/>
        <member name="[CB - Account].[Account CB - Description].&amp;[0221910 - Inactive]"/>
        <member name="[CB - Account].[Account CB - Description].&amp;[0221922 - DEO 12 1M OAQD 2001A]"/>
        <member name="[CB - Account].[Account CB - Description].&amp;[0223300 - Advance Minn Mutual - NPL]"/>
        <member name="[CB - Account].[Account CB - Description].&amp;[0223301 - Advance TIAA-CREF - NPL]"/>
        <member name="[CB - Account].[Account CB - Description].&amp;[0223302 - Advance NY Life - NPL]"/>
        <member name="[CB - Account].[Account CB - Description].&amp;[0223303 - Advance Lincoln - NPL]"/>
        <member name="[CB - Account].[Account CB - Description].&amp;[0223304 - Advance Fisher - NPL]"/>
        <member name="[CB - Account].[Account CB - Description].&amp;[0223305 - Advance Hayes - NPL]"/>
        <member name="[CB - Account].[Account CB - Description].&amp;[0223310 - Minn Mutual - Current Portion]"/>
        <member name="[CB - Account].[Account CB - Description].&amp;[0223311 - TIAA - Current Portion]"/>
        <member name="[CB - Account].[Account CB - Description].&amp;[0223312 - NY Life - Current Portion]"/>
        <member name="[CB - Account].[Account CB - Description].&amp;[0223313 - Lincoln - Current Portion]"/>
        <member name="[CB - Account].[Account CB - Description].&amp;[0223314 - Fisher - Curr Portion]"/>
        <member name="[CB - Account].[Account CB - Description].&amp;[0223315 - Hays - Curr Portion]"/>
        <member name="[CB - Account].[Account CB - Description].&amp;[0223890 - Curr Note Pay to CC Fund Tr l]"/>
        <member name="[CB - Account].[Account CB - Description].&amp;[0223990 - Adv from Associated Companies]"/>
        <member name="[CB - Account].[Account CB - Description].&amp;[0224000 - Ltd-Note Pay-100Mm Med]"/>
        <member name="[CB - Account].[Account CB - Description].&amp;[0224001 - Ltd-Notes-8.25% Due 2004]"/>
        <member name="[CB - Account].[Account CB - Description].&amp;[0224002 - Ltd-Notes-Rca-Bank America]"/>
        <member name="[CB - Account].[Account CB - Description].&amp;[0224003 - Ltd-Notes-9.13% Due 2003]"/>
        <member name="[CB - Account].[Account CB - Description].&amp;[0224004 - Ltd-Notes-Med Term Note]"/>
        <member name="[CB - Account].[Account CB - Description].&amp;[0224005 - 7 1/4% Senior Notes due 2004]"/>
        <member name="[CB - Account].[Account CB - Description].&amp;[0224006 - Ltd-Notes-7.25%]"/>
        <member name="[CB - Account].[Account CB - Description].&amp;[0224007 - 7.5% Global due 10/1/2009]"/>
        <member name="[CB - Account].[Account CB - Description].&amp;[0224008 - 8% Global due 10/1/2019]"/>
        <member name="[CB - Account].[Account CB - Description].&amp;[0224009 - Ltd Notes-7.38%]"/>
        <member name="[CB - Account].[Account CB - Description].&amp;[0224010 - Ltd-Notes-7% Due 2006]"/>
        <member name="[CB - Account].[Account CB - Description].&amp;[0224011 - 6.25% Note A due 7/15/2005]"/>
        <member name="[CB - Account].[Account CB - Description].&amp;[0224012 - 6.75% Senior B due 7/15/2018]"/>
        <member name="[CB - Account].[Account CB - Description].&amp;[0224013 - Ltd-Credit-Bank]"/>
        <member name="[CB - Account].[Account CB - Description].&amp;[0224014 - Ltd-Credit-Overrun]"/>
        <member name="[CB - Account].[Account CB - Description].&amp;[0224015 - Ltd-Notes-$115Mm(144A)]"/>
        <member name="[CB - Account].[Account CB - Description].&amp;[0224016 - Ltd-Notes-7 .30% Due 2010]"/>
        <member name="[CB - Account].[Account CB - Description].&amp;[0224017 - Equity Units-Mand Conv Debt]"/>
        <member name="[CB - Account].[Account CB - Description].&amp;[0224018 - 6.75% Sr Bond due 2/15/2032]"/>
        <member name="[CB - Account].[Account CB - Description].&amp;[0224019 - 6.25% Sr Bond due 2/15/2013]"/>
        <member name="[CB - Account].[Account CB - Description].&amp;[0224020 - GAINS ON TERMINATED SWAPS]"/>
        <member name="[CB - Account].[Account CB - Description].&amp;[0224021 - MASS MUTUAL LOAN PAY 1/1/86]"/>
        <member name="[CB - Account].[Account CB - Description].&amp;[0224022 - MASS MUTUAL LOANS PAY 1/1/84]"/>
        <member name="[CB - Account].[Account CB - Description].&amp;[0224023 - MASS MUTUAL LOANS PAY 12/15/84]"/>
        <member name="[CB - Account].[Account CB - Description].&amp;[0224024 - MASS MUTUAL LOANS PAY 9/1/85PE]"/>
        <member name="[CB - Account].[Account CB - Description].&amp;[0224025 - MASS MUTUAL LOANS PAY 6/1/86]"/>
        <member name="[CB - Account].[Account CB - Description].&amp;[0224026 - GEN AM LIFE LOANS PAY 9/15/82]"/>
        <member name="[CB - Account].[Account CB - Description].&amp;[0224027 - MASS MUTUAL LOANS PAY 9/1/85TE]"/>
        <member name="[CB - Account].[Account CB - Description].&amp;[0224028 - PAC MUTUAL LOANS PAY 9/25/85]"/>
        <member name="[CB - Account].[Account CB - Description].&amp;[0224029 - PAC MUTUAL LOANS PAY 6/3/87]"/>
        <member name="[CB - Account].[Account CB - Description].&amp;[0224030 - GREATWEST LIFE LOANSPAY 6/1/85]"/>
        <member name="[CB - Account].[Account CB - Description].&amp;[0224031 - TE HARTFORD LOANS PAY 5/31/88]"/>
        <member name="[CB - Account].[Account CB - Description].&amp;[0224032 - PE HARTFORD LOANS PAY 8/31/88]"/>
        <member name="[CB - Account].[Account CB - Description].&amp;[0224033 - MANU LIFE LOANS PAY 12/1/85]"/>
        <member name="[CB - Account].[Account CB - Description].&amp;[0224035 - Ltd-Notes-5.25% due 2007]"/>
        <member name="[CB - Account].[Account CB - Description].&amp;[0224036 - LTD-Note-8.25% due 2005]"/>
        <member name="[CB - Account].[Account CB - Description].&amp;[0224037 - Ltd-Notes-5.69% due 2012]"/>
        <member name="[CB - Account].[Account CB - Description].&amp;[0224038 - Ltd-Notes-5.71% due 2012]"/>
        <member name="[CB - Account].[Account CB - Description].&amp;[0224039 - Ltd-Notes-7% due 2032]"/>
        <member name="[CB - Account].[Account CB - Description].&amp;[0224040 - 1 - Year Bonds - 2003]"/>
        <member name="[CB - Account].[Account CB - Description].&amp;[0224041 - Interco Long Term Debt]"/>
        <member name="[CB - Account].[Account CB - Description].&amp;[0224042 - Long Term Debt Schedule M]"/>
        <member name="[CB - Account].[Account CB - Description].&amp;[0224043 - DEFR LT Debt]"/>
        <member name="[CB - Account].[Account CB - Description].&amp;[0224044 - RUS note current portion]"/>
        <member name="[CB - Account].[Account CB - Description].&amp;[0224045 - FERC Interconnect Liability]"/>
        <member name="[CB - Account].[Account CB - Description].&amp;[0224049 - DEK Private Placement Bond]"/>
        <member name="[CB - Account].[Account CB - Description].&amp;[0224050 - TEPPCO-TODHUNTER]"/>
        <member name="[CB - Account].[Account CB - Description].&amp;[0224051 - CORP 234M 4.25% MTN 11/1/39]"/>
        <member name="[CB - Account].[Account CB - Description].&amp;[0224052 - CORP 168M 4.0% MTN 9/1/30]"/>
        <member name="[CB - Account].[Account CB - Description].&amp;[0224066 - DEK Private Placement Bond]"/>
        <member name="[CB - Account].[Account CB - Description].&amp;[0224067 - DEK 19 Pvt Plc Prin Tranche 1]"/>
        <member name="[CB - Account].[Account CB - Description].&amp;[0224068 - DEK 19 Pvt Plc Prin Tranche 2]"/>
        <member name="[CB - Account].[Account CB - Description].&amp;[0224069 - DEK 19 Pvt Plc Prin Tranche 3]"/>
        <member name="[CB - Account].[Account CB - Description].&amp;[0224072 - DEK Priv Place Bond 2020 Tr 2]"/>
        <member name="[CB - Account].[Account CB - Description].&amp;[0224073 - FERC Interconnect Liability ST]"/>
        <member name="[CB - Account].[Account CB - Description].&amp;[0224095 - DEF OTH LTD 400M 2.1% 12/15/19]"/>
        <member name="[CB - Account].[Account CB - Description].&amp;[0224100 - York Co PC Floating Due 2014]"/>
        <member name="[CB - Account].[Account CB - Description].&amp;[0224101 - DEF 800M FLOATING 4/21/2024]"/>
        <member name="[CB - Account].[Account CB - Description].&amp;[0224105 - LT Debt - Sec Fixed Rate]"/>
        <member name="[CB - Account].[Account CB - Description].&amp;[0224110 - CLHFS CURR MAT OF DEBT]"/>
        <member name="[CB - Account].[Account CB - Description].&amp;[0224115 - AHFS NCLIAB LT DEBT]"/>
        <member name="[CB - Account].[Account CB - Description].&amp;[0224200 - LT Debt -Sec Floating]"/>
        <member name="[CB - Account].[Account CB - Description].&amp;[0224205 - LT Debt - Unsecured Fix (Other]"/>
        <member name="[CB - Account].[Account CB - Description].&amp;[0224206 - Ltd Notes 5.56% due 2015]"/>
        <member name="[CB - Account].[Account CB - Description].&amp;[0224207 - Ltd Notes 6.19% due 2025]"/>
        <member name="[CB - Account].[Account CB - Description].&amp;[0224210 - LT Debt - Other Fixed]"/>
        <member name="[CB - Account].[Account CB - Description].&amp;[0224215 - Current Portion SEC Floating]"/>
        <member name="[CB - Account].[Account CB - Description].&amp;[0224252 - Current Portion of Other Fixed]"/>
        <member name="[CB - Account].[Account CB - Description].&amp;[0224253 - Current Portion of Other Float]"/>
        <member name="[CB - Account].[Account CB - Description].&amp;[0224254 - Current Portion of Unamort Deb]"/>
        <member name="[CB - Account].[Account CB - Description].&amp;[0224255 - Cur Portion - FV Hedge CV Adju]"/>
        <member name="[CB - Account].[Account CB - Description].&amp;[0224300 - SCHM Fair Value hedge MTM]"/>
        <member name="[CB - Account].[Account CB - Description].&amp;[0224301 - LT DEBT - FV Hedge Adjustment]"/>
        <member name="[CB - Account].[Account CB - Description].&amp;[0224332 - $30M 3.35 DEK 09/15/2029]"/>
        <member name="[CB - Account].[Account CB - Description].&amp;[0224333 - $30M 4.11 DEK 09/15/2047]"/>
        <member name="[CB - Account].[Account CB - Description].&amp;[0224334 - $30M 4.26 DEK 09/15/2057]"/>
        <member name="[CB - Account].[Account CB - Description].&amp;[0224336 - 45M 3 42 DEK 01/15/2026]"/>
        <member name="[CB - Account].[Account CB - Description].&amp;[0224337 - 50M 4 45 DEK 01/15/2046]"/>
        <member name="[CB - Account].[Account CB - Description].&amp;[0224400 - Commercial Paper Payable]"/>
        <member name="[CB - Account].[Account CB - Description].&amp;[0224410 - L-T Commercial Paper]"/>
        <member name="[CB - Account].[Account CB - Description].&amp;[0224420 - LT Note Payable QUIPS Due 9/37]"/>
        <member name="[CB - Account].[Account CB - Description].&amp;[0224430 - LT NotePay TruPS-Due 3/31/2039]"/>
        <member name="[CB - Account].[Account CB - Description].&amp;[0224431 - Note Pay Quips Due 6/30/2038]"/>
        <member name="[CB - Account].[Account CB - Description].&amp;[0224432 - Note Pay Trust III Due 8/2029]"/>
        <member name="[CB - Account].[Account CB - Description].&amp;[0224433 - 4.302% Notes due 5/18/2006]"/>
        <member name="[CB - Account].[Account CB - Description].&amp;[0224434 - 4.37% Notes due 3/1/2009]"/>
        <member name="[CB - Account].[Account CB - Description].&amp;[0224435 - 5.5% Notes due 3/1/20014]"/>
        <member name="[CB - Account].[Account CB - Description].&amp;[0224440 - LT Notes Payable]"/>
        <member name="[CB - Account].[Account CB - Description].&amp;[0224441 - LT Notes Payable - Affiliates]"/>
        <member name="[CB - Account].[Account CB - Description].&amp;[0224450 - Quips Rel Party FPC Cap Trust]"/>
        <member name="[CB - Account].[Account CB - Description].&amp;[0224460 - PNG 100M 6.0% MTN 12/19/33]"/>
        <member name="[CB - Account].[Account CB - Description].&amp;[0224461 - PNG 55M 7.4% MTN 10/3/25]"/>
        <member name="[CB - Account].[Account CB - Description].&amp;[0224462 - PNG 60M 7.95% MTN 9/14/29]"/>
        <member name="[CB - Account].[Account CB - Description].&amp;[0224463 - PNG 250M 4.10% SR NT 9/18/34]"/>
        <member name="[CB - Account].[Account CB - Description].&amp;[0224464 - PNG 40M 7.5% MTN 10/9/26]"/>
        <member name="[CB - Account].[Account CB - Description].&amp;[0224465 - PNG 35M 8.51% SR NOTES 9/30/17]"/>
        <member name="[CB - Account].[Account CB - Description].&amp;[0224466 - PNG 45M 6.87% MTN 10/6/23]"/>
        <member name="[CB - Account].[Account CB - Description].&amp;[0224467 - PNG 40M 8.45% MTN 9/19/24]"/>
        <member name="[CB - Account].[Account CB - Description].&amp;[0224468 - PNG 100M 3.47% SR NT 7/16/27]"/>
        <member name="[CB - Account].[Account CB - Description].&amp;[0224469 - PNG 160M 4.24% SR NOTES 6/6/21]"/>
        <member name="[CB - Account].[Account CB - Description].&amp;[0224470 - PNG 200M 3.57% SR NT 7/16/27]"/>
        <member name="[CB - Account].[Account CB - Description].&amp;[0224471 - PNG 300M 4.65% SR NOTES 8/1/43]"/>
        <member name="[CB - Account].[Account CB - Description].&amp;[0224472 - PNG 150M 3.60% SR NOTES 9/1/25]"/>
        <member name="[CB - Account].[Account CB - Description].&amp;[0224473 - PNG DDE 40M 2.92% SR NT 6/16]"/>
        <member name="[CB - Account].[Account CB - Description].&amp;[0224474 - PNG 300M 3.64% SR NT 11/1/46]"/>
        <member name="[CB - Account].[Account CB - Description].&amp;[0224475 - PNG 2017 Term Loan]"/>
        <member name="[CB - Account].[Account CB - Description].&amp;[0224476 - 2018 PNG Financing - Long-term]"/>
        <member name="[CB - Account].[Account CB - Description].&amp;[0224477 - PNG 600M 3.5% SR NT 6/1/29]"/>
        <member name="[CB - Account].[Account CB - Description].&amp;[0224478 - PNG 400M 3.35% SR NT 6/1/50]"/>
        <member name="[CB - Account].[Account CB - Description].&amp;[0224479 - PNG 350M 2.50% SR NT 3/15/31]"/>
        <member name="[CB - Account].[Account CB - Description].&amp;[0224480 - PNG 400M 5.05% SR NT 5/15/52]"/>
        <member name="[CB - Account].[Account CB - Description].&amp;[0224500 - CURRENT PORTION LTD]"/>
        <member name="[CB - Account].[Account CB - Description].&amp;[0224501 - PGN OTH LTD 1.25B 7.10% SR-201]"/>
        <member name="[CB - Account].[Account CB - Description].&amp;[0224502 - PGN OTHER 650M 7.75% 3/1/31]"/>
        <member name="[CB - Account].[Account CB - Description].&amp;[0224503 - PGN OTHER 400M 7% 10/30/31]"/>
        <member name="[CB - Account].[Account CB - Description].&amp;[0224504 - PGN OTHER 450M 3.15% 4/1/22]"/>
        <member name="[CB - Account].[Account CB - Description].&amp;[0224506 - PGN OTHER 300M 5.625% 1/15/16]"/>
        <member name="[CB - Account].[Account CB - Description].&amp;[0224507 - PGN OTHER 300M 6.05% 3/15/14]"/>
        <member name="[CB - Account].[Account CB - Description].&amp;[0224508 - PGN OTHER 450M 7.05% 3/15/19]"/>
        <member name="[CB - Account].[Account CB - Description].&amp;[0224509 - PGN OTHER 350M 4.875% 12/1/19]"/>
        <member name="[CB - Account].[Account CB - Description].&amp;[0224511 - DEF OTHER 150M 6.75% 2/1/28]"/>
        <member name="[CB - Account].[Account CB - Description].&amp;[0224512 - PEC OTH LTD 500M 6.5% NOTES]"/>
        <member name="[CB - Account].[Account CB - Description].&amp;[0224513 - PGN OTHER 500M 4.4% 1/15/21]"/>
        <member name="[CB - Account].[Account CB - Description].&amp;[0224514 - PGN OTHER 600M 6% 12/1/39]"/>
        <member name="[CB - Account].[Account CB - Description].&amp;[0224520 - 7.375% Sr Unsecur Nts due 3/10]"/>
        <member name="[CB - Account].[Account CB - Description].&amp;[0224550 - L/T DEPR Debt]"/>
        <member name="[CB - Account].[Account CB - Description].&amp;[0224560 - Long term Debt DERF DUE 9/5/06]"/>
        <member name="[CB - Account].[Account CB - Description].&amp;[0224570 - NP&amp;L 6% PROMISSORY NOTE]"/>
        <member name="[CB - Account].[Account CB - Description].&amp;[0224580 - Oconee Co 1999 SerA due 2/1/17]"/>
        <member name="[CB - Account].[Account CB - Description].&amp;[0224581 - DEP 700M TRM LOAN FLTG12/31/20]"/>
        <member name="[CB - Account].[Account CB - Description].&amp;[0224589 - DEP 700M Floater 2/18/22]"/>
        <member name="[CB - Account].[Account CB - Description].&amp;[0224590 - Oconee Co 1999 SerB due 2/1/17]"/>
        <member name="[CB - Account].[Account CB - Description].&amp;[0224600 - Gaston Co 1999 Ser due 10/1/12]"/>
        <member name="[CB - Account].[Account CB - Description].&amp;[0224610 - PC Bonds 2006 A 10-1-2031]"/>
        <member name="[CB - Account].[Account CB - Description].&amp;[0224620 - PC Bonds 2006 B 10-1-2031]"/>
        <member name="[CB - Account].[Account CB - Description].&amp;[0224630 - Notes Payable to Trust- QUIP]"/>
        <member name="[CB - Account].[Account CB - Description].&amp;[0224640 - Oconee CO 5.8% PC Due 9/3/14]"/>
        <member name="[CB - Account].[Account CB - Description].&amp;[0224650 - Notes Payable to Trust- TruPS]"/>
        <member name="[CB - Account].[Account CB - Description].&amp;[0224660 - 7.7% Gaston Pc Bonds Due 2012]"/>
        <member name="[CB - Account].[Account CB - Description].&amp;[0224670 - Electric Center Mortgage]"/>
        <member name="[CB - Account].[Account CB - Description].&amp;[0224680 - Oconee PC Var Due 2/1/2017]"/>
        <member name="[CB - Account].[Account CB - Description].&amp;[0224685 - Oconee PC Bonds 3.6% 2/1/2017]"/>
        <member name="[CB - Account].[Account CB - Description].&amp;[0224690 - Advances w/ Pan Energy Service]"/>
        <member name="[CB - Account].[Account CB - Description].&amp;[0224695 - LT Note w/DE Services, Inc.]"/>
        <member name="[CB - Account].[Account CB - Description].&amp;[0224696 - Other Longterm Liab]"/>
        <member name="[CB - Account].[Account CB - Description].&amp;[0224697 - NP Project Loan Long Term]"/>
        <member name="[CB - Account].[Account CB - Description].&amp;[0224698 - CURRENT PORTION OF PCL]"/>
        <member name="[CB - Account].[Account CB - Description].&amp;[0224699 - Commodity Margin Desolution]"/>
        <member name="[CB - Account].[Account CB - Description].&amp;[0224700 - Deferred Liability-Severence]"/>
        <member name="[CB - Account].[Account CB - Description].&amp;[0224701 - Deferred Loss on Commodity Ops]"/>
        <member name="[CB - Account].[Account CB - Description].&amp;[0224702 - Deferred Office Lease Cancella]"/>
        <member name="[CB - Account].[Account CB - Description].&amp;[0224703 - LT NR W/CRA 30077]"/>
        <member name="[CB - Account].[Account CB - Description].&amp;[0224801 - 5 375 CG&amp;E Ser 2003B 6/15/33]"/>
        <member name="[CB - Account].[Account CB - Description].&amp;[0224802 - 5 40 CG&amp;E Ser 2003A 6/15/33]"/>
        <member name="[CB - Account].[Account CB - Description].&amp;[0224803 - 500M CG&amp;E Deb 5 7 9/15/12]"/>
        <member name="[CB - Account].[Account CB - Description].&amp;[0224804 - PC Bonds 2007A 11/01/2040]"/>
        <member name="[CB - Account].[Account CB - Description].&amp;[0224805 - PC Bonds 2007B 11/01/2040]"/>
        <member name="[CB - Account].[Account CB - Description].&amp;[0224808 - Debs CG&amp;E 6 90 6-1-25]"/>
        <member name="[CB - Account].[Account CB - Description].&amp;[0224814 - 7 875 Snr Uns Debs 9/15/09]"/>
        <member name="[CB - Account].[Account CB - Description].&amp;[0224815 - Jr Maturing Prin Securities]"/>
        <member name="[CB - Account].[Account CB - Description].&amp;[0224824 - Senior Notes 6 52 3/15/09]"/>
        <member name="[CB - Account].[Account CB - Description].&amp;[0224827 - Medium Term Notes - A]"/>
        <member name="[CB - Account].[Account CB - Description].&amp;[0224830 - Medium Term Notes - B]"/>
        <member name="[CB - Account].[Account CB - Description].&amp;[0224831 - 400M 5 0 PSI Debs 9/15/13]"/>
        <member name="[CB - Account].[Account CB - Description].&amp;[0224832 - 6 20 CGR Debs Due11/03/08]"/>
        <member name="[CB - Account].[Account CB - Description].&amp;[0224833 - CORP DEB 6 53 12/16/08]"/>
        <member name="[CB - Account].[Account CB - Description].&amp;[0224834 - Long Term Debt]"/>
        <member name="[CB - Account].[Account CB - Description].&amp;[0224835 - PSI PCB 2005A]"/>
        <member name="[CB - Account].[Account CB - Description].&amp;[0224836 - PSI 350M 10/35]"/>
        <member name="[CB - Account].[Account CB - Description].&amp;[0224837 - VIE - Non-recourse LTD]"/>
        <member name="[CB - Account].[Account CB - Description].&amp;[0224839 - ULHP 50M 5 75 3/10/16]"/>
        <member name="[CB - Account].[Account CB - Description].&amp;[0224840 - ULHP 65M 6 2 3/10/2036]"/>
        <member name="[CB - Account].[Account CB - Description].&amp;[0224841 - PSI 325M 6 05 06/15/16]"/>
        <member name="[CB - Account].[Account CB - Description].&amp;[0224842 - ULHP PCB 06A]"/>
        <member name="[CB - Account].[Account CB - Description].&amp;[0224843 - ULHP PCB 06B]"/>
        <member name="[CB - Account].[Account CB - Description].&amp;[0224844 - KY 5% 40M DEBS DUE 12/15/14]"/>
        <member name="[CB - Account].[Account CB - Description].&amp;[0224845 - OAQD $47M 2004 SER A 11/1/39]"/>
        <member name="[CB - Account].[Account CB - Description].&amp;[0224846 - OAQD 47M 2004 SER B 11/1/39]"/>
        <member name="[CB - Account].[Account CB - Description].&amp;[0224847 - IDFA 2004B 77 12512/1/2039]"/>
        <member name="[CB - Account].[Account CB - Description].&amp;[0224848 - IDFA 2004C 77 12512/1/2039]"/>
        <member name="[CB - Account].[Account CB - Description].&amp;[0224849 - Rus Obligation]"/>
        <member name="[CB - Account].[Account CB - Description].&amp;[0224850 - Environ Wood Supply LT Debt]"/>
        <member name="[CB - Account].[Account CB - Description].&amp;[0224851 - Tranche B]"/>
        <member name="[CB - Account].[Account CB - Description].&amp;[0224853 - CLT Metro Debt]"/>
        <member name="[CB - Account].[Account CB - Description].&amp;[0224866 - IDFA 2004C 77.25 12/1/39]"/>
        <member name="[CB - Account].[Account CB - Description].&amp;[0224867 - IDFA 2004B 77.25 12/1/39]"/>
        <member name="[CB - Account].[Account CB - Description].&amp;[0224872 - DEI 77 25M IDFA 2009A3 12/1/39]"/>
        <member name="[CB - Account].[Account CB - Description].&amp;[0224873 - DEI 77 25M IDFA 2009A4 12/1/39]"/>
        <member name="[CB - Account].[Account CB - Description].&amp;[0225000 - Equity Units-Unamortized Disc]"/>
        <member name="[CB - Account].[Account CB - Description].&amp;[0225010 - Inactive]"/>
        <member name="[CB - Account].[Account CB - Description].&amp;[0225011 - Long-term Debt - Premium]"/>
        <member name="[CB - Account].[Account CB - Description].&amp;[0225015 - Unamort Premiums - Purch Acctg]"/>
        <member name="[CB - Account].[Account CB - Description].&amp;[0225021 - Unamort Premiums-Curr]"/>
        <member name="[CB - Account].[Account CB - Description].&amp;[0225150 - Inactive]"/>
        <member name="[CB - Account].[Account CB - Description].&amp;[0225190 - 12/95]"/>
        <member name="[CB - Account].[Account CB - Description].&amp;[0225210 - 7.125% Roars Due  9-3-2012]"/>
        <member name="[CB - Account].[Account CB - Description].&amp;[0225230 - Inactive]"/>
        <member name="[CB - Account].[Account CB - Description].&amp;[0225240 - Inactive]"/>
        <member name="[CB - Account].[Account CB - Description].&amp;[0225260 - Inactive]"/>
        <member name="[CB - Account].[Account CB - Description].&amp;[0225280 - Inactive]"/>
        <member name="[CB - Account].[Account CB - Description].&amp;[0225290 - Inactive]"/>
        <member name="[CB - Account].[Account CB - Description].&amp;[0225291 - $750M 3.20% FMB due 8/15/49]"/>
        <member name="[CB - Account].[Account CB - Description].&amp;[0225800 - UnamPrmLiqAsstW/CoupExch100107]"/>
        <member name="[CB - Account].[Account CB - Description].&amp;[0225802 - UNAMPREM DEI FMB SERCCC 011522]"/>
        <member name="[CB - Account].[Account CB - Description].&amp;[0225804 - UnamPrm,PA CG&amp;EB5 45SerB010124]"/>
        <member name="[CB - Account].[Account CB - Description].&amp;[0225812 - UNAMPRM PA 5 40  2003A 6/15/33]"/>
        <member name="[CB - Account].[Account CB - Description].&amp;[0225822 - UNAMPRM PA DEBS 6 90 6/1/25]"/>
        <member name="[CB - Account].[Account CB - Description].&amp;[0225955 - UnamPrm,PABondsCG&amp;ESerA5451124]"/>
        <member name="[CB - Account].[Account CB - Description].&amp;[0225956 - UnamPrm,PA 6 4 CG&amp;E Debs040108]"/>
        <member name="[CB - Account].[Account CB - Description].&amp;[0225957 - UnamPrm,PA6 20CGRDebs Due11308]"/>
        <member name="[CB - Account].[Account CB - Description].&amp;[0225958 - UnamPrm,PA CORPDEB6 53 121608]"/>
        <member name="[CB - Account].[Account CB - Description].&amp;[0226000 - Unamort Dde-8.25% Due 2004]"/>
        <member name="[CB - Account].[Account CB - Description].&amp;[0226001 - Unamort Disc 8.625%]"/>
        <member name="[CB - Account].[Account CB - Description].&amp;[0226002 - Unamort Disc-Sr Notes due 2004]"/>
        <member name="[CB - Account].[Account CB - Description].&amp;[0226003 - Unamort Disc-7.38%]"/>
        <member name="[CB - Account].[Account CB - Description].&amp;[0226004 - Unamort Disc-7%]"/>
        <member name="[CB - Account].[Account CB - Description].&amp;[0226005 - Unamort Disc - Senior Note A]"/>
        <member name="[CB - Account].[Account CB - Description].&amp;[0226006 - Unamort Disc - Senior Note B]"/>
        <member name="[CB - Account].[Account CB - Description].&amp;[0226007 - Unamort Disc-Sr Notes Due 2009]"/>
        <member name="[CB - Account].[Account CB - Description].&amp;[0226008 - Unamort Disc-Sr Notes Due 2019]"/>
        <member name="[CB - Account].[Account CB - Description].&amp;[0226009 - Cntra Liability/Unamort Discnt]"/>
        <member name="[CB - Account].[Account CB - Description].&amp;[0226010 - DEFPFDEBTDISC]"/>
        <member name="[CB - Account].[Account CB - Description].&amp;[0226011 - Unamort Disc-Swap Termination]"/>
        <member name="[CB - Account].[Account CB - Description].&amp;[0226012 - Uanort Disc-Sr Bond-2032]"/>
        <member name="[CB - Account].[Account CB - Description].&amp;[0226013 - Uanort Disc-Sr Bond-2013]"/>
        <member name="[CB - Account].[Account CB - Description].&amp;[0226014 - Unamor Disc Quips 6/2038]"/>
        <member name="[CB - Account].[Account CB - Description].&amp;[0226015 - Unamor Disc TrustIII 8/2029]"/>
        <member name="[CB - Account].[Account CB - Description].&amp;[0226016 - Unamortized Discount-SchM]"/>
        <member name="[CB - Account].[Account CB - Description].&amp;[0226018 - DEF 650M UNAMDIS 2.4% 12/15/31]"/>
        <member name="[CB - Account].[Account CB - Description].&amp;[0226019 - DEF 500M UNAMDIS 3% 12/15/2051]"/>
        <member name="[CB - Account].[Account CB - Description].&amp;[0226020 - $250m SR FLOATING 12/8/2005]"/>
        <member name="[CB - Account].[Account CB - Description].&amp;[0226021 - Unamort Discount-Curr]"/>
        <member name="[CB - Account].[Account CB - Description].&amp;[0226022 - $300M 5.1% FMB due 4/15/2018]"/>
        <member name="[CB - Account].[Account CB - Description].&amp;[0226023 - $600M 6.05% FMB due 4/15/2038]"/>
        <member name="[CB - Account].[Account CB - Description].&amp;[0226030 - Maxes Due 12/03/12]"/>
        <member name="[CB - Account].[Account CB - Description].&amp;[0226040 - Pollution Cntrl Oblig Due 2017]"/>
        <member name="[CB - Account].[Account CB - Description].&amp;[0226043 - DEP UNAMDIS 500M 4.15% 12/1/44]"/>
        <member name="[CB - Account].[Account CB - Description].&amp;[0226044 - DEP UNAMDIS 650M 2.00% 2031]"/>
        <member name="[CB - Account].[Account CB - Description].&amp;[0226045 - DEF Long Term Debt Dis]"/>
        <member name="[CB - Account].[Account CB - Description].&amp;[0226046 - DEF UNAMDIS 600M 3.80% 7/15/28]"/>
        <member name="[CB - Account].[Account CB - Description].&amp;[0226047 - DEF UNAMDIS 400M 4.20%]"/>
        <member name="[CB - Account].[Account CB - Description].&amp;[0226050 - 6 3/8% Series Due 2008]"/>
        <member name="[CB - Account].[Account CB - Description].&amp;[0226051 - DEP UNAMDIS 500M 3.25% 2025]"/>
        <member name="[CB - Account].[Account CB - Description].&amp;[0226052 - DEP UNAMDIS 700M 4.20% 2045]"/>
        <member name="[CB - Account].[Account CB - Description].&amp;[0226053 - DEP UNAMDIS 450M 3.70% 10/15/4]"/>
        <member name="[CB - Account].[Account CB - Description].&amp;[0226054 - 2017 Q3/Q4 Issuance- Debt Dis]"/>
        <member name="[CB - Account].[Account CB - Description].&amp;[0226055 - $500M 3.90% FMB due 6/15/21]"/>
        <member name="[CB - Account].[Account CB - Description].&amp;[0226058 - DEP UNAMDIS 500M 3.60%  9/15/4]"/>
        <member name="[CB - Account].[Account CB - Description].&amp;[0226059 - DEP UNAMDIS 300M 3.375% 2023]"/>
        <member name="[CB - Account].[Account CB - Description].&amp;[0226060 - 7.5% Series Due 2025]"/>
        <member name="[CB - Account].[Account CB - Description].&amp;[0226061 - DEP UNAMDIS 450M 2.90% 2051]"/>
        <member name="[CB - Account].[Account CB - Description].&amp;[0226062 - $650M 4% FMB due 9/30/42]"/>
        <member name="[CB - Account].[Account CB - Description].&amp;[0226063 - Unamort Disc $600M (TBDA)]"/>
        <member name="[CB - Account].[Account CB - Description].&amp;[0226064 - Unamort Disc $600M (TBDB)]"/>
        <member name="[CB - Account].[Account CB - Description].&amp;[0226065 - DEP UNAMDIS 500M 3.70% 2028]"/>
        <member name="[CB - Account].[Account CB - Description].&amp;[0226070 - DEC UNAMDIS $100M 1.679% 2031]"/>
        <member name="[CB - Account].[Account CB - Description].&amp;[0226071 - DEC UNAMDIS $137M 2.617% 2041]"/>
        <member name="[CB - Account].[Account CB - Description].&amp;[0226072 - DEP UNAMDIS $221M 1.295% 2028]"/>
        <member name="[CB - Account].[Account CB - Description].&amp;[0226073 - DEP UNAMDIS $352M 2.387% 2037]"/>
        <member name="[CB - Account].[Account CB - Description].&amp;[0226074 - DEP UNAMDIS $197M 2.799% 2041]"/>
        <member name="[CB - Account].[Account CB - Description].&amp;[0226075 - DEP UNAMDIS 400M 4.375% 3/30/2]"/>
        <member name="[CB - Account].[Account CB - Description].&amp;[0226080 - 8.75% Series Due 2021]"/>
        <member name="[CB - Account].[Account CB - Description].&amp;[0226081 - DEC UNAMDIS $500M 2.85% 2032]"/>
        <member name="[CB - Account].[Account CB - Description].&amp;[0226082 - DEC UNAMDIS $650M 3.55% 2052]"/>
        <member name="[CB - Account].[Account CB - Description].&amp;[0226083 - DEP UNAMDIS $500M 3.40% due 20]"/>
        <member name="[CB - Account].[Account CB - Description].&amp;[0226084 - DEP UNAMDIS $400M 4.00% due 52]"/>
        <member name="[CB - Account].[Account CB - Description].&amp;[0226085 - DEF 500M UNAMDIS 5.95% 11/2052]"/>
        <member name="[CB - Account].[Account CB - Description].&amp;[0226089 - 2020 First Mortgage Bond]"/>
        <member name="[CB - Account].[Account CB - Description].&amp;[0226090 - 7.375% Sr Unsecur Nts due 3/10]"/>
        <member name="[CB - Account].[Account CB - Description].&amp;[0226091 - DEF 600M UNAMDIS 3.4% 10/1/46]"/>
        <member name="[CB - Account].[Account CB - Description].&amp;[0226092 - DEFUNAMDIS 250M 1.85% 1/15/20]"/>
        <member name="[CB - Account].[Account CB - Description].&amp;[0226093 - DEF UNAMDIS 650M 3.20% 1/15/27]"/>
        <member name="[CB - Account].[Account CB - Description].&amp;[0226094 - $550M 3.7% FMB due 12/1/2047]"/>
        <member name="[CB - Account].[Account CB - Description].&amp;[0226095 - DEF UNAMDIS 400M 2.1% 12/15/19]"/>
        <member name="[CB - Account].[Account CB - Description].&amp;[0226096 - $500M 3.05% FMB 3/15/2023]"/>
        <member name="[CB - Account].[Account CB - Description].&amp;[0226097 - $500M 3.95% FMB due 3/15/2048]"/>
        <member name="[CB - Account].[Account CB - Description].&amp;[0226098 - 2019 DEF Fixed rate]"/>
        <member name="[CB - Account].[Account CB - Description].&amp;[0226100 - Pollut Control Bonds-Floating]"/>
        <member name="[CB - Account].[Account CB - Description].&amp;[0226110 - Floating Senior due 1-15-2005]"/>
        <member name="[CB - Account].[Account CB - Description].&amp;[0226120 - Mortgage Bonds 7% Due 2000]"/>
        <member name="[CB - Account].[Account CB - Description].&amp;[0226130 - $200M Ret Notes 6.6%-12/31/38]"/>
        <member name="[CB - Account].[Account CB - Description].&amp;[0226140 - Core Bond 11/30/07 4.611%]"/>
        <member name="[CB - Account].[Account CB - Description].&amp;[0226150 - QUIPS Discount]"/>
        <member name="[CB - Account].[Account CB - Description].&amp;[0226160 - TruPS Discount]"/>
        <member name="[CB - Account].[Account CB - Description].&amp;[0226170 - TruPS Debt Disc. $250M Due2039]"/>
        <member name="[CB - Account].[Account CB - Description].&amp;[0226180 - 6.25% Senior due 1-15-2012]"/>
        <member name="[CB - Account].[Account CB - Description].&amp;[0226190 - 12/95]"/>
        <member name="[CB - Account].[Account CB - Description].&amp;[0226200 - 5 3/8% Series Due 1997]"/>
        <member name="[CB - Account].[Account CB - Description].&amp;[0226201 - $500M 7.00% FMB due 11/15/2018]"/>
        <member name="[CB - Account].[Account CB - Description].&amp;[0226210 - $500M FMB 3.75% DUE 3-5-08]"/>
        <member name="[CB - Account].[Account CB - Description].&amp;[0226212 - DEI FMB Ser UUU $250M 3/15/42]"/>
        <member name="[CB - Account].[Account CB - Description].&amp;[0226220 - Inactive]"/>
        <member name="[CB - Account].[Account CB - Description].&amp;[0226226 - $400M 5.75% FMB due 11/15/2013]"/>
        <member name="[CB - Account].[Account CB - Description].&amp;[0226230 - $200M FMB 4.5% DUE 4-1-2010]"/>
        <member name="[CB - Account].[Account CB - Description].&amp;[0226240 - Sr Unsecured Bds due 10/15/32]"/>
        <member name="[CB - Account].[Account CB - Description].&amp;[0226250 - 7% Fst/Ref Mort Bonds Due 7/33]"/>
        <member name="[CB - Account].[Account CB - Description].&amp;[0226260 - $300M SR NT 4.2% 10/1/08]"/>
        <member name="[CB - Account].[Account CB - Description].&amp;[0226270 - $500M FMB 5.3% 10/1/2015]"/>
        <member name="[CB - Account].[Account CB - Description].&amp;[0226280 - $770M Sr Conv Bonds Due5-15-23]"/>
        <member name="[CB - Account].[Account CB - Description].&amp;[0226281 - $500M 2.45% FMB due 2/1/30]"/>
        <member name="[CB - Account].[Account CB - Description].&amp;[0226282 - $550M 2.55% FMB due 4/15/31]"/>
        <member name="[CB - Account].[Account CB - Description].&amp;[0226283 - $550M 2.55% FMB due 4/15/31]"/>
        <member name="[CB - Account].[Account CB - Description].&amp;[0226284 - $650M 4.25% FMB due 12/15/2041]"/>
        <member name="[CB - Account].[Account CB - Description].&amp;[0226285 - $750M 5.3% FMB due 2/15/2040]"/>
        <member name="[CB - Account].[Account CB - Description].&amp;[0226286 - $450M 4.3% FMB due 6/15/2020]"/>
        <member name="[CB - Account].[Account CB - Description].&amp;[0226287 - $350M 3.35% FMB due 5/15/22]"/>
        <member name="[CB - Account].[Account CB - Description].&amp;[0226288 - $650M 3.95% FMB due 11/15/28]"/>
        <member name="[CB - Account].[Account CB - Description].&amp;[0226289 - $450M 2.45% FMB due 8/15/29]"/>
        <member name="[CB - Account].[Account CB - Description].&amp;[0226290 - 8.27% Medium Term Notes Due]"/>
        <member name="[CB - Account].[Account CB - Description].&amp;[0226291 - $750M 3.20% FMB due 8/15/49]"/>
        <member name="[CB - Account].[Account CB - Description].&amp;[0226300 - 5.8% Oconee Pc Due 2014]"/>
        <member name="[CB - Account].[Account CB - Description].&amp;[0226310 - 12/95]"/>
        <member name="[CB - Account].[Account CB - Description].&amp;[0226320 - Quips Financing-$350M Due 2037]"/>
        <member name="[CB - Account].[Account CB - Description].&amp;[0226330 - 6.125% Mtn Bonds Due 7/2003]"/>
        <member name="[CB - Account].[Account CB - Description].&amp;[0226335 - UnamDis 4 65 DEK Deb 10/1/19]"/>
        <member name="[CB - Account].[Account CB - Description].&amp;[0226340 - Oconee Co 1999 SerA due 2/1/17]"/>
        <member name="[CB - Account].[Account CB - Description].&amp;[0226350 - $250M Retail Bonds Due 4/1/22]"/>
        <member name="[CB - Account].[Account CB - Description].&amp;[0226355 - Unamrt Disc 5.56% due 2015]"/>
        <member name="[CB - Account].[Account CB - Description].&amp;[0226360 - UnAmor Dis 6.19% due 2025]"/>
        <member name="[CB - Account].[Account CB - Description].&amp;[0226370 - Sen Unsecured Notes 11/30/12]"/>
        <member name="[CB - Account].[Account CB - Description].&amp;[0226380 - Series A 6% Snr Notes Due 2028]"/>
        <member name="[CB - Account].[Account CB - Description].&amp;[0226390 - Oconee Co 1999 SerB due 2/1/17]"/>
        <member name="[CB - Account].[Account CB - Description].&amp;[0226400 - Gaston Co 1999 Ser due 10/1/12]"/>
        <member name="[CB - Account].[Account CB - Description].&amp;[0226410 - 8.00% Series Due 2004]"/>
        <member name="[CB - Account].[Account CB - Description].&amp;[0226420 - 8.625% Series Due 2022]"/>
        <member name="[CB - Account].[Account CB - Description].&amp;[0226430 - 6.875% 1St Mortg Bonds-8/23]"/>
        <member name="[CB - Account].[Account CB - Description].&amp;[0226440 - 6.75% 1St Mortg Bonds Due 8/25]"/>
        <member name="[CB - Account].[Account CB - Description].&amp;[0226450 - 5.17% Mtn Bonds Due 9/98]"/>
        <member name="[CB - Account].[Account CB - Description].&amp;[0226463 - PNG UNAMDISC $250M 9/18/34]"/>
        <member name="[CB - Account].[Account CB - Description].&amp;[0226471 - PNG UNAMDISC 300M SR NT 8/1/43]"/>
        <member name="[CB - Account].[Account CB - Description].&amp;[0226472 - PNG UNAMDISC $150M 9/1/25]"/>
        <member name="[CB - Account].[Account CB - Description].&amp;[0226474 - PNG UA300M 3.64% SR NT 11/1/46]"/>
        <member name="[CB - Account].[Account CB - Description].&amp;[0226476 - PNG UNAMDISC 2018]"/>
        <member name="[CB - Account].[Account CB - Description].&amp;[0226477 - PNG UNAMDISC $600M SR NT 6/1/2]"/>
        <member name="[CB - Account].[Account CB - Description].&amp;[0226478 - PNG UNAMDISC 400M SR NT 6/1/50]"/>
        <member name="[CB - Account].[Account CB - Description].&amp;[0226479 - PNG UNAMDIC 350M SR NT 3/15/31]"/>
        <member name="[CB - Account].[Account CB - Description].&amp;[0226480 - PNG UNAMDIC 400M SR NT 5/15/52]"/>
        <member name="[CB - Account].[Account CB - Description].&amp;[0226502 - PGN UNAMDIS 650M 7.75% 3/1/31]"/>
        <member name="[CB - Account].[Account CB - Description].&amp;[0226503 - PGN UNAMDIS 400M 7% 10/30/31]"/>
        <member name="[CB - Account].[Account CB - Description].&amp;[0226504 - PGN UNAMDIS 450M 3.15% 4/1/22]"/>
        <member name="[CB - Account].[Account CB - Description].&amp;[0226506 - PGN UNAMDIS 300M5.625%1/15/16]"/>
        <member name="[CB - Account].[Account CB - Description].&amp;[0226507 - PGN UNAMDIS 300M 6.05% 3/15/14]"/>
        <member name="[CB - Account].[Account CB - Description].&amp;[0226508 - PGN UNAMDIS 450M 7.05% 3/15/19]"/>
        <member name="[CB - Account].[Account CB - Description].&amp;[0226509 - PGN DISC 350M 4.875% 12/1/19]"/>
        <member name="[CB - Account].[Account CB - Description].&amp;[0226511 - DEF UNAMDIS 150M 6.75% 2/1/28]"/>
        <member name="[CB - Account].[Account CB - Description].&amp;[0226512 - PEC UNAMDIS LTD 500M 6.5% NOTE]"/>
        <member name="[CB - Account].[Account CB - Description].&amp;[0226513 - PGN UNAMDIS 500M 4.4% 1/15/21]"/>
        <member name="[CB - Account].[Account CB - Description].&amp;[0226514 - PGN UNAMDIS 600M 6% 12/1/39]"/>
        <member name="[CB - Account].[Account CB - Description].&amp;[0226534 - DEF UNAMDIS 425M 4.8% 3/1/13]"/>
        <member name="[CB - Account].[Account CB - Description].&amp;[0226535 - DEF UNAMDIS 225M 5.9% 3/1/33]"/>
        <member name="[CB - Account].[Account CB - Description].&amp;[0226536 - DEF UNAMDIS 300M 5.1% 12/1/15]"/>
        <member name="[CB - Account].[Account CB - Description].&amp;[0226537 - DEF UNAMDIS 500M 6.35% 9/15/37]"/>
        <member name="[CB - Account].[Account CB - Description].&amp;[0226538 - DEF UNAMDIS 250M 5.80% 9/15/17]"/>
        <member name="[CB - Account].[Account CB - Description].&amp;[0226539 - DEF UNAMDIS 500M 5.65% 6/15/18]"/>
        <member name="[CB - Account].[Account CB - Description].&amp;[0226541 - DEF UNAMDIS 250M 4.55% 4/1/20]"/>
        <member name="[CB - Account].[Account CB - Description].&amp;[0226542 - DEF UNAMDIS 350M 5.65% 4/1/40]"/>
        <member name="[CB - Account].[Account CB - Description].&amp;[0226543 - DEP UNAMDIS 300M 5.15% 2015]"/>
        <member name="[CB - Account].[Account CB - Description].&amp;[0226544 - DEP UNAMDIS 200M 5.70% 2035]"/>
        <member name="[CB - Account].[Account CB - Description].&amp;[0226545 - DEP UNAMDIS 400M 5.25% 2015]"/>
        <member name="[CB - Account].[Account CB - Description].&amp;[0226546 - DEP UNAMDIS 325M 6.30% 2038]"/>
        <member name="[CB - Account].[Account CB - Description].&amp;[0226547 - DEP UNAMDIS 600M 5.30% 2019]"/>
        <member name="[CB - Account].[Account CB - Description].&amp;[0226548 - DEP UNAMDIS 400M 5.125% 2013]"/>
        <member name="[CB - Account].[Account CB - Description].&amp;[0226549 - DEP UNAMDIS 200M 6.125% 2033]"/>
        <member name="[CB - Account].[Account CB - Description].&amp;[0226564 - DEF UNAMDIS 300M 3.10% 8/15/21]"/>
        <member name="[CB - Account].[Account CB - Description].&amp;[0226565 - DEF UNAMDIS 1B 6.40% 6/15/38]"/>
        <member name="[CB - Account].[Account CB - Description].&amp;[0226566 - DEP UNAMDIS 100M 8 5/8% 2021]"/>
        <member name="[CB - Account].[Account CB - Description].&amp;[0226567 - DEP 500M 3.00% 9/15/21]"/>
        <member name="[CB - Account].[Account CB - Description].&amp;[0226568 - DEP 500M 2.80% 5/15/22]"/>
        <member name="[CB - Account].[Account CB - Description].&amp;[0226569 - DEF UNAMDIS 400M 3.85 11/15/42]"/>
        <member name="[CB - Account].[Account CB - Description].&amp;[0226571 - DEF UNAMDIS 250M .65% 11/15/15]"/>
        <member name="[CB - Account].[Account CB - Description].&amp;[0226572 - DEP UNAMDIS 500M 4.10% 5/15/42]"/>
        <member name="[CB - Account].[Account CB - Description].&amp;[0226573 - DEP UNAMDIS 500M 4.10% 3/15/43]"/>
        <member name="[CB - Account].[Account CB - Description].&amp;[0226575 - FMB issuing June 2013 - Discnt]"/>
        <member name="[CB - Account].[Account CB - Description].&amp;[0226576 - FMB issuing 06/13-Discnt Varia]"/>
        <member name="[CB - Account].[Account CB - Description].&amp;[0226577 - FMBissuing June 2013 - Discnt]"/>
        <member name="[CB - Account].[Account CB - Description].&amp;[0226578 - FMB issuing 8/13-Dscnt Variabl]"/>
        <member name="[CB - Account].[Account CB - Description].&amp;[0226579 - FMB issuing May 2016 $500MDisc]"/>
        <member name="[CB - Account].[Account CB - Description].&amp;[0226580 - DEO DIS 250M 3.70% FMB 6/15/46]"/>
        <member name="[CB - Account].[Account CB - Description].&amp;[0226582 - DEO Fixed Rate FMB]"/>
        <member name="[CB - Account].[Account CB - Description].&amp;[0226583 - DEO Fixed Rate FMB]"/>
        <member name="[CB - Account].[Account CB - Description].&amp;[0226584 - DEP 600M 3.45% 3/15/2029]"/>
        <member name="[CB - Account].[Account CB - Description].&amp;[0226585 - FMB Issuing Sep 2019 $500M 30Y]"/>
        <member name="[CB - Account].[Account CB - Description].&amp;[0226586 - FMB issuing Mar 2020 $550M 30Y]"/>
        <member name="[CB - Account].[Account CB - Description].&amp;[0226587 - DEO Debt Discount]"/>
        <member name="[CB - Account].[Account CB - Description].&amp;[0226588 - DEP UNAMDIS 600M 2.50% 8/15/50]"/>
        <member name="[CB - Account].[Account CB - Description].&amp;[0226680 - Oconee PC Var Due 2/1/2017]"/>
        <member name="[CB - Account].[Account CB - Description].&amp;[0226685 - Oconee PC Bonds 3.6% 2/1/2017]"/>
        <member name="[CB - Account].[Account CB - Description].&amp;[0226700 - Unamort Debt Discount]"/>
        <member name="[CB - Account].[Account CB - Description].&amp;[0226701 - Quips Bond Discount]"/>
        <member name="[CB - Account].[Account CB - Description].&amp;[0226800 - UnamDis BondsCG&amp;EB545SerB 1124]"/>
        <member name="[CB - Account].[Account CB - Description].&amp;[0226801 - $500M 6.1% Snr Note due 6/1/37]"/>
        <member name="[CB - Account].[Account CB - Description].&amp;[0226802 - $400M 5.25% FMB due 1/15/18]"/>
        <member name="[CB - Account].[Account CB - Description].&amp;[0226803 - $500M 6.0% FMB due 1/15/38]"/>
        <member name="[CB - Account].[Account CB - Description].&amp;[0226804 - Unam Dis Debs CG&amp;E 6 90 6-1-25]"/>
        <member name="[CB - Account].[Account CB - Description].&amp;[0226805 - UnamDis 5 375CG&amp;ESer2003B61533]"/>
        <member name="[CB - Account].[Account CB - Description].&amp;[0226806 - UnamDis 5 40CG&amp;ESer2003A 61533]"/>
        <member name="[CB - Account].[Account CB - Description].&amp;[0226807 - UnamDis CG&amp;EC 5 50 Due 1124]"/>
        <member name="[CB - Account].[Account CB - Description].&amp;[0226808 - UnamDis PutBondCG&amp;EOAQD5A 9130]"/>
        <member name="[CB - Account].[Account CB - Description].&amp;[0226809 - UnamDisPutBondCG&amp;EOAQD95B 9130]"/>
        <member name="[CB - Account].[Account CB - Description].&amp;[0226810 - UnamDisBondsCG&amp;ESerA5 45 10124]"/>
        <member name="[CB - Account].[Account CB - Description].&amp;[0226811 - UnamDis 6 4 CG&amp;E Debs 04012008]"/>
        <member name="[CB - Account].[Account CB - Description].&amp;[0226812 - UnamDisCG&amp;EPutPCBBoone8113]"/>
        <member name="[CB - Account].[Account CB - Description].&amp;[0226813 - UnamDis 6 5 ULHP Debs 04/30/08]"/>
        <member name="[CB - Account].[Account CB - Description].&amp;[0226814 - UnamDis 7 875SnrUnsecDebs91509]"/>
        <member name="[CB - Account].[Account CB - Description].&amp;[0226815 - UnamDis JrMaturingPrincipleSec]"/>
        <member name="[CB - Account].[Account CB - Description].&amp;[0226816 - UnamDisLoanBooneCKYDP65 111522]"/>
        <member name="[CB - Account].[Account CB - Description].&amp;[0226817 - UnamDisULHPUnsec765 71525]"/>
        <member name="[CB - Account].[Account CB - Description].&amp;[0226824 - UnamDis SeniorNotes6 52 31509]"/>
        <member name="[CB - Account].[Account CB - Description].&amp;[0226826 - UnamDis 7 85 PSI Debs 10/15/07]"/>
        <member name="[CB - Account].[Account CB - Description].&amp;[0226831 - UnamDis 400M 5 0PSIDebs 91513]"/>
        <member name="[CB - Account].[Account CB - Description].&amp;[0226832 - UnamDis 6 20 CGR Debs 11/03/08]"/>
        <member name="[CB - Account].[Account CB - Description].&amp;[0226833 - UnamDis CORP DEB 6 53 12/16/08]"/>
        <member name="[CB - Account].[Account CB - Description].&amp;[0226836 - UnamDis PSI 350M 10/35]"/>
        <member name="[CB - Account].[Account CB - Description].&amp;[0226839 - UnamDis ULHP 50M 5 75 3/10/16]"/>
        <member name="[CB - Account].[Account CB - Description].&amp;[0226841 - UnamDis PSI 325M 6 05 06/15/16]"/>
        <member name="[CB - Account].[Account CB - Description].&amp;[0226844 - UNAMDIS 40M KY DEB 5% 12/15/14]"/>
        <member name="[CB - Account].[Account CB - Description].&amp;[0226845 - UNAM DISC RUS OBLIGATION]"/>
        <member name="[CB - Account].[Account CB - Description].&amp;[0226850 - UnamDis 500MCG&amp;E Deb 5 7 91512]"/>
        <member name="[CB - Account].[Account CB - Description].&amp;[0226856 - $500M 3.75% FMB due 6/1/2045]"/>
        <member name="[CB - Account].[Account CB - Description].&amp;[0226857 - $500M 2.5% FMB due 3/15/2023]"/>
        <member name="[CB - Account].[Account CB - Description].&amp;[0226858 - $500M 3.875% FMB due 3/15/2046]"/>
        <member name="[CB - Account].[Account CB - Description].&amp;[0226859 - $600M 2.95% FMB due 12/1/2026]"/>
        <member name="[CB - Account].[Account CB - Description].&amp;[0226860 - UnamDis DE IA FMB $500M 8/38]"/>
        <member name="[CB - Account].[Account CB - Description].&amp;[0226861 - UnamDis $500M DEI FMB 7/2020]"/>
        <member name="[CB - Account].[Account CB - Description].&amp;[0226875 - DEI Debt Disc FMB MMM 4/2039]"/>
        <member name="[CB - Account].[Account CB - Description].&amp;[0226880 - DEO Debt Dsct 5.45% FMB 4/2019]"/>
        <member name="[CB - Account].[Account CB - Description].&amp;[0226885 - DEO DEBT DSCT 2 10 FMB 6152013]"/>
        <member name="[CB - Account].[Account CB - Description].&amp;[0226951 - UnamDis,PA5 375CG&amp;E2003B 61533]"/>
        <member name="[CB - Account].[Account CB - Description].&amp;[0226952 - UnamDis,PA5 375CG&amp;E2003B 61533]"/>
        <member name="[CB - Account].[Account CB - Description].&amp;[0226953 - UnamDis,PA500MCG&amp;EDeb5 7 91512]"/>
        <member name="[CB - Account].[Account CB - Description].&amp;[0227000 - SCHM Oblig Under Capital Lease]"/>
        <member name="[CB - Account].[Account CB - Description].&amp;[0227100 - SCHM Oblig Parking Deck Lease]"/>
        <member name="[CB - Account].[Account CB - Description].&amp;[0227101 - LT Capital Lease Obligations]"/>
        <member name="[CB - Account].[Account CB - Description].&amp;[0227102 - Noncurrent Capital Lease-Meter]"/>
        <member name="[CB - Account].[Account CB - Description].&amp;[0227103 - LT Cap Lease Oblig - Tax Oper]"/>
        <member name="[CB - Account].[Account CB - Description].&amp;[0227104 - Cap Lease Noncurrent SPHQ]"/>
        <member name="[CB - Account].[Account CB - Description].&amp;[0227105 - Cap Lease Noncurrent SH]"/>
        <member name="[CB - Account].[Account CB - Description].&amp;[0227152 - IC Lease-LT Cap(Act as Op) Obl]"/>
        <member name="[CB - Account].[Account CB - Description].&amp;[0227176 - Interco LT Operating Lease Obl]"/>
        <member name="[CB - Account].[Account CB - Description].&amp;[0227185 - LT Oper Lse Obligation Red Hat]"/>
        <member name="[CB - Account].[Account CB - Description].&amp;[0227211 - LT Cap Lease Obl - ORB Def Tax]"/>
        <member name="[CB - Account].[Account CB - Description].&amp;[0227350 - IC Lease-LT Cap Lease Oblig]"/>
        <member name="[CB - Account].[Account CB - Description].&amp;[0227360 - LT Cap Lease Oblig-Tax Op IC]"/>
        <member name="[CB - Account].[Account CB - Description].&amp;[0228010 - SCHM Accrual-Inj&amp;Dam-Electric]"/>
        <member name="[CB - Account].[Account CB - Description].&amp;[0228020 - SCHM Employees-N.C.(Electric)]"/>
        <member name="[CB - Account].[Account CB - Description].&amp;[0228030 - SCHM Public-N.C.(Electric)]"/>
        <member name="[CB - Account].[Account CB - Description].&amp;[0228040 - SCHM Employees-S.C.(Electric)]"/>
        <member name="[CB - Account].[Account CB - Description].&amp;[0228050 - SCHM Public-S.C.(Electric)]"/>
        <member name="[CB - Account].[Account CB - Description].&amp;[0228060 - Employees-N.C.(Construct.)]"/>
        <member name="[CB - Account].[Account CB - Description].&amp;[0228070 - Public-N.C.(Construction)]"/>
        <member name="[CB - Account].[Account CB - Description].&amp;[0228080 - Employees-S.C.(Construct.)]"/>
        <member name="[CB - Account].[Account CB - Description].&amp;[0228090 - Public-S.C.(Construction)]"/>
        <member name="[CB - Account].[Account CB - Description].&amp;[0228100 - RETAIL UNFD STORM DAMAGE]"/>
        <member name="[CB - Account].[Account CB - Description].&amp;[0228101 - WHOLESALE STORM RESERVE]"/>
        <member name="[CB - Account].[Account CB - Description].&amp;[0228110 - Prprty Insrnc Rsrv-Nuclear]"/>
        <member name="[CB - Account].[Account CB - Description].&amp;[0228120 - Prprty Insrnc Rsrv-Other]"/>
        <member name="[CB - Account].[Account CB - Description].&amp;[0228130 - Nuclear Liab Insurance Reserve]"/>
        <member name="[CB - Account].[Account CB - Description].&amp;[0228150 - SCHM I&amp;D Extraordinary]"/>
        <member name="[CB - Account].[Account CB - Description].&amp;[0228200 - SCHM_WORK_COM_OTH_PUR_ACCT_ADJ]"/>
        <member name="[CB - Account].[Account CB - Description].&amp;[0228201 - CLAIM RESERVE]"/>
        <member name="[CB - Account].[Account CB - Description].&amp;[0228202 - CLAIM RESERVE - S/T]"/>
        <member name="[CB - Account].[Account CB - Description].&amp;[0228210 - Accrual Inj &amp; Dam-Water]"/>
        <member name="[CB - Account].[Account CB - Description].&amp;[0228220 - Employees (Water)]"/>
        <member name="[CB - Account].[Account CB - Description].&amp;[0228230 - Public (Water)]"/>
        <member name="[CB - Account].[Account CB - Description].&amp;[0228250 - SCHM Worker's Comp-Other]"/>
        <member name="[CB - Account].[Account CB - Description].&amp;[0228260 - Eastover Liability Reserve]"/>
        <member name="[CB - Account].[Account CB - Description].&amp;[0228270 - Worker's Comp-Reimbursement]"/>
        <member name="[CB - Account].[Account CB - Description].&amp;[0228280 - SCHM Enviromental]"/>
        <member name="[CB - Account].[Account CB - Description].&amp;[0228290 - Environmental Liab NRB]"/>
        <member name="[CB - Account].[Account CB - Description].&amp;[0228300 - Accum Provision - OPEB]"/>
        <member name="[CB - Account].[Account CB - Description].&amp;[0228301 - Accum Provision - PNG SERP]"/>
        <member name="[CB - Account].[Account CB - Description].&amp;[0228302 - Accum Provision - NCNG SERP]"/>
        <member name="[CB - Account].[Account CB - Description].&amp;[0228303 - Accum Provision - Dir Retire]"/>
        <member name="[CB - Account].[Account CB - Description].&amp;[0228310 - OPEB (FAS106)-Admin Fees]"/>
        <member name="[CB - Account].[Account CB - Description].&amp;[0228311 - Res For Exec Supp Life Ins-Ann]"/>
        <member name="[CB - Account].[Account CB - Description].&amp;[0228312 - PENSION REST]"/>
        <member name="[CB - Account].[Account CB - Description].&amp;[0228313 - COLI DEATH BENEFIT SURVIVOR]"/>
        <member name="[CB - Account].[Account CB - Description].&amp;[0228316 - IC SCHM DPLLC OPEB (FAS106)]"/>
        <member name="[CB - Account].[Account CB - Description].&amp;[0228317 - Opeb (Fas106) - TCSR]"/>
        <member name="[CB - Account].[Account CB - Description].&amp;[0228318 - OPEB liability - FAS 106]"/>
        <member name="[CB - Account].[Account CB - Description].&amp;[0228320 - Post Emp(FAS112) Admin Fees]"/>
        <member name="[CB - Account].[Account CB - Description].&amp;[0228323 - Post emp FAS 112 -TCSR]"/>
        <member name="[CB - Account].[Account CB - Description].&amp;[0228324 - SCHM DPC POS EMP FAS 112]"/>
        <member name="[CB - Account].[Account CB - Description].&amp;[0228326 - IC SCHM DPLLC Post Emp FAS112]"/>
        <member name="[CB - Account].[Account CB - Description].&amp;[0228327 - Reserve - Executive Life Ins.]"/>
        <member name="[CB - Account].[Account CB - Description].&amp;[0228330 - Post Retirement Benefits - NPL]"/>
        <member name="[CB - Account].[Account CB - Description].&amp;[0228335 - Res - For VWFR Suplmtl Benefit]"/>
        <member name="[CB - Account].[Account CB - Description].&amp;[0228340 - Nonqualified Plans Liability]"/>
        <member name="[CB - Account].[Account CB - Description].&amp;[0228341 - Benefit Reserve-Current Contr]"/>
        <member name="[CB - Account].[Account CB - Description].&amp;[0228347 - Pension Liab - FAS 87]"/>
        <member name="[CB - Account].[Account CB - Description].&amp;[0228348 - Pension Liab - FAS 87(Cinergy)]"/>
        <member name="[CB - Account].[Account CB - Description].&amp;[0228370 - Supplemental Retirement Pln-Pe]"/>
        <member name="[CB - Account].[Account CB - Description].&amp;[0228375 - Contract Pension Payments]"/>
        <member name="[CB - Account].[Account CB - Description].&amp;[0228385 - Res-Fas 112 Postemp Kaiser WC]"/>
        <member name="[CB - Account].[Account CB - Description].&amp;[0228390 - Res-Fas 112 Postemployment Ben]"/>
        <member name="[CB - Account].[Account CB - Description].&amp;[0228395 - Res-Fas 112 Postemp Ben Wrkcmp]"/>
        <member name="[CB - Account].[Account CB - Description].&amp;[0228400 - MGP Sites - SC only]"/>
        <member name="[CB - Account].[Account CB - Description].&amp;[0228401 - COAL MINES INS LIAB]"/>
        <member name="[CB - Account].[Account CB - Description].&amp;[0228402 - NUCLEAR REFUEL OUTAGE #16]"/>
        <member name="[CB - Account].[Account CB - Description].&amp;[0228403 - DEFERRED SERP-ACTIVE EMPL]"/>
        <member name="[CB - Account].[Account CB - Description].&amp;[0228404 - DEFERRED COMP]"/>
        <member name="[CB - Account].[Account CB - Description].&amp;[0228405 - 2000 CLASS DEFERRED COMPENSAT]"/>
        <member name="[CB - Account].[Account CB - Description].&amp;[0228406 - OTHER DEFERRED COMP]"/>
        <member name="[CB - Account].[Account CB - Description].&amp;[0228407 - PERF SHARE SUB PLAN]"/>
        <member name="[CB - Account].[Account CB - Description].&amp;[0228408 - MGT INCENTIVE AWARD DEF]"/>
        <member name="[CB - Account].[Account CB - Description].&amp;[0228409 - BOD COMP PLAN]"/>
        <member name="[CB - Account].[Account CB - Description].&amp;[0228410 - SCHM Reserve-Loan Assist-N.C.]"/>
        <member name="[CB - Account].[Account CB - Description].&amp;[0228411 - Est Excess PA Scrubber-ST]"/>
        <member name="[CB - Account].[Account CB - Description].&amp;[0228412 - ENVIRONMENTAL - S/T]"/>
        <member name="[CB - Account].[Account CB - Description].&amp;[0228413 - Nuclear EOL Costs]"/>
        <member name="[CB - Account].[Account CB - Description].&amp;[0228414 - Nuclear Refueling Outages]"/>
        <member name="[CB - Account].[Account CB - Description].&amp;[0228415 - EST EXCESS PA SCRUBBER CHARGE]"/>
        <member name="[CB - Account].[Account CB - Description].&amp;[0228416 - LT DEFERRED RETIREMENT LIAB]"/>
        <member name="[CB - Account].[Account CB - Description].&amp;[0228440 - Reserve - MGP Sites FERC 228]"/>
        <member name="[CB - Account].[Account CB - Description].&amp;[0228450 - Def Doe Enrichmnt Clean-Up Fee]"/>
        <member name="[CB - Account].[Account CB - Description].&amp;[0228453 - Accued Vacation]"/>
        <member name="[CB - Account].[Account CB - Description].&amp;[0228454 - Reserve - Asbestos]"/>
        <member name="[CB - Account].[Account CB - Description].&amp;[0228455 - Reg Asset - Manual Reclass]"/>
        <member name="[CB - Account].[Account CB - Description].&amp;[0228456 - Reg Liability - Manual Reclass]"/>
        <member name="[CB - Account].[Account CB - Description].&amp;[0228457 - Nuclear Refueling Outages]"/>
        <member name="[CB - Account].[Account CB - Description].&amp;[0228460 - CR3 LLRW DISPOSAL-LT LIABILITY]"/>
        <member name="[CB - Account].[Account CB - Description].&amp;[0228480 - Acc Prov Insurance-Environ]"/>
        <member name="[CB - Account].[Account CB - Description].&amp;[0228800 - Reserve Pen Post Ret Pur Acctg]"/>
        <member name="[CB - Account].[Account CB - Description].&amp;[0229000 - Accum. Prov. For Rate Refund]"/>
        <member name="[CB - Account].[Account CB - Description].&amp;[0229001 - Accm Prv-Rate Refnd-Trnsp]"/>
        <member name="[CB - Account].[Account CB - Description].&amp;[0229002 - Accum Prv- Rate Refund IGCC]"/>
        <member name="[CB - Account].[Account CB - Description].&amp;[0229003 - WHOLESALE - QF ENERGY]"/>
        <member name="[CB - Account].[Account CB - Description].&amp;[0229010 - Accm Prv-Rate Refnd-Tax Ref]"/>
        <member name="[CB - Account].[Account CB - Description].&amp;[0229011 - Accm Prv-Rate Refnd-Tax Ref ST]"/>
        <member name="[CB - Account].[Account CB - Description].&amp;[0229012 - Prov for RR Excess Def Tax LT]"/>
        <member name="[CB - Account].[Account CB - Description].&amp;[0229013 - Prov for RR Excess Def Tax ST]"/>
        <member name="[CB - Account].[Account CB - Description].&amp;[0229014 - Prov for RR SC LT]"/>
        <member name="[CB - Account].[Account CB - Description].&amp;[0229015 - Prov for Rate Refund - SC ST]"/>
        <member name="[CB - Account].[Account CB - Description].&amp;[0229971 - Accum Provision - LT]"/>
        <member name="[CB - Account].[Account CB - Description].&amp;[0230001 - FAS 143-ARO Liability ST]"/>
        <member name="[CB - Account].[Account CB - Description].&amp;[0230010 - Catawba Cty Use Tax Payable]"/>
        <member name="[CB - Account].[Account CB - Description].&amp;[0230020 - Catawba Cty Sales Tax Payable]"/>
        <member name="[CB - Account].[Account CB - Description].&amp;[0230030 - Lincoln Cty Use Tax Payable]"/>
        <member name="[CB - Account].[Account CB - Description].&amp;[0230040 - Lincoln Cty Sales Tax Payable]"/>
        <member name="[CB - Account].[Account CB - Description].&amp;[0230050 - Alexander Cty Use Tax Payable]"/>
        <member name="[CB - Account].[Account CB - Description].&amp;[0230060 - Alexander Cty Sales Tax Pay]"/>
        <member name="[CB - Account].[Account CB - Description].&amp;[0230070 - Granville Cty Use Tax Payable]"/>
        <member name="[CB - Account].[Account CB - Description].&amp;[0230080 - Granville Cty Sales Tax Pay]"/>
        <member name="[CB - Account].[Account CB - Description].&amp;[0230090 - Stanly Cty Use Tax Payable]"/>
        <member name="[CB - Account].[Account CB - Description].&amp;[0230100 - Stanly Cty Sales Tax Payable]"/>
        <member name="[CB - Account].[Account CB - Description].&amp;[0230110 - Caswell Cty Use Tax Payable]"/>
        <member name="[CB - Account].[Account CB - Description].&amp;[0230120 - Caswell Cty Sales Tax Payable]"/>
        <member name="[CB - Account].[Account CB - Description].&amp;[0230130 - Chatham Cty Use Tax Payable]"/>
        <member name="[CB - Account].[Account CB - Description].&amp;[0230140 - Chatham Cty Sales Tax Payable]"/>
        <member name="[CB - Account].[Account CB - Description].&amp;[0230150 - Iredell Cty Use Tax Payable]"/>
        <member name="[CB - Account].[Account CB - Description].&amp;[0230160 - Iredell Cty Sales Tax Payable]"/>
        <member name="[CB - Account].[Account CB - Description].&amp;[0230170 - Rowan Cty Use Tax Payable]"/>
        <member name="[CB - Account].[Account CB - Description].&amp;[0230180 - Rowan Cty Sales Tax Payable]"/>
        <member name="[CB - Account].[Account CB - Description].&amp;[0230190 - Davie Cty Use Tax Payable]"/>
        <member name="[CB - Account].[Account CB - Description].&amp;[0230200 - Davie Cty Sales Tax Payable]"/>
        <member name="[CB - Account].[Account CB - Description].&amp;[0230210 - Forsyth Cty Use Tax Payable]"/>
        <member name="[CB - Account].[Account CB - Description].&amp;[0230220 - Forsyth Cty Sales Tax Payable]"/>
        <member name="[CB - Account].[Account CB - Description].&amp;[0230230 - Randolph Cty Use Tax Payable]"/>
        <member name="[CB - Account].[Account CB - Description].&amp;[0230240 - Randolph Cty Sales Tax Payable]"/>
        <member name="[CB - Account].[Account CB - Description].&amp;[0230250 - Rockingham Cty Use Tax Pay]"/>
        <member name="[CB - Account].[Account CB - Description].&amp;[0230260 - Rockingham Cty Sales Tax Pay]"/>
        <member name="[CB - Account].[Account CB - Description].&amp;[0230270 - Stokes Cty Use Tax Payable]"/>
        <member name="[CB - Account].[Account CB - Description].&amp;[0230280 - Stokes Cty Sales Tax Payable]"/>
        <member name="[CB - Account].[Account CB - Description].&amp;[0230290 - Caldwell Cty Use Tax Payable]"/>
        <member name="[CB - Account].[Account CB - Description].&amp;[0230300 - Caldwell Cty Sales Tax Payable]"/>
        <member name="[CB - Account].[Account CB - Description].&amp;[0230310 - Rutherford Cty Use Tax Payable]"/>
        <member name="[CB - Account].[Account CB - Description].&amp;[0230320 - Rutherford Sales Tax Payable]"/>
        <member name="[CB - Account].[Account CB - Description].&amp;[0230330 - Burke Cty Use Tax Payable]"/>
        <member name="[CB - Account].[Account CB - Description].&amp;[0230340 - Burke Cty Sales Tax Payable]"/>
        <member name="[CB - Account].[Account CB - Description].&amp;[0230350 - Anson Cty Use Tax Payable]"/>
        <member name="[CB - Account].[Account CB - Description].&amp;[0230360 - Buncombe Cty Use Tax Payable]"/>
        <member name="[CB - Account].[Account CB - Description].&amp;[0230370 - Person Cty Use Tax Payable]"/>
        <member name="[CB - Account].[Account CB - Description].&amp;[0230380 - Wake Cty Use Tax Payable]"/>
        <member name="[CB - Account].[Account CB - Description].&amp;[0230390 - Madison County Use Tax]"/>
        <member name="[CB - Account].[Account CB - Description].&amp;[0230400 - Jackson Cty Use Tax Payable]"/>
        <member name="[CB - Account].[Account CB - Description].&amp;[0230405 - Sales &amp; Use Tax Payable]"/>
        <member name="[CB - Account].[Account CB - Description].&amp;[0230410 - Graham Cty Use Tax Payable]"/>
        <member name="[CB - Account].[Account CB - Description].&amp;[0230411 - Graham City Sales Tax Payable]"/>
        <member name="[CB - Account].[Account CB - Description].&amp;[0230420 - Macon Cty Use Tax Payable]"/>
        <member name="[CB - Account].[Account CB - Description].&amp;[0230421 - Macon City Sales Tax Payable]"/>
        <member name="[CB - Account].[Account CB - Description].&amp;[0230425 - Clay City Use Tax Payable]"/>
        <member name="[CB - Account].[Account CB - Description].&amp;[0230426 - Clay City Sales Tax Payable]"/>
        <member name="[CB - Account].[Account CB - Description].&amp;[0230430 - Swain Cty Use Tax Payable]"/>
        <member name="[CB - Account].[Account CB - Description].&amp;[0230431 - Swain City Sales Tax Payable]"/>
        <member name="[CB - Account].[Account CB - Description].&amp;[0230440 - Cherokee Cty Use Tax Payable]"/>
        <member name="[CB - Account].[Account CB - Description].&amp;[0230441 - Cherokee City Sales Tax Payabl]"/>
        <member name="[CB - Account].[Account CB - Description].&amp;[0230450 - Mitchell County Sales Tax]"/>
        <member name="[CB - Account].[Account CB - Description].&amp;[0230460 - Alleghany County Use Tax]"/>
        <member name="[CB - Account].[Account CB - Description].&amp;[0230470 - 2/97]"/>
        <member name="[CB - Account].[Account CB - Description].&amp;[0230480 - 2/97]"/>
        <member name="[CB - Account].[Account CB - Description].&amp;[0230490 - 2/97]"/>
        <member name="[CB - Account].[Account CB - Description].&amp;[0230500 - 2/97]"/>
        <member name="[CB - Account].[Account CB - Description].&amp;[0230510 - Ncmpa]"/>
        <member name="[CB - Account].[Account CB - Description].&amp;[0230520 - Ncemc]"/>
        <member name="[CB - Account].[Account CB - Description].&amp;[0230530 - Saluda River]"/>
        <member name="[CB - Account].[Account CB - Description].&amp;[0230540 - Pmpa]"/>
        <member name="[CB - Account].[Account CB - Description].&amp;[0230550 - 2/97]"/>
        <member name="[CB - Account].[Account CB - Description].&amp;[0230560 - 2/97]"/>
        <member name="[CB - Account].[Account CB - Description].&amp;[0230570 - 2/97]"/>
        <member name="[CB - Account].[Account CB - Description].&amp;[0230580 - 2/97]"/>
        <member name="[CB - Account].[Account CB - Description].&amp;[0230590 - 2/97]"/>
        <member name="[CB - Account].[Account CB - Description].&amp;[0230600 - 2/97]"/>
        <member name="[CB - Account].[Account CB - Description].&amp;[0230610 - 2/97]"/>
        <member name="[CB - Account].[Account CB - Description].&amp;[0230620 - 2/97]"/>
        <member name="[CB - Account].[Account CB - Description].&amp;[0230630 - 2/97]"/>
        <member name="[CB - Account].[Account CB - Description].&amp;[0230640 - Sc Solid Waste Excise Tax]"/>
        <member name="[CB - Account].[Account CB - Description].&amp;[0230650 - 2/97]"/>
        <member name="[CB - Account].[Account CB - Description].&amp;[0230660 - 2/97]"/>
        <member name="[CB - Account].[Account CB - Description].&amp;[0230670 - 2/97]"/>
        <member name="[CB - Account].[Account CB - Description].&amp;[0230680 - 2/97]"/>
        <member name="[CB - Account].[Account CB - Description].&amp;[0230690 - S.C. Mun. License - Elect.]"/>
        <member name="[CB - Account].[Account CB - Description].&amp;[0230691 - NC Municipal Franchise Tax]"/>
        <member name="[CB - Account].[Account CB - Description].&amp;[0230700 - Nc Vehicle Lease Sales Tax]"/>
        <member name="[CB - Account].[Account CB - Description].&amp;[0230710 - Sc Vehicle Lease Surcharge 5%]"/>
        <member name="[CB - Account].[Account CB - Description].&amp;[0230720 - Sc Vehicle Lease Sales Tax 5%]"/>
        <member name="[CB - Account].[Account CB - Description].&amp;[0230730 - Jackson Cty Sales Tax Payable]"/>
        <member name="[CB - Account].[Account CB - Description].&amp;[0230740 - 1/96]"/>
        <member name="[CB - Account].[Account CB - Description].&amp;[0230750 - 2/97]"/>
        <member name="[CB - Account].[Account CB - Description].&amp;[0230760 - 2/97]"/>
        <member name="[CB - Account].[Account CB - Description].&amp;[0230770 - 2/97]"/>
        <member name="[CB - Account].[Account CB - Description].&amp;[0230780 - 2/97]"/>
        <member name="[CB - Account].[Account CB - Description].&amp;[0230790 - 2/97]"/>
        <member name="[CB - Account].[Account CB - Description].&amp;[0230800 - 2/97]"/>
        <member name="[CB - Account].[Account CB - Description].&amp;[0230810 - 2/97]"/>
        <member name="[CB - Account].[Account CB - Description].&amp;[0230820 - 2/97]"/>
        <member name="[CB - Account].[Account CB - Description].&amp;[0230830 - 2/97]"/>
        <member name="[CB - Account].[Account CB - Description].&amp;[0230840 - 2/97]"/>
        <member name="[CB - Account].[Account CB - Description].&amp;[0230850 - 2/97]"/>
        <member name="[CB - Account].[Account CB - Description].&amp;[0230860 - 2/97]"/>
        <member name="[CB - Account].[Account CB - Description].&amp;[0230870 - 2/97]"/>
        <member name="[CB - Account].[Account CB - Description].&amp;[0230880 - 2/97]"/>
        <member name="[CB - Account].[Account CB - Description].&amp;[0230890 - 2/97]"/>
        <member name="[CB - Account].[Account CB - Description].&amp;[0230900 - 2/97]"/>
        <member name="[CB - Account].[Account CB - Description].&amp;[0230910 - 2/97]"/>
        <member name="[CB - Account].[Account CB - Description].&amp;[0230920 - 2/97]"/>
        <member name="[CB - Account].[Account CB - Description].&amp;[0230930 - Anson Cty Sales Tax Payable]"/>
        <member name="[CB - Account].[Account CB - Description].&amp;[0230940 - Person Cty Sales Tax Payable]"/>
        <member name="[CB - Account].[Account CB - Description].&amp;[0230950 - Wake Cty Sales Tax Payable]"/>
        <member name="[CB - Account].[Account CB - Description].&amp;[0230997 - VIE - Non Recourse ARO]"/>
        <member name="[CB - Account].[Account CB - Description].&amp;[0230999 - ARO Liability]"/>
        <member name="[CB - Account].[Account CB - Description].&amp;[0231000 - Unamortized Discount - Cp]"/>
        <member name="[CB - Account].[Account CB - Description].&amp;[0231100 - Current Portion Secured Fixed]"/>
        <member name="[CB - Account].[Account CB - Description].&amp;[0231101 - Unsecured Fixed (Notes)]"/>
        <member name="[CB - Account].[Account CB - Description].&amp;[0231110 - Audit Costs]"/>
        <member name="[CB - Account].[Account CB - Description].&amp;[0231200 - Notes Payable-Other]"/>
        <member name="[CB - Account].[Account CB - Description].&amp;[0231210 - VIE - Non-recourse Notes Pay]"/>
        <member name="[CB - Account].[Account CB - Description].&amp;[0231300 - S-T Commercial Paper]"/>
        <member name="[CB - Account].[Account CB - Description].&amp;[0231301 - Np - Oric]"/>
        <member name="[CB - Account].[Account CB - Description].&amp;[0231302 - Np - Wgm]"/>
        <member name="[CB - Account].[Account CB - Description].&amp;[0231304 - NP  - Formica]"/>
        <member name="[CB - Account].[Account CB - Description].&amp;[0231305 - NP Project Loan]"/>
        <member name="[CB - Account].[Account CB - Description].&amp;[0231306 - NP - short term]"/>
        <member name="[CB - Account].[Account CB - Description].&amp;[0231307 - NP-Duke Capital]"/>
        <member name="[CB - Account].[Account CB - Description].&amp;[0231309 - Extendable Commercial Notes]"/>
        <member name="[CB - Account].[Account CB - Description].&amp;[0232001 - A/P Corporate Vendors Payable]"/>
        <member name="[CB - Account].[Account CB - Description].&amp;[0232003 - Ap-Vat _Prepay Costs]"/>
        <member name="[CB - Account].[Account CB - Description].&amp;[0232006 - Ret Med, Life &amp; Dental Premium]"/>
        <member name="[CB - Account].[Account CB - Description].&amp;[0232007 - Ap-Vacation Accrual]"/>
        <member name="[CB - Account].[Account CB - Description].&amp;[0232008 - A/P-Ser &amp; Envrn-Wattnberg]"/>
        <member name="[CB - Account].[Account CB - Description].&amp;[0232009 - Purchasing Card Accrual]"/>
        <member name="[CB - Account].[Account CB - Description].&amp;[0232010 - Anderson Fair User Charge]"/>
        <member name="[CB - Account].[Account CB - Description].&amp;[0232011 - ANDERSON WATER PAYABLE]"/>
        <member name="[CB - Account].[Account CB - Description].&amp;[0232012 - SC Sharing Liability - Rates]"/>
        <member name="[CB - Account].[Account CB - Description].&amp;[0232013 - RPT Audit Services - Duke]"/>
        <member name="[CB - Account].[Account CB - Description].&amp;[0232014 - RPT Other Accruals]"/>
        <member name="[CB - Account].[Account CB - Description].&amp;[0232015 - RPT Corporate Governance COP]"/>
        <member name="[CB - Account].[Account CB - Description].&amp;[0232017 - Other Current Liabilities-Comp]"/>
        <member name="[CB - Account].[Account CB - Description].&amp;[0232018 - EAM Payables]"/>
        <member name="[CB - Account].[Account CB - Description].&amp;[0232019 - T&amp;E Card Liability]"/>
        <member name="[CB - Account].[Account CB - Description].&amp;[0232020 - Vouchers Payable-Merch.]"/>
        <member name="[CB - Account].[Account CB - Description].&amp;[0232021 - AP-Gas Purchases]"/>
        <member name="[CB - Account].[Account CB - Description].&amp;[0232022 - AP- Electric Power]"/>
        <member name="[CB - Account].[Account CB - Description].&amp;[0232023 - AP-Gas Processing Plants]"/>
        <member name="[CB - Account].[Account CB - Description].&amp;[0232024 - AP-Take Or Pay Flow Thru]"/>
        <member name="[CB - Account].[Account CB - Description].&amp;[0232025 - AP-Transport Gas By Others]"/>
        <member name="[CB - Account].[Account CB - Description].&amp;[0232026 - A/P-CAP RENT LONG TERM(I)]"/>
        <member name="[CB - Account].[Account CB - Description].&amp;[0232027 - AP-Fuel Financial Hedge]"/>
        <member name="[CB - Account].[Account CB - Description].&amp;[0232028 - CertainTeed settlement pay-LT]"/>
        <member name="[CB - Account].[Account CB - Description].&amp;[0232029 - CertainTeed settlement pay-ST]"/>
        <member name="[CB - Account].[Account CB - Description].&amp;[0232030 - Unbilled Fuel Rev-NC Current]"/>
        <member name="[CB - Account].[Account CB - Description].&amp;[0232032 - Unbilled Fuel Rev-NC Prior Yr]"/>
        <member name="[CB - Account].[Account CB - Description].&amp;[0232033 - Unbilled Fuel Rev-NC2Yrs Prior]"/>
        <member name="[CB - Account].[Account CB - Description].&amp;[0232034 - EMF Interest-NC Current]"/>
        <member name="[CB - Account].[Account CB - Description].&amp;[0232035 - EMF Interest-NC Prior Yr]"/>
        <member name="[CB - Account].[Account CB - Description].&amp;[0232036 - EMF Interest-NC 2 Yrs Prior]"/>
        <member name="[CB - Account].[Account CB - Description].&amp;[0232037 - PE Billed &amp; Def Net Pay-F2G]"/>
        <member name="[CB - Account].[Account CB - Description].&amp;[0232040 - Accounts Payable-Credit Cards]"/>
        <member name="[CB - Account].[Account CB - Description].&amp;[0232041 - AP-Retainage]"/>
        <member name="[CB - Account].[Account CB - Description].&amp;[0232042 - AP-Misc-Gen Acct-M&amp;N Mgmt]"/>
        <member name="[CB - Account].[Account CB - Description].&amp;[0232043 - Ap-Misc-Gen Acct-Mart Llc]"/>
        <member name="[CB - Account].[Account CB - Description].&amp;[0232044 - Ap-Misc-Gen Acct-Westcoast]"/>
        <member name="[CB - Account].[Account CB - Description].&amp;[0232046 - AP-Misc-Gas Acctg]"/>
        <member name="[CB - Account].[Account CB - Description].&amp;[0232047 - Ap-Dependant Life]"/>
        <member name="[CB - Account].[Account CB - Description].&amp;[0232050 - Unbilled Fuel Rev - SC Dfd Tax]"/>
        <member name="[CB - Account].[Account CB - Description].&amp;[0232051 - Unbilled Fuel Rev - 10A Df Tax]"/>
        <member name="[CB - Account].[Account CB - Description].&amp;[0232054 - Long Term Care Contributions]"/>
        <member name="[CB - Account].[Account CB - Description].&amp;[0232055 - Ap-Invest Plan Loan Rpmt]"/>
        <member name="[CB - Account].[Account CB - Description].&amp;[0232056 - Ap-Gain Share Bonus Accrual]"/>
        <member name="[CB - Account].[Account CB - Description].&amp;[0232057 - AP-GRI-Transport]"/>
        <member name="[CB - Account].[Account CB - Description].&amp;[0232058 - Ap-Misc-Revenue Billing]"/>
        <member name="[CB - Account].[Account CB - Description].&amp;[0232059 - Cash Call-ANNGTC Part]"/>
        <member name="[CB - Account].[Account CB - Description].&amp;[0232060 - Accts Payble Merch Svc Protect]"/>
        <member name="[CB - Account].[Account CB - Description].&amp;[0232062 - Ap-BOB]"/>
        <member name="[CB - Account].[Account CB - Description].&amp;[0232063 - A/p-Unrecon cash-Citibank]"/>
        <member name="[CB - Account].[Account CB - Description].&amp;[0232064 - Ap-Prch Gas-Transco]"/>
        <member name="[CB - Account].[Account CB - Description].&amp;[0232065 - Employee Relocation Payable]"/>
        <member name="[CB - Account].[Account CB - Description].&amp;[0232066 - Ap-Inventory Losses]"/>
        <member name="[CB - Account].[Account CB - Description].&amp;[0232068 - Employee Parking Deductions]"/>
        <member name="[CB - Account].[Account CB - Description].&amp;[0232070 - Unbilled Fuel Rev-Wholesale]"/>
        <member name="[CB - Account].[Account CB - Description].&amp;[0232074 - Ap-Other Gas Purchase]"/>
        <member name="[CB - Account].[Account CB - Description].&amp;[0232075 - Ap-Gri]"/>
        <member name="[CB - Account].[Account CB - Description].&amp;[0232076 - A/P-Prepaid Reservations Charg]"/>
        <member name="[CB - Account].[Account CB - Description].&amp;[0232077 - Ap-Prepaid Reservation-I/C]"/>
        <member name="[CB - Account].[Account CB - Description].&amp;[0232080 - Unbilled Fuel Rev-SC]"/>
        <member name="[CB - Account].[Account CB - Description].&amp;[0232081 - AP-GST/HST Tax Payable]"/>
        <member name="[CB - Account].[Account CB - Description].&amp;[0232082 - SC UNBILLED REV WRITE-OFF]"/>
        <member name="[CB - Account].[Account CB - Description].&amp;[0232090 - Unbilled Fuel Clause-Np&amp;L]"/>
        <member name="[CB - Account].[Account CB - Description].&amp;[0232094 - AP Rev Control - Related Party]"/>
        <member name="[CB - Account].[Account CB - Description].&amp;[0232095 - Acct Pay Related Pty]"/>
        <member name="[CB - Account].[Account CB - Description].&amp;[0232096 - RPT AP Trade - COP]"/>
        <member name="[CB - Account].[Account CB - Description].&amp;[0232097 - RPT Crossbill Gross-up LiabDuk]"/>
        <member name="[CB - Account].[Account CB - Description].&amp;[0232098 - RPT Crossbill Gross-up LiabOth]"/>
        <member name="[CB - Account].[Account CB - Description].&amp;[0232100 - Retention Payable]"/>
        <member name="[CB - Account].[Account CB - Description].&amp;[0232102 - DEP Payable - NG Purchases]"/>
        <member name="[CB - Account].[Account CB - Description].&amp;[0232103 - DEF Payable - NG Purchases]"/>
        <member name="[CB - Account].[Account CB - Description].&amp;[0232104 - DEP Payable - NG Transport]"/>
        <member name="[CB - Account].[Account CB - Description].&amp;[0232105 - DEF Payable - NG Transport]"/>
        <member name="[CB - Account].[Account CB - Description].&amp;[0232106 - DEP Payable - NG Fin Transact]"/>
        <member name="[CB - Account].[Account CB - Description].&amp;[0232107 - DEF Payable - NG Fin Transact]"/>
        <member name="[CB - Account].[Account CB - Description].&amp;[0232108 - DEF Cogen Payable]"/>
        <member name="[CB - Account].[Account CB - Description].&amp;[0232110 - Vouchers Payable-Automated]"/>
        <member name="[CB - Account].[Account CB - Description].&amp;[0232111 - Vouchers Payable-Passport]"/>
        <member name="[CB - Account].[Account CB - Description].&amp;[0232115 - CLHFS AP]"/>
        <member name="[CB - Account].[Account CB - Description].&amp;[0232121 - DOE Nuclear Waste Fee Pay]"/>
        <member name="[CB - Account].[Account CB - Description].&amp;[0232122 - Annual FERC Adm &amp;  Hydro Fee]"/>
        <member name="[CB - Account].[Account CB - Description].&amp;[0232123 - NCUC Regulatory Fee Pay]"/>
        <member name="[CB - Account].[Account CB - Description].&amp;[0232124 - NRC License Fee Pay]"/>
        <member name="[CB - Account].[Account CB - Description].&amp;[0232125 - NRC Inspection Fee Pay]"/>
        <member name="[CB - Account].[Account CB - Description].&amp;[0232126 - Accrued Audit Fees]"/>
        <member name="[CB - Account].[Account CB - Description].&amp;[0232127 - Trades Pending Settlement]"/>
        <member name="[CB - Account].[Account CB - Description].&amp;[0232128 - A/P DP&amp;L CCD Operations New]"/>
        <member name="[CB - Account].[Account CB - Description].&amp;[0232129 - SC PSC Reg Fee Pay]"/>
        <member name="[CB - Account].[Account CB - Description].&amp;[0232130 - Accounts Payable - Panenergy]"/>
        <member name="[CB - Account].[Account CB - Description].&amp;[0232131 - A/P - DPL Transmission]"/>
        <member name="[CB - Account].[Account CB - Description].&amp;[0232135 - EMPLOYEE EXPENSE PAYABLE]"/>
        <member name="[CB - Account].[Account CB - Description].&amp;[0232136 - Line Ext 3rd Party Refunds]"/>
        <member name="[CB - Account].[Account CB - Description].&amp;[0232137 - PURCPA Accounts Payable]"/>
        <member name="[CB - Account].[Account CB - Description].&amp;[0232140 - Customer Refunds Payable]"/>
        <member name="[CB - Account].[Account CB - Description].&amp;[0232141 - Unvouchred Stock Matls Receipt]"/>
        <member name="[CB - Account].[Account CB - Description].&amp;[0232142 - Advance Payable-NCMPA]"/>
        <member name="[CB - Account].[Account CB - Description].&amp;[0232143 - Advance Payable-NCEMC]"/>
        <member name="[CB - Account].[Account CB - Description].&amp;[0232144 - Advance Payable-PMPA]"/>
        <member name="[CB - Account].[Account CB - Description].&amp;[0232145 - A/P CJO Special Projects]"/>
        <member name="[CB - Account].[Account CB - Description].&amp;[0232150 - Accounts Payable-Stores]"/>
        <member name="[CB - Account].[Account CB - Description].&amp;[0232151 - PP Accounts Payable - Stores]"/>
        <member name="[CB - Account].[Account CB - Description].&amp;[0232152 - A/P Purchased Gas]"/>
        <member name="[CB - Account].[Account CB - Description].&amp;[0232153 - A/P - CSP Transmission]"/>
        <member name="[CB - Account].[Account CB - Description].&amp;[0232154 - A/P CSP CCD Operations]"/>
        <member name="[CB - Account].[Account CB - Description].&amp;[0232155 - Accounts Payable-Stores CAS]"/>
        <member name="[CB - Account].[Account CB - Description].&amp;[0232160 - Accounts Payable-Clearing]"/>
        <member name="[CB - Account].[Account CB - Description].&amp;[0232161 - Non-Reg Fuel Purchase]"/>
        <member name="[CB - Account].[Account CB - Description].&amp;[0232177 - Generic By Product Payable]"/>
        <member name="[CB - Account].[Account CB - Description].&amp;[0232190 - Coal Freight Payable]"/>
        <member name="[CB - Account].[Account CB - Description].&amp;[0232191 - NC Coal Inventory Payable]"/>
        <member name="[CB - Account].[Account CB - Description].&amp;[0232192 - SC Coal Inventory Payable]"/>
        <member name="[CB - Account].[Account CB - Description].&amp;[0232195 - RAILCAR LEASE PAYABLE]"/>
        <member name="[CB - Account].[Account CB - Description].&amp;[0232199 - PowerPlan Coal Payable]"/>
        <member name="[CB - Account].[Account CB - Description].&amp;[0232200 - CBIS Refund Payable]"/>
        <member name="[CB - Account].[Account CB - Description].&amp;[0232205 - A/P ENRB Holding Account]"/>
        <member name="[CB - Account].[Account CB - Description].&amp;[0232210 - Unclaimed Wages]"/>
        <member name="[CB - Account].[Account CB - Description].&amp;[0232220 - Employee Relocation Payable]"/>
        <member name="[CB - Account].[Account CB - Description].&amp;[0232221 - Employee Relocation- NEI]"/>
        <member name="[CB - Account].[Account CB - Description].&amp;[0232222 - Test Fuel Payable]"/>
        <member name="[CB - Account].[Account CB - Description].&amp;[0232223 - A/P Certified Supplier Gas]"/>
        <member name="[CB - Account].[Account CB - Description].&amp;[0232224 - Solar Generation Rider]"/>
        <member name="[CB - Account].[Account CB - Description].&amp;[0232230 - Accrued Liabilities]"/>
        <member name="[CB - Account].[Account CB - Description].&amp;[0232231 - AP Revenue Control]"/>
        <member name="[CB - Account].[Account CB - Description].&amp;[0232232 - AP Affiliates]"/>
        <member name="[CB - Account].[Account CB - Description].&amp;[0232233 - AP Contra]"/>
        <member name="[CB - Account].[Account CB - Description].&amp;[0232234 - AP Estimate]"/>
        <member name="[CB - Account].[Account CB - Description].&amp;[0232235 - Employee Expenses Payable]"/>
        <member name="[CB - Account].[Account CB - Description].&amp;[0232240 - Accrued Liabilities MW Joint O]"/>
        <member name="[CB - Account].[Account CB - Description].&amp;[0232250 - SHORT TERM DEF GAIN ON SALE]"/>
        <member name="[CB - Account].[Account CB - Description].&amp;[0232255 - LONG-TERM DEF LEASE LIABILITY]"/>
        <member name="[CB - Account].[Account CB - Description].&amp;[0232256 - BROKERAGE COLLATERAL]"/>
        <member name="[CB - Account].[Account CB - Description].&amp;[0232257 - Avoided Prem Surcharge Pay-Cur]"/>
        <member name="[CB - Account].[Account CB - Description].&amp;[0232260 - Deposit Account]"/>
        <member name="[CB - Account].[Account CB - Description].&amp;[0232270 - Passport Unvouchered Liability]"/>
        <member name="[CB - Account].[Account CB - Description].&amp;[0232300 - AP-TRANSPORTATION]"/>
        <member name="[CB - Account].[Account CB - Description].&amp;[0232301 - AP-TRANSPORTATION ESTIMATE]"/>
        <member name="[CB - Account].[Account CB - Description].&amp;[0232310 - PAYROLL POOL/IBNR RESERVE]"/>
        <member name="[CB - Account].[Account CB - Description].&amp;[0232311 - OPEX G&amp;A ACCRUAL]"/>
        <member name="[CB - Account].[Account CB - Description].&amp;[0232312 - IMBALANCE PAYABLE]"/>
        <member name="[CB - Account].[Account CB - Description].&amp;[0232313 - CORPORATE GOVERANCE ACCRUAL]"/>
        <member name="[CB - Account].[Account CB - Description].&amp;[0232314 - CAPITAL SPENDING ACCRUAL]"/>
        <member name="[CB - Account].[Account CB - Description].&amp;[0232325 - Losses Payable]"/>
        <member name="[CB - Account].[Account CB - Description].&amp;[0232329 - Share The Warmth]"/>
        <member name="[CB - Account].[Account CB - Description].&amp;[0232330 - OTH DEFER CR PA3 URAN ACCT UF6]"/>
        <member name="[CB - Account].[Account CB - Description].&amp;[0232331 - A/P - ENERGY NEIGHBOR FUND]"/>
        <member name="[CB - Account].[Account CB - Description].&amp;[0232332 - Photovoltaic Fund]"/>
        <member name="[CB - Account].[Account CB - Description].&amp;[0232333 - A/P - FLEXCARE]"/>
        <member name="[CB - Account].[Account CB - Description].&amp;[0232334 - A/P - Stock Loan Repay]"/>
        <member name="[CB - Account].[Account CB - Description].&amp;[0232335 - NCEMPA - Other]"/>
        <member name="[CB - Account].[Account CB - Description].&amp;[0232336 - Advance Payable NCEMPA]"/>
        <member name="[CB - Account].[Account CB - Description].&amp;[0232337 - CR3 Joint Owner]"/>
        <member name="[CB - Account].[Account CB - Description].&amp;[0232338 - Payable - Int City Joint Owner]"/>
        <member name="[CB - Account].[Account CB - Description].&amp;[0232339 - Advance Payable NCEMPA Uranium]"/>
        <member name="[CB - Account].[Account CB - Description].&amp;[0232350 - INTERCO AP]"/>
        <member name="[CB - Account].[Account CB - Description].&amp;[0232357 - PIPP Installment Liability]"/>
        <member name="[CB - Account].[Account CB - Description].&amp;[0232358 - A/P ODOD EER]"/>
        <member name="[CB - Account].[Account CB - Description].&amp;[0232359 - A/P ODOD USF]"/>
        <member name="[CB - Account].[Account CB - Description].&amp;[0232360 - Reinsurance premium payable-cu]"/>
        <member name="[CB - Account].[Account CB - Description].&amp;[0232370 - Outstanding Drafts]"/>
        <member name="[CB - Account].[Account CB - Description].&amp;[0232380 - Outstanding Drafts-Claim Dept.]"/>
        <member name="[CB - Account].[Account CB - Description].&amp;[0232390 - Outstanding Drafts - Mapps]"/>
        <member name="[CB - Account].[Account CB - Description].&amp;[0232400 - Interco Accrued Liability]"/>
        <member name="[CB - Account].[Account CB - Description].&amp;[0232402 - COLLATERAL LIAB]"/>
        <member name="[CB - Account].[Account CB - Description].&amp;[0232410 - Transmission Payables]"/>
        <member name="[CB - Account].[Account CB - Description].&amp;[0232420 - Georgia Power Co(Sou. Srvc Co)]"/>
        <member name="[CB - Account].[Account CB - Description].&amp;[0232421 - Unfunded Supplemental Payments]"/>
        <member name="[CB - Account].[Account CB - Description].&amp;[0232430 - Inactive]"/>
        <member name="[CB - Account].[Account CB - Description].&amp;[0232440 - S.C. Electric &amp; Gas Co.]"/>
        <member name="[CB - Account].[Account CB - Description].&amp;[0232450 - Appalachian Power Co.]"/>
        <member name="[CB - Account].[Account CB - Description].&amp;[0232460 - Bulk Power Marketing Payable]"/>
        <member name="[CB - Account].[Account CB - Description].&amp;[0232470 - Carolina Power &amp; Light Co.]"/>
        <member name="[CB - Account].[Account CB - Description].&amp;[0232480 - Co-Generation]"/>
        <member name="[CB - Account].[Account CB - Description].&amp;[0232490 - S.C. Public Service Authority]"/>
        <member name="[CB - Account].[Account CB - Description].&amp;[0232500 - Reinsurance premium payable-LT]"/>
        <member name="[CB - Account].[Account CB - Description].&amp;[0232501 - Intercompany A/P Trading]"/>
        <member name="[CB - Account].[Account CB - Description].&amp;[0232510 - Checks Not Prsntd-Escheable]"/>
        <member name="[CB - Account].[Account CB - Description].&amp;[0232520 - Checks Not Prsntd - CntrlDisb]"/>
        <member name="[CB - Account].[Account CB - Description].&amp;[0232530 - Escheats Payable Other]"/>
        <member name="[CB - Account].[Account CB - Description].&amp;[0232540 - F. U. N. B.  Payroll Payable]"/>
        <member name="[CB - Account].[Account CB - Description].&amp;[0232550 - Automatic Payroll Deposit Pay]"/>
        <member name="[CB - Account].[Account CB - Description].&amp;[0232560 - Biweekly Automated Payroll Dep]"/>
        <member name="[CB - Account].[Account CB - Description].&amp;[0232570 - Payroll Payable-Ncnb-(9/74)]"/>
        <member name="[CB - Account].[Account CB - Description].&amp;[0232580 - Inactive]"/>
        <member name="[CB - Account].[Account CB - Description].&amp;[0232590 - F. U. N. B.-Ss Plan]"/>
        <member name="[CB - Account].[Account CB - Description].&amp;[0232595 - Pool Plan Inc Liab Def]"/>
        <member name="[CB - Account].[Account CB - Description].&amp;[0232600 - White goods fee]"/>
        <member name="[CB - Account].[Account CB - Description].&amp;[0232610 - Nc Use Tax Payable]"/>
        <member name="[CB - Account].[Account CB - Description].&amp;[0232620 - Sc Use Tax Payable]"/>
        <member name="[CB - Account].[Account CB - Description].&amp;[0232630 - Nc Sales Tax Payable]"/>
        <member name="[CB - Account].[Account CB - Description].&amp;[0232640 - Sc Sales Tax Payable]"/>
        <member name="[CB - Account].[Account CB - Description].&amp;[0232650 - Mecklenburg Cty Use Tax Pay]"/>
        <member name="[CB - Account].[Account CB - Description].&amp;[0232651 - MECK CTY USE TAX 1/2% LOCAL]"/>
        <member name="[CB - Account].[Account CB - Description].&amp;[0232660 - Mecklenburg Cty Sales Tax Pay]"/>
        <member name="[CB - Account].[Account CB - Description].&amp;[0232661 - Mecklenburg 1/2% Sales Tax]"/>
        <member name="[CB - Account].[Account CB - Description].&amp;[0232670 - Durham Cty Use Tax Payable]"/>
        <member name="[CB - Account].[Account CB - Description].&amp;[0232680 - Durham Cty Sales Tax Payable]"/>
        <member name="[CB - Account].[Account CB - Description].&amp;[0232690 - Henderson Cty Use Tax Pay]"/>
        <member name="[CB - Account].[Account CB - Description].&amp;[0232700 - Henderson Cty Sales Tax Pay]"/>
        <member name="[CB - Account].[Account CB - Description].&amp;[0232710 - Cleveland Cty Use Tax Payable]"/>
        <member name="[CB - Account].[Account CB - Description].&amp;[0232720 - Cleveland Sales Tax Payable]"/>
        <member name="[CB - Account].[Account CB - Description].&amp;[0232730 - Mcdowell Cty Use Tax Payable]"/>
        <member name="[CB - Account].[Account CB - Description].&amp;[0232740 - Mcdowell Cty Sales Tax Payable]"/>
        <member name="[CB - Account].[Account CB - Description].&amp;[0232750 - Surry Cty Use Tax Payable]"/>
        <member name="[CB - Account].[Account CB - Description].&amp;[0232760 - Surry Cty Sales Tax Payable]"/>
        <member name="[CB - Account].[Account CB - Description].&amp;[0232770 - Transylvania Cty Use Tax Pay]"/>
        <member name="[CB - Account].[Account CB - Description].&amp;[0232780 - Transylvania Cty Sales Tax Pay]"/>
        <member name="[CB - Account].[Account CB - Description].&amp;[0232790 - Wilkes Cty Use Tax Payable]"/>
        <member name="[CB - Account].[Account CB - Description].&amp;[0232800 - Wilkes Cty Sales Tax Payable]"/>
        <member name="[CB - Account].[Account CB - Description].&amp;[0232810 - Guilford Cty Use Tax Payable]"/>
        <member name="[CB - Account].[Account CB - Description].&amp;[0232820 - Guilford Cty Sales Tax Payable]"/>
        <member name="[CB - Account].[Account CB - Description].&amp;[0232830 - Union Cty Use Tax Payable]"/>
        <member name="[CB - Account].[Account CB - Description].&amp;[0232840 - Union Cty Sales Tax Payable]"/>
        <member name="[CB - Account].[Account CB - Description].&amp;[0232850 - Gaston Cty Use Tax Payable]"/>
        <member name="[CB - Account].[Account CB - Description].&amp;[0232860 - Gaston Cyt Sales Tax Payable]"/>
        <member name="[CB - Account].[Account CB - Description].&amp;[0232870 - Cabarrus Cty Use Tax Payable]"/>
        <member name="[CB - Account].[Account CB - Description].&amp;[0232880 - Cabarrus Cty Sales Tax Payable]"/>
        <member name="[CB - Account].[Account CB - Description].&amp;[0232881 - Union Employee Incentive Plan]"/>
        <member name="[CB - Account].[Account CB - Description].&amp;[0232882 - GSA Product Charge]"/>
        <member name="[CB - Account].[Account CB - Description].&amp;[0232890 - Alamance Cty Use Tax Payable]"/>
        <member name="[CB - Account].[Account CB - Description].&amp;[0232891 - AP Accrual]"/>
        <member name="[CB - Account].[Account CB - Description].&amp;[0232893 - AP-Certified Supplier PAR Ele]"/>
        <member name="[CB - Account].[Account CB - Description].&amp;[0232894 - Salaries Payable]"/>
        <member name="[CB - Account].[Account CB - Description].&amp;[0232895 - Sec 125 Employee Balance]"/>
        <member name="[CB - Account].[Account CB - Description].&amp;[0232896 - AP VWRP]"/>
        <member name="[CB - Account].[Account CB - Description].&amp;[0232897 - Misc A/P - Manual]"/>
        <member name="[CB - Account].[Account CB - Description].&amp;[0232898 - A/P - Carolinas Cost of Gas]"/>
        <member name="[CB - Account].[Account CB - Description].&amp;[0232899 - A/P - Tennessee Cost of Gas]"/>
        <member name="[CB - Account].[Account CB - Description].&amp;[0232900 - Alamance Cty Sales Tax Payable]"/>
        <member name="[CB - Account].[Account CB - Description].&amp;[0232901 - A/P Refund Clearing]"/>
        <member name="[CB - Account].[Account CB - Description].&amp;[0232910 - Orange Cty Use Tax Payable]"/>
        <member name="[CB - Account].[Account CB - Description].&amp;[0232920 - Orange Cty Sales Tax Payable]"/>
        <member name="[CB - Account].[Account CB - Description].&amp;[0232930 - Polk Cty Use Tax Payable]"/>
        <member name="[CB - Account].[Account CB - Description].&amp;[0232933 - VIE - Non-recourse A/P Trade]"/>
        <member name="[CB - Account].[Account CB - Description].&amp;[0232940 - Polk Cty Sales Tax Payable]"/>
        <member name="[CB - Account].[Account CB - Description].&amp;[0232950 - Yadkin Cty Use Tax Payable]"/>
        <member name="[CB - Account].[Account CB - Description].&amp;[0232955 - A/P Wholesale Pwr - Estimate]"/>
        <member name="[CB - Account].[Account CB - Description].&amp;[0232960 - Yadkin Cty Sales Tax Payable]"/>
        <member name="[CB - Account].[Account CB - Description].&amp;[0232970 - Davidson Cty Use Tax Payable]"/>
        <member name="[CB - Account].[Account CB - Description].&amp;[0232980 - Davidson Cty Sales Tax Payable]"/>
        <member name="[CB - Account].[Account CB - Description].&amp;[0232990 - Nc Vehicle Use Tax]"/>
        <member name="[CB - Account].[Account CB - Description].&amp;[0232991 - Electric Payable]"/>
        <member name="[CB - Account].[Account CB - Description].&amp;[0232992 - Customer Collateral Deposit]"/>
        <member name="[CB - Account].[Account CB - Description].&amp;[0232993 - AP Off System]"/>
        <member name="[CB - Account].[Account CB - Description].&amp;[0232995 - AP Est Affiliate Non-Consol]"/>
        <member name="[CB - Account].[Account CB - Description].&amp;[0232997 - A/P PA NUC FUEL DEFER]"/>
        <member name="[CB - Account].[Account CB - Description].&amp;[0233000 - Notes Payable Current I/C Cont]"/>
        <member name="[CB - Account].[Account CB - Description].&amp;[0233001 - Notes Payable Log Term I/C Con]"/>
        <member name="[CB - Account].[Account CB - Description].&amp;[0233002 - Interco Notes Payable Current]"/>
        <member name="[CB - Account].[Account CB - Description].&amp;[0233003 - IC - LT Notes Pay]"/>
        <member name="[CB - Account].[Account CB - Description].&amp;[0233110 - Notes Payable To Assoc Co'S]"/>
        <member name="[CB - Account].[Account CB - Description].&amp;[0233200 - Notes Pay - DEC]"/>
        <member name="[CB - Account].[Account CB - Description].&amp;[0233220 - Notes Pay - MPS]"/>
        <member name="[CB - Account].[Account CB - Description].&amp;[0233230 - Notes Payable w/Duke Energy]"/>
        <member name="[CB - Account].[Account CB - Description].&amp;[0233240 - Notes Payable to DCC]"/>
        <member name="[CB - Account].[Account CB - Description].&amp;[0233241 - NOTE PAYABLE-DCC LUX]"/>
        <member name="[CB - Account].[Account CB - Description].&amp;[0233893 - AP Misc par elec]"/>
        <member name="[CB - Account].[Account CB - Description].&amp;[0234001 - Accounts Payable I/C Contra]"/>
        <member name="[CB - Account].[Account CB - Description].&amp;[0234002 - Interest Payable I/C Contra]"/>
        <member name="[CB - Account].[Account CB - Description].&amp;[0234005 - Unearned premiums-affiliate]"/>
        <member name="[CB - Account].[Account CB - Description].&amp;[0234010 - I/C AP - Joint Dispatch]"/>
        <member name="[CB - Account].[Account CB - Description].&amp;[0234020 - 5/14/96]"/>
        <member name="[CB - Account].[Account CB - Description].&amp;[0234070 - I/C A/P with 10276]"/>
        <member name="[CB - Account].[Account CB - Description].&amp;[0234100 - Mill-Power Supply Company]"/>
        <member name="[CB - Account].[Account CB - Description].&amp;[0234104 - IC Accounts Payable]"/>
        <member name="[CB - Account].[Account CB - Description].&amp;[0234110 - Houston Accounts Payable]"/>
        <member name="[CB - Account].[Account CB - Description].&amp;[0234120 - Denver Accounts Payable]"/>
        <member name="[CB - Account].[Account CB - Description].&amp;[0234130 - Global Asset Accounts Payable]"/>
        <member name="[CB - Account].[Account CB - Description].&amp;[0234140 - Trading &amp; Marketing Accounts P]"/>
        <member name="[CB - Account].[Account CB - Description].&amp;[0234190 - Church Street Capital Corp.]"/>
        <member name="[CB - Account].[Account CB - Description].&amp;[0234200 - Crescent Land And Timber Corp]"/>
        <member name="[CB - Account].[Account CB - Description].&amp;[0234242 - COLLATERAL LIABILITY ACCOUNT]"/>
        <member name="[CB - Account].[Account CB - Description].&amp;[0234250 - IC Netting - Accts Payable]"/>
        <member name="[CB - Account].[Account CB - Description].&amp;[0234260 - AP DUKE COMMUNICATION SERVICE]"/>
        <member name="[CB - Account].[Account CB - Description].&amp;[0234270 - AP PANENERGY RESOURCES MGT]"/>
        <member name="[CB - Account].[Account CB - Description].&amp;[0234300 - Eastover Mining Company]"/>
        <member name="[CB - Account].[Account CB - Description].&amp;[0234350 - IC Netting - LT Accts Payable]"/>
        <member name="[CB - Account].[Account CB - Description].&amp;[0234400 - Eastover Land Company]"/>
        <member name="[CB - Account].[Account CB - Description].&amp;[0234410 - Reins prem payable current-aff]"/>
        <member name="[CB - Account].[Account CB - Description].&amp;[0234500 - Duke Eng. &amp; Services,Inc.]"/>
        <member name="[CB - Account].[Account CB - Description].&amp;[0234550 - Duke/Fluor Daniel]"/>
        <member name="[CB - Account].[Account CB - Description].&amp;[0234600 - Nantahala Power &amp; Light]"/>
        <member name="[CB - Account].[Account CB - Description].&amp;[0234650 - AP w/Pan Service Corp]"/>
        <member name="[CB - Account].[Account CB - Description].&amp;[0234660 - AP w/DEI]"/>
        <member name="[CB - Account].[Account CB - Description].&amp;[0234700 - Duke Energy Corp]"/>
        <member name="[CB - Account].[Account CB - Description].&amp;[0234710 - Intercompany w/ DEBS]"/>
        <member name="[CB - Account].[Account CB - Description].&amp;[0234740 - Intera Payables]"/>
        <member name="[CB - Account].[Account CB - Description].&amp;[0234800 - Other]"/>
        <member name="[CB - Account].[Account CB - Description].&amp;[0234801 - Dover Profit Sharing]"/>
        <member name="[CB - Account].[Account CB - Description].&amp;[0234802 - Interco Payable - DE]"/>
        <member name="[CB - Account].[Account CB - Description].&amp;[0234803 - FERC Annual Chrg Adj]"/>
        <member name="[CB - Account].[Account CB - Description].&amp;[0234804 - Intraco Pay - Canada]"/>
        <member name="[CB - Account].[Account CB - Description].&amp;[0234805 - Intraco Pay - Commodity]"/>
        <member name="[CB - Account].[Account CB - Description].&amp;[0234806 - Intraco Pay - Energy Invest]"/>
        <member name="[CB - Account].[Account CB - Description].&amp;[0234807 - Intraco Pay - Techtrol]"/>
        <member name="[CB - Account].[Account CB - Description].&amp;[0234808 - Intraco Pay - DukeSolutions]"/>
        <member name="[CB - Account].[Account CB - Description].&amp;[0234809 - Accounts Payable - Mint Street]"/>
        <member name="[CB - Account].[Account CB - Description].&amp;[0234810 - Interco Payable w/Evendale]"/>
        <member name="[CB - Account].[Account CB - Description].&amp;[0234811 - Interco Payable w/GNE]"/>
        <member name="[CB - Account].[Account CB - Description].&amp;[0234812 - Interco Pay w/Huntington Beach]"/>
        <member name="[CB - Account].[Account CB - Description].&amp;[0234813 - I/C Pay w/ DEFS]"/>
        <member name="[CB - Account].[Account CB - Description].&amp;[0234814 - Accts Payable w/ 30274]"/>
        <member name="[CB - Account].[Account CB - Description].&amp;[0234815 - Accts Payable w/ 30274]"/>
        <member name="[CB - Account].[Account CB - Description].&amp;[0234816 - I/C Pay W/30274]"/>
        <member name="[CB - Account].[Account CB - Description].&amp;[0234817 - A/P DETM Canada]"/>
        <member name="[CB - Account].[Account CB - Description].&amp;[0234818 - A/P TETCO]"/>
        <member name="[CB - Account].[Account CB - Description].&amp;[0234819 - INTERCOMPANY PAYABLE]"/>
        <member name="[CB - Account].[Account CB - Description].&amp;[0234820 - INTERCO PAY WITH 45065]"/>
        <member name="[CB - Account].[Account CB - Description].&amp;[0234821 - AP WITH 45000]"/>
        <member name="[CB - Account].[Account CB - Description].&amp;[0234830 - DETM/DENA Keepwhole Payable]"/>
        <member name="[CB - Account].[Account CB - Description].&amp;[0234900 - Reins Prm Payable LT-affiliate]"/>
        <member name="[CB - Account].[Account CB - Description].&amp;[0234910 - IUB A/P Actual]"/>
        <member name="[CB - Account].[Account CB - Description].&amp;[0234911 - Intercompany A/P Estimate]"/>
        <member name="[CB - Account].[Account CB - Description].&amp;[0234912 - Deferred Revenue Billing]"/>
        <member name="[CB - Account].[Account CB - Description].&amp;[0235000 - CUST DEP NC-CIM]"/>
        <member name="[CB - Account].[Account CB - Description].&amp;[0235001 - CUST DEP SC-CIM]"/>
        <member name="[CB - Account].[Account CB - Description].&amp;[0235002 - C/D ACTIVE]"/>
        <member name="[CB - Account].[Account CB - Description].&amp;[0235003 - C/D INACTIVE]"/>
        <member name="[CB - Account].[Account CB - Description].&amp;[0235004 - Deferred Liability OL]"/>
        <member name="[CB - Account].[Account CB - Description].&amp;[0235005 - Special Deposits - Collateral]"/>
        <member name="[CB - Account].[Account CB - Description].&amp;[0235007 - EVSE - Customer Deposits ST]"/>
        <member name="[CB - Account].[Account CB - Description].&amp;[0235115 - CLHFS NP]"/>
        <member name="[CB - Account].[Account CB - Description].&amp;[0235130 - Cust Dep Transf To Gen Office]"/>
        <member name="[CB - Account].[Account CB - Description].&amp;[0235133 - Phy Option Premiums]"/>
        <member name="[CB - Account].[Account CB - Description].&amp;[0235145 - NYMEX Margin]"/>
        <member name="[CB - Account].[Account CB - Description].&amp;[0235150 - UNRLZDLOSS ON MKTtoMKT TRADNG]"/>
        <member name="[CB - Account].[Account CB - Description].&amp;[0235151 - MTM Reserve]"/>
        <member name="[CB - Account].[Account CB - Description].&amp;[0235152 - Solar Interconnect Deposits]"/>
        <member name="[CB - Account].[Account CB - Description].&amp;[0235202 - OTC Options]"/>
        <member name="[CB - Account].[Account CB - Description].&amp;[0235251 - IC HEDGE LIABILITY CURRENT]"/>
        <member name="[CB - Account].[Account CB - Description].&amp;[0236000 - Nc Prop Tax - Electric]"/>
        <member name="[CB - Account].[Account CB - Description].&amp;[0236005 - Accr Ad Valorem Tax 97]"/>
        <member name="[CB - Account].[Account CB - Description].&amp;[0236006 - Accr Franchise]"/>
        <member name="[CB - Account].[Account CB - Description].&amp;[0236007 - Accr Franchise-Other]"/>
        <member name="[CB - Account].[Account CB - Description].&amp;[0236008 - Oth Accr Tax - Trans Fran]"/>
        <member name="[CB - Account].[Account CB - Description].&amp;[0236009 - Accr Tax-Compresser Fuel]"/>
        <member name="[CB - Account].[Account CB - Description].&amp;[0236010 - Nc Prop Tax - Water]"/>
        <member name="[CB - Account].[Account CB - Description].&amp;[0236011 - Accrued Sit-Other]"/>
        <member name="[CB - Account].[Account CB - Description].&amp;[0236012 - Oth Accr Tax - Gross Vol]"/>
        <member name="[CB - Account].[Account CB - Description].&amp;[0236013 - Accr Ad Valorem Tax 98]"/>
        <member name="[CB - Account].[Account CB - Description].&amp;[0236014 - Accr Ad Valoren Tax 99]"/>
        <member name="[CB - Account].[Account CB - Description].&amp;[0236015 - Accr AD Valorem 2000]"/>
        <member name="[CB - Account].[Account CB - Description].&amp;[0236016 - Accr Ad Valorem Tax 2001]"/>
        <member name="[CB - Account].[Account CB - Description].&amp;[0236017 - Accr Ad Valorem Tax 2003]"/>
        <member name="[CB - Account].[Account CB - Description].&amp;[0236018 - Accrued Sit-Unitary]"/>
        <member name="[CB - Account].[Account CB - Description].&amp;[0236019 - Accrued Fit-Other]"/>
        <member name="[CB - Account].[Account CB - Description].&amp;[0236020 - FAS 5 Non-Income Tax Reserves]"/>
        <member name="[CB - Account].[Account CB - Description].&amp;[0236025 - LT Inc Tax Payalble]"/>
        <member name="[CB - Account].[Account CB - Description].&amp;[0236030 - Nc Prop Tax - Merchandising]"/>
        <member name="[CB - Account].[Account CB - Description].&amp;[0236040 - Nc Prop Tax - Misc Non-Util]"/>
        <member name="[CB - Account].[Account CB - Description].&amp;[0236042 - Property Tax Reserve]"/>
        <member name="[CB - Account].[Account CB - Description].&amp;[0236050 - Nc Municipal License - Elec]"/>
        <member name="[CB - Account].[Account CB - Description].&amp;[0236060 - Inactive]"/>
        <member name="[CB - Account].[Account CB - Description].&amp;[0236065 - Accrued Production Tax]"/>
        <member name="[CB - Account].[Account CB - Description].&amp;[0236066 - Current Foreign Tax]"/>
        <member name="[CB - Account].[Account CB - Description].&amp;[0236070 - Inactive]"/>
        <member name="[CB - Account].[Account CB - Description].&amp;[0236071 - Fed IncTax Pay]"/>
        <member name="[CB - Account].[Account CB - Description].&amp;[0236080 - Nc Muni License-Merchandising]"/>
        <member name="[CB - Account].[Account CB - Description].&amp;[0236090 - Inactive]"/>
        <member name="[CB - Account].[Account CB - Description].&amp;[0236100 - Franchise Tax - Electric]"/>
        <member name="[CB - Account].[Account CB - Description].&amp;[0236110 - Nc Franchise Tax - Water]"/>
        <member name="[CB - Account].[Account CB - Description].&amp;[0236115 - CLHFS TAXES ACC]"/>
        <member name="[CB - Account].[Account CB - Description].&amp;[0236120 - CUR FRANCHISE TAX PAYABLE-DEBS]"/>
        <member name="[CB - Account].[Account CB - Description].&amp;[0236123 - Fl Prop Tax - Electric]"/>
        <member name="[CB - Account].[Account CB - Description].&amp;[0236125 - NC GROSS REC TAX UNBILL ACC]"/>
        <member name="[CB - Account].[Account CB - Description].&amp;[0236130 - PR FRANCHISE TAX PAYABLE-DEBS]"/>
        <member name="[CB - Account].[Account CB - Description].&amp;[0236131 - FL FRANCHISE TX ACCRUAL]"/>
        <member name="[CB - Account].[Account CB - Description].&amp;[0236135 - FL Reg Assessment - Electric]"/>
        <member name="[CB - Account].[Account CB - Description].&amp;[0236140 - Inactive]"/>
        <member name="[CB - Account].[Account CB - Description].&amp;[0236160 - Nc Unemployment Tax-Water]"/>
        <member name="[CB - Account].[Account CB - Description].&amp;[0236170 - 12/95]"/>
        <member name="[CB - Account].[Account CB - Description].&amp;[0236180 - 5/14/96]"/>
        <member name="[CB - Account].[Account CB - Description].&amp;[0236190 - Inactive]"/>
        <member name="[CB - Account].[Account CB - Description].&amp;[0236200 - Nc Industr Comm - Electric]"/>
        <member name="[CB - Account].[Account CB - Description].&amp;[0236210 - Nc Industr Comm - Water]"/>
        <member name="[CB - Account].[Account CB - Description].&amp;[0236220 - Inactive]"/>
        <member name="[CB - Account].[Account CB - Description].&amp;[0236230 - Inactive]"/>
        <member name="[CB - Account].[Account CB - Description].&amp;[0236240 - Inactive]"/>
        <member name="[CB - Account].[Account CB - Description].&amp;[0236250 - Nc Intang Tax - Electric]"/>
        <member name="[CB - Account].[Account CB - Description].&amp;[0236260 - Nc Intang Tax - Water]"/>
        <member name="[CB - Account].[Account CB - Description].&amp;[0236270 - Inactive]"/>
        <member name="[CB - Account].[Account CB - Description].&amp;[0236280 - Nc Intang Tax-Merchandising]"/>
        <member name="[CB - Account].[Account CB - Description].&amp;[0236290 - Nc Intang Tax-Misc Non-Util]"/>
        <member name="[CB - Account].[Account CB - Description].&amp;[0236300 - Nc Chain Store Tax-Merchandisi]"/>
        <member name="[CB - Account].[Account CB - Description].&amp;[0236320 - Inactive]"/>
        <member name="[CB - Account].[Account CB - Description].&amp;[0236330 - Nc Material Use Tax- Electr]"/>
        <member name="[CB - Account].[Account CB - Description].&amp;[0236360 - Sc Prop Tax - Electric]"/>
        <member name="[CB - Account].[Account CB - Description].&amp;[0236370 - Sc Prop Tax - Water]"/>
        <member name="[CB - Account].[Account CB - Description].&amp;[0236375 - SC CORP LIC UNBILL ACCRUAL]"/>
        <member name="[CB - Account].[Account CB - Description].&amp;[0236380 - Inactive]"/>
        <member name="[CB - Account].[Account CB - Description].&amp;[0236390 - Sc Prop Tax-Merchandising]"/>
        <member name="[CB - Account].[Account CB - Description].&amp;[0236400 - Sc Prop Tax-Misc Non-Util]"/>
        <member name="[CB - Account].[Account CB - Description].&amp;[0236410 - Sc Municipal License-Electr]"/>
        <member name="[CB - Account].[Account CB - Description].&amp;[0236420 - Inactive]"/>
        <member name="[CB - Account].[Account CB - Description].&amp;[0236430 - Inactive]"/>
        <member name="[CB - Account].[Account CB - Description].&amp;[0236440 - Sc Municipal License - Merc]"/>
        <member name="[CB - Account].[Account CB - Description].&amp;[0236450 - Inactive]"/>
        <member name="[CB - Account].[Account CB - Description].&amp;[0236460 - Sc Kwh Power Generation Tax]"/>
        <member name="[CB - Account].[Account CB - Description].&amp;[0236470 - Franchise Tax Accrual]"/>
        <member name="[CB - Account].[Account CB - Description].&amp;[0236480 - SC Gross Receipts Tax - Wtr]"/>
        <member name="[CB - Account].[Account CB - Description].&amp;[0236490 - Inactive]"/>
        <member name="[CB - Account].[Account CB - Description].&amp;[0236500 - Sc Franchise Tax-Merchandis]"/>
        <member name="[CB - Account].[Account CB - Description].&amp;[0236510 - Sc Franchise Tx-Misc Non-Util]"/>
        <member name="[CB - Account].[Account CB - Description].&amp;[0236520 - S. C. Pub Ser Comm-Electric]"/>
        <member name="[CB - Account].[Account CB - Description].&amp;[0236530 - S. C. Pub Ser Comm-Water]"/>
        <member name="[CB - Account].[Account CB - Description].&amp;[0236540 - Inactive]"/>
        <member name="[CB - Account].[Account CB - Description].&amp;[0236550 - S. C. Pub Ser Comm-Merchand]"/>
        <member name="[CB - Account].[Account CB - Description].&amp;[0236560 - Inactive]"/>
        <member name="[CB - Account].[Account CB - Description].&amp;[0236570 - S.C. Unemploy Tax-Electric]"/>
        <member name="[CB - Account].[Account CB - Description].&amp;[0236580 - S.C. Unemploy Tax-Water]"/>
        <member name="[CB - Account].[Account CB - Description].&amp;[0236590 - PST - Provincial Tax]"/>
        <member name="[CB - Account].[Account CB - Description].&amp;[0236600 - HST/GST - Canadian Tax]"/>
        <member name="[CB - Account].[Account CB - Description].&amp;[0236610 - QST - Quebec Tax]"/>
        <member name="[CB - Account].[Account CB - Description].&amp;[0236620 - S. C. Greenwood Tax-Electric]"/>
        <member name="[CB - Account].[Account CB - Description].&amp;[0236630 - S. C. Indust Comm-Electric]"/>
        <member name="[CB - Account].[Account CB - Description].&amp;[0236640 - S. C. Chain Store Tax-Merchand]"/>
        <member name="[CB - Account].[Account CB - Description].&amp;[0236650 - Inactive]"/>
        <member name="[CB - Account].[Account CB - Description].&amp;[0236660 - Inactive]"/>
        <member name="[CB - Account].[Account CB - Description].&amp;[0236670 - Inactive]"/>
        <member name="[CB - Account].[Account CB - Description].&amp;[0236690 - Inactive]"/>
        <member name="[CB - Account].[Account CB - Description].&amp;[0236710 - Fed Soc Sec Tx-Water]"/>
        <member name="[CB - Account].[Account CB - Description].&amp;[0236720 - Inactive]"/>
        <member name="[CB - Account].[Account CB - Description].&amp;[0236730 - 8/96]"/>
        <member name="[CB - Account].[Account CB - Description].&amp;[0236740 - Inactive]"/>
        <member name="[CB - Account].[Account CB - Description].&amp;[0236760 - Fed Unemploy Tx-Water]"/>
        <member name="[CB - Account].[Account CB - Description].&amp;[0236770 - Inactive]"/>
        <member name="[CB - Account].[Account CB - Description].&amp;[0236780 - 5/14/96]"/>
        <member name="[CB - Account].[Account CB - Description].&amp;[0236790 - Inactive]"/>
        <member name="[CB - Account].[Account CB - Description].&amp;[0236800 - Federal Hwy Use Tx-Electric]"/>
        <member name="[CB - Account].[Account CB - Description].&amp;[0236801 - Accrued Gross Receipts Tax]"/>
        <member name="[CB - Account].[Account CB - Description].&amp;[0236802 - Ohio Kilowatt Tax Liability]"/>
        <member name="[CB - Account].[Account CB - Description].&amp;[0236803 - Ohio MCF Tax Liability]"/>
        <member name="[CB - Account].[Account CB - Description].&amp;[0236804 - Federal Excise Tax - CNG]"/>
        <member name="[CB - Account].[Account CB - Description].&amp;[0236805 - Reg Liab Fas 109 Def Tax]"/>
        <member name="[CB - Account].[Account CB - Description].&amp;[0236810 - Accrued Franchise Tax]"/>
        <member name="[CB - Account].[Account CB - Description].&amp;[0236820 - Misc Nonutility]"/>
        <member name="[CB - Account].[Account CB - Description].&amp;[0236830 - Misc-Electric-Georgia]"/>
        <member name="[CB - Account].[Account CB - Description].&amp;[0236831 - Misc. Taxes &amp; Interest]"/>
        <member name="[CB - Account].[Account CB - Description].&amp;[0236832 - Misc. Penalties]"/>
        <member name="[CB - Account].[Account CB - Description].&amp;[0236840 - Ohio Commercial Activity Tax]"/>
        <member name="[CB - Account].[Account CB - Description].&amp;[0236850 - Fed Manufact Excise Tax-Vehicl]"/>
        <member name="[CB - Account].[Account CB - Description].&amp;[0236860 - PetrolTax Payable]"/>
        <member name="[CB - Account].[Account CB - Description].&amp;[0236870 - PetrolTesting Fee]"/>
        <member name="[CB - Account].[Account CB - Description].&amp;[0236880 - Tonnage Tax Payable]"/>
        <member name="[CB - Account].[Account CB - Description].&amp;[0236890 - Excise Tax Payable]"/>
        <member name="[CB - Account].[Account CB - Description].&amp;[0236897 - VIE-NR Taxes Accrued]"/>
        <member name="[CB - Account].[Account CB - Description].&amp;[0236900 - Accr Ad Valorem Tax - M&amp;N LLC]"/>
        <member name="[CB - Account].[Account CB - Description].&amp;[0236901 - Accr Ad Valorem Tax - PNGTS]"/>
        <member name="[CB - Account].[Account CB - Description].&amp;[0236904 - PRIOR STATE INC TAX ACCR-DEBS]"/>
        <member name="[CB - Account].[Account CB - Description].&amp;[0236905 - State Income Payable]"/>
        <member name="[CB - Account].[Account CB - Description].&amp;[0236907 - Accrued FIT - DE Group]"/>
        <member name="[CB - Account].[Account CB - Description].&amp;[0236908 - Accrued FIT - DENA,LLC]"/>
        <member name="[CB - Account].[Account CB - Description].&amp;[0236909 - Accrued FIT - Oakland]"/>
        <member name="[CB - Account].[Account CB - Description].&amp;[0236910 - Accrued FIT - Morro Bay]"/>
        <member name="[CB - Account].[Account CB - Description].&amp;[0236911 - Accrued FIT - South Bay]"/>
        <member name="[CB - Account].[Account CB - Description].&amp;[0236912 - Accrued FIT - Moss Landing]"/>
        <member name="[CB - Account].[Account CB - Description].&amp;[0236913 - Accrued FIT - DE Bridgeport]"/>
        <member name="[CB - Account].[Account CB - Description].&amp;[0236914 - Income Taxes Accrued]"/>
        <member name="[CB - Account].[Account CB - Description].&amp;[0236915 - Accr Ad Valorem Tax 2002]"/>
        <member name="[CB - Account].[Account CB - Description].&amp;[0236916 - Accr Ad Valorem Tax 2004]"/>
        <member name="[CB - Account].[Account CB - Description].&amp;[0236917 - Accr Ad Valorem Tax 2005]"/>
        <member name="[CB - Account].[Account CB - Description].&amp;[0236918 - Accr Ad Valorem Tax 2006]"/>
        <member name="[CB - Account].[Account CB - Description].&amp;[0236919 - NC Privilege Tax Payable]"/>
        <member name="[CB - Account].[Account CB - Description].&amp;[0236920 - GA Inc Tax Payable-Prior Yrs]"/>
        <member name="[CB - Account].[Account CB - Description].&amp;[0236921 - GA Inc Tax Pyble - Previous Yr]"/>
        <member name="[CB - Account].[Account CB - Description].&amp;[0236922 - Accr Ad Valorem Tax 2007]"/>
        <member name="[CB - Account].[Account CB - Description].&amp;[0236924 - CurrRec Gain Contingency Intl]"/>
        <member name="[CB - Account].[Account CB - Description].&amp;[0236925 - Current Tax Reclass Intl Cr]"/>
        <member name="[CB - Account].[Account CB - Description].&amp;[0236927 - LT Tax Reclass State Cr]"/>
        <member name="[CB - Account].[Account CB - Description].&amp;[0236928 - LT Tax Reclass Intl Cr]"/>
        <member name="[CB - Account].[Account CB - Description].&amp;[0236930 - GA Inc Tax Payable - Current]"/>
        <member name="[CB - Account].[Account CB - Description].&amp;[0236941 - NC Inc Tax Payble-Prev Yr]"/>
        <member name="[CB - Account].[Account CB - Description].&amp;[0236943 - State Inc Tax Pay-Prior Years]"/>
        <member name="[CB - Account].[Account CB - Description].&amp;[0236944 - Curr Rec Gain Contingency St]"/>
        <member name="[CB - Account].[Account CB - Description].&amp;[0236950 - NC Inc Tax Payable-Current]"/>
        <member name="[CB - Account].[Account CB - Description].&amp;[0236951 - Current Liability UTP: State]"/>
        <member name="[CB - Account].[Account CB - Description].&amp;[0236952 - Current Liability UTP St PGN]"/>
        <member name="[CB - Account].[Account CB - Description].&amp;[0236953 - LT Liability: State UTP]"/>
        <member name="[CB - Account].[Account CB - Description].&amp;[0236954 - LT Contra Liab GC: State]"/>
        <member name="[CB - Account].[Account CB - Description].&amp;[0236955 - Current Liability UTP: Intl]"/>
        <member name="[CB - Account].[Account CB - Description].&amp;[0236956 - Int'l Inc Tax Payabl-Prior Yrs]"/>
        <member name="[CB - Account].[Account CB - Description].&amp;[0236957 - LT Liability: Intl UTP]"/>
        <member name="[CB - Account].[Account CB - Description].&amp;[0236958 - LT Contra-Liab GC: Intl]"/>
        <member name="[CB - Account].[Account CB - Description].&amp;[0236959 - Int'l Inc Tax Payable-PY LT]"/>
        <member name="[CB - Account].[Account CB - Description].&amp;[0236960 - SC Inc Tax Payable-Prior Yr]"/>
        <member name="[CB - Account].[Account CB - Description].&amp;[0236961 - SC Inc Tax Payable - Prev Yr]"/>
        <member name="[CB - Account].[Account CB - Description].&amp;[0236962 - Current Liability UTP Fed PGN]"/>
        <member name="[CB - Account].[Account CB - Description].&amp;[0236970 - SC Inc Tax Payble - Current]"/>
        <member name="[CB - Account].[Account CB - Description].&amp;[0236982 - Fed Inc Payable - PY LT 04-05]"/>
        <member name="[CB - Account].[Account CB - Description].&amp;[0236983 - Fed Inc Tax Pay-Prior Years]"/>
        <member name="[CB - Account].[Account CB - Description].&amp;[0236984 - Curr Rec Gain Contingency Fed]"/>
        <member name="[CB - Account].[Account CB - Description].&amp;[0236985 - Fed Inc Payable-PY LT 06-07 yr]"/>
        <member name="[CB - Account].[Account CB - Description].&amp;[0236987 - FBOS for KTRA's]"/>
        <member name="[CB - Account].[Account CB - Description].&amp;[0236988 - LT Liability St UTP PGN]"/>
        <member name="[CB - Account].[Account CB - Description].&amp;[0236989 - LT Liability Fed UTP PGN]"/>
        <member name="[CB - Account].[Account CB - Description].&amp;[0236991 - Back-up Withholding Tax]"/>
        <member name="[CB - Account].[Account CB - Description].&amp;[0236992 - Current Liability UTP: Fed]"/>
        <member name="[CB - Account].[Account CB - Description].&amp;[0236994 - LT Liability Fed UTP 04-05 yrs]"/>
        <member name="[CB - Account].[Account CB - Description].&amp;[0236995 - LT Rec Gain Contingenc 4-5 yrs]"/>
        <member name="[CB - Account].[Account CB - Description].&amp;[0236996 - LT Liability Fed UTP 06-07 yr]"/>
        <member name="[CB - Account].[Account CB - Description].&amp;[0236997 - LT Receiv Gain Cont]"/>
        <member name="[CB - Account].[Account CB - Description].&amp;[0236998 - LT Receiv Gain Cont 06-07 yrs]"/>
        <member name="[CB - Account].[Account CB - Description].&amp;[0236999 - Accrued FIT - Disco Ops]"/>
        <member name="[CB - Account].[Account CB - Description].&amp;[0237000 - Accr Int-8% Due 2002]"/>
        <member name="[CB - Account].[Account CB - Description].&amp;[0237001 - Accr Int-Med Term Note-Tetco]"/>
        <member name="[CB - Account].[Account CB - Description].&amp;[0237002 - Accr Int-8.25% 2004]"/>
        <member name="[CB - Account].[Account CB - Description].&amp;[0237003 - Accr Int-9.13% Due 2003]"/>
        <member name="[CB - Account].[Account CB - Description].&amp;[0237004 - Accr Int-7 3/4% Port Fac Rev B]"/>
        <member name="[CB - Account].[Account CB - Description].&amp;[0237005 - Accr Int-8.625% Deb]"/>
        <member name="[CB - Account].[Account CB - Description].&amp;[0237006 - Accr Int-7.25%]"/>
        <member name="[CB - Account].[Account CB - Description].&amp;[0237007 - Accr Int-9.9%]"/>
        <member name="[CB - Account].[Account CB - Description].&amp;[0237008 - Accr Int-7.38%]"/>
        <member name="[CB - Account].[Account CB - Description].&amp;[0237009 - Accr Int-7%]"/>
        <member name="[CB - Account].[Account CB - Description].&amp;[0237010 - Accr Int-Cr Agree]"/>
        <member name="[CB - Account].[Account CB - Description].&amp;[0237011 - Int Payable - Notes]"/>
        <member name="[CB - Account].[Account CB - Description].&amp;[0237012 - Accrued Interest - Dfd]"/>
        <member name="[CB - Account].[Account CB - Description].&amp;[0237013 - Int Pay- 7.25% due 2004]"/>
        <member name="[CB - Account].[Account CB - Description].&amp;[0237014 - Int Pay- 7.50% due 2009]"/>
        <member name="[CB - Account].[Account CB - Description].&amp;[0237015 - Int Pay- 8.00% due 2019]"/>
        <member name="[CB - Account].[Account CB - Description].&amp;[0237016 - Accrued Interest On Swaps]"/>
        <member name="[CB - Account].[Account CB - Description].&amp;[0237017 - Accr Int-$115Mm (144A)]"/>
        <member name="[CB - Account].[Account CB - Description].&amp;[0237018 - MASS MUTUAL INT PAY 12/28/84]"/>
        <member name="[CB - Account].[Account CB - Description].&amp;[0237019 - MASS MUTUAL INT PAY 1/1/86]"/>
        <member name="[CB - Account].[Account CB - Description].&amp;[0237020 - MASS MUTUAL INT PAY 1/1/84]"/>
        <member name="[CB - Account].[Account CB - Description].&amp;[0237021 - MASS MUTUAL INT PAY 12/15/84]"/>
        <member name="[CB - Account].[Account CB - Description].&amp;[0237022 - MASS MUTUAL INT PAY 9/1/85PE]"/>
        <member name="[CB - Account].[Account CB - Description].&amp;[0237023 - MASS MUTAL INT PAY 6/1/86]"/>
        <member name="[CB - Account].[Account CB - Description].&amp;[0237024 - MASS MUTUAL INT PAY 9/1/85TE]"/>
        <member name="[CB - Account].[Account CB - Description].&amp;[0237025 - TE HARTFORD INT PAY 5/31/88]"/>
        <member name="[CB - Account].[Account CB - Description].&amp;[0237026 - PE HARTFORD INT PAY 8/31/88]"/>
        <member name="[CB - Account].[Account CB - Description].&amp;[0237027 - MANU LIFE INT PAY 12/1/85]"/>
        <member name="[CB - Account].[Account CB - Description].&amp;[0237028 - Interest Accr-NPL to Duke]"/>
        <member name="[CB - Account].[Account CB - Description].&amp;[0237029 - Interest Accr-NPL S/T to Duke]"/>
        <member name="[CB - Account].[Account CB - Description].&amp;[0237030 - Accr Int-7.30% 2 Due 2010]"/>
        <member name="[CB - Account].[Account CB - Description].&amp;[0237031 - Accr Int - Convert Debt]"/>
        <member name="[CB - Account].[Account CB - Description].&amp;[0237032 - AccIntPay-CashSweepsDukeCogema]"/>
        <member name="[CB - Account].[Account CB - Description].&amp;[0237033 - Int Pay-Sr Bonds-2013 &amp; 2032]"/>
        <member name="[CB - Account].[Account CB - Description].&amp;[0237034 - Accr Int-5.69% 2012]"/>
        <member name="[CB - Account].[Account CB - Description].&amp;[0237035 - Accr Int-5.71% 2012]"/>
        <member name="[CB - Account].[Account CB - Description].&amp;[0237036 - Accr Int-5.25% due 2007]"/>
        <member name="[CB - Account].[Account CB - Description].&amp;[0237037 - Accr Int-8.25% due 2005]"/>
        <member name="[CB - Account].[Account CB - Description].&amp;[0237038 - LT Liability Interest accrued]"/>
        <member name="[CB - Account].[Account CB - Description].&amp;[0237039 - Cur Int Accrued - Tax]"/>
        <member name="[CB - Account].[Account CB - Description].&amp;[0237040 - INS AND HEALTH CARE PAYABLES]"/>
        <member name="[CB - Account].[Account CB - Description].&amp;[0237041 - FERC Interconnect Interest LT]"/>
        <member name="[CB - Account].[Account CB - Description].&amp;[0237042 - FERC Interconnect Interest ST]"/>
        <member name="[CB - Account].[Account CB - Description].&amp;[0237115 - CLHFS INT ACCRUED]"/>
        <member name="[CB - Account].[Account CB - Description].&amp;[0237120 - Interest Accrued-A/R Financing]"/>
        <member name="[CB - Account].[Account CB - Description].&amp;[0237150 - Accrued Int on Inc Taxes]"/>
        <member name="[CB - Account].[Account CB - Description].&amp;[0237170 - Int Pay Tax Return Adj.]"/>
        <member name="[CB - Account].[Account CB - Description].&amp;[0237180 - Int Payable York Co PC Bonds]"/>
        <member name="[CB - Account].[Account CB - Description].&amp;[0237190 - Inactive]"/>
        <member name="[CB - Account].[Account CB - Description].&amp;[0237200 - Cur Liability Interest accrued]"/>
        <member name="[CB - Account].[Account CB - Description].&amp;[0237210 - Int Payable Quips, ST Notes]"/>
        <member name="[CB - Account].[Account CB - Description].&amp;[0237220 - Int Accrued On Nc Cust Deposit]"/>
        <member name="[CB - Account].[Account CB - Description].&amp;[0237222 - Int Accr Cust Dep FLA]"/>
        <member name="[CB - Account].[Account CB - Description].&amp;[0237230 - Int Pd Curr Yr On Nc Cust Dep]"/>
        <member name="[CB - Account].[Account CB - Description].&amp;[0237231 - Accr Int 5.56% due 2015]"/>
        <member name="[CB - Account].[Account CB - Description].&amp;[0237232 - Accr Int 6.19% due 2025]"/>
        <member name="[CB - Account].[Account CB - Description].&amp;[0237240 - Int Accrued On Sc Cust Dep]"/>
        <member name="[CB - Account].[Account CB - Description].&amp;[0237250 - Int Pd Curr Yr On Sc Cust Dep]"/>
        <member name="[CB - Account].[Account CB - Description].&amp;[0237260 - Inactive]"/>
        <member name="[CB - Account].[Account CB - Description].&amp;[0237270 - Int. Payable TruPS]"/>
        <member name="[CB - Account].[Account CB - Description].&amp;[0237300 - Inactive]"/>
        <member name="[CB - Account].[Account CB - Description].&amp;[0237310 - Inactive]"/>
        <member name="[CB - Account].[Account CB - Description].&amp;[0237320 - Inactive]"/>
        <member name="[CB - Account].[Account CB - Description].&amp;[0237410 - Inactive]"/>
        <member name="[CB - Account].[Account CB - Description].&amp;[0237411 - Accrued Int w/Duke Capital]"/>
        <member name="[CB - Account].[Account CB - Description].&amp;[0237415 - Accrued Interest w/DE Serv Inc]"/>
        <member name="[CB - Account].[Account CB - Description].&amp;[0237416 - Fbne - De&amp;S]"/>
        <member name="[CB - Account].[Account CB - Description].&amp;[0237417 - Fbne - Ds]"/>
        <member name="[CB - Account].[Account CB - Description].&amp;[0237418 - Other Current Liab]"/>
        <member name="[CB - Account].[Account CB - Description].&amp;[0237419 - Curr UTP Interest Accrued]"/>
        <member name="[CB - Account].[Account CB - Description].&amp;[0237420 - Deferred Liability- Acq]"/>
        <member name="[CB - Account].[Account CB - Description].&amp;[0237421 - Accrued Interest Related Pty]"/>
        <member name="[CB - Account].[Account CB - Description].&amp;[0237422 - Interest Accrued-Affiliates]"/>
        <member name="[CB - Account].[Account CB - Description].&amp;[0237423 - Accrued Interest w/20018]"/>
        <member name="[CB - Account].[Account CB - Description].&amp;[0237424 - ACCRUED INTEREST-DCC LUX]"/>
        <member name="[CB - Account].[Account CB - Description].&amp;[0237425 - VIE - Non-recourse Interest Ac]"/>
        <member name="[CB - Account].[Account CB - Description].&amp;[0237510 - Bonds Interest Payable]"/>
        <member name="[CB - Account].[Account CB - Description].&amp;[0238000 - Dividends Declared]"/>
        <member name="[CB - Account].[Account CB - Description].&amp;[0238001 - Prov - Contr Adju-Equity Units]"/>
        <member name="[CB - Account].[Account CB - Description].&amp;[0238002 - Provis-Contr Adj-EU-Series C]"/>
        <member name="[CB - Account].[Account CB - Description].&amp;[0238003 - Provis-Contr Adj-EU-Series B]"/>
        <member name="[CB - Account].[Account CB - Description].&amp;[0238004 - Provis-Contr Adj-EU-Series A]"/>
        <member name="[CB - Account].[Account CB - Description].&amp;[0238005 - Div.Pay. GPB-Int-Corp-Sub Note]"/>
        <member name="[CB - Account].[Account CB - Description].&amp;[0241000 - GST Payable]"/>
        <member name="[CB - Account].[Account CB - Description].&amp;[0241001 - TAX COLLECTIONS STOCK OPTIONS]"/>
        <member name="[CB - Account].[Account CB - Description].&amp;[0241002 - Aliens Fit Whwld Royalty]"/>
        <member name="[CB - Account].[Account CB - Description].&amp;[0241004 - Backup Wheld Dividends]"/>
        <member name="[CB - Account].[Account CB - Description].&amp;[0241005 - 1099 Backup Withholding]"/>
        <member name="[CB - Account].[Account CB - Description].&amp;[0241007 - Tax Coll Pay-Severance Tx]"/>
        <member name="[CB - Account].[Account CB - Description].&amp;[0241008 - Tax Coll Pay-Sales Tax]"/>
        <member name="[CB - Account].[Account CB - Description].&amp;[0241009 - Tax Coll Pay-St Dis With]"/>
        <member name="[CB - Account].[Account CB - Description].&amp;[0241012 - Occupational Tax Wheld]"/>
        <member name="[CB - Account].[Account CB - Description].&amp;[0241018 - Hypothetical Tax Wheld]"/>
        <member name="[CB - Account].[Account CB - Description].&amp;[0241120 - SC State Incm Tax WH-Employee]"/>
        <member name="[CB - Account].[Account CB - Description].&amp;[0241130 - 12/95]"/>
        <member name="[CB - Account].[Account CB - Description].&amp;[0241140 - 12/95]"/>
        <member name="[CB - Account].[Account CB - Description].&amp;[0241142 - ST SALES TAX SERV-REV 7%]"/>
        <member name="[CB - Account].[Account CB - Description].&amp;[0241170 - SC salestx-cust refunds]"/>
        <member name="[CB - Account].[Account CB - Description].&amp;[0241180 - Fed Income Tax With-Ssp]"/>
        <member name="[CB - Account].[Account CB - Description].&amp;[0241190 - Georgia State Inc Tax Withheld]"/>
        <member name="[CB - Account].[Account CB - Description].&amp;[0241200 - 5/22/96]"/>
        <member name="[CB - Account].[Account CB - Description].&amp;[0241210 - Inactive]"/>
        <member name="[CB - Account].[Account CB - Description].&amp;[0241220 - Kentucky IncomeTax WH-Employee]"/>
        <member name="[CB - Account].[Account CB - Description].&amp;[0241330 - Sc Tax Withld-Non-Res Contract]"/>
        <member name="[CB - Account].[Account CB - Description].&amp;[0241340 - Foreign Municipal Tax]"/>
        <member name="[CB - Account].[Account CB - Description].&amp;[0241341 - Accrued Property Tax]"/>
        <member name="[CB - Account].[Account CB - Description].&amp;[0241343 - Disability Taxes]"/>
        <member name="[CB - Account].[Account CB - Description].&amp;[0241344 - Federal Unemployment Taxes]"/>
        <member name="[CB - Account].[Account CB - Description].&amp;[0241345 - State Unemployment Taxes]"/>
        <member name="[CB - Account].[Account CB - Description].&amp;[0241346 - Federal Tax Withholding]"/>
        <member name="[CB - Account].[Account CB - Description].&amp;[0241347 - State Tax Withholding]"/>
        <member name="[CB - Account].[Account CB - Description].&amp;[0241349 - FOREIGN TAX WITHHOLDING]"/>
        <member name="[CB - Account].[Account CB - Description].&amp;[0241350 - PNG SC FRAN FEE]"/>
        <member name="[CB - Account].[Account CB - Description].&amp;[0241400 - Other Taxes Payable]"/>
        <member name="[CB - Account].[Account CB - Description].&amp;[0241404 - Tax-Gross Receipts]"/>
        <member name="[CB - Account].[Account CB - Description].&amp;[0241405 - Tax-Energy Surcharge]"/>
        <member name="[CB - Account].[Account CB - Description].&amp;[0241406 - Tax-Utility user Tax]"/>
        <member name="[CB - Account].[Account CB - Description].&amp;[0241500 - VAT PAYABLE]"/>
        <member name="[CB - Account].[Account CB - Description].&amp;[0241800 - UTILITY TAX-COUNTY]"/>
        <member name="[CB - Account].[Account CB - Description].&amp;[0241900 - TX COL PAY-FL MUNI UTILITY TAX]"/>
        <member name="[CB - Account].[Account CB - Description].&amp;[0241980 - FOREIGN WITHHOLDING TAX]"/>
        <member name="[CB - Account].[Account CB - Description].&amp;[0241990 - GRT Payable Additional  2.6%]"/>
        <member name="[CB - Account].[Account CB - Description].&amp;[0242000 - Short Term - LTIP/RS/Retention]"/>
        <member name="[CB - Account].[Account CB - Description].&amp;[0242001 - Mark to Mark Reserves]"/>
        <member name="[CB - Account].[Account CB - Description].&amp;[0242002 - Imbalance Payable-Exchange]"/>
        <member name="[CB - Account].[Account CB - Description].&amp;[0242003 - Imbalance Payable-OBA]"/>
        <member name="[CB - Account].[Account CB - Description].&amp;[0242004 - Imbalance Payable-Park/Lend]"/>
        <member name="[CB - Account].[Account CB - Description].&amp;[0242005 - Imbalance Payable-TFO]"/>
        <member name="[CB - Account].[Account CB - Description].&amp;[0242006 - Imbalance Payable-Related Part]"/>
        <member name="[CB - Account].[Account CB - Description].&amp;[0242007 - Storage Imbalance Receivd]"/>
        <member name="[CB - Account].[Account CB - Description].&amp;[0242008 - Scheduling Penalty Refund]"/>
        <member name="[CB - Account].[Account CB - Description].&amp;[0242009 - OFO Penalty Refund]"/>
        <member name="[CB - Account].[Account CB - Description].&amp;[0242010 - Unclaim &amp; Uncashed Checks]"/>
        <member name="[CB - Account].[Account CB - Description].&amp;[0242011 - Acru Lib-American Express]"/>
        <member name="[CB - Account].[Account CB - Description].&amp;[0242012 - Oth Misc-Rev Billing]"/>
        <member name="[CB - Account].[Account CB - Description].&amp;[0242013 - Oth Accrued Liability-Tax]"/>
        <member name="[CB - Account].[Account CB - Description].&amp;[0242014 - Accru Liab-Mentor Mgt]"/>
        <member name="[CB - Account].[Account CB - Description].&amp;[0242015 - Unrealized Loss Mkt-Mkt Off Sy]"/>
        <member name="[CB - Account].[Account CB - Description].&amp;[0242016 - MiscPay-CashSweepsDukeCogema]"/>
        <member name="[CB - Account].[Account CB - Description].&amp;[0242017 - Mark to Market Reserves]"/>
        <member name="[CB - Account].[Account CB - Description].&amp;[0242018 - Tracker Account]"/>
        <member name="[CB - Account].[Account CB - Description].&amp;[0242019 - Misc Cr- Gas Accounting]"/>
        <member name="[CB - Account].[Account CB - Description].&amp;[0242020 - CY IT REVENUE DEFERRALS LIAB]"/>
        <member name="[CB - Account].[Account CB - Description].&amp;[0242021 - PY IT REVENUE DEFERRALS LIAB]"/>
        <member name="[CB - Account].[Account CB - Description].&amp;[0242022 - CY PROPTAX DEFERRALS LAIB]"/>
        <member name="[CB - Account].[Account CB - Description].&amp;[0242023 - PY PROPTQAX DEFERRALS LIAB]"/>
        <member name="[CB - Account].[Account CB - Description].&amp;[0242024 - CY INCOME TAX DEFERRALS LIAB]"/>
        <member name="[CB - Account].[Account CB - Description].&amp;[0242025 - PY INCOME TAX DEFERRALS LIAB]"/>
        <member name="[CB - Account].[Account CB - Description].&amp;[0242026 - CY INTEREST DEFERRALS LIAB]"/>
        <member name="[CB - Account].[Account CB - Description].&amp;[0242027 - PY INTEREST DEFERRALS LIAB]"/>
        <member name="[CB - Account].[Account CB - Description].&amp;[0242028 - CY OTHER DEFERRALS LIAB]"/>
        <member name="[CB - Account].[Account CB - Description].&amp;[0242029 - PY OTHER DEFERRALS LIAB]"/>
        <member name="[CB - Account].[Account CB - Description].&amp;[0242030 - Loss Reserves-current]"/>
        <member name="[CB - Account].[Account CB - Description].&amp;[0242031 - Curr UTP Penalty Accrued]"/>
        <member name="[CB - Account].[Account CB - Description].&amp;[0242032 - Claims Reserve Med Den]"/>
        <member name="[CB - Account].[Account CB - Description].&amp;[0242034 - PA 253 Billing Net Pay-F2G]"/>
        <member name="[CB - Account].[Account CB - Description].&amp;[0242035 - Unearned premiums]"/>
        <member name="[CB - Account].[Account CB - Description].&amp;[0242036 - DERIVATIVE COLLATERAL PAYABLE]"/>
        <member name="[CB - Account].[Account CB - Description].&amp;[0242037 - BOOK OVERDRAFTS]"/>
        <member name="[CB - Account].[Account CB - Description].&amp;[0242038 - Accured Workers Comp (Coal)]"/>
        <member name="[CB - Account].[Account CB - Description].&amp;[0242039 - Accrued Legal]"/>
        <member name="[CB - Account].[Account CB - Description].&amp;[0242040 - DEO Veg Mgmt Rider Defered Rev]"/>
        <member name="[CB - Account].[Account CB - Description].&amp;[0242041 - SC Bulk Utility Payments]"/>
        <member name="[CB - Account].[Account CB - Description].&amp;[0242050 - Other Curr Liability Rel Pty]"/>
        <member name="[CB - Account].[Account CB - Description].&amp;[0242051 - FERC Interconnect Deposits LT]"/>
        <member name="[CB - Account].[Account CB - Description].&amp;[0242052 - FERC Interconnect Deposits ST]"/>
        <member name="[CB - Account].[Account CB - Description].&amp;[0242053 - FERC Interconnect Penalty ST]"/>
        <member name="[CB - Account].[Account CB - Description].&amp;[0242054 - State Interconnect Deposits LT]"/>
        <member name="[CB - Account].[Account CB - Description].&amp;[0242055 - State Interconnect Deposits ST]"/>
        <member name="[CB - Account].[Account CB - Description].&amp;[0242056 - State Interconnec Penalties ST]"/>
        <member name="[CB - Account].[Account CB - Description].&amp;[0242100 - I/C COLLATERAL LIABILITIES]"/>
        <member name="[CB - Account].[Account CB - Description].&amp;[0242115 - CLHFS OTHER]"/>
        <member name="[CB - Account].[Account CB - Description].&amp;[0242120 - SCHM Admitted Liab-Injury&amp;Dam]"/>
        <member name="[CB - Account].[Account CB - Description].&amp;[0242121 - Acc Reg Comm Fees-Maint]"/>
        <member name="[CB - Account].[Account CB - Description].&amp;[0242122 - Acc Reg Comm Fees-Counsel]"/>
        <member name="[CB - Account].[Account CB - Description].&amp;[0242123 - Acc Reg Comm Fees-Div of Frcst]"/>
        <member name="[CB - Account].[Account CB - Description].&amp;[0242130 - Prepaid Ext FACL-Lighting]"/>
        <member name="[CB - Account].[Account CB - Description].&amp;[0242140 - IC MTM CURRENT LIABILITES]"/>
        <member name="[CB - Account].[Account CB - Description].&amp;[0242141 - SCHM 3rd Pty Deriv Liab-Curr]"/>
        <member name="[CB - Account].[Account CB - Description].&amp;[0242142 - Written Options Current]"/>
        <member name="[CB - Account].[Account CB - Description].&amp;[0242144 - ST FAS Contra - Liability]"/>
        <member name="[CB - Account].[Account CB - Description].&amp;[0242150 - Deferred Rev Payable for Rider]"/>
        <member name="[CB - Account].[Account CB - Description].&amp;[0242153 - Performance Securities]"/>
        <member name="[CB - Account].[Account CB - Description].&amp;[0242160 - Current Liabilities of VIEs]"/>
        <member name="[CB - Account].[Account CB - Description].&amp;[0242176 - Interco Curr Operating Lease O]"/>
        <member name="[CB - Account].[Account CB - Description].&amp;[0242185 - ST Oper Lse Obligation Red Hat]"/>
        <member name="[CB - Account].[Account CB - Description].&amp;[0242200 - Misc C&amp;A Liab Incentives]"/>
        <member name="[CB - Account].[Account CB - Description].&amp;[0242216 - Payrll ST Retention/Spcl Rsrvs]"/>
        <member name="[CB - Account].[Account CB - Description].&amp;[0242220 - Legal Employee Deductions]"/>
        <member name="[CB - Account].[Account CB - Description].&amp;[0242221 - Current Year BPM Sharing]"/>
        <member name="[CB - Account].[Account CB - Description].&amp;[0242222 - Prior Year BPM Sharing]"/>
        <member name="[CB - Account].[Account CB - Description].&amp;[0242223 - BPM Sharing 2Yrs Prior]"/>
        <member name="[CB - Account].[Account CB - Description].&amp;[0242230 - Natural Gas Fuel]"/>
        <member name="[CB - Account].[Account CB - Description].&amp;[0242260 - High Efficiency Hp Incentive]"/>
        <member name="[CB - Account].[Account CB - Description].&amp;[0242300 - Palmetto Clean Energy Payable]"/>
        <member name="[CB - Account].[Account CB - Description].&amp;[0242320 - Transmission Open Acc-Deposits]"/>
        <member name="[CB - Account].[Account CB - Description].&amp;[0242321 - Affected System Studies]"/>
        <member name="[CB - Account].[Account CB - Description].&amp;[0242330 - Carbon Offset Program - NC]"/>
        <member name="[CB - Account].[Account CB - Description].&amp;[0242340 - Carbon Offset Program - SC]"/>
        <member name="[CB - Account].[Account CB - Description].&amp;[0242350 - Other Products &amp; Svc.-Unearned]"/>
        <member name="[CB - Account].[Account CB - Description].&amp;[0242360 - Inactive]"/>
        <member name="[CB - Account].[Account CB - Description].&amp;[0242370 - Inactive]"/>
        <member name="[CB - Account].[Account CB - Description].&amp;[0242380 - Inactive]"/>
        <member name="[CB - Account].[Account CB - Description].&amp;[0242390 - CURR&amp;ACCR LIAB-FPC LTD]"/>
        <member name="[CB - Account].[Account CB - Description].&amp;[0242391 - A/P COAL &amp; OIL COMMITMENTS]"/>
        <member name="[CB - Account].[Account CB - Description].&amp;[0242392 - Bargaining Unit Dental Reserve]"/>
        <member name="[CB - Account].[Account CB - Description].&amp;[0242393 - Misc C&amp;A Liab Def Vacation]"/>
        <member name="[CB - Account].[Account CB - Description].&amp;[0242394 - CTA S/T CHARITABLE CONTR LIAB]"/>
        <member name="[CB - Account].[Account CB - Description].&amp;[0242395 - CUR&amp;ACCR LIAB MED/DTL INS ACT]"/>
        <member name="[CB - Account].[Account CB - Description].&amp;[0242396 - CURR&amp;ACCR LIAB-WORKERS COMP]"/>
        <member name="[CB - Account].[Account CB - Description].&amp;[0242397 - IRU INDEMNIFICATION -ST]"/>
        <member name="[CB - Account].[Account CB - Description].&amp;[0242398 - CURR&amp;ACCR LIAB MISC]"/>
        <member name="[CB - Account].[Account CB - Description].&amp;[0242400 - Collections For United Way]"/>
        <member name="[CB - Account].[Account CB - Description].&amp;[0242401 - Long Term Incentive]"/>
        <member name="[CB - Account].[Account CB - Description].&amp;[0242403 - DEF INT REV]"/>
        <member name="[CB - Account].[Account CB - Description].&amp;[0242405 - Prov-Cum Int Pref Stk]"/>
        <member name="[CB - Account].[Account CB - Description].&amp;[0242410 - Prov-Cum Div Pref &amp; Pref St]"/>
        <member name="[CB - Account].[Account CB - Description].&amp;[0242411 - Short Term Incentive]"/>
        <member name="[CB - Account].[Account CB - Description].&amp;[0242420 - COLLECTIONS-UNION DUES &amp; FEES]"/>
        <member name="[CB - Account].[Account CB - Description].&amp;[0242430 - Power Agency Work Cap Fund]"/>
        <member name="[CB - Account].[Account CB - Description].&amp;[0242440 - Cash Coll &amp; Contrib To Trustee]"/>
        <member name="[CB - Account].[Account CB - Description].&amp;[0242450 - Collections From Payroll-Misc]"/>
        <member name="[CB - Account].[Account CB - Description].&amp;[0242451 - COLLECTIONS-LAUNDRY/UNIFORMS]"/>
        <member name="[CB - Account].[Account CB - Description].&amp;[0242461 - Prior Year Incentive Accrual]"/>
        <member name="[CB - Account].[Account CB - Description].&amp;[0242470 - NC Alternative Energy Payable]"/>
        <member name="[CB - Account].[Account CB - Description].&amp;[0242480 - Dividend Reinvestment-Cash Pmt]"/>
        <member name="[CB - Account].[Account CB - Description].&amp;[0242481 - Div Reinvest Pending Payable]"/>
        <member name="[CB - Account].[Account CB - Description].&amp;[0242500 - Intercompany Imbalance - Pay]"/>
        <member name="[CB - Account].[Account CB - Description].&amp;[0242510 - Escheats Officer, Dpt Treas-Nc]"/>
        <member name="[CB - Account].[Account CB - Description].&amp;[0242520 - Sc Tx Comm, Abandoned Prop Rpt]"/>
        <member name="[CB - Account].[Account CB - Description].&amp;[0242530 - ISO/DETM Keepwhole fm DENA AP]"/>
        <member name="[CB - Account].[Account CB - Description].&amp;[0242550 - ST LIAB-PHYS FIRM COMMIT]"/>
        <member name="[CB - Account].[Account CB - Description].&amp;[0242610 - Medical Insurance Plan]"/>
        <member name="[CB - Account].[Account CB - Description].&amp;[0242620 - Dental Insurance Plan]"/>
        <member name="[CB - Account].[Account CB - Description].&amp;[0242630 - SCHM Accurred Eps Credits]"/>
        <member name="[CB - Account].[Account CB - Description].&amp;[0242640 - Emp Retire(FAS87)-Admin Fees]"/>
        <member name="[CB - Account].[Account CB - Description].&amp;[0242645 - Old Duke Emp Retire (FAS87)]"/>
        <member name="[CB - Account].[Account CB - Description].&amp;[0242649 - Injuries and Damages-Current]"/>
        <member name="[CB - Account].[Account CB - Description].&amp;[0242651 - CWIP Accrual]"/>
        <member name="[CB - Account].[Account CB - Description].&amp;[0242652 - Property &amp; Liab Ins Accrual]"/>
        <member name="[CB - Account].[Account CB - Description].&amp;[0242653 - Audit Fee Accrual]"/>
        <member name="[CB - Account].[Account CB - Description].&amp;[0242654 - Franchise Tax Accrual]"/>
        <member name="[CB - Account].[Account CB - Description].&amp;[0242655 - FX G/L for Other Cur Liab]"/>
        <member name="[CB - Account].[Account CB - Description].&amp;[0242656 - Litigation Reserve - ST]"/>
        <member name="[CB - Account].[Account CB - Description].&amp;[0242657 - Litigation Reserve - Accrued]"/>
        <member name="[CB - Account].[Account CB - Description].&amp;[0242658 - Environmental Reserve - ST]"/>
        <member name="[CB - Account].[Account CB - Description].&amp;[0242659 - Severence Payable]"/>
        <member name="[CB - Account].[Account CB - Description].&amp;[0242660 - Collection-Contr Stk Pur 401-K]"/>
        <member name="[CB - Account].[Account CB - Description].&amp;[0242661 - RSP Loans Payable]"/>
        <member name="[CB - Account].[Account CB - Description].&amp;[0242662 - RSP Lns Pay Bridgeport]"/>
        <member name="[CB - Account].[Account CB - Description].&amp;[0242670 - Gift Certificate Program]"/>
        <member name="[CB - Account].[Account CB - Description].&amp;[0242675 - Current Deferred Rev - OL]"/>
        <member name="[CB - Account].[Account CB - Description].&amp;[0242680 - SCHM Accr Executive Stk Apprec]"/>
        <member name="[CB - Account].[Account CB - Description].&amp;[0242690 - Executive Incentive Accrual]"/>
        <member name="[CB - Account].[Account CB - Description].&amp;[0242697 - NQ Pension Current PNG]"/>
        <member name="[CB - Account].[Account CB - Description].&amp;[0242700 - Promissory Notes - Cur]"/>
        <member name="[CB - Account].[Account CB - Description].&amp;[0242710 - 8.95% Grnsboro Transit Due2027]"/>
        <member name="[CB - Account].[Account CB - Description].&amp;[0242720 - Unearned Interest Income]"/>
        <member name="[CB - Account].[Account CB - Description].&amp;[0242730 - Electric Center Mortgage-Curr]"/>
        <member name="[CB - Account].[Account CB - Description].&amp;[0242797 - NQ Pension Current FPC SERP/ND]"/>
        <member name="[CB - Account].[Account CB - Description].&amp;[0242800 - L-T Debt - Current Portion]"/>
        <member name="[CB - Account].[Account CB - Description].&amp;[0242801 - Accrued Commissions]"/>
        <member name="[CB - Account].[Account CB - Description].&amp;[0242802 - Accrued Incentive]"/>
        <member name="[CB - Account].[Account CB - Description].&amp;[0242803 - Deferred Rent]"/>
        <member name="[CB - Account].[Account CB - Description].&amp;[0242804 - 401K Withholdings]"/>
        <member name="[CB - Account].[Account CB - Description].&amp;[0242805 - Alimony Withholding]"/>
        <member name="[CB - Account].[Account CB - Description].&amp;[0242806 - FICA Employee W/H]"/>
        <member name="[CB - Account].[Account CB - Description].&amp;[0242807 - FICA Employer W/H]"/>
        <member name="[CB - Account].[Account CB - Description].&amp;[0242808 - Security Deposits-Tenant]"/>
        <member name="[CB - Account].[Account CB - Description].&amp;[0242809 - Garnishment Payable]"/>
        <member name="[CB - Account].[Account CB - Description].&amp;[0242810 - Accrued Bonuses]"/>
        <member name="[CB - Account].[Account CB - Description].&amp;[0242811 - Oth Payroll Deductions Payable]"/>
        <member name="[CB - Account].[Account CB - Description].&amp;[0242812 - PP&amp;E HOLDING ACCOUNT]"/>
        <member name="[CB - Account].[Account CB - Description].&amp;[0242815 - Avoided prem surcharge pay-LT]"/>
        <member name="[CB - Account].[Account CB - Description].&amp;[0242816 - Accrued Rent - amort PNG lease]"/>
        <member name="[CB - Account].[Account CB - Description].&amp;[0242879 - Def Rev Pay - TDSIC2]"/>
        <member name="[CB - Account].[Account CB - Description].&amp;[0242880 - DEFERRED REVENUES PAYABLE EMIS]"/>
        <member name="[CB - Account].[Account CB - Description].&amp;[0242881 - Def Rev Pay - Markland]"/>
        <member name="[CB - Account].[Account CB - Description].&amp;[0242882 - Def Rev Pay - Unbilled Fuel]"/>
        <member name="[CB - Account].[Account CB - Description].&amp;[0242883 - Def Rev Pay - Crane]"/>
        <member name="[CB - Account].[Account CB - Description].&amp;[0242884 - Def Rev Pay - MISO Unbilled]"/>
        <member name="[CB - Account].[Account CB - Description].&amp;[0242885 - Def Rev Pay- Unbilled EA]"/>
        <member name="[CB - Account].[Account CB - Description].&amp;[0242886 - Deferred IGCC Revenue Payable]"/>
        <member name="[CB - Account].[Account CB - Description].&amp;[0242887 - Def Rev Pay - TDSIC]"/>
        <member name="[CB - Account].[Account CB - Description].&amp;[0242888 - Def Rev Pay - Fed Mandate]"/>
        <member name="[CB - Account].[Account CB - Description].&amp;[0242889 - Def Rev Pay - CCR]"/>
        <member name="[CB - Account].[Account CB - Description].&amp;[0242894 - Wholesale - MISO Deferred Pay]"/>
        <member name="[CB - Account].[Account CB - Description].&amp;[0242896 - Deferred ECR Rider 62]"/>
        <member name="[CB - Account].[Account CB - Description].&amp;[0242899 - FAS 112 current liability]"/>
        <member name="[CB - Account].[Account CB - Description].&amp;[0242900 - SCHM Deferred Purchase Pwr-NPL]"/>
        <member name="[CB - Account].[Account CB - Description].&amp;[0242910 - Withheld-Savings Bonds]"/>
        <member name="[CB - Account].[Account CB - Description].&amp;[0242920 - Accrued Wages - NPL]"/>
        <member name="[CB - Account].[Account CB - Description].&amp;[0242930 - Vacation Carryover - Internati]"/>
        <member name="[CB - Account].[Account CB - Description].&amp;[0242940 - Accrued Vac Salary - NPL]"/>
        <member name="[CB - Account].[Account CB - Description].&amp;[0242950 - Accrued Vac Hourly Curr- NPL]"/>
        <member name="[CB - Account].[Account CB - Description].&amp;[0242960 - Accrued Vac Hourly Next - NPL]"/>
        <member name="[CB - Account].[Account CB - Description].&amp;[0242970 - Group Insurance - NPL]"/>
        <member name="[CB - Account].[Account CB - Description].&amp;[0242971 - Accum Provision - ST]"/>
        <member name="[CB - Account].[Account CB - Description].&amp;[0242975 - Reg Liability arising from MTM]"/>
        <member name="[CB - Account].[Account CB - Description].&amp;[0242980 - Currnt Liability Hldg Acct NPL]"/>
        <member name="[CB - Account].[Account CB - Description].&amp;[0242982 - Def Rev Pay - Cr Rider 67]"/>
        <member name="[CB - Account].[Account CB - Description].&amp;[0242984 - Other Curr Liability (TR)]"/>
        <member name="[CB - Account].[Account CB - Description].&amp;[0242985 - Def Rev Payable - Other]"/>
        <member name="[CB - Account].[Account CB - Description].&amp;[0242986 - Reg Liab NC Rate Remand-Curren]"/>
        <member name="[CB - Account].[Account CB - Description].&amp;[0242987 - Reg Liab SC DSM-Current]"/>
        <member name="[CB - Account].[Account CB - Description].&amp;[0242988 - Reg Liability Current]"/>
        <member name="[CB - Account].[Account CB - Description].&amp;[0242989 - Misc Current Liabilities]"/>
        <member name="[CB - Account].[Account CB - Description].&amp;[0242990 - Incentive Pay - NPL]"/>
        <member name="[CB - Account].[Account CB - Description].&amp;[0242991 - Unearned Rev - Ppd Electricity]"/>
        <member name="[CB - Account].[Account CB - Description].&amp;[0242992 - Deferred Option Premiums]"/>
        <member name="[CB - Account].[Account CB - Description].&amp;[0242993 - IC Prepaid Insurance Liab]"/>
        <member name="[CB - Account].[Account CB - Description].&amp;[0242994 - Loss Reserves current-affiliat]"/>
        <member name="[CB - Account].[Account CB - Description].&amp;[0242995 - Unearned commission income-aff]"/>
        <member name="[CB - Account].[Account CB - Description].&amp;[0242996 - I/C OTHER CUR. LIABILITIES]"/>
        <member name="[CB - Account].[Account CB - Description].&amp;[0242997 - NQ Pension Current SSERP]"/>
        <member name="[CB - Account].[Account CB - Description].&amp;[0243000 - SCHM Oblig Under Cap Lease-Cur]"/>
        <member name="[CB - Account].[Account CB - Description].&amp;[0243050 - Current Capital Lease-Meters]"/>
        <member name="[CB - Account].[Account CB - Description].&amp;[0243100 - SCHM Oblig Park Deck Lse Curr]"/>
        <member name="[CB - Account].[Account CB - Description].&amp;[0243103 - Current Cap Lease Oblig - Tax]"/>
        <member name="[CB - Account].[Account CB - Description].&amp;[0243105 - Curr Portion of Cap Lease Obl]"/>
        <member name="[CB - Account].[Account CB - Description].&amp;[0243106 - Cap Lease Current SPHQ]"/>
        <member name="[CB - Account].[Account CB - Description].&amp;[0243107 - Cap Lease Current SH]"/>
        <member name="[CB - Account].[Account CB - Description].&amp;[0243152 - IC Lease-Curr Cap(Act Op) Obl]"/>
        <member name="[CB - Account].[Account CB - Description].&amp;[0243211 - ST Cap Lease Obl - ORB Def Tax]"/>
        <member name="[CB - Account].[Account CB - Description].&amp;[0243350 - IC Lease-Curr Cap Lease Oblig]"/>
        <member name="[CB - Account].[Account CB - Description].&amp;[0243360 - Curr Cap Lease Oblig-Tax IC]"/>
        <member name="[CB - Account].[Account CB - Description].&amp;[0244000 - Inactive]"/>
        <member name="[CB - Account].[Account CB - Description].&amp;[0244002 - Deriv Liab-NonCashFlw-L-T]"/>
        <member name="[CB - Account].[Account CB - Description].&amp;[0244003 - Deriv Liab S-T I/C]"/>
        <member name="[CB - Account].[Account CB - Description].&amp;[0244004 - Deriv Liab L-T I/C]"/>
        <member name="[CB - Account].[Account CB - Description].&amp;[0244008 - Deriv Instr Liab-Broad River L]"/>
        <member name="[CB - Account].[Account CB - Description].&amp;[0244009 - DERIV INSTR LIABILITY-BROAD RI]"/>
        <member name="[CB - Account].[Account CB - Description].&amp;[0244010 - NDTF Derivative Options]"/>
        <member name="[CB - Account].[Account CB - Description].&amp;[0244011 - FV Hedge - Unrealized Losses]"/>
        <member name="[CB - Account].[Account CB - Description].&amp;[0244101 - EA Risk Mgmt Liab Curr]"/>
        <member name="[CB - Account].[Account CB - Description].&amp;[0244110 - CLHFS UNR LOSS ON MTM &amp; HEDGE]"/>
        <member name="[CB - Account].[Account CB - Description].&amp;[0245001 - 3RD PTY DERIV LIABILITY CUR]"/>
        <member name="[CB - Account].[Account CB - Description].&amp;[0245002 - 3RD PTY DERIV LIABILITY LT]"/>
        <member name="[CB - Account].[Account CB - Description].&amp;[0245003 - Accrued Interest Exp - Swaps]"/>
        <member name="[CB - Account].[Account CB - Description].&amp;[0245004 - 3rd Party Derivative Int Paybl]"/>
        <member name="[CB - Account].[Account CB - Description].&amp;[0245005 - FV Hedge - Current Liability]"/>
        <member name="[CB - Account].[Account CB - Description].&amp;[0245897 - 3rd Party Deriv Liab Cur VIE]"/>
        <member name="[CB - Account].[Account CB - Description].&amp;[0245898 - 3rd Party Deriv Liab LT VIE]"/>
        <member name="[CB - Account].[Account CB - Description].&amp;[0252001 - CUST ADV FOR CONSTRUCTION]"/>
        <member name="[CB - Account].[Account CB - Description].&amp;[0252002 - CUSTOMER DSM CAMP LEJEUNE]"/>
        <member name="[CB - Account].[Account CB - Description].&amp;[0252050 - Gas Contributions Post 1992]"/>
        <member name="[CB - Account].[Account CB - Description].&amp;[0252100 - Cost Free Capital -29 &amp; 35 NPL]"/>
        <member name="[CB - Account].[Account CB - Description].&amp;[0252110 - Cost Free Capital - 44 NPL]"/>
        <member name="[CB - Account].[Account CB - Description].&amp;[0252120 - Reserve Capacity]"/>
        <member name="[CB - Account].[Account CB - Description].&amp;[0252200 - AP - Litigation]"/>
        <member name="[CB - Account].[Account CB - Description].&amp;[0252300 - Power Agency Working Capital F]"/>
        <member name="[CB - Account].[Account CB - Description].&amp;[0252400 - Customer Advances-ST]"/>
        <member name="[CB - Account].[Account CB - Description].&amp;[0252450 - MDO Elec Distrib Deferred CIAC]"/>
        <member name="[CB - Account].[Account CB - Description].&amp;[0253000 - Loss Reserves-LT-affiliate]"/>
        <member name="[CB - Account].[Account CB - Description].&amp;[0253001 - Def Credit - Consol Elim Diff]"/>
        <member name="[CB - Account].[Account CB - Description].&amp;[0253002 - Def Credit - Minority Interest]"/>
        <member name="[CB - Account].[Account CB - Description].&amp;[0253003 - Def Credit - Min Int Equity]"/>
        <member name="[CB - Account].[Account CB - Description].&amp;[0253004 - IC MTM Noncurrent Liabilites]"/>
        <member name="[CB - Account].[Account CB - Description].&amp;[0253005 - SCHM 3rd Party Deriv Liab-Nonc]"/>
        <member name="[CB - Account].[Account CB - Description].&amp;[0253006 - SC EDP Deferred Depreciation]"/>
        <member name="[CB - Account].[Account CB - Description].&amp;[0253007 - Payrll LT Retention/Spcl Rsrvs]"/>
        <member name="[CB - Account].[Account CB - Description].&amp;[0253008 - Pole Attach - deferred revenue]"/>
        <member name="[CB - Account].[Account CB - Description].&amp;[0253009 - Environmental Liabilities]"/>
        <member name="[CB - Account].[Account CB - Description].&amp;[0253010 - Insurance-Property Gen]"/>
        <member name="[CB - Account].[Account CB - Description].&amp;[0253011 - Ins Res-Liability-General]"/>
        <member name="[CB - Account].[Account CB - Description].&amp;[0253012 - Ins Res-Workers Comp-Othr]"/>
        <member name="[CB - Account].[Account CB - Description].&amp;[0253013 - Ins Res-Auto Liability]"/>
        <member name="[CB - Account].[Account CB - Description].&amp;[0253014 - Ins Res-Primary Genl Liab]"/>
        <member name="[CB - Account].[Account CB - Description].&amp;[0253015 - Imbalance Penalty Revenue]"/>
        <member name="[CB - Account].[Account CB - Description].&amp;[0253017 - Pcb Reserve Liability]"/>
        <member name="[CB - Account].[Account CB - Description].&amp;[0253018 - Pcb Liability]"/>
        <member name="[CB - Account].[Account CB - Description].&amp;[0253019 - Pcb Fines &amp; Penalties]"/>
        <member name="[CB - Account].[Account CB - Description].&amp;[0253020 - Custom Reserv Prog-Revnu]"/>
        <member name="[CB - Account].[Account CB - Description].&amp;[0253021 - Exchange Gas Expense]"/>
        <member name="[CB - Account].[Account CB - Description].&amp;[0253022 - Misc Def Cr - Gas Acctg]"/>
        <member name="[CB - Account].[Account CB - Description].&amp;[0253023 - Provis-Real Estate Assets]"/>
        <member name="[CB - Account].[Account CB - Description].&amp;[0253024 - Misc Def Cr - Gen Acctg]"/>
        <member name="[CB - Account].[Account CB - Description].&amp;[0253025 - Misc Def Cr - Plant Acctg]"/>
        <member name="[CB - Account].[Account CB - Description].&amp;[0253026 - Regulatory Refund-Gaap]"/>
        <member name="[CB - Account].[Account CB - Description].&amp;[0253027 - Reserve For Operating Losses]"/>
        <member name="[CB - Account].[Account CB - Description].&amp;[0253028 - Def Cr-Environmental Prov]"/>
        <member name="[CB - Account].[Account CB - Description].&amp;[0253029 - Provision-Petrolane I]"/>
        <member name="[CB - Account].[Account CB - Description].&amp;[0253030 - Reserve-Anngtc Partne]"/>
        <member name="[CB - Account].[Account CB - Description].&amp;[0253031 - Retired Medical Reserve]"/>
        <member name="[CB - Account].[Account CB - Description].&amp;[0253032 - Def Cr-Ahs Hospital L]"/>
        <member name="[CB - Account].[Account CB - Description].&amp;[0253033 - Def Cr-Green Cay]"/>
        <member name="[CB - Account].[Account CB - Description].&amp;[0253034 - Def Cr-Superfund Envi]"/>
        <member name="[CB - Account].[Account CB - Description].&amp;[0253035 - Misc Def Cr - Genl Acctg]"/>
        <member name="[CB - Account].[Account CB - Description].&amp;[0253036 - JEA Option Agreement]"/>
        <member name="[CB - Account].[Account CB - Description].&amp;[0253037 - LT Liab - Current Portion]"/>
        <member name="[CB - Account].[Account CB - Description].&amp;[0253038 - Min Pension Liability - Emp]"/>
        <member name="[CB - Account].[Account CB - Description].&amp;[0253039 - Deferred Revenue]"/>
        <member name="[CB - Account].[Account CB - Description].&amp;[0253040 - Deferred Revenue-IC]"/>
        <member name="[CB - Account].[Account CB - Description].&amp;[0253041 - MIn Pension Liability - Exec]"/>
        <member name="[CB - Account].[Account CB - Description].&amp;[0253042 - Empl Ret Ben Adj]"/>
        <member name="[CB - Account].[Account CB - Description].&amp;[0253043 - OPEB - FAS106 Grantor Trust]"/>
        <member name="[CB - Account].[Account CB - Description].&amp;[0253044 - OPEB - Health]"/>
        <member name="[CB - Account].[Account CB - Description].&amp;[0253045 - Severance Reserve-Non Current]"/>
        <member name="[CB - Account].[Account CB - Description].&amp;[0253046 - Pension Cost Adj]"/>
        <member name="[CB - Account].[Account CB - Description].&amp;[0253047 - Pension Cost Adj (ODC)]"/>
        <member name="[CB - Account].[Account CB - Description].&amp;[0253048 - Pension Cost Adj - TCSR]"/>
        <member name="[CB - Account].[Account CB - Description].&amp;[0253049 - INT ON TAX DEFICIENCY-LT LIAB]"/>
        <member name="[CB - Account].[Account CB - Description].&amp;[0253050 - Def Cr-Merger Capacity Rider]"/>
        <member name="[CB - Account].[Account CB - Description].&amp;[0253051 - LEASE OBLIGATION ACCRUAL]"/>
        <member name="[CB - Account].[Account CB - Description].&amp;[0253052 - IMBALANCE RESERVE]"/>
        <member name="[CB - Account].[Account CB - Description].&amp;[0253053 - OTH DEF CREDIT-SMART GRID]"/>
        <member name="[CB - Account].[Account CB - Description].&amp;[0253054 - LT FAS Contra - Liability]"/>
        <member name="[CB - Account].[Account CB - Description].&amp;[0253055 - Def CR-Merger Capacity Rider]"/>
        <member name="[CB - Account].[Account CB - Description].&amp;[0253056 - ST Liab Closed Def Int Hedge]"/>
        <member name="[CB - Account].[Account CB - Description].&amp;[0253057 - NCEMPA NC Equity Reserve]"/>
        <member name="[CB - Account].[Account CB - Description].&amp;[0253058 - NCEMPA SC Equity Reserve]"/>
        <member name="[CB - Account].[Account CB - Description].&amp;[0253059 - C-W Licensing Proj-Future Liab]"/>
        <member name="[CB - Account].[Account CB - Description].&amp;[0253060 - MIN_PENS_LIAB_EMP_PUR_ACCT_ADJ]"/>
        <member name="[CB - Account].[Account CB - Description].&amp;[0253061 - Unbilled Rev - Gas Cost Adjust]"/>
        <member name="[CB - Account].[Account CB - Description].&amp;[0253063 - SC Coal Ash Insurance Proceeds]"/>
        <member name="[CB - Account].[Account CB - Description].&amp;[0253065 - Misc Def Cr sch M]"/>
        <member name="[CB - Account].[Account CB - Description].&amp;[0253070 - Reserve - MGP Sites]"/>
        <member name="[CB - Account].[Account CB - Description].&amp;[0253071 - Unrecognized Rev-Warranty Prog]"/>
        <member name="[CB - Account].[Account CB - Description].&amp;[0253072 - NCUC Legal Fund]"/>
        <member name="[CB - Account].[Account CB - Description].&amp;[0253075 - Bear Run Coal Settlement Whlsl]"/>
        <member name="[CB - Account].[Account CB - Description].&amp;[0253080 - DEFERRED REV-PREPAY METER PROG]"/>
        <member name="[CB - Account].[Account CB - Description].&amp;[0253081 - DEF CR FASB 146 EXIT COST RES]"/>
        <member name="[CB - Account].[Account CB - Description].&amp;[0253082 - OTH DEFER CR MISCELLANEOUS]"/>
        <member name="[CB - Account].[Account CB - Description].&amp;[0253083 - Oth Defer Cr Sale of Land Harr]"/>
        <member name="[CB - Account].[Account CB - Description].&amp;[0253084 - IRU INDEMNIFICATION -LT]"/>
        <member name="[CB - Account].[Account CB - Description].&amp;[0253085 - Other LT Liabilities]"/>
        <member name="[CB - Account].[Account CB - Description].&amp;[0253086 - ACCRUED INDEMNIFICATIONS - SFA]"/>
        <member name="[CB - Account].[Account CB - Description].&amp;[0253087 - Workers Compensation Reserve (]"/>
        <member name="[CB - Account].[Account CB - Description].&amp;[0253090 - LT Portion of Unbilled Fuel]"/>
        <member name="[CB - Account].[Account CB - Description].&amp;[0253100 - SCHM Def Credit-Npl Energy Bk]"/>
        <member name="[CB - Account].[Account CB - Description].&amp;[0253101 - Deferred Interest-Tran]"/>
        <member name="[CB - Account].[Account CB - Description].&amp;[0253102 - IC DEF CREDIT NPL ENERGY BANK]"/>
        <member name="[CB - Account].[Account CB - Description].&amp;[0253104 - LT UTP Penalty Accrued]"/>
        <member name="[CB - Account].[Account CB - Description].&amp;[0253110 - Def Credit - Yadkin Energy Bnk]"/>
        <member name="[CB - Account].[Account CB - Description].&amp;[0253111 - Def Cr DEFS Bal Sheet Elim Dif]"/>
        <member name="[CB - Account].[Account CB - Description].&amp;[0253115 - AHFS NCLIAB DEF CR]"/>
        <member name="[CB - Account].[Account CB - Description].&amp;[0253116 - Loss Reserves - LT]"/>
        <member name="[CB - Account].[Account CB - Description].&amp;[0253120 - Cust Choice Program-Deposit]"/>
        <member name="[CB - Account].[Account CB - Description].&amp;[0253121 - Def Cr DEFS Inc Stmnt Elim Dif]"/>
        <member name="[CB - Account].[Account CB - Description].&amp;[0253125 - LT LIAB RELATED PTY]"/>
        <member name="[CB - Account].[Account CB - Description].&amp;[0253127 - Int Acr-NC Cus Def Tax  CGS]"/>
        <member name="[CB - Account].[Account CB - Description].&amp;[0253130 - Gas Refunds/Recl Adj Due Cust]"/>
        <member name="[CB - Account].[Account CB - Description].&amp;[0253131 - NC Def Acct - Sales Cust]"/>
        <member name="[CB - Account].[Account CB - Description].&amp;[0253132 - NC Def Acct - All Cust]"/>
        <member name="[CB - Account].[Account CB - Description].&amp;[0253133 - SC All Customers]"/>
        <member name="[CB - Account].[Account CB - Description].&amp;[0253134 - Misc Credits]"/>
        <member name="[CB - Account].[Account CB - Description].&amp;[0253135 - 2015 NC IMR Settlement Reserve]"/>
        <member name="[CB - Account].[Account CB - Description].&amp;[0253136 - Margin Decoupling Mechanism]"/>
        <member name="[CB - Account].[Account CB - Description].&amp;[0253137 - Supp Rate Chg Ref-SC Hed-CONTR]"/>
        <member name="[CB - Account].[Account CB - Description].&amp;[0253138 - IMR Deferred Account - NC]"/>
        <member name="[CB - Account].[Account CB - Description].&amp;[0253139 - IMR Deferred Account - TN]"/>
        <member name="[CB - Account].[Account CB - Description].&amp;[0253140 - TN ACA Hedging-CONTRA]"/>
        <member name="[CB - Account].[Account CB - Description].&amp;[0253141 - NC Hedging Program-CONTRA]"/>
        <member name="[CB - Account].[Account CB - Description].&amp;[0253142 - ACA - Nashville Gas Purchases]"/>
        <member name="[CB - Account].[Account CB - Description].&amp;[0253150 - RETURN ON GRID SOUTH INV]"/>
        <member name="[CB - Account].[Account CB - Description].&amp;[0253160 - Long-Term Liabilities of VIEs]"/>
        <member name="[CB - Account].[Account CB - Description].&amp;[0253200 - Cashier'S Overs &amp; Shorts-&lt;$1]"/>
        <member name="[CB - Account].[Account CB - Description].&amp;[0253201 - Defd Rev-Warranty Prog NRB]"/>
        <member name="[CB - Account].[Account CB - Description].&amp;[0253209 - Oth NonCurr Liab Guar Pur Acct]"/>
        <member name="[CB - Account].[Account CB - Description].&amp;[0253211 - Deferred MtM Gain/Loss]"/>
        <member name="[CB - Account].[Account CB - Description].&amp;[0253221 - Non Current BPM Sharing Liab]"/>
        <member name="[CB - Account].[Account CB - Description].&amp;[0253250 - Def Cr - WVPA/IMPA Deposits]"/>
        <member name="[CB - Account].[Account CB - Description].&amp;[0253270 - Suplmtl Penison-Excess Plan]"/>
        <member name="[CB - Account].[Account CB - Description].&amp;[0253275 - Pension liab - FAS 87 NQ]"/>
        <member name="[CB - Account].[Account CB - Description].&amp;[0253280 - Phantom Shares Liability]"/>
        <member name="[CB - Account].[Account CB - Description].&amp;[0253290 - Suplmtl Retirement Plan]"/>
        <member name="[CB - Account].[Account CB - Description].&amp;[0253300 - Cashiers' Overs And Shorts]"/>
        <member name="[CB - Account].[Account CB - Description].&amp;[0253303 - LT Closed Def Int Hedge]"/>
        <member name="[CB - Account].[Account CB - Description].&amp;[0253304 - Open Def Int Hedge PreTax Liab]"/>
        <member name="[CB - Account].[Account CB - Description].&amp;[0253310 - Deferred Gain - Madcad]"/>
        <member name="[CB - Account].[Account CB - Description].&amp;[0253340 - Res - 401K Excess Plan]"/>
        <member name="[CB - Account].[Account CB - Description].&amp;[0253400 - BARTOW LTSA]"/>
        <member name="[CB - Account].[Account CB - Description].&amp;[0253401 - HINES LTSA]"/>
        <member name="[CB - Account].[Account CB - Description].&amp;[0253402 - URANIUM ACCOUNT IN PROCESS]"/>
        <member name="[CB - Account].[Account CB - Description].&amp;[0253403 - Citrus County LTSA Def Liab]"/>
        <member name="[CB - Account].[Account CB - Description].&amp;[0253410 - Agency Collections-Clearing]"/>
        <member name="[CB - Account].[Account CB - Description].&amp;[0253420 - Accrued Misc. Oprtng Provision]"/>
        <member name="[CB - Account].[Account CB - Description].&amp;[0253500 - Net Proceeds on Property Sales]"/>
        <member name="[CB - Account].[Account CB - Description].&amp;[0253550 - Current Liab Held for Sale]"/>
        <member name="[CB - Account].[Account CB - Description].&amp;[0253600 - Reg Liab - NC EDIT - SC Retail]"/>
        <member name="[CB - Account].[Account CB - Description].&amp;[0253601 - Excess DIT Refunded to Cust-TN]"/>
        <member name="[CB - Account].[Account CB - Description].&amp;[0253602 - Other Deferred Credits-Tax]"/>
        <member name="[CB - Account].[Account CB - Description].&amp;[0253603 - Oth Def Cr - NC EDIT GU]"/>
        <member name="[CB - Account].[Account CB - Description].&amp;[0253610 - SCHM Deferred Compensation]"/>
        <member name="[CB - Account].[Account CB - Description].&amp;[0253620 - SCHM Executive Savings Pln-Stk]"/>
        <member name="[CB - Account].[Account CB - Description].&amp;[0253631 - SCHM DPC EXEC CASH BAL PLAN]"/>
        <member name="[CB - Account].[Account CB - Description].&amp;[0253632 - SCHM Deferred DSM Incentive-SC]"/>
        <member name="[CB - Account].[Account CB - Description].&amp;[0253633 - SCHM Deferred DSM Costs-SC]"/>
        <member name="[CB - Account].[Account CB - Description].&amp;[0253634 - SCHM Ret on Def Cat Pur-SC]"/>
        <member name="[CB - Account].[Account CB - Description].&amp;[0253635 - EXEC CASH BAL PLAN]"/>
        <member name="[CB - Account].[Account CB - Description].&amp;[0253636 - SCHM Def Catawba Pur Cap-SC]"/>
        <member name="[CB - Account].[Account CB - Description].&amp;[0253637 - NC DSM Incentives/GAAP Adj]"/>
        <member name="[CB - Account].[Account CB - Description].&amp;[0253640 - SCHM Executive Savgs Pln-10.5%]"/>
        <member name="[CB - Account].[Account CB - Description].&amp;[0253650 - DC Restoration Plan]"/>
        <member name="[CB - Account].[Account CB - Description].&amp;[0253652 - PE Executive Def Comp]"/>
        <member name="[CB - Account].[Account CB - Description].&amp;[0253654 - PE KED Plan]"/>
        <member name="[CB - Account].[Account CB - Description].&amp;[0253656 - PE Director's Retirement]"/>
        <member name="[CB - Account].[Account CB - Description].&amp;[0253658 - PE Supplemental Severance]"/>
        <member name="[CB - Account].[Account CB - Description].&amp;[0253660 - PEC '82 Director's Retirement]"/>
        <member name="[CB - Account].[Account CB - Description].&amp;[0253670 - PE Director's Def Comp]"/>
        <member name="[CB - Account].[Account CB - Description].&amp;[0253680 - Exec Savings Plan 10.5 Vinings]"/>
        <member name="[CB - Account].[Account CB - Description].&amp;[0253690 - Pension Deferred Credits]"/>
        <member name="[CB - Account].[Account CB - Description].&amp;[0253700 - Res - NQ Def Inc Plan]"/>
        <member name="[CB - Account].[Account CB - Description].&amp;[0253710 - Flyash Reserve]"/>
        <member name="[CB - Account].[Account CB - Description].&amp;[0253720 - Reserve - Tank Farm]"/>
        <member name="[CB - Account].[Account CB - Description].&amp;[0253730 - Reserve - Demolition]"/>
        <member name="[CB - Account].[Account CB - Description].&amp;[0253740 - FX G/L for Other Def Cr]"/>
        <member name="[CB - Account].[Account CB - Description].&amp;[0253741 - Tyrone Synfuel Rem Escrow]"/>
        <member name="[CB - Account].[Account CB - Description].&amp;[0253750 - Leashold Inducements]"/>
        <member name="[CB - Account].[Account CB - Description].&amp;[0253760 - Pipeline Tariff Rebate]"/>
        <member name="[CB - Account].[Account CB - Description].&amp;[0253770 - Reserve - RMR]"/>
        <member name="[CB - Account].[Account CB - Description].&amp;[0253800 - Cash Sales-Clearing]"/>
        <member name="[CB - Account].[Account CB - Description].&amp;[0253810 - Prepaid Rent - NPL]"/>
        <member name="[CB - Account].[Account CB - Description].&amp;[0253820 - SCHM Deferred Benefit Plan-NPL]"/>
        <member name="[CB - Account].[Account CB - Description].&amp;[0253830 - CIAC Taxes - NPL]"/>
        <member name="[CB - Account].[Account CB - Description].&amp;[0253840 - TVA Rachet Costs - NPL]"/>
        <member name="[CB - Account].[Account CB - Description].&amp;[0253870 - DOE Stimulus Funds]"/>
        <member name="[CB - Account].[Account CB - Description].&amp;[0253880 - Advance Billing - Transmission]"/>
        <member name="[CB - Account].[Account CB - Description].&amp;[0253881 - SCHM Defd Transmission Revenue]"/>
        <member name="[CB - Account].[Account CB - Description].&amp;[0253882 - Straight Line Lease Defer CR]"/>
        <member name="[CB - Account].[Account CB - Description].&amp;[0253890 - SCHM Tax&amp;S/L For Surplus Mat'L]"/>
        <member name="[CB - Account].[Account CB - Description].&amp;[0253897 - VIE-NR Cur Liabilities AHFS]"/>
        <member name="[CB - Account].[Account CB - Description].&amp;[0253900 - Deferred Credit-Customer Loans]"/>
        <member name="[CB - Account].[Account CB - Description].&amp;[0253901 - DEFERRED CREDIT-UPS SALES]"/>
        <member name="[CB - Account].[Account CB - Description].&amp;[0253902 - DEFERRED CREDITS-UPS TAXES]"/>
        <member name="[CB - Account].[Account CB - Description].&amp;[0253903 - MANAGEMENT FEE PAY (TAX ONLY)]"/>
        <member name="[CB - Account].[Account CB - Description].&amp;[0253904 - Res Assurance Prods-Def Rev]"/>
        <member name="[CB - Account].[Account CB - Description].&amp;[0253905 - Deferred Debt Return - Solar]"/>
        <member name="[CB - Account].[Account CB - Description].&amp;[0253910 - POLE ATTACH-ADVANCE BILLING]"/>
        <member name="[CB - Account].[Account CB - Description].&amp;[0253911 - OTHER_DEFER_CR_PUR_ACCTG_ADJ]"/>
        <member name="[CB - Account].[Account CB - Description].&amp;[0253919 - Conservation Program]"/>
        <member name="[CB - Account].[Account CB - Description].&amp;[0253920 - Other Deferred Credits]"/>
        <member name="[CB - Account].[Account CB - Description].&amp;[0253921 - SCHM Othr Deferred Credits-Tax]"/>
        <member name="[CB - Account].[Account CB - Description].&amp;[0253922 - NC rate Remand Reserve]"/>
        <member name="[CB - Account].[Account CB - Description].&amp;[0253923 - Anderson Water Sale Reserve]"/>
        <member name="[CB - Account].[Account CB - Description].&amp;[0253924 - Int Accrl on Inc Tax Reserve]"/>
        <member name="[CB - Account].[Account CB - Description].&amp;[0253925 - Def Cr-Trans Proj Disallowance]"/>
        <member name="[CB - Account].[Account CB - Description].&amp;[0253930 - SCHM Def Charitable Giving Prg]"/>
        <member name="[CB - Account].[Account CB - Description].&amp;[0253934 - ST Accrual Reserves]"/>
        <member name="[CB - Account].[Account CB - Description].&amp;[0253935 - LT Accrual Reserves]"/>
        <member name="[CB - Account].[Account CB - Description].&amp;[0253940 - Note Payable-Town Of Davidson]"/>
        <member name="[CB - Account].[Account CB - Description].&amp;[0253950 - Other Notes Payable]"/>
        <member name="[CB - Account].[Account CB - Description].&amp;[0253955 - ST Guarantee Obligations]"/>
        <member name="[CB - Account].[Account CB - Description].&amp;[0253960 - Def Credit-Equity Redemption]"/>
        <member name="[CB - Account].[Account CB - Description].&amp;[0253970 - SCHM Def Liab NonEmpl Director]"/>
        <member name="[CB - Account].[Account CB - Description].&amp;[0253980 - SCHM Accr Decommissioning Cost]"/>
        <member name="[CB - Account].[Account CB - Description].&amp;[0253991 - Reserves Short Term]"/>
        <member name="[CB - Account].[Account CB - Description].&amp;[0253992 - Smart Grid reserve]"/>
        <member name="[CB - Account].[Account CB - Description].&amp;[0253993 - Reserves Short Term]"/>
        <member name="[CB - Account].[Account CB - Description].&amp;[0253994 - FV of hedges-Financial Hedges]"/>
        <member name="[CB - Account].[Account CB - Description].&amp;[0253995 - FV of hedges-Commodity Hedges]"/>
        <member name="[CB - Account].[Account CB - Description].&amp;[0253996 - Misc Def Cr - Revenue Billing]"/>
        <member name="[CB - Account].[Account CB - Description].&amp;[0253997 - Deferral -Prospective Disposal]"/>
        <member name="[CB - Account].[Account CB - Description].&amp;[0253998 - Deferral Demand Determinants]"/>
        <member name="[CB - Account].[Account CB - Description].&amp;[0253999 - Unearned Revenue]"/>
        <member name="[CB - Account].[Account CB - Description].&amp;[0254000 - Regulatory Refund Obliga]"/>
        <member name="[CB - Account].[Account CB - Description].&amp;[0254002 - Interest Rate Swap Reg Liabili]"/>
        <member name="[CB - Account].[Account CB - Description].&amp;[0254003 - Regulatory Def. - Onshore]"/>
        <member name="[CB - Account].[Account CB - Description].&amp;[0254004 - Regulatory Def. - Storage]"/>
        <member name="[CB - Account].[Account CB - Description].&amp;[0254005 - Pcb It Credit - Yr 12]"/>
        <member name="[CB - Account].[Account CB - Description].&amp;[0254006 - Pcb It Credit - Yr 13]"/>
        <member name="[CB - Account].[Account CB - Description].&amp;[0254007 - Pcb It Credit - Yr 14]"/>
        <member name="[CB - Account].[Account CB - Description].&amp;[0254008 - PCB IT CREDIT YR 15]"/>
        <member name="[CB - Account].[Account CB - Description].&amp;[0254009 - PCB IT Cr-15]"/>
        <member name="[CB - Account].[Account CB - Description].&amp;[0254010 - Enviromental Liability]"/>
        <member name="[CB - Account].[Account CB - Description].&amp;[0254011 - PCB IT Cr Yr 17]"/>
        <member name="[CB - Account].[Account CB - Description].&amp;[0254012 - DEF CAPACITY REV-PRIOR YEAR]"/>
        <member name="[CB - Account].[Account CB - Description].&amp;[0254013 - Reg Liab NC Deferred Fuel]"/>
        <member name="[CB - Account].[Account CB - Description].&amp;[0254014 - Reg Liab SC Deferred Fuel]"/>
        <member name="[CB - Account].[Account CB - Description].&amp;[0254015 - Reg Liability - MTM Fuel - ST]"/>
        <member name="[CB - Account].[Account CB - Description].&amp;[0254016 - Deferred SPP]"/>
        <member name="[CB - Account].[Account CB - Description].&amp;[0254017 - Sale of Land Harris Deferral]"/>
        <member name="[CB - Account].[Account CB - Description].&amp;[0254018 - Harris Land Gain Amort]"/>
        <member name="[CB - Account].[Account CB - Description].&amp;[0254019 - Harris Land Gain Amort - Curre]"/>
        <member name="[CB - Account].[Account CB - Description].&amp;[0254020 - AUCTIONED S02 ALLOWANCE]"/>
        <member name="[CB - Account].[Account CB - Description].&amp;[0254021 - Nuclear Fuel Last Core Reserv]"/>
        <member name="[CB - Account].[Account CB - Description].&amp;[0254022 - M&amp;S Inventory Reserve_PEC RC]"/>
        <member name="[CB - Account].[Account CB - Description].&amp;[0254023 - NDTF Contaminated Liability]"/>
        <member name="[CB - Account].[Account CB - Description].&amp;[0254024 - Def CR3 Liab - Depr &amp; Prop Tax]"/>
        <member name="[CB - Account].[Account CB - Description].&amp;[0254025 - Reg Liab - NCDT Overfund]"/>
        <member name="[CB - Account].[Account CB - Description].&amp;[0254026 - ARO Reg Liability]"/>
        <member name="[CB - Account].[Account CB - Description].&amp;[0254027 - FERC 494 refund]"/>
        <member name="[CB - Account].[Account CB - Description].&amp;[0254029 - DEO Rider PSR - OVEC Liability]"/>
        <member name="[CB - Account].[Account CB - Description].&amp;[0254030 - NC Long-Term Liab Defer Fuel]"/>
        <member name="[CB - Account].[Account CB - Description].&amp;[0254031 - CR4&amp;5 Accelerated Depreciaton]"/>
        <member name="[CB - Account].[Account CB - Description].&amp;[0254032 - Nuc Fuel Last Core Reserve SC]"/>
        <member name="[CB - Account].[Account CB - Description].&amp;[0254033 - M&amp;S Inv Reserve_PEC RC SC]"/>
        <member name="[CB - Account].[Account CB - Description].&amp;[0254034 - CPRE (LT)]"/>
        <member name="[CB - Account].[Account CB - Description].&amp;[0254035 - SC Long-Term Liab Defer Fuel]"/>
        <member name="[CB - Account].[Account CB - Description].&amp;[0254037 - RL- Excess NC ADIT - SC Retail]"/>
        <member name="[CB - Account].[Account CB - Description].&amp;[0254041 - Reg Liab - D&amp;E Ret on St EDIT]"/>
        <member name="[CB - Account].[Account CB - Description].&amp;[0254042 - Reg Liab - Fed EDIT - SC Retai]"/>
        <member name="[CB - Account].[Account CB - Description].&amp;[0254043 - Reg Liab - State EDIT - S-T]"/>
        <member name="[CB - Account].[Account CB - Description].&amp;[0254044 - Reg Liab - Fed EDIT - W/S]"/>
        <member name="[CB - Account].[Account CB - Description].&amp;[0254045 - Reg Liab - Debt Retrn on FEDIT]"/>
        <member name="[CB - Account].[Account CB - Description].&amp;[0254046 - DEO DCI Rider Liability]"/>
        <member name="[CB - Account].[Account CB - Description].&amp;[0254047 - Coal Ash Insurance Proceeds]"/>
        <member name="[CB - Account].[Account CB - Description].&amp;[0254048 - SC Coal Ash Insurance Proceeds]"/>
        <member name="[CB - Account].[Account CB - Description].&amp;[0254049 - Storm Secur Srvc/Admin - ST]"/>
        <member name="[CB - Account].[Account CB - Description].&amp;[0254050 - REG LIAB SC DEFERRED FUEL]"/>
        <member name="[CB - Account].[Account CB - Description].&amp;[0254051 - CPRE (ST)]"/>
        <member name="[CB - Account].[Account CB - Description].&amp;[0254052 - Storm Secur Srvc/Admin - LT]"/>
        <member name="[CB - Account].[Account CB - Description].&amp;[0254053 - Reg Liab - NC EDIT - Wholesale]"/>
        <member name="[CB - Account].[Account CB - Description].&amp;[0254054 - Reg Liab - NC EDIT - NC Retail]"/>
        <member name="[CB - Account].[Account CB - Description].&amp;[0254055 - Reg Liab - NC EDIT - GrossUp]"/>
        <member name="[CB - Account].[Account CB - Description].&amp;[0254056 - Storm Reg Liab - Upfront Costs]"/>
        <member name="[CB - Account].[Account CB - Description].&amp;[0254057 - NC NBV Retired Plant]"/>
        <member name="[CB - Account].[Account CB - Description].&amp;[0254058 - Storm Reg Liab Upfront Cost ST]"/>
        <member name="[CB - Account].[Account CB - Description].&amp;[0254059 - DOE Reg Liability]"/>
        <member name="[CB - Account].[Account CB - Description].&amp;[0254060 - DEF Tax Savings Reg Liability]"/>
        <member name="[CB - Account].[Account CB - Description].&amp;[0254061 - Deferred PTCs]"/>
        <member name="[CB - Account].[Account CB - Description].&amp;[0254062 - Deferred PTCs - Short Term]"/>
        <member name="[CB - Account].[Account CB - Description].&amp;[0254065 - Job Retention Rider Liability]"/>
        <member name="[CB - Account].[Account CB - Description].&amp;[0254087 - DEF CR4&amp;5 Accelerated Deprecia]"/>
        <member name="[CB - Account].[Account CB - Description].&amp;[0254095 - REG LIAB REPS]"/>
        <member name="[CB - Account].[Account CB - Description].&amp;[0254101 - Deferred Regulatory Liability]"/>
        <member name="[CB - Account].[Account CB - Description].&amp;[0254102 - IGCC Rate Refund]"/>
        <member name="[CB - Account].[Account CB - Description].&amp;[0254103 - SAW Regulated Deferred Liab]"/>
        <member name="[CB - Account].[Account CB - Description].&amp;[0254104 - SC SAW Regulated Defer Liab]"/>
        <member name="[CB - Account].[Account CB - Description].&amp;[0254105 - Deferred BTR Reg Liab]"/>
        <member name="[CB - Account].[Account CB - Description].&amp;[0254106 - Rotable Fleet Spare Reg Liab]"/>
        <member name="[CB - Account].[Account CB - Description].&amp;[0254107 - NCEMPA JAAR Nuclear Depr Diff]"/>
        <member name="[CB - Account].[Account CB - Description].&amp;[0254108 - Reg Liability - Gallagher 1&amp;]"/>
        <member name="[CB - Account].[Account CB - Description].&amp;[0254109 - EVSE - Customer Deposits LT]"/>
        <member name="[CB - Account].[Account CB - Description].&amp;[0254110 - Reg Liab Environmental Cst]"/>
        <member name="[CB - Account].[Account CB - Description].&amp;[0254111 - DEFCRED-ACCUM AMORT PUR PRICE]"/>
        <member name="[CB - Account].[Account CB - Description].&amp;[0254112 - DEFCRED- INVEST IN JV]"/>
        <member name="[CB - Account].[Account CB - Description].&amp;[0254113 - JV EXC-DEF PURHC PRICE]"/>
        <member name="[CB - Account].[Account CB - Description].&amp;[0254114 - Equity Post In Service Nox]"/>
        <member name="[CB - Account].[Account CB - Description].&amp;[0254120 - I &amp; D Regulatory Liability]"/>
        <member name="[CB - Account].[Account CB - Description].&amp;[0254130 - Other Reg Liab NPL - Tax Rate]"/>
        <member name="[CB - Account].[Account CB - Description].&amp;[0254140 - PostInServ Equity Nblsv Repwr]"/>
        <member name="[CB - Account].[Account CB - Description].&amp;[0254160 - Supplier Cost Recovery - Liabi]"/>
        <member name="[CB - Account].[Account CB - Description].&amp;[0254161 - Vegetation Mgmt Rider]"/>
        <member name="[CB - Account].[Account CB - Description].&amp;[0254162 - Dis Storm Rider Carrying Cost]"/>
        <member name="[CB - Account].[Account CB - Description].&amp;[0254163 - Distribution Storm Rider]"/>
        <member name="[CB - Account].[Account CB - Description].&amp;[0254164 - OVEC Rider Reg Liability]"/>
        <member name="[CB - Account].[Account CB - Description].&amp;[0254200 - Epa Auction Proceeds]"/>
        <member name="[CB - Account].[Account CB - Description].&amp;[0254221 - Equity Post In Service MAD/CAD]"/>
        <member name="[CB - Account].[Account CB - Description].&amp;[0254240 - Post in Svc equity-Wheatland]"/>
        <member name="[CB - Account].[Account CB - Description].&amp;[0254250 - NC REC Liability - Retail]"/>
        <member name="[CB - Account].[Account CB - Description].&amp;[0254251 - NC REC Liability - Whse]"/>
        <member name="[CB - Account].[Account CB - Description].&amp;[0254300 - Steam Gen Regulatory Liability]"/>
        <member name="[CB - Account].[Account CB - Description].&amp;[0254301 - Other Reg Liab-FAS109]"/>
        <member name="[CB - Account].[Account CB - Description].&amp;[0254310 - Deferred Fuel Settlements]"/>
        <member name="[CB - Account].[Account CB - Description].&amp;[0254311 - Deferred Fuel Revenue]"/>
        <member name="[CB - Account].[Account CB - Description].&amp;[0254312 - Deferred GPIF - Reg Liab Fuel]"/>
        <member name="[CB - Account].[Account CB - Description].&amp;[0254313 - Deferred Fuel - PY]"/>
        <member name="[CB - Account].[Account CB - Description].&amp;[0254314 - Deferred Levy - NCRC]"/>
        <member name="[CB - Account].[Account CB - Description].&amp;[0254315 - Deferred CR3 - NCRC]"/>
        <member name="[CB - Account].[Account CB - Description].&amp;[0254316 - Deferred Energy Conservation]"/>
        <member name="[CB - Account].[Account CB - Description].&amp;[0254317 - Deferred Environmental Cost Re]"/>
        <member name="[CB - Account].[Account CB - Description].&amp;[0254318 - Deferred Property Gains/Losses]"/>
        <member name="[CB - Account].[Account CB - Description].&amp;[0254319 - REG LIAB - DOE REFUND AMORT NC]"/>
        <member name="[CB - Account].[Account CB - Description].&amp;[0254320 - Deferred Capacity - Curr Yr]"/>
        <member name="[CB - Account].[Account CB - Description].&amp;[0254321 - Deferred Capacity - Prior Year]"/>
        <member name="[CB - Account].[Account CB - Description].&amp;[0254324 - Bad Debt Exp Over Collection]"/>
        <member name="[CB - Account].[Account CB - Description].&amp;[0254325 - WS Coal Ash Ins Proceeds-Curr]"/>
        <member name="[CB - Account].[Account CB - Description].&amp;[0254326 - WS Settlement Refund Curr]"/>
        <member name="[CB - Account].[Account CB - Description].&amp;[0254331 - LT Closed Def Int Hedge-Liab]"/>
        <member name="[CB - Account].[Account CB - Description].&amp;[0254332 - ST Closed Def Int Hedge_Liab]"/>
        <member name="[CB - Account].[Account CB - Description].&amp;[0254333 - Open Def Int Hedge-Liab]"/>
        <member name="[CB - Account].[Account CB - Description].&amp;[0254402 - SC Historical DSM]"/>
        <member name="[CB - Account].[Account CB - Description].&amp;[0254403 - SFAS 143 Asbestos-Reg Liab FTG]"/>
        <member name="[CB - Account].[Account CB - Description].&amp;[0254408 - Load Factor Adj Defer - Liab]"/>
        <member name="[CB - Account].[Account CB - Description].&amp;[0254410 - ST SO2 EA Proceeds]"/>
        <member name="[CB - Account].[Account CB - Description].&amp;[0254420 - NC Rate Remand Reg Liab]"/>
        <member name="[CB - Account].[Account CB - Description].&amp;[0254425 - NC Unbilled Fuel Giveback]"/>
        <member name="[CB - Account].[Account CB - Description].&amp;[0254430 - NC Nuc Ins Reserve Reg Liab]"/>
        <member name="[CB - Account].[Account CB - Description].&amp;[0254440 - SC Nuc Ins Reserve Reg Liab]"/>
        <member name="[CB - Account].[Account CB - Description].&amp;[0254450 - SC Storm Reserve Fund]"/>
        <member name="[CB - Account].[Account CB - Description].&amp;[0254460 - SC EDP Def. Dep.]"/>
        <member name="[CB - Account].[Account CB - Description].&amp;[0254580 - SC Pension Rider Liability]"/>
        <member name="[CB - Account].[Account CB - Description].&amp;[0254688 - Reg Liability - Qual Pension]"/>
        <member name="[CB - Account].[Account CB - Description].&amp;[0254700 - DOE SETTLEMENT DEF NC CUR]"/>
        <member name="[CB - Account].[Account CB - Description].&amp;[0254711 - Distr Storm Rider - Liability]"/>
        <member name="[CB - Account].[Account CB - Description].&amp;[0254712 - 2019 Distr Stm Rider-Liability]"/>
        <member name="[CB - Account].[Account CB - Description].&amp;[0254713 - 2020 Distr Storm Rider - Liab]"/>
        <member name="[CB - Account].[Account CB - Description].&amp;[0254755 - DEI Distrib. Veg Mgmt - Liab.]"/>
        <member name="[CB - Account].[Account CB - Description].&amp;[0254800 - Reg Liability - MTM Fuel - LT]"/>
        <member name="[CB - Account].[Account CB - Description].&amp;[0254914 - NDT - QUAL - UNREAL GAINS]"/>
        <member name="[CB - Account].[Account CB - Description].&amp;[0254915 - NDT - NONQUAL - UNREAL GAINS]"/>
        <member name="[CB - Account].[Account CB - Description].&amp;[0254980 - Open Int Rate Swap Cur Rg Liab]"/>
        <member name="[CB - Account].[Account CB - Description].&amp;[0254990 - ARO Reg Liab - Accr/ARC Depr]"/>
        <member name="[CB - Account].[Account CB - Description].&amp;[0254991 - ARO Reg Liab - Book Depr]"/>
        <member name="[CB - Account].[Account CB - Description].&amp;[0254999 - Reg Liab COR reclass from A/D]"/>
        <member name="[CB - Account].[Account CB - Description].&amp;[0255001 - Def ITC - No Normalization]"/>
        <member name="[CB - Account].[Account CB - Description].&amp;[0255100 - Gross ITC - NPL]"/>
        <member name="[CB - Account].[Account CB - Description].&amp;[0255110 - Unamort Inv Tax Cr-Util Pla]"/>
        <member name="[CB - Account].[Account CB - Description].&amp;[0255200 - Amortized ITC - NPL]"/>
        <member name="[CB - Account].[Account CB - Description].&amp;[0255201 - Def ITC-Non-Regulated]"/>
        <member name="[CB - Account].[Account CB - Description].&amp;[0255897 - VIE-NR Investment Tax Credits]"/>
        <member name="[CB - Account].[Account CB - Description].&amp;[0256000 - Deferred Gain on Sale of Asset]"/>
        <member name="[CB - Account].[Account CB - Description].&amp;[0256001 - LT Pref Stock w/mand redempt]"/>
        <member name="[CB - Account].[Account CB - Description].&amp;[0256010 - LT LIAB-PHYS FIRM COMMIT]"/>
        <member name="[CB - Account].[Account CB - Description].&amp;[0256500 - DEFERRED CREDIT AFFILIATE]"/>
        <member name="[CB - Account].[Account CB - Description].&amp;[0257010 - Unamortized Gain - Debt]"/>
        <member name="[CB - Account].[Account CB - Description].&amp;[0262100 - Inactive]"/>
        <member name="[CB - Account].[Account CB - Description].&amp;[0262110 - Inactive]"/>
        <member name="[CB - Account].[Account CB - Description].&amp;[0262120 - Inactive]"/>
        <member name="[CB - Account].[Account CB - Description].&amp;[0262130 - Inactive]"/>
        <member name="[CB - Account].[Account CB - Description].&amp;[0262140 - Inactive]"/>
        <member name="[CB - Account].[Account CB - Description].&amp;[0262150 - Inactive]"/>
        <member name="[CB - Account].[Account CB - Description].&amp;[0262170 - Inactive]"/>
        <member name="[CB - Account].[Account CB - Description].&amp;[0265200 - Inactive]"/>
        <member name="[CB - Account].[Account CB - Description].&amp;[0265300 - Inactive]"/>
        <member name="[CB - Account].[Account CB - Description].&amp;[0266100 - L-T UNREALIZED LOSSES MTM]"/>
        <member name="[CB - Account].[Account CB - Description].&amp;[0266101 - IC HEDGE LIABILITY NONCURRENT]"/>
        <member name="[CB - Account].[Account CB - Description].&amp;[0266133 - LT MTM RESERVE]"/>
        <member name="[CB - Account].[Account CB - Description].&amp;[0266200 - LT Guarantee Obligations]"/>
        <member name="[CB - Account].[Account CB - Description].&amp;[0266201 - Guaranty Credit Loss Reserve]"/>
        <member name="[CB - Account].[Account CB - Description].&amp;[0266300 - ACCRUED INDEMNIFICATIONS - FIN]"/>
        <member name="[CB - Account].[Account CB - Description].&amp;[0266400 - Liab Related to H-F-S Assets]"/>
        <member name="[CB - Account].[Account CB - Description].&amp;[0266897 - VIE - NR LT LIAB AHFS]"/>
        <member name="[CB - Account].[Account CB - Description].&amp;[0271000 - NARUC CIAC TN 2017]"/>
        <member name="[CB - Account].[Account CB - Description].&amp;[0281000 - ADIT: Accel Amort Property]"/>
        <member name="[CB - Account].[Account CB - Description].&amp;[0281100 - ADIT: Acct 28100FAS109]"/>
        <member name="[CB - Account].[Account CB - Description].&amp;[0281200 - Deferred   Federal  Income Tax]"/>
        <member name="[CB - Account].[Account CB - Description].&amp;[0281201 - Deferred State Income Tax]"/>
        <member name="[CB - Account].[Account CB - Description].&amp;[0281300 - Deferred FIT - Current]"/>
        <member name="[CB - Account].[Account CB - Description].&amp;[0281301 - Deferred SIT - Current]"/>
        <member name="[CB - Account].[Account CB - Description].&amp;[0282000 - Accum DFit-Other Property]"/>
        <member name="[CB - Account].[Account CB - Description].&amp;[0282001 - Accum Dfit Rate Change]"/>
        <member name="[CB - Account].[Account CB - Description].&amp;[0282002 - Accum Dfit-Gaap]"/>
        <member name="[CB - Account].[Account CB - Description].&amp;[0282003 - Accum Dsit Rate Change]"/>
        <member name="[CB - Account].[Account CB - Description].&amp;[0282004 - Accum Dsit-Oth Prop-Gaap]"/>
        <member name="[CB - Account].[Account CB - Description].&amp;[0282005 - LT FIN48 NONCUR PROP DTL-FED]"/>
        <member name="[CB - Account].[Account CB - Description].&amp;[0282006 - LT FIN48 NONCUR PROP DTL-FL]"/>
        <member name="[CB - Account].[Account CB - Description].&amp;[0282007 - LT FIN48 NONCUR PROP DTL-NC]"/>
        <member name="[CB - Account].[Account CB - Description].&amp;[0282008 - LT FIN48 NONCUR PROP DTL-SC]"/>
        <member name="[CB - Account].[Account CB - Description].&amp;[0282103 - LT Def Tax Liability:State-282]"/>
        <member name="[CB - Account].[Account CB - Description].&amp;[0282104 - LT Def Tax Liability: Fed]"/>
        <member name="[CB - Account].[Account CB - Description].&amp;[0282105 - LT Def Tax Liability: State]"/>
        <member name="[CB - Account].[Account CB - Description].&amp;[0282106 - LT Def Tax Liability: Fed]"/>
        <member name="[CB - Account].[Account CB - Description].&amp;[0282107 - LT Def Tax Liability: State]"/>
        <member name="[CB - Account].[Account CB - Description].&amp;[0282110 - ADIT: Reg Assets: Federal]"/>
        <member name="[CB - Account].[Account CB - Description].&amp;[0282111 - ADIT: Reg Assets: State]"/>
        <member name="[CB - Account].[Account CB - Description].&amp;[0282200 - ADIT: Other Capitalized Items]"/>
        <member name="[CB - Account].[Account CB - Description].&amp;[0282210 - ADIT: Acct28220FAS109]"/>
        <member name="[CB - Account].[Account CB - Description].&amp;[0283000 - Accum DSIT-Other]"/>
        <member name="[CB - Account].[Account CB - Description].&amp;[0283001 - Accum Def Fed Income Tax]"/>
        <member name="[CB - Account].[Account CB - Description].&amp;[0283002 - Accum Dfit - Gaap]"/>
        <member name="[CB - Account].[Account CB - Description].&amp;[0283003 - Accum DSIT-Unitary]"/>
        <member name="[CB - Account].[Account CB - Description].&amp;[0283004 - Accum Dsit-Oth-Gaap]"/>
        <member name="[CB - Account].[Account CB - Description].&amp;[0283005 - Accum Dfit Reserve-Gaap]"/>
        <member name="[CB - Account].[Account CB - Description].&amp;[0283006 - Accum Dsit Reserve-Gaap]"/>
        <member name="[CB - Account].[Account CB - Description].&amp;[0283007 - FAS 133 - OCI Deferred Tax]"/>
        <member name="[CB - Account].[Account CB - Description].&amp;[0283008 - Accum Dsit-Tetco]"/>
        <member name="[CB - Account].[Account CB - Description].&amp;[0283009 - Accum Dsit-Other]"/>
        <member name="[CB - Account].[Account CB - Description].&amp;[0283010 - Accrued State Income Taxes]"/>
        <member name="[CB - Account].[Account CB - Description].&amp;[0283011 - Current Portion-Dit]"/>
        <member name="[CB - Account].[Account CB - Description].&amp;[0283012 - Current Portion - DSIT]"/>
        <member name="[CB - Account].[Account CB - Description].&amp;[0283013 - CURRENT DTL - FED]"/>
        <member name="[CB - Account].[Account CB - Description].&amp;[0283014 - CURRENT DTL - FL]"/>
        <member name="[CB - Account].[Account CB - Description].&amp;[0283015 - CURRENT DTL - NC]"/>
        <member name="[CB - Account].[Account CB - Description].&amp;[0283016 - CURRENT DTL - SC]"/>
        <member name="[CB - Account].[Account CB - Description].&amp;[0283020 - VALUATION ALLOWANCE]"/>
        <member name="[CB - Account].[Account CB - Description].&amp;[0283102 - LT Def Tax Liability: Fed-283]"/>
        <member name="[CB - Account].[Account CB - Description].&amp;[0283103 - LT Def Tax Liability:State-283]"/>
        <member name="[CB - Account].[Account CB - Description].&amp;[0283104 - LT Def Tax Liability: Fed]"/>
        <member name="[CB - Account].[Account CB - Description].&amp;[0283105 - LT Def Liability: State]"/>
        <member name="[CB - Account].[Account CB - Description].&amp;[0283110 - ADIT: Acct28310FAS109]"/>
        <member name="[CB - Account].[Account CB - Description].&amp;[0283113 - Curr Def Credit for State Liab]"/>
        <member name="[CB - Account].[Account CB - Description].&amp;[0283114 - Curr Def Credit for State Liab]"/>
        <member name="[CB - Account].[Account CB - Description].&amp;[0283115 - Curr Def Credit for State Liab]"/>
        <member name="[CB - Account].[Account CB - Description].&amp;[0283116 - LT Def Tax Liability: Fed]"/>
        <member name="[CB - Account].[Account CB - Description].&amp;[0283117 - LT Def Tax Liability: state]"/>
        <member name="[CB - Account].[Account CB - Description].&amp;[0283120 - ADIT: Acct28310FAS109RR lev]"/>
        <member name="[CB - Account].[Account CB - Description].&amp;[0283130 - Deferred Liability - Tax]"/>
        <member name="[CB - Account].[Account CB - Description].&amp;[0283200 - Inactive]"/>
        <member name="[CB - Account].[Account CB - Description].&amp;[0283300 - Inactive]"/>
        <member name="[CB - Account].[Account CB - Description].&amp;[0283410 - ADIT: NCR Pur Cap Lev: Federal]"/>
        <member name="[CB - Account].[Account CB - Description].&amp;[0283411 - ADIT: NCR Pur Cap Lev: State]"/>
        <member name="[CB - Account].[Account CB - Description].&amp;[0283420 - ADIT: SCR Pur Cap Lev: Federal]"/>
        <member name="[CB - Account].[Account CB - Description].&amp;[0283421 - ADIT: SCR Pur Cap Lev: State]"/>
        <member name="[CB - Account].[Account CB - Description].&amp;[0283430 - ADIT: Ferc Pur Cap Lev: Fed]"/>
        <member name="[CB - Account].[Account CB - Description].&amp;[0283431 - ADIT: Ferc Pur Cap Lev: State]"/>
        <member name="[CB - Account].[Account CB - Description].&amp;[0283440 - Def Tax Purch Cap-Reg Assets]"/>
        <member name="[CB - Account].[Account CB - Description].&amp;[0283450 - Deferred Foreign Tax]"/>
        <member name="[CB - Account].[Account CB - Description].&amp;[0283460 - Deferred Foreign - Current]"/>
        <member name="[CB - Account].[Account CB - Description].&amp;[0283897 - VIE-NR Deferred Income Taxes]"/>
        <member name="[CB - Account].[Account CB - Description].&amp;[0300000 - Contra Fixed Assets]"/>
        <member name="[CB - Account].[Account CB - Description].&amp;[0302100 - FRANCHISES AND CONSENTS]"/>
        <member name="[CB - Account].[Account CB - Description].&amp;[0302200 - FEASIBILITY STUDIES]"/>
        <member name="[CB - Account].[Account CB - Description].&amp;[0303100 - Intangible Plant - Fossil]"/>
        <member name="[CB - Account].[Account CB - Description].&amp;[0303200 - Intangible Plant-Nuclear]"/>
        <member name="[CB - Account].[Account CB - Description].&amp;[0303300 - Intangible Plant - Hydro]"/>
        <member name="[CB - Account].[Account CB - Description].&amp;[0303330 - Tangible Drilling Cost]"/>
        <member name="[CB - Account].[Account CB - Description].&amp;[0303400 - Intangible Plant-Other Prod]"/>
        <member name="[CB - Account].[Account CB - Description].&amp;[0303500 - Intangible Plant - Transmiss]"/>
        <member name="[CB - Account].[Account CB - Description].&amp;[0303600 - Intangible Plt - Distribution]"/>
        <member name="[CB - Account].[Account CB - Description].&amp;[0303700 - Intangible Plant-General]"/>
        <member name="[CB - Account].[Account CB - Description].&amp;[0303800 - IDC Bond Interest]"/>
        <member name="[CB - Account].[Account CB - Description].&amp;[0310100 - Land &amp; Rights-Power Plant]"/>
        <member name="[CB - Account].[Account CB - Description].&amp;[0310400 - Land and Rights-Recreatn-Steam]"/>
        <member name="[CB - Account].[Account CB - Description].&amp;[0311100 - Str &amp; Imp-Power Plant]"/>
        <member name="[CB - Account].[Account CB - Description].&amp;[0311400 - Str and Imp-Recreation-Steam]"/>
        <member name="[CB - Account].[Account CB - Description].&amp;[0311500 - Str &amp; Imp-Landscaping]"/>
        <member name="[CB - Account].[Account CB - Description].&amp;[0311900 - BP - Structures]"/>
        <member name="[CB - Account].[Account CB - Description].&amp;[0312000 - Boiler Plant Equipment-Steam]"/>
        <member name="[CB - Account].[Account CB - Description].&amp;[0312100 - Natl Gas Fuel Connection-Steam]"/>
        <member name="[CB - Account].[Account CB - Description].&amp;[0312900 - BP- BOILER PLANT EQUIP]"/>
        <member name="[CB - Account].[Account CB - Description].&amp;[0314000 - Turbogenerator Units-Steam]"/>
        <member name="[CB - Account].[Account CB - Description].&amp;[0314900 - BP-TURBOGENERATOR UNITS]"/>
        <member name="[CB - Account].[Account CB - Description].&amp;[0315000 - Accessory Electric Eqpmt-Steam]"/>
        <member name="[CB - Account].[Account CB - Description].&amp;[0315900 - BP- ACCESSORY ELECTRIC EQUIP]"/>
        <member name="[CB - Account].[Account CB - Description].&amp;[0316100 - Misc Equipment-Power Plt Steam]"/>
        <member name="[CB - Account].[Account CB - Description].&amp;[0316400 - Misc Equipment-Recreation]"/>
        <member name="[CB - Account].[Account CB - Description].&amp;[0316900 - BP- MISC EQUIP]"/>
        <member name="[CB - Account].[Account CB - Description].&amp;[0317000 - Asset Retirement Cost Fossil]"/>
        <member name="[CB - Account].[Account CB - Description].&amp;[0317199 - ARO Fossil landfills]"/>
        <member name="[CB - Account].[Account CB - Description].&amp;[0320100 - Land and Rights-Power Plt Nuc]"/>
        <member name="[CB - Account].[Account CB - Description].&amp;[0320400 - Land in fee-Nuc]"/>
        <member name="[CB - Account].[Account CB - Description].&amp;[0321100 - Str and Imp-Power Plant Nuc]"/>
        <member name="[CB - Account].[Account CB - Description].&amp;[0321400 - Str and Imp-Recreation-Nuc]"/>
        <member name="[CB - Account].[Account CB - Description].&amp;[0321500 - Str and Imp-Landscaping-Nuc]"/>
        <member name="[CB - Account].[Account CB - Description].&amp;[0322000 - Reactor Plant Equipment-Nuc]"/>
        <member name="[CB - Account].[Account CB - Description].&amp;[0323000 - Turbogenerator Units-Nuc]"/>
        <member name="[CB - Account].[Account CB - Description].&amp;[0324000 - Accessory Electric Eq Nuc]"/>
        <member name="[CB - Account].[Account CB - Description].&amp;[0325100 - Misc Equipment-Power Plant]"/>
        <member name="[CB - Account].[Account CB - Description].&amp;[0325400 - Misc Equipment-Recreation-Nuc]"/>
        <member name="[CB - Account].[Account CB - Description].&amp;[0326000 - Asset Retirement Cost- Nuclear]"/>
        <member name="[CB - Account].[Account CB - Description].&amp;[0330100 - Land and Rights-Powr Plt Hydro]"/>
        <member name="[CB - Account].[Account CB - Description].&amp;[0330200 - Land &amp; Rights-Pond Sanitn]"/>
        <member name="[CB - Account].[Account CB - Description].&amp;[0330300 - Land &amp; Rights-Fish/Wildlife]"/>
        <member name="[CB - Account].[Account CB - Description].&amp;[0330400 - Land and Rights-Recreatn-Hydro]"/>
        <member name="[CB - Account].[Account CB - Description].&amp;[0331100 - Str and Imp-Power Plant Hydro]"/>
        <member name="[CB - Account].[Account CB - Description].&amp;[0331200 - Str and Imp-Pond Sanit Hydro]"/>
        <member name="[CB - Account].[Account CB - Description].&amp;[0331300 - Str &amp; Imp-Fish/Wildlife]"/>
        <member name="[CB - Account].[Account CB - Description].&amp;[0331400 - Str and Imp-Recreation-Hydro]"/>
        <member name="[CB - Account].[Account CB - Description].&amp;[0332100 - Res Dm and Wtr-Power Plt Hydro]"/>
        <member name="[CB - Account].[Account CB - Description].&amp;[0332150 - Non-Reg Res Dm &amp; Wtr-Hydro]"/>
        <member name="[CB - Account].[Account CB - Description].&amp;[0332200 - Res, Dm &amp; Wtr-Pond Sanitation]"/>
        <member name="[CB - Account].[Account CB - Description].&amp;[0332300 - Res, Dm &amp; Wtr-Fish/Wildlife]"/>
        <member name="[CB - Account].[Account CB - Description].&amp;[0332400 - Res Dm and Wtr-Recreat-Hydro]"/>
        <member name="[CB - Account].[Account CB - Description].&amp;[0333000 - Watr Wheels Turbns/Gen-Hydro]"/>
        <member name="[CB - Account].[Account CB - Description].&amp;[0334000 - Accessory Electric Eqpmt-Hydro]"/>
        <member name="[CB - Account].[Account CB - Description].&amp;[0335100 - Misc Equip-Pwr Plant Hydro]"/>
        <member name="[CB - Account].[Account CB - Description].&amp;[0335200 - Misc Eq-Pond Sanitation-Hydro]"/>
        <member name="[CB - Account].[Account CB - Description].&amp;[0335300 - Misc Eq-Fish  Wildlife-Hydro]"/>
        <member name="[CB - Account].[Account CB - Description].&amp;[0335400 - Misc Equip-Recreation-Hydro]"/>
        <member name="[CB - Account].[Account CB - Description].&amp;[0336000 - Roads-Railrds - Bridges-Hydro]"/>
        <member name="[CB - Account].[Account CB - Description].&amp;[0337000 - Asset Retirement Cost - Hydro]"/>
        <member name="[CB - Account].[Account CB - Description].&amp;[0340000 - Land &amp; Land Rights]"/>
        <member name="[CB - Account].[Account CB - Description].&amp;[0341000 - Structures &amp; Improvements]"/>
        <member name="[CB - Account].[Account CB - Description].&amp;[0341100 - Other Comprehensive Incom]"/>
        <member name="[CB - Account].[Account CB - Description].&amp;[0341600 - Inactive]"/>
        <member name="[CB - Account].[Account CB - Description].&amp;[0342000 - Fuel Holdr Prdcrs/Acces-CTOthr]"/>
        <member name="[CB - Account].[Account CB - Description].&amp;[0342600 - Inactive]"/>
        <member name="[CB - Account].[Account CB - Description].&amp;[0343000 - Prime Movers-CT/Other]"/>
        <member name="[CB - Account].[Account CB - Description].&amp;[0343600 - Inactive]"/>
        <member name="[CB - Account].[Account CB - Description].&amp;[0344000 - Generators-CT/Other]"/>
        <member name="[CB - Account].[Account CB - Description].&amp;[0344600 - Inactive]"/>
        <member name="[CB - Account].[Account CB - Description].&amp;[0345000 - Accessory Electric Eq-CT/Other]"/>
        <member name="[CB - Account].[Account CB - Description].&amp;[0345600 - Inactive]"/>
        <member name="[CB - Account].[Account CB - Description].&amp;[0346000 - Misc Pwr Plt Equipmnt-CT/Other]"/>
        <member name="[CB - Account].[Account CB - Description].&amp;[0346600 - Inactive]"/>
        <member name="[CB - Account].[Account CB - Description].&amp;[0347000 - Asset Retirement Cost - Other]"/>
        <member name="[CB - Account].[Account CB - Description].&amp;[0350100 - Land Purchased In Fee-Trans]"/>
        <member name="[CB - Account].[Account CB - Description].&amp;[0350200 - R/W  Like Int In Land-OthTrans]"/>
        <member name="[CB - Account].[Account CB - Description].&amp;[0352000 - Structures And Improvnts-Trans]"/>
        <member name="[CB - Account].[Account CB - Description].&amp;[0353000 - Station Equipment-Trans]"/>
        <member name="[CB - Account].[Account CB - Description].&amp;[0353500 - Substat Eq-Resrv Stock-Trans]"/>
        <member name="[CB - Account].[Account CB - Description].&amp;[0354000 - Towers And Fixtures-Trans]"/>
        <member name="[CB - Account].[Account CB - Description].&amp;[0355000 - Poles And Fixtures-Trans]"/>
        <member name="[CB - Account].[Account CB - Description].&amp;[0356000 - Overhd Condctrs/Devices-Trans]"/>
        <member name="[CB - Account].[Account CB - Description].&amp;[0357000 - Underground Conduit-Trans]"/>
        <member name="[CB - Account].[Account CB - Description].&amp;[0358000 - Undergr Condctrs/Devices-Trans]"/>
        <member name="[CB - Account].[Account CB - Description].&amp;[0359000 - Roads and Trails-Trans]"/>
        <member name="[CB - Account].[Account CB - Description].&amp;[0360100 - Land Purchased In Fee-Distr]"/>
        <member name="[CB - Account].[Account CB - Description].&amp;[0360200 - Rights Of Way-Dist]"/>
        <member name="[CB - Account].[Account CB - Description].&amp;[0361000 - Structures And Improvnts-Distr]"/>
        <member name="[CB - Account].[Account CB - Description].&amp;[0362000 - Substation Equipment-Distr]"/>
        <member name="[CB - Account].[Account CB - Description].&amp;[0362500 - Substn Equip-Resrv Stock-Distr]"/>
        <member name="[CB - Account].[Account CB - Description].&amp;[0362780 - Substat-Section Control Unit]"/>
        <member name="[CB - Account].[Account CB - Description].&amp;[0364000 - Poles Towers Fixtures-Distr]"/>
        <member name="[CB - Account].[Account CB - Description].&amp;[0364500 - Contributions - Joint Use]"/>
        <member name="[CB - Account].[Account CB - Description].&amp;[0365000 - Overhd Condctrs/Devices-Distr]"/>
        <member name="[CB - Account].[Account CB - Description].&amp;[0365780 - Section Control Unit-Line]"/>
        <member name="[CB - Account].[Account CB - Description].&amp;[0366000 - Underground Conduit-Distr]"/>
        <member name="[CB - Account].[Account CB - Description].&amp;[0366500 - Contribution In Aid-Ug]"/>
        <member name="[CB - Account].[Account CB - Description].&amp;[0367000 - Undergrd Condctrs/Device-Distr]"/>
        <member name="[CB - Account].[Account CB - Description].&amp;[0367500 - Contribution In Aid-Ug]"/>
        <member name="[CB - Account].[Account CB - Description].&amp;[0368100 - Line Trnsfrmrs-Devices-Distr]"/>
        <member name="[CB - Account].[Account CB - Description].&amp;[0368200 - Underground Line Transformers]"/>
        <member name="[CB - Account].[Account CB - Description].&amp;[0368300 - Ln Trnsfrmrs-Ind-ComCust-Distr]"/>
        <member name="[CB - Account].[Account CB - Description].&amp;[0368900 - Ln Trnsfrms and Devices-Distr]"/>
        <member name="[CB - Account].[Account CB - Description].&amp;[0369000 - Services-Distr]"/>
        <member name="[CB - Account].[Account CB - Description].&amp;[0369500 - Contribution In Aid-Ug]"/>
        <member name="[CB - Account].[Account CB - Description].&amp;[0370000 - Meters-Distr]"/>
        <member name="[CB - Account].[Account CB - Description].&amp;[0370700 - Time Of Day Meters-Distr]"/>
        <member name="[CB - Account].[Account CB - Description].&amp;[0371200 - Inst On Cust Premises-Distr]"/>
        <member name="[CB - Account].[Account CB - Description].&amp;[0371700 - Load Control Devices-Distr]"/>
        <member name="[CB - Account].[Account CB - Description].&amp;[0373000 - St Light/Signal Systems-Distr]"/>
        <member name="[CB - Account].[Account CB - Description].&amp;[0389000 - Office Land]"/>
        <member name="[CB - Account].[Account CB - Description].&amp;[0389200 - Cost Of Right Of Way]"/>
        <member name="[CB - Account].[Account CB - Description].&amp;[0389600 - Cap Leases-Land]"/>
        <member name="[CB - Account].[Account CB - Description].&amp;[0390000 - Office Struct &amp; Improvements]"/>
        <member name="[CB - Account].[Account CB - Description].&amp;[0390050 - Non-Reg Office Struct &amp; Improv]"/>
        <member name="[CB - Account].[Account CB - Description].&amp;[0390600 - Capital Leases-Buildings]"/>
        <member name="[CB - Account].[Account CB - Description].&amp;[0391000 - Office Furniture &amp; Equipment]"/>
        <member name="[CB - Account].[Account CB - Description].&amp;[0391001 - Comp Eq /Software]"/>
        <member name="[CB - Account].[Account CB - Description].&amp;[0391002 - Furniture/Fixtures]"/>
        <member name="[CB - Account].[Account CB - Description].&amp;[0391003 - Pricing Desk]"/>
        <member name="[CB - Account].[Account CB - Description].&amp;[0392000 - Transportation Equipment]"/>
        <member name="[CB - Account].[Account CB - Description].&amp;[0393000 - Stores Equipment]"/>
        <member name="[CB - Account].[Account CB - Description].&amp;[0394000 - Tools, Shop &amp; Garage Equipment]"/>
        <member name="[CB - Account].[Account CB - Description].&amp;[0395000 - Laboratory Equipment]"/>
        <member name="[CB - Account].[Account CB - Description].&amp;[0395240 - Magnetic Tape Recorders]"/>
        <member name="[CB - Account].[Account CB - Description].&amp;[0395250 - Power Line Carrier]"/>
        <member name="[CB - Account].[Account CB - Description].&amp;[0395260 - Telephone Carrier]"/>
        <member name="[CB - Account].[Account CB - Description].&amp;[0396000 - Power Operated Equipment]"/>
        <member name="[CB - Account].[Account CB - Description].&amp;[0397000 - Communication Equipment]"/>
        <member name="[CB - Account].[Account CB - Description].&amp;[0398000 - Miscellaneous Equipment]"/>
        <member name="[CB - Account].[Account CB - Description].&amp;[0398001 - Office/Field Eq]"/>
        <member name="[CB - Account].[Account CB - Description].&amp;[0398002 - Leasehold Improve]"/>
        <member name="[CB - Account].[Account CB - Description].&amp;[0398003 - Project Equipment]"/>
        <member name="[CB - Account].[Account CB - Description].&amp;[0399199 - Asset Retirement Cost Gen Plt]"/>
        <member name="[CB - Account].[Account CB - Description].&amp;[0400200 - Power Purchases w/ DENA T&amp;M]"/>
        <member name="[CB - Account].[Account CB - Description].&amp;[0400201 - Power Purchases w/ DENA T&amp;M]"/>
        <member name="[CB - Account].[Account CB - Description].&amp;[0400202 - Power Purchase w/ DENA-T&amp;M]"/>
        <member name="[CB - Account].[Account CB - Description].&amp;[0401100 - Non-reg Operation Expense]"/>
        <member name="[CB - Account].[Account CB - Description].&amp;[0401101 - Gas Trans O&amp;M Allocation]"/>
        <member name="[CB - Account].[Account CB - Description].&amp;[0401200 - Pcb - Deferral]"/>
        <member name="[CB - Account].[Account CB - Description].&amp;[0401201 - Pcb - It Credit]"/>
        <member name="[CB - Account].[Account CB - Description].&amp;[0401202 - Pcb - Capital]"/>
        <member name="[CB - Account].[Account CB - Description].&amp;[0401203 - Pcb - It Amort]"/>
        <member name="[CB - Account].[Account CB - Description].&amp;[0401204 - Pcb - Te Reserve]"/>
        <member name="[CB - Account].[Account CB - Description].&amp;[0401480 - Non-reg Cost of Sales - Other]"/>
        <member name="[CB - Account].[Account CB - Description].&amp;[0401483 - NR COGS Misc Exp Other Coal]"/>
        <member name="[CB - Account].[Account CB - Description].&amp;[0401484 - NR COGS Misc Exp Other Binder]"/>
        <member name="[CB - Account].[Account CB - Description].&amp;[0401485 - NR COGS Misc Ex Oth Cons Maint]"/>
        <member name="[CB - Account].[Account CB - Description].&amp;[0401488 - COGS Misc Exp Oth Site Costs]"/>
        <member name="[CB - Account].[Account CB - Description].&amp;[0401500 - Operating Exp - Transmission]"/>
        <member name="[CB - Account].[Account CB - Description].&amp;[0403000 - Depr-Gathering Plant]"/>
        <member name="[CB - Account].[Account CB - Description].&amp;[0403001 - Depr-Underground Storage]"/>
        <member name="[CB - Account].[Account CB - Description].&amp;[0403003 - Depr-Afudc-Gross Up-Gaap]"/>
        <member name="[CB - Account].[Account CB - Description].&amp;[0403004 - Depr-Other Storage Plant]"/>
        <member name="[CB - Account].[Account CB - Description].&amp;[0403005 - Pur Acctg - Depreciation]"/>
        <member name="[CB - Account].[Account CB - Description].&amp;[0403006 - Interco Depr Expense]"/>
        <member name="[CB - Account].[Account CB - Description].&amp;[0403007 - IGCC Depreciation Expense]"/>
        <member name="[CB - Account].[Account CB - Description].&amp;[0403008 - IGCC Depr Amortizaton Expense]"/>
        <member name="[CB - Account].[Account CB - Description].&amp;[0403009 - Clean Coal Depreciation Exp]"/>
        <member name="[CB - Account].[Account CB - Description].&amp;[0403010 - Depr - deferral offset]"/>
        <member name="[CB - Account].[Account CB - Description].&amp;[0403011 - Depr-Transmission Plant]"/>
        <member name="[CB - Account].[Account CB - Description].&amp;[0403012 - Depr-Prod Extract Plant]"/>
        <member name="[CB - Account].[Account CB - Description].&amp;[0403013 - TDSIC2 - Depreciation Exp]"/>
        <member name="[CB - Account].[Account CB - Description].&amp;[0403015 - Fed Mandate Depreciation Exp]"/>
        <member name="[CB - Account].[Account CB - Description].&amp;[0403016 - TDSIC Depreciation Exp]"/>
        <member name="[CB - Account].[Account CB - Description].&amp;[0403017 - CCR Depreciation Exp]"/>
        <member name="[CB - Account].[Account CB - Description].&amp;[0403018 - Crane Depreciation Exp]"/>
        <member name="[CB - Account].[Account CB - Description].&amp;[0403019 - Markland Depreciation Exp]"/>
        <member name="[CB - Account].[Account CB - Description].&amp;[0403020 - Land Rights]"/>
        <member name="[CB - Account].[Account CB - Description].&amp;[0403021 - M&amp;R Structures and Imp]"/>
        <member name="[CB - Account].[Account CB - Description].&amp;[0403022 - Transmission Mains]"/>
        <member name="[CB - Account].[Account CB - Description].&amp;[0403023 - M&amp;R Equipment]"/>
        <member name="[CB - Account].[Account CB - Description].&amp;[0403024 - Furniture &amp; Equipment]"/>
        <member name="[CB - Account].[Account CB - Description].&amp;[0403025 - Computer Equipment]"/>
        <member name="[CB - Account].[Account CB - Description].&amp;[0403026 - Vehicles]"/>
        <member name="[CB - Account].[Account CB - Description].&amp;[0403027 - Heavy Work Equipment]"/>
        <member name="[CB - Account].[Account CB - Description].&amp;[0403028 - Tools &amp; Equipment]"/>
        <member name="[CB - Account].[Account CB - Description].&amp;[0403029 - Compressor Station S&amp;I]"/>
        <member name="[CB - Account].[Account CB - Description].&amp;[0403030 - Compressor Station Equip]"/>
        <member name="[CB - Account].[Account CB - Description].&amp;[0403031 - Comm Structures &amp; Equip]"/>
        <member name="[CB - Account].[Account CB - Description].&amp;[0403032 - CHP Depreciation Expense]"/>
        <member name="[CB - Account].[Account CB - Description].&amp;[0403040 - HARRIS DSLW-SC IND]"/>
        <member name="[CB - Account].[Account CB - Description].&amp;[0403041 - HARRIS DSLW-WH IND]"/>
        <member name="[CB - Account].[Account CB - Description].&amp;[0403042 - DEPRECIA-CONTRA AFUDC SC PLANT]"/>
        <member name="[CB - Account].[Account CB - Description].&amp;[0403043 - DEPRECIATION-WHOLESALE PLANT]"/>
        <member name="[CB - Account].[Account CB - Description].&amp;[0403044 - DEPRECIA-CONTRA AFUDC NC PLANT]"/>
        <member name="[CB - Account].[Account CB - Description].&amp;[0403045 - DEPRECI-CONTRA AFUDC POLL CONT]"/>
        <member name="[CB - Account].[Account CB - Description].&amp;[0403046 - HARRIS DSLW-  NC DIR]"/>
        <member name="[CB - Account].[Account CB - Description].&amp;[0403047 - HARRIS DSLW-  PA DIR]"/>
        <member name="[CB - Account].[Account CB - Description].&amp;[0403048 - HARRIS DSLW-WH DIR]"/>
        <member name="[CB - Account].[Account CB - Description].&amp;[0403049 - HARRIS DSLW- NC IND]"/>
        <member name="[CB - Account].[Account CB - Description].&amp;[0403050 - CONTRA DEPR-OATT]"/>
        <member name="[CB - Account].[Account CB - Description].&amp;[0403100 - Depr Of Steam Prod Plant]"/>
        <member name="[CB - Account].[Account CB - Description].&amp;[0403101 - Depreciation -Mitigation Steam]"/>
        <member name="[CB - Account].[Account CB - Description].&amp;[0403102 - Depr Exp - Oper Lessor]"/>
        <member name="[CB - Account].[Account CB - Description].&amp;[0403103 - Lease-Depr In rate base Plant]"/>
        <member name="[CB - Account].[Account CB - Description].&amp;[0403105 - Amort of unrecovered plant]"/>
        <member name="[CB - Account].[Account CB - Description].&amp;[0403109 - Depr Exp - Disallowance - NC]"/>
        <member name="[CB - Account].[Account CB - Description].&amp;[0403110 - Depr Team Prdn Plt- NC]"/>
        <member name="[CB - Account].[Account CB - Description].&amp;[0403111 - Depr Steam Prdn Plt- SC]"/>
        <member name="[CB - Account].[Account CB - Description].&amp;[0403112 - Depr Team Prdn Plt- WH]"/>
        <member name="[CB - Account].[Account CB - Description].&amp;[0403152 - IC Lease-Depr Cap(Act as Op)]"/>
        <member name="[CB - Account].[Account CB - Description].&amp;[0403200 - Depr Of Hydro Prod Plant]"/>
        <member name="[CB - Account].[Account CB - Description].&amp;[0403201 - Depr Hydro Prod Plnt - Sec 124]"/>
        <member name="[CB - Account].[Account CB - Description].&amp;[0403202 - DEPRECIAT-WHLSALE RATE DIFF PA]"/>
        <member name="[CB - Account].[Account CB - Description].&amp;[0403203 - DEPRECIATION-WHLSALE RATE DIFF]"/>
        <member name="[CB - Account].[Account CB - Description].&amp;[0403210 - Depr of Hydro Prod. - NC]"/>
        <member name="[CB - Account].[Account CB - Description].&amp;[0403211 - Depr of Hydro Prod. - SC]"/>
        <member name="[CB - Account].[Account CB - Description].&amp;[0403212 - Depr of Hydro Prod. - WH]"/>
        <member name="[CB - Account].[Account CB - Description].&amp;[0403250 - Depr Non-Rad Decom Exp]"/>
        <member name="[CB - Account].[Account CB - Description].&amp;[0403300 - Depr Of Transm Plant]"/>
        <member name="[CB - Account].[Account CB - Description].&amp;[0403310 - Depr Transm Plt- NC]"/>
        <member name="[CB - Account].[Account CB - Description].&amp;[0403311 - Depr Transm Plt- SC]"/>
        <member name="[CB - Account].[Account CB - Description].&amp;[0403312 - Depr Transm Plt- WH]"/>
        <member name="[CB - Account].[Account CB - Description].&amp;[0403350 - IC Lease-Depr of CT Plant]"/>
        <member name="[CB - Account].[Account CB - Description].&amp;[0403360 - Lease-Depr In rate base Plt IC]"/>
        <member name="[CB - Account].[Account CB - Description].&amp;[0403400 - Depr Of Distribution Plant]"/>
        <member name="[CB - Account].[Account CB - Description].&amp;[0403401 - DEPRECIATION-SC RATE DIFF]"/>
        <member name="[CB - Account].[Account CB - Description].&amp;[0403408 - DEP COR Settlement- NCUC]"/>
        <member name="[CB - Account].[Account CB - Description].&amp;[0403410 - Depr Distribn Plt - NC]"/>
        <member name="[CB - Account].[Account CB - Description].&amp;[0403411 - Depr Distribn Plt - SC]"/>
        <member name="[CB - Account].[Account CB - Description].&amp;[0403412 - Depr Distribn Plt - WH]"/>
        <member name="[CB - Account].[Account CB - Description].&amp;[0403501 - SC EDP Depreciation Expense]"/>
        <member name="[CB - Account].[Account CB - Description].&amp;[0403600 - Depr Of Comb Turb Plant]"/>
        <member name="[CB - Account].[Account CB - Description].&amp;[0403601 - CT Plant Deprec. - Mitigation]"/>
        <member name="[CB - Account].[Account CB - Description].&amp;[0403602 - Rotable Fleet Spare Amort]"/>
        <member name="[CB - Account].[Account CB - Description].&amp;[0403610 - Depr Cmb Turbine- NC]"/>
        <member name="[CB - Account].[Account CB - Description].&amp;[0403611 - Depr Cmb Turbine- SC]"/>
        <member name="[CB - Account].[Account CB - Description].&amp;[0403612 - Depr Cmb Turbine- WH]"/>
        <member name="[CB - Account].[Account CB - Description].&amp;[0403613 - SC Grid Amort - Deferred Depr]"/>
        <member name="[CB - Account].[Account CB - Description].&amp;[0403700 - Depr Of Nuc Prod Plant]"/>
        <member name="[CB - Account].[Account CB - Description].&amp;[0403710 - Depr Nuc Product- NC]"/>
        <member name="[CB - Account].[Account CB - Description].&amp;[0403711 - Depr Nuc Product- SC]"/>
        <member name="[CB - Account].[Account CB - Description].&amp;[0403712 - Depr Nuc Product- WH]"/>
        <member name="[CB - Account].[Account CB - Description].&amp;[0403800 - Decommissioning Exp]"/>
        <member name="[CB - Account].[Account CB - Description].&amp;[0403805 - DEPREC ON  INV IN REAL ESTATE]"/>
        <member name="[CB - Account].[Account CB - Description].&amp;[0403850 - Deferral of Depr. Exp.-Solar]"/>
        <member name="[CB - Account].[Account CB - Description].&amp;[0403900 - DEPR_EXPENSE_PUR_ACCTG_ADJ]"/>
        <member name="[CB - Account].[Account CB - Description].&amp;[0403950 - BudAdj-Depreciation]"/>
        <member name="[CB - Account].[Account CB - Description].&amp;[0404000 - Amortization Expense]"/>
        <member name="[CB - Account].[Account CB - Description].&amp;[0404001 - Customer Connect Amortization]"/>
        <member name="[CB - Account].[Account CB - Description].&amp;[0404100 - Amor Of Limited Term Elec Plt]"/>
        <member name="[CB - Account].[Account CB - Description].&amp;[0404101 - AMORT OF  LTD TERM PLT- EQUITY]"/>
        <member name="[CB - Account].[Account CB - Description].&amp;[0404102 - Lease Amort]"/>
        <member name="[CB - Account].[Account CB - Description].&amp;[0404150 - Amort of LTD Term Plt]"/>
        <member name="[CB - Account].[Account CB - Description].&amp;[0404201 - Amort-Capital Leases]"/>
        <member name="[CB - Account].[Account CB - Description].&amp;[0404202 - Lease Amort]"/>
        <member name="[CB - Account].[Account CB - Description].&amp;[0404300 - Amort-Trans Agmt w/TETCO]"/>
        <member name="[CB - Account].[Account CB - Description].&amp;[0404301 - Amort-Leaseholds]"/>
        <member name="[CB - Account].[Account CB - Description].&amp;[0404302 - Amort-Intangibles]"/>
        <member name="[CB - Account].[Account CB - Description].&amp;[0404303 - AMORT OF  LTD TERM PLT- MAT/AP]"/>
        <member name="[CB - Account].[Account CB - Description].&amp;[0404400 - FRANCHISE AMORTIZATION]"/>
        <member name="[CB - Account].[Account CB - Description].&amp;[0404401 - AMORT OF LTD PLANT-FL]"/>
        <member name="[CB - Account].[Account CB - Description].&amp;[0404402 - AMORT OF ECCR PLANT]"/>
        <member name="[CB - Account].[Account CB - Description].&amp;[0404500 - FEASIBILITY STUDIES AMORT]"/>
        <member name="[CB - Account].[Account CB - Description].&amp;[0404505 - Amortization Expense Purch Adj]"/>
        <member name="[CB - Account].[Account CB - Description].&amp;[0405000 - Depr-Other Gas Plant]"/>
        <member name="[CB - Account].[Account CB - Description].&amp;[0405010 - Inactive]"/>
        <member name="[CB - Account].[Account CB - Description].&amp;[0405011 - Amort of Other Pur Acctg]"/>
        <member name="[CB - Account].[Account CB - Description].&amp;[0405100 - Inactive]"/>
        <member name="[CB - Account].[Account CB - Description].&amp;[0405200 - Inactive]"/>
        <member name="[CB - Account].[Account CB - Description].&amp;[0405220 - Inactive]"/>
        <member name="[CB - Account].[Account CB - Description].&amp;[0405310 - Amort Of Def Catwba Pur Cap-Nc]"/>
        <member name="[CB - Account].[Account CB - Description].&amp;[0405320 - Amort Of Def Catwba Pur Cap-Sc]"/>
        <member name="[CB - Account].[Account CB - Description].&amp;[0405330 - Amort Of Def Cat Pur Cap-Wlsle]"/>
        <member name="[CB - Account].[Account CB - Description].&amp;[0406000 - Amor/Elec Plt Acquisition Adj]"/>
        <member name="[CB - Account].[Account CB - Description].&amp;[0406001 - Amort Exp - Elec Plant Acq]"/>
        <member name="[CB - Account].[Account CB - Description].&amp;[0406150 - Amort of Acq Adj]"/>
        <member name="[CB - Account].[Account CB - Description].&amp;[0406505 - Amort Exp - Acq Purch Adj]"/>
        <member name="[CB - Account].[Account CB - Description].&amp;[0407000 - Amortization of Property Loss]"/>
        <member name="[CB - Account].[Account CB - Description].&amp;[0407001 - Amort of Gridsouth Cost (NC)]"/>
        <member name="[CB - Account].[Account CB - Description].&amp;[0407002 - BRUNSWICK DESIGN BASIS]"/>
        <member name="[CB - Account].[Account CB - Description].&amp;[0407003 - ROBINSON DESIGN BASIS]"/>
        <member name="[CB - Account].[Account CB - Description].&amp;[0407004 - MAYO2 ABAN LOSS &amp; AFC DBT WHLE]"/>
        <member name="[CB - Account].[Account CB - Description].&amp;[0407005 - NC Storm Amortization]"/>
        <member name="[CB - Account].[Account CB - Description].&amp;[0407100 - AMORT_REG_ASSETS]"/>
        <member name="[CB - Account].[Account CB - Description].&amp;[0407101 - Harris COLA Amort - Wholesale]"/>
        <member name="[CB - Account].[Account CB - Description].&amp;[0407102 - Harris COLA Amort - Retail]"/>
        <member name="[CB - Account].[Account CB - Description].&amp;[0407110 - Amort ExpPost In Svc Carry Chg]"/>
        <member name="[CB - Account].[Account CB - Description].&amp;[0407120 - Amort of Unrecovered Plant]"/>
        <member name="[CB - Account].[Account CB - Description].&amp;[0407150 - NCEMPA NC Debt Return]"/>
        <member name="[CB - Account].[Account CB - Description].&amp;[0407160 - NCEMPA SC Debt &amp; Equity Return]"/>
        <member name="[CB - Account].[Account CB - Description].&amp;[0407200 - AMORT_PROP_LOSS_PUR_ACCT_ADJ]"/>
        <member name="[CB - Account].[Account CB - Description].&amp;[0407214 - Amor Exp04 RSP Retrn on Debt]"/>
        <member name="[CB - Account].[Account CB - Description].&amp;[0407260 - Deferred Depreciation Expense]"/>
        <member name="[CB - Account].[Account CB - Description].&amp;[0407300 - COR Settlements Amort-SC]"/>
        <member name="[CB - Account].[Account CB - Description].&amp;[0407301 - Amort of Gridsouth Cost (NC(I)]"/>
        <member name="[CB - Account].[Account CB - Description].&amp;[0407302 - ABSAT Return Amort]"/>
        <member name="[CB - Account].[Account CB - Description].&amp;[0407303 - Hurricane Ike Amortization]"/>
        <member name="[CB - Account].[Account CB - Description].&amp;[0407304 - Amort of Gridsouth-Wholesale]"/>
        <member name="[CB - Account].[Account CB - Description].&amp;[0407306 - NC Cliffside Amortization]"/>
        <member name="[CB - Account].[Account CB - Description].&amp;[0407307 - SC Cliffside Amortization]"/>
        <member name="[CB - Account].[Account CB - Description].&amp;[0407308 - Wholesale Cliff Amortization]"/>
        <member name="[CB - Account].[Account CB - Description].&amp;[0407309 - Pension Amortization]"/>
        <member name="[CB - Account].[Account CB - Description].&amp;[0407310 - Annual Provision Environ Cost]"/>
        <member name="[CB - Account].[Account CB - Description].&amp;[0407311 - Regulatory Debits]"/>
        <member name="[CB - Account].[Account CB - Description].&amp;[0407312 - Smart Grid Amortization Expens]"/>
        <member name="[CB - Account].[Account CB - Description].&amp;[0407313 - Amortization of CWDCC]"/>
        <member name="[CB - Account].[Account CB - Description].&amp;[0407314 - OH  Dist Decoupling Deferral]"/>
        <member name="[CB - Account].[Account CB - Description].&amp;[0407315 - Amortization - EV Rebate - C&amp;I]"/>
        <member name="[CB - Account].[Account CB - Description].&amp;[0407316 - IGCC Rate Refund]"/>
        <member name="[CB - Account].[Account CB - Description].&amp;[0407317 - Amort of GridSouth (SC)]"/>
        <member name="[CB - Account].[Account CB - Description].&amp;[0407318 - Reg Debit - SPP DEF]"/>
        <member name="[CB - Account].[Account CB - Description].&amp;[0407319 - EVCS deferral amortization]"/>
        <member name="[CB - Account].[Account CB - Description].&amp;[0407320 - Depreciation Deferral Amort]"/>
        <member name="[CB - Account].[Account CB - Description].&amp;[0407321 - Dynegy Reg Debits-FERC 407.3]"/>
        <member name="[CB - Account].[Account CB - Description].&amp;[0407322 - Storm Cost Reg Asset Amort]"/>
        <member name="[CB - Account].[Account CB - Description].&amp;[0407323 - SFAS 143 - REG. DEBIT]"/>
        <member name="[CB - Account].[Account CB - Description].&amp;[0407325 - SC &amp; FL Coal Ash Amortization]"/>
        <member name="[CB - Account].[Account CB - Description].&amp;[0407326 - Wholesale Coal Ash Amort Exp]"/>
        <member name="[CB - Account].[Account CB - Description].&amp;[0407327 - Unbillable Coal Ash Expense]"/>
        <member name="[CB - Account].[Account CB - Description].&amp;[0407328 - Nuclear Levelization NC]"/>
        <member name="[CB - Account].[Account CB - Description].&amp;[0407329 - Wayne NC Regulatory Debit]"/>
        <member name="[CB - Account].[Account CB - Description].&amp;[0407330 - NC Saluda/Allen Amortization]"/>
        <member name="[CB - Account].[Account CB - Description].&amp;[0407331 - SC Saluda/Allen Amortization]"/>
        <member name="[CB - Account].[Account CB - Description].&amp;[0407332 - Wholesale Saluda/Allen Amortiz]"/>
        <member name="[CB - Account].[Account CB - Description].&amp;[0407333 - SC EDP Depreciation]"/>
        <member name="[CB - Account].[Account CB - Description].&amp;[0407334 - Reg Debit - DSM/EE NC O&amp;M]"/>
        <member name="[CB - Account].[Account CB - Description].&amp;[0407335 - Reg Debit - DSM/EE SC O&amp;M]"/>
        <member name="[CB - Account].[Account CB - Description].&amp;[0407336 - Reg Debit - REPS]"/>
        <member name="[CB - Account].[Account CB - Description].&amp;[0407337 - REG DEBIT- DSM/EE SC O&amp;M]"/>
        <member name="[CB - Account].[Account CB - Description].&amp;[0407338 - CR3 Amortization]"/>
        <member name="[CB - Account].[Account CB - Description].&amp;[0407339 - Sutton SC Regulatory Debit]"/>
        <member name="[CB - Account].[Account CB - Description].&amp;[0407340 - SC Grid Amort]"/>
        <member name="[CB - Account].[Account CB - Description].&amp;[0407341 - DE IN Phase 2 Env Plan Amort]"/>
        <member name="[CB - Account].[Account CB - Description].&amp;[0407342 - Nuclear Fuel-Last Core Amort]"/>
        <member name="[CB - Account].[Account CB - Description].&amp;[0407343 - Buck/Bridgewater amort-NC]"/>
        <member name="[CB - Account].[Account CB - Description].&amp;[0407344 - Buck/Bridgewater Amort-SC]"/>
        <member name="[CB - Account].[Account CB - Description].&amp;[0407345 - Buck/Bridgewater amort-WS]"/>
        <member name="[CB - Account].[Account CB - Description].&amp;[0407346 - Cliffside 6 Amort-NC]"/>
        <member name="[CB - Account].[Account CB - Description].&amp;[0407347 - Cliffside 6 amort-SC]"/>
        <member name="[CB - Account].[Account CB - Description].&amp;[0407348 - Cliffside 6 Amort-WS]"/>
        <member name="[CB - Account].[Account CB - Description].&amp;[0407349 - Dan River amort-NC]"/>
        <member name="[CB - Account].[Account CB - Description].&amp;[0407350 - REPS Rider NC Retail]"/>
        <member name="[CB - Account].[Account CB - Description].&amp;[0407351 - REPS Rider NC Whse]"/>
        <member name="[CB - Account].[Account CB - Description].&amp;[0407352 - REPS Rider NC Retail-Cert]"/>
        <member name="[CB - Account].[Account CB - Description].&amp;[0407353 - REPS Rider NC Whse-Cert]"/>
        <member name="[CB - Account].[Account CB - Description].&amp;[0407354 - DSM Deferral - Electric]"/>
        <member name="[CB - Account].[Account CB - Description].&amp;[0407355 - DSM Deferral - Gas]"/>
        <member name="[CB - Account].[Account CB - Description].&amp;[0407356 - Deferred VOP Amortization]"/>
        <member name="[CB - Account].[Account CB - Description].&amp;[0407357 - REG DEBIT-NUCL COST RECOVERY]"/>
        <member name="[CB - Account].[Account CB - Description].&amp;[0407358 - Reg Debit - DSM/EE NC]"/>
        <member name="[CB - Account].[Account CB - Description].&amp;[0407359 - Reg Debit - DSM/EE SC]"/>
        <member name="[CB - Account].[Account CB - Description].&amp;[0407360 - CPRE REPS Rider NC Retail]"/>
        <member name="[CB - Account].[Account CB - Description].&amp;[0407361 - REG DEBIT-ECRC O&amp;M DEF]"/>
        <member name="[CB - Account].[Account CB - Description].&amp;[0407362 - Dan River amort-SC]"/>
        <member name="[CB - Account].[Account CB - Description].&amp;[0407363 - Dan River amort-WS]"/>
        <member name="[CB - Account].[Account CB - Description].&amp;[0407364 - Oconee HELB amort-SC]"/>
        <member name="[CB - Account].[Account CB - Description].&amp;[0407365 - McGuire Uprate Amort - NC]"/>
        <member name="[CB - Account].[Account CB - Description].&amp;[0407366 - McGuire Uprate Amort - SC]"/>
        <member name="[CB - Account].[Account CB - Description].&amp;[0407367 - McGuire Uprate amort - WS]"/>
        <member name="[CB - Account].[Account CB - Description].&amp;[0407368 - Fukushima CyberSecurity Amo-SC]"/>
        <member name="[CB - Account].[Account CB - Description].&amp;[0407369 - Buck Retired Plant Amort-NC]"/>
        <member name="[CB - Account].[Account CB - Description].&amp;[0407370 - SO2 EA Amortization]"/>
        <member name="[CB - Account].[Account CB - Description].&amp;[0407371 - AMORTIZATION-STORM EXP-WHSLE]"/>
        <member name="[CB - Account].[Account CB - Description].&amp;[0407372 - AMORTIZATION RATE CASE EXP]"/>
        <member name="[CB - Account].[Account CB - Description].&amp;[0407373 - Buck Retired Plant amort-SC]"/>
        <member name="[CB - Account].[Account CB - Description].&amp;[0407374 - Buck Retired Plant amort-WS]"/>
        <member name="[CB - Account].[Account CB - Description].&amp;[0407375 - M&amp;S Inv EOL Reserve Amort]"/>
        <member name="[CB - Account].[Account CB - Description].&amp;[0407376 - Clemson Univ Grant Amort]"/>
        <member name="[CB - Account].[Account CB - Description].&amp;[0407377 - Deferred NCDT Fund]"/>
        <member name="[CB - Account].[Account CB - Description].&amp;[0407378 - Ohio MGP amortization]"/>
        <member name="[CB - Account].[Account CB - Description].&amp;[0407379 - Amort - East Bend Def Depr]"/>
        <member name="[CB - Account].[Account CB - Description].&amp;[0407380 - Reg Debit-Retired Plant NC]"/>
        <member name="[CB - Account].[Account CB - Description].&amp;[0407381 - Retired Plant Amort - Retail]"/>
        <member name="[CB - Account].[Account CB - Description].&amp;[0407382 - Retired Plant Amort - Whlsle]"/>
        <member name="[CB - Account].[Account CB - Description].&amp;[0407383 - Amort Coal Ash Spend- Whlsale]"/>
        <member name="[CB - Account].[Account CB - Description].&amp;[0407384 - IGCC Reg Asset Amort]"/>
        <member name="[CB - Account].[Account CB - Description].&amp;[0407385 - Deferred NDTF Overfund]"/>
        <member name="[CB - Account].[Account CB - Description].&amp;[0407386 - Wabash 6 WS Plant Amortiz]"/>
        <member name="[CB - Account].[Account CB - Description].&amp;[0407387 - DEF CR4&amp;5 Accelerated Deprecia]"/>
        <member name="[CB - Account].[Account CB - Description].&amp;[0407388 - COR Settlement Amortz - NC]"/>
        <member name="[CB - Account].[Account CB - Description].&amp;[0407389 - CR South Reg Asset Amrtz]"/>
        <member name="[CB - Account].[Account CB - Description].&amp;[0407390 - NCEMPA Adjustment]"/>
        <member name="[CB - Account].[Account CB - Description].&amp;[0407391 - SC Storm Reserve Accrual]"/>
        <member name="[CB - Account].[Account CB - Description].&amp;[0407392 - Amort Debt Ret-NC]"/>
        <member name="[CB - Account].[Account CB - Description].&amp;[0407393 - Amort Debt Ret SC]"/>
        <member name="[CB - Account].[Account CB - Description].&amp;[0407394 - Amortization Customer Connect]"/>
        <member name="[CB - Account].[Account CB - Description].&amp;[0407395 - Amortization Job Retention]"/>
        <member name="[CB - Account].[Account CB - Description].&amp;[0407396 - Amortization Storm NC]"/>
        <member name="[CB - Account].[Account CB - Description].&amp;[0407397 - Amortization Storm SC]"/>
        <member name="[CB - Account].[Account CB - Description].&amp;[0407398 - EDIT Rider Amortization]"/>
        <member name="[CB - Account].[Account CB - Description].&amp;[0407399 - Amortization - Misc]"/>
        <member name="[CB - Account].[Account CB - Description].&amp;[0407400 - Inactive]"/>
        <member name="[CB - Account].[Account CB - Description].&amp;[0407401 - Regulatory Credits]"/>
        <member name="[CB - Account].[Account CB - Description].&amp;[0407402 - Regulatory Cr-Onshore]"/>
        <member name="[CB - Account].[Account CB - Description].&amp;[0407403 - Regulatory Cr- Storage]"/>
        <member name="[CB - Account].[Account CB - Description].&amp;[0407404 - Amort Exp - RSP Prop Tax]"/>
        <member name="[CB - Account].[Account CB - Description].&amp;[0407405 - AmortExp-Def Dep Nblsvl Repwr]"/>
        <member name="[CB - Account].[Account CB - Description].&amp;[0407406 - Amort Exp-RSP Depreciation]"/>
        <member name="[CB - Account].[Account CB - Description].&amp;[0407408 - Smart Grid deferral Electric]"/>
        <member name="[CB - Account].[Account CB - Description].&amp;[0407409 - Smart Grid deferral Gas]"/>
        <member name="[CB - Account].[Account CB - Description].&amp;[0407410 - Misc Capacity Amortization]"/>
        <member name="[CB - Account].[Account CB - Description].&amp;[0407411 - SFAS 143 - REG. CREDIT]"/>
        <member name="[CB - Account].[Account CB - Description].&amp;[0407412 - REG CREDIT-CR3 DEPRECIATION]"/>
        <member name="[CB - Account].[Account CB - Description].&amp;[0407413 - DSM/EE O&amp;M DEFERRAL]"/>
        <member name="[CB - Account].[Account CB - Description].&amp;[0407414 - DSM/EE CAPITAL DEFERRAL]"/>
        <member name="[CB - Account].[Account CB - Description].&amp;[0407415 - REPS DEFERRAL]"/>
        <member name="[CB - Account].[Account CB - Description].&amp;[0407416 - REG CREDIT DSM/EE OTHER]"/>
        <member name="[CB - Account].[Account CB - Description].&amp;[0407417 - POLLUTION CONTROL SC O&amp;M DEFER]"/>
        <member name="[CB - Account].[Account CB - Description].&amp;[0407418 - POLLUTION CRTL SC DEPREC DEFER]"/>
        <member name="[CB - Account].[Account CB - Description].&amp;[0407419 - DSM/EE O&amp;M DEFERRAL]"/>
        <member name="[CB - Account].[Account CB - Description].&amp;[0407420 - NC Rate Remand Amortization]"/>
        <member name="[CB - Account].[Account CB - Description].&amp;[0407421 - BTR Deferral]"/>
        <member name="[CB - Account].[Account CB - Description].&amp;[0407422 - FL Deferred Capacity Exp-Credi]"/>
        <member name="[CB - Account].[Account CB - Description].&amp;[0407423 - FL Deferred Fuel Exp - Credits]"/>
        <member name="[CB - Account].[Account CB - Description].&amp;[0407424 - Amortization]"/>
        <member name="[CB - Account].[Account CB - Description].&amp;[0407425 - Amort of NC UNBLFL Giveback]"/>
        <member name="[CB - Account].[Account CB - Description].&amp;[0407426 - FL EMISS AUC PROC AMORT]"/>
        <member name="[CB - Account].[Account CB - Description].&amp;[0407427 - REG CREDIT-NUCL COST RECO]"/>
        <member name="[CB - Account].[Account CB - Description].&amp;[0407428 - REG CREDIT- ECRC O&amp;M DEF]"/>
        <member name="[CB - Account].[Account CB - Description].&amp;[0407429 - REGULATORY CREDIT-COR]"/>
        <member name="[CB - Account].[Account CB - Description].&amp;[0407430 - NC Nuc Ins Reserve Amort]"/>
        <member name="[CB - Account].[Account CB - Description].&amp;[0407431 - Pollution Control SC O&amp;M Defer]"/>
        <member name="[CB - Account].[Account CB - Description].&amp;[0407432 - Reg Credit - DSM/EE NC O&amp;M Def]"/>
        <member name="[CB - Account].[Account CB - Description].&amp;[0407433 - Reg Credit - DSM/EE SC O&amp;M Def]"/>
        <member name="[CB - Account].[Account CB - Description].&amp;[0407434 - Reg Credit - Reps Deferral]"/>
        <member name="[CB - Account].[Account CB - Description].&amp;[0407435 - NC Nuclear Levelization Reg Cr]"/>
        <member name="[CB - Account].[Account CB - Description].&amp;[0407436 - NC Wayne Regulatory Credit]"/>
        <member name="[CB - Account].[Account CB - Description].&amp;[0407437 - Harris Gains NC]"/>
        <member name="[CB - Account].[Account CB - Description].&amp;[0407438 - DEO Gas CEP revenue deferral]"/>
        <member name="[CB - Account].[Account CB - Description].&amp;[0407439 - Def Depr East Bend]"/>
        <member name="[CB - Account].[Account CB - Description].&amp;[0407440 - SC Nuc Ins Reserve Amort]"/>
        <member name="[CB - Account].[Account CB - Description].&amp;[0407441 - NITS O&amp;M Deferral]"/>
        <member name="[CB - Account].[Account CB - Description].&amp;[0407442 - NITS Depreciation Deferral]"/>
        <member name="[CB - Account].[Account CB - Description].&amp;[0407443 - NITS Other Taxes Deferral]"/>
        <member name="[CB - Account].[Account CB - Description].&amp;[0407444 - DOE Settlement Reg Liab Amort]"/>
        <member name="[CB - Account].[Account CB - Description].&amp;[0407445 - SC Storm Reserve]"/>
        <member name="[CB - Account].[Account CB - Description].&amp;[0407446 - Reactive Power Expense]"/>
        <member name="[CB - Account].[Account CB - Description].&amp;[0407447 - Lee CC Amort-NC Equity]"/>
        <member name="[CB - Account].[Account CB - Description].&amp;[0407448 - Lee CC Amort-NC Debt Ret]"/>
        <member name="[CB - Account].[Account CB - Description].&amp;[0407449 - Amort Levelized Ret LeeCC]"/>
        <member name="[CB - Account].[Account CB - Description].&amp;[0407450 - NC Amort of Retail REC Exp]"/>
        <member name="[CB - Account].[Account CB - Description].&amp;[0407451 - NC Amort of Whse REC Exp]"/>
        <member name="[CB - Account].[Account CB - Description].&amp;[0407452 - NCEMPA NC Deferral &amp; Amortiz]"/>
        <member name="[CB - Account].[Account CB - Description].&amp;[0407453 - NCEMPA SC Deferral &amp; Amortiz]"/>
        <member name="[CB - Account].[Account CB - Description].&amp;[0407454 - NCEMPA NC deferrals/recovery]"/>
        <member name="[CB - Account].[Account CB - Description].&amp;[0407455 - Lee CC Amort SC]"/>
        <member name="[CB - Account].[Account CB - Description].&amp;[0407457 - CertainTeed-Liquidated Defer]"/>
        <member name="[CB - Account].[Account CB - Description].&amp;[0407458 - NC NBV Retired Plant Def Depr]"/>
        <member name="[CB - Account].[Account CB - Description].&amp;[0407459 - TDSIC2 - Carrying Charges]"/>
        <member name="[CB - Account].[Account CB - Description].&amp;[0407460 - IGCC Defer Tax Incentive Exp]"/>
        <member name="[CB - Account].[Account CB - Description].&amp;[0407461 - IGCC Reg Liability Amort]"/>
        <member name="[CB - Account].[Account CB - Description].&amp;[0407462 - Continued Amortization]"/>
        <member name="[CB - Account].[Account CB - Description].&amp;[0407463 - Defer DEF Final Dismantlement]"/>
        <member name="[CB - Account].[Account CB - Description].&amp;[0407466 - Reactive Power Expense]"/>
        <member name="[CB - Account].[Account CB - Description].&amp;[0407500 - Amortization Of Deferrals]"/>
        <member name="[CB - Account].[Account CB - Description].&amp;[0407501 - EDIT Rider Amort - NC Retail]"/>
        <member name="[CB - Account].[Account CB - Description].&amp;[0407600 - Amortization - Gallagher 1 &amp; 3]"/>
        <member name="[CB - Account].[Account CB - Description].&amp;[0407601 - Continued Amortization]"/>
        <member name="[CB - Account].[Account CB - Description].&amp;[0407700 - SC DERP Amortization]"/>
        <member name="[CB - Account].[Account CB - Description].&amp;[0407904 - RTC Elec Retail Amort Exp]"/>
        <member name="[CB - Account].[Account CB - Description].&amp;[0407906 - RegAsset OH&amp;Muni Tax Amort Exp]"/>
        <member name="[CB - Account].[Account CB - Description].&amp;[0407907 - Regulatory Asset-Deferral Acct]"/>
        <member name="[CB - Account].[Account CB - Description].&amp;[0408010 - Nc Property Tax-Water]"/>
        <member name="[CB - Account].[Account CB - Description].&amp;[0408020 - Inactive]"/>
        <member name="[CB - Account].[Account CB - Description].&amp;[0408030 - Nc Property Tax-Merchandising]"/>
        <member name="[CB - Account].[Account CB - Description].&amp;[0408050 - Municipal License-Electric]"/>
        <member name="[CB - Account].[Account CB - Description].&amp;[0408055 - FL Property Tax-Electric]"/>
        <member name="[CB - Account].[Account CB - Description].&amp;[0408060 - Inactive]"/>
        <member name="[CB - Account].[Account CB - Description].&amp;[0408070 - Inactive]"/>
        <member name="[CB - Account].[Account CB - Description].&amp;[0408080 - Nc Municipal License-Merch]"/>
        <member name="[CB - Account].[Account CB - Description].&amp;[0408090 - Inactive]"/>
        <member name="[CB - Account].[Account CB - Description].&amp;[0408100 - Franchise Tax - Electric]"/>
        <member name="[CB - Account].[Account CB - Description].&amp;[0408101 - Ohio Kilowatt Tax]"/>
        <member name="[CB - Account].[Account CB - Description].&amp;[0408102 - Ohio MCF Tax]"/>
        <member name="[CB - Account].[Account CB - Description].&amp;[0408103 - PAYROLL TAX - PROJECT SUPT NCR]"/>
        <member name="[CB - Account].[Account CB - Description].&amp;[0408110 - Nc Franchise Tax-Water]"/>
        <member name="[CB - Account].[Account CB - Description].&amp;[0408113 - Fl Reg Assessment Fee-Elec Tax]"/>
        <member name="[CB - Account].[Account CB - Description].&amp;[0408114 - Municipal License-Electric]"/>
        <member name="[CB - Account].[Account CB - Description].&amp;[0408122 - General Taxes - Mitigation]"/>
        <member name="[CB - Account].[Account CB - Description].&amp;[0408123 - Deferred Property Tax - NC]"/>
        <member name="[CB - Account].[Account CB - Description].&amp;[0408124 - Deferred Property Tax - SC]"/>
        <member name="[CB - Account].[Account CB - Description].&amp;[0408125 - Deferred Property Taxes-WH]"/>
        <member name="[CB - Account].[Account CB - Description].&amp;[0408130 - Inactive]"/>
        <member name="[CB - Account].[Account CB - Description].&amp;[0408140 - Inactive]"/>
        <member name="[CB - Account].[Account CB - Description].&amp;[0408145 - MA Excise Tax]"/>
        <member name="[CB - Account].[Account CB - Description].&amp;[0408153 - Employer Local Tax]"/>
        <member name="[CB - Account].[Account CB - Description].&amp;[0408160 - Nc Unemployment Tax-Water]"/>
        <member name="[CB - Account].[Account CB - Description].&amp;[0408170 - Inactive]"/>
        <member name="[CB - Account].[Account CB - Description].&amp;[0408180 - Nc Unemployment Tax-Merch]"/>
        <member name="[CB - Account].[Account CB - Description].&amp;[0408190 - Inactive]"/>
        <member name="[CB - Account].[Account CB - Description].&amp;[0408191 - Commercial Activity Tax]"/>
        <member name="[CB - Account].[Account CB - Description].&amp;[0408192 - CY PROP TAX DEFERRALS]"/>
        <member name="[CB - Account].[Account CB - Description].&amp;[0408193 - PY PROPTAX DEFERRALS AMORT]"/>
        <member name="[CB - Account].[Account CB - Description].&amp;[0408200 - Nc Industrial Comm-Electric]"/>
        <member name="[CB - Account].[Account CB - Description].&amp;[0408201 - Taxes-Oth Income &amp; Deductions]"/>
        <member name="[CB - Account].[Account CB - Description].&amp;[0408210 - Nc Industrial Comm-Water]"/>
        <member name="[CB - Account].[Account CB - Description].&amp;[0408220 - Inactive]"/>
        <member name="[CB - Account].[Account CB - Description].&amp;[0408223 - FL Property Tx-Mis Non-Op]"/>
        <member name="[CB - Account].[Account CB - Description].&amp;[0408230 - Inactive]"/>
        <member name="[CB - Account].[Account CB - Description].&amp;[0408231 - CA Franchise Tax]"/>
        <member name="[CB - Account].[Account CB - Description].&amp;[0408240 - Inactive]"/>
        <member name="[CB - Account].[Account CB - Description].&amp;[0408250 - Nc Intangibles Tax-Electric]"/>
        <member name="[CB - Account].[Account CB - Description].&amp;[0408260 - Nc Intangibles Tax-Water]"/>
        <member name="[CB - Account].[Account CB - Description].&amp;[0408270 - Inactive]"/>
        <member name="[CB - Account].[Account CB - Description].&amp;[0408280 - Nc Intangibles Tax-Merch]"/>
        <member name="[CB - Account].[Account CB - Description].&amp;[0408290 - Inactive]"/>
        <member name="[CB - Account].[Account CB - Description].&amp;[0408300 - Nc Chain Store Tax-Merch]"/>
        <member name="[CB - Account].[Account CB - Description].&amp;[0408310 - Inactive]"/>
        <member name="[CB - Account].[Account CB - Description].&amp;[0408320 - Inactive]"/>
        <member name="[CB - Account].[Account CB - Description].&amp;[0408330 - Inactive]"/>
        <member name="[CB - Account].[Account CB - Description].&amp;[0408340 - Inactive]"/>
        <member name="[CB - Account].[Account CB - Description].&amp;[0408360 - Sc Property Tax-Electric]"/>
        <member name="[CB - Account].[Account CB - Description].&amp;[0408370 - Sc Property Tax-Water]"/>
        <member name="[CB - Account].[Account CB - Description].&amp;[0408380 - Inactive]"/>
        <member name="[CB - Account].[Account CB - Description].&amp;[0408390 - Sc Property Tax-Merch]"/>
        <member name="[CB - Account].[Account CB - Description].&amp;[0408400 - Sc Property Tx-Misc Nonutility]"/>
        <member name="[CB - Account].[Account CB - Description].&amp;[0408410 - Sc Municipal License-Wholesale]"/>
        <member name="[CB - Account].[Account CB - Description].&amp;[0408420 - Inactive]"/>
        <member name="[CB - Account].[Account CB - Description].&amp;[0408430 - Inactive]"/>
        <member name="[CB - Account].[Account CB - Description].&amp;[0408440 - Sc Muni License-Merchandising]"/>
        <member name="[CB - Account].[Account CB - Description].&amp;[0408450 - Inactive]"/>
        <member name="[CB - Account].[Account CB - Description].&amp;[0408460 - Sc Kwh Power Gen Tax-Electric]"/>
        <member name="[CB - Account].[Account CB - Description].&amp;[0408465 - FL Kwh Power Gen Tax-Electric]"/>
        <member name="[CB - Account].[Account CB - Description].&amp;[0408480 - SC Gross Receipts Tax - Wtr]"/>
        <member name="[CB - Account].[Account CB - Description].&amp;[0408490 - Inactive]"/>
        <member name="[CB - Account].[Account CB - Description].&amp;[0408500 - Sc Franchise Tax-Merchandising]"/>
        <member name="[CB - Account].[Account CB - Description].&amp;[0408510 - Sc Frnchs Tax-Misc Nonutility]"/>
        <member name="[CB - Account].[Account CB - Description].&amp;[0408520 - SC Public Service Com-Elec Tax]"/>
        <member name="[CB - Account].[Account CB - Description].&amp;[0408530 - Sc Public Service Comm-Water]"/>
        <member name="[CB - Account].[Account CB - Description].&amp;[0408540 - Inactive]"/>
        <member name="[CB - Account].[Account CB - Description].&amp;[0408550 - Sc Public Serv Comm-Merch]"/>
        <member name="[CB - Account].[Account CB - Description].&amp;[0408560 - Inactive]"/>
        <member name="[CB - Account].[Account CB - Description].&amp;[0408570 - Sc Unemployment Tax-Electric]"/>
        <member name="[CB - Account].[Account CB - Description].&amp;[0408580 - Sc Unemployment Tax-Water]"/>
        <member name="[CB - Account].[Account CB - Description].&amp;[0408590 - Inactive]"/>
        <member name="[CB - Account].[Account CB - Description].&amp;[0408600 - Sc Unemploy Tax-Merchandising]"/>
        <member name="[CB - Account].[Account CB - Description].&amp;[0408610 - Inactive]"/>
        <member name="[CB - Account].[Account CB - Description].&amp;[0408620 - Sc Greenwood Tax-Electric]"/>
        <member name="[CB - Account].[Account CB - Description].&amp;[0408630 - SC Industrial Comm-Elec Tax]"/>
        <member name="[CB - Account].[Account CB - Description].&amp;[0408640 - Sc Chain Store Tax-Merch]"/>
        <member name="[CB - Account].[Account CB - Description].&amp;[0408650 - Inactive]"/>
        <member name="[CB - Account].[Account CB - Description].&amp;[0408660 - Inactive]"/>
        <member name="[CB - Account].[Account CB - Description].&amp;[0408670 - Inactive]"/>
        <member name="[CB - Account].[Account CB - Description].&amp;[0408690 - Inactive]"/>
        <member name="[CB - Account].[Account CB - Description].&amp;[0408710 - Fed Social Security Tax-Water]"/>
        <member name="[CB - Account].[Account CB - Description].&amp;[0408720 - Inactive]"/>
        <member name="[CB - Account].[Account CB - Description].&amp;[0408730 - Fed Soc Sec Tax-Merchandising]"/>
        <member name="[CB - Account].[Account CB - Description].&amp;[0408740 - Inactive]"/>
        <member name="[CB - Account].[Account CB - Description].&amp;[0408750 - Federal Unemployment Tax-Elec]"/>
        <member name="[CB - Account].[Account CB - Description].&amp;[0408760 - Federal Unemployment Tax-Water]"/>
        <member name="[CB - Account].[Account CB - Description].&amp;[0408770 - Inactive]"/>
        <member name="[CB - Account].[Account CB - Description].&amp;[0408780 - Fed Unemployment Tax-Merch]"/>
        <member name="[CB - Account].[Account CB - Description].&amp;[0408790 - Inactive]"/>
        <member name="[CB - Account].[Account CB - Description].&amp;[0408810 - Inactive]"/>
        <member name="[CB - Account].[Account CB - Description].&amp;[0408830 - Misc Georgia-Electric Tax]"/>
        <member name="[CB - Account].[Account CB - Description].&amp;[0408850 - Fed Mfg Vehicle Excise Tax]"/>
        <member name="[CB - Account].[Account CB - Description].&amp;[0408860 - BudAdj-General Tax]"/>
        <member name="[CB - Account].[Account CB - Description].&amp;[0408870 - Inactive]"/>
        <member name="[CB - Account].[Account CB - Description].&amp;[0408880 - Inactive]"/>
        <member name="[CB - Account].[Account CB - Description].&amp;[0408890 - Inactive]"/>
        <member name="[CB - Account].[Account CB - Description].&amp;[0408940 - Payroll Taxes]"/>
        <member name="[CB - Account].[Account CB - Description].&amp;[0408950 - Payroll Taxes]"/>
        <member name="[CB - Account].[Account CB - Description].&amp;[0408961 - Payroll Tax Trans-Oper]"/>
        <member name="[CB - Account].[Account CB - Description].&amp;[0408962 - Payroll Tax Trans-Maint]"/>
        <member name="[CB - Account].[Account CB - Description].&amp;[0408963 - NC Alloc Payroll Tax]"/>
        <member name="[CB - Account].[Account CB - Description].&amp;[0408964 - SC Alloc Payroll Tax]"/>
        <member name="[CB - Account].[Account CB - Description].&amp;[0408970 - PAYROLL TAX RECLASS]"/>
        <member name="[CB - Account].[Account CB - Description].&amp;[0408980 - Allocated Payroll Taxes]"/>
        <member name="[CB - Account].[Account CB - Description].&amp;[0408990 - Allocated Payroll Taxes -]"/>
        <member name="[CB - Account].[Account CB - Description].&amp;[0409000 - Franchise Tax Expense]"/>
        <member name="[CB - Account].[Account CB - Description].&amp;[0409100 - GA Income Tax - Electric-CY]"/>
        <member name="[CB - Account].[Account CB - Description].&amp;[0409101 - GA Income Tax-Electric-PY]"/>
        <member name="[CB - Account].[Account CB - Description].&amp;[0409103 - Current Federal Income Tax-P]"/>
        <member name="[CB - Account].[Account CB - Description].&amp;[0409105 - GA Inc Tax-Electric-PY-Refund]"/>
        <member name="[CB - Account].[Account CB - Description].&amp;[0409107 - Fit Exp-Utility]"/>
        <member name="[CB - Account].[Account CB - Description].&amp;[0409110 - NC Income Tax-Electric-CY]"/>
        <member name="[CB - Account].[Account CB - Description].&amp;[0409111 - NC Income Tax-Electric-PY]"/>
        <member name="[CB - Account].[Account CB - Description].&amp;[0409112 - UTP Tax Expense: State Utility]"/>
        <member name="[CB - Account].[Account CB - Description].&amp;[0409113 - UTP Tax Exp: State Util-PY]"/>
        <member name="[CB - Account].[Account CB - Description].&amp;[0409115 - NC Inc Tax-Elec-PY-Audit]"/>
        <member name="[CB - Account].[Account CB - Description].&amp;[0409120 - NC Income Tax-Water-CY]"/>
        <member name="[CB - Account].[Account CB - Description].&amp;[0409121 - NC Income Tax-Water-PY]"/>
        <member name="[CB - Account].[Account CB - Description].&amp;[0409130 - Inactive]"/>
        <member name="[CB - Account].[Account CB - Description].&amp;[0409140 - NC Income Tax-Nonutility-CY]"/>
        <member name="[CB - Account].[Account CB - Description].&amp;[0409141 - NC Income Tax-Nonutility-PY]"/>
        <member name="[CB - Account].[Account CB - Description].&amp;[0409150 - SC Income Tax-Electric-CY]"/>
        <member name="[CB - Account].[Account CB - Description].&amp;[0409151 - SC Income Taax-Electric-PY]"/>
        <member name="[CB - Account].[Account CB - Description].&amp;[0409155 - SC Inc Tax-Elec-PY-Audit]"/>
        <member name="[CB - Account].[Account CB - Description].&amp;[0409156 - SC Inc Tax-Electric-PY-Refunds]"/>
        <member name="[CB - Account].[Account CB - Description].&amp;[0409160 - SC Income Tax-Water-CY]"/>
        <member name="[CB - Account].[Account CB - Description].&amp;[0409161 - SC Income Tax-Water-PY]"/>
        <member name="[CB - Account].[Account CB - Description].&amp;[0409170 - GA Income Tax-Nonutility-CY]"/>
        <member name="[CB - Account].[Account CB - Description].&amp;[0409171 - GA Income Tax-Nonutility-PY]"/>
        <member name="[CB - Account].[Account CB - Description].&amp;[0409180 - SC Income Tax-Nonutility-CY]"/>
        <member name="[CB - Account].[Account CB - Description].&amp;[0409181 - SC Income Tax-Nonutility-PY]"/>
        <member name="[CB - Account].[Account CB - Description].&amp;[0409192 - UTP Tax Expense: Fed Utility]"/>
        <member name="[CB - Account].[Account CB - Description].&amp;[0409193 - Tax Expense: Fed Utility-PY]"/>
        <member name="[CB - Account].[Account CB - Description].&amp;[0409194 - Current FIT Elec - PY Audit]"/>
        <member name="[CB - Account].[Account CB - Description].&amp;[0409196 - Curr FIT-Elec-PY Refunds]"/>
        <member name="[CB - Account].[Account CB - Description].&amp;[0409197 - Current State Inc Tax-Util]"/>
        <member name="[CB - Account].[Account CB - Description].&amp;[0409198 - BudAdj-Income Tax]"/>
        <member name="[CB - Account].[Account CB - Description].&amp;[0409200 - Federal Income Tax-Water-CY]"/>
        <member name="[CB - Account].[Account CB - Description].&amp;[0409201 - Fed Income Tax-Water-PY]"/>
        <member name="[CB - Account].[Account CB - Description].&amp;[0409203 - Foreign Income Tax]"/>
        <member name="[CB - Account].[Account CB - Description].&amp;[0409204 - Fees for Tax Projects]"/>
        <member name="[CB - Account].[Account CB - Description].&amp;[0409205 - Current Foreign Income Tax-PY]"/>
        <member name="[CB - Account].[Account CB - Description].&amp;[0409206 - Foreign Income Tax]"/>
        <member name="[CB - Account].[Account CB - Description].&amp;[0409207 - FIT Exp - Non Utility]"/>
        <member name="[CB - Account].[Account CB - Description].&amp;[0409208 - UTP Tax Expense: Intl]"/>
        <member name="[CB - Account].[Account CB - Description].&amp;[0409209 - UTP Tax Expense: Intl-PY]"/>
        <member name="[CB - Account].[Account CB - Description].&amp;[0409210 - Inactive]"/>
        <member name="[CB - Account].[Account CB - Description].&amp;[0409211 - Fit EXP-MGMT/INTEL PROP CHRG G]"/>
        <member name="[CB - Account].[Account CB - Description].&amp;[0409222 - UTP Tax Expense: Fed Non-Util]"/>
        <member name="[CB - Account].[Account CB - Description].&amp;[0409223 - UTP Tax Exp:Fed Non-Util-PY]"/>
        <member name="[CB - Account].[Account CB - Description].&amp;[0409225 - Curr FIT-Nonutility-PY-Audit]"/>
        <member name="[CB - Account].[Account CB - Description].&amp;[0409226 - Curr FIT-Nonutility-PY-Refunds]"/>
        <member name="[CB - Account].[Account CB - Description].&amp;[0409230 - NC Income Tax- Nonutility CY]"/>
        <member name="[CB - Account].[Account CB - Description].&amp;[0409231 - NC Income Tax- Nonutility PY]"/>
        <member name="[CB - Account].[Account CB - Description].&amp;[0409232 - UTP Tax Expense:State Non-Util]"/>
        <member name="[CB - Account].[Account CB - Description].&amp;[0409235 - NC Inc Tax-Nonutility PY-Audit]"/>
        <member name="[CB - Account].[Account CB - Description].&amp;[0409236 - NC Inc Tax-Nonutil-PY-Refurnds]"/>
        <member name="[CB - Account].[Account CB - Description].&amp;[0409240 - GA Income Tax- Nonutility CY]"/>
        <member name="[CB - Account].[Account CB - Description].&amp;[0409241 - GA Income Tax- Nonutility PY]"/>
        <member name="[CB - Account].[Account CB - Description].&amp;[0409245 - GA Inc Tax-Nonutil PY-Refunds]"/>
        <member name="[CB - Account].[Account CB - Description].&amp;[0409246 - GA Inc Tax-Nonutil-PY-Refund]"/>
        <member name="[CB - Account].[Account CB - Description].&amp;[0409250 - Tax Consulting Fees]"/>
        <member name="[CB - Account].[Account CB - Description].&amp;[0409260 - SC Income Tax- Nonutility CY]"/>
        <member name="[CB - Account].[Account CB - Description].&amp;[0409261 - SC Income Tax- Nonutility PY]"/>
        <member name="[CB - Account].[Account CB - Description].&amp;[0409265 - SC Inc Tax-Nonutility PY-Audit]"/>
        <member name="[CB - Account].[Account CB - Description].&amp;[0409266 - SC Inc Tax-Nonutil-PY-Refunds]"/>
        <member name="[CB - Account].[Account CB - Description].&amp;[0409297 - Current State Inc Tax-Non Util]"/>
        <member name="[CB - Account].[Account CB - Description].&amp;[0409310 - State Income Taxes]"/>
        <member name="[CB - Account].[Account CB - Description].&amp;[0409311 - Current State Income Tax - PY]"/>
        <member name="[CB - Account].[Account CB - Description].&amp;[0409313 - CSIT - PY Audit]"/>
        <member name="[CB - Account].[Account CB - Description].&amp;[0409314 - Cur State Inc Tax - PY - Refun]"/>
        <member name="[CB - Account].[Account CB - Description].&amp;[0409320 - Federal Income Taxes]"/>
        <member name="[CB - Account].[Account CB - Description].&amp;[0409321 - Current Federal Income Tax-PY]"/>
        <member name="[CB - Account].[Account CB - Description].&amp;[0409322 - CFIT - PY Audit]"/>
        <member name="[CB - Account].[Account CB - Description].&amp;[0409323 - CFIT - PY Refund]"/>
        <member name="[CB - Account].[Account CB - Description].&amp;[0409340 - Foreign Income Tax Expense]"/>
        <member name="[CB - Account].[Account CB - Description].&amp;[0409350 - Current Foreign Income Tax-PY]"/>
        <member name="[CB - Account].[Account CB - Description].&amp;[0409351 - Deferred Foreign Inc Tax - PY]"/>
        <member name="[CB - Account].[Account CB - Description].&amp;[0409380 - Federal Income Tax - Ext Item]"/>
        <member name="[CB - Account].[Account CB - Description].&amp;[0409390 - State Income Tax  - Ext Item]"/>
        <member name="[CB - Account].[Account CB - Description].&amp;[0409400 - Tax on Discops-Fed Current]"/>
        <member name="[CB - Account].[Account CB - Description].&amp;[0409401 - Tax on Loss Dsp of DOP-Fed Cur]"/>
        <member name="[CB - Account].[Account CB - Description].&amp;[0409410 - Deferred FIT on Disc Op]"/>
        <member name="[CB - Account].[Account CB - Description].&amp;[0409411 - Deferred FIT on Disp Disc Ops]"/>
        <member name="[CB - Account].[Account CB - Description].&amp;[0409420 - Current SIT on Disc Op]"/>
        <member name="[CB - Account].[Account CB - Description].&amp;[0409421 - Cur SIT on Disp of Disc Op]"/>
        <member name="[CB - Account].[Account CB - Description].&amp;[0409430 - Deferred SIT on Disc Op]"/>
        <member name="[CB - Account].[Account CB - Description].&amp;[0409431 - DSIT on Loss from Dsp of DOP]"/>
        <member name="[CB - Account].[Account CB - Description].&amp;[0409440 - Current For Taxes on Disc Op]"/>
        <member name="[CB - Account].[Account CB - Description].&amp;[0409441 - Current Foreign Tax on Disc Op]"/>
        <member name="[CB - Account].[Account CB - Description].&amp;[0409450 - Deferred For Taxes on Disc OP]"/>
        <member name="[CB - Account].[Account CB - Description].&amp;[0409451 - Deferred For Taxes on Disc Op]"/>
        <member name="[CB - Account].[Account CB - Description].&amp;[0409980 - Taxes Alloc fr SC-Gas Federal]"/>
        <member name="[CB - Account].[Account CB - Description].&amp;[0409985 - Taxes Alloc fr SC - Gas State]"/>
        <member name="[CB - Account].[Account CB - Description].&amp;[0409990 - Taxes Alloc fr SC-Elec Federal]"/>
        <member name="[CB - Account].[Account CB - Description].&amp;[0409995 - Taxes Alloc fr SC-Elec State]"/>
        <member name="[CB - Account].[Account CB - Description].&amp;[0410000 - Missing]"/>
        <member name="[CB - Account].[Account CB - Description].&amp;[0410101 - Dfit Exp-Gaap]"/>
        <member name="[CB - Account].[Account CB - Description].&amp;[0410103 - Dsit Exp-Gaap]"/>
        <member name="[CB - Account].[Account CB - Description].&amp;[0410104 - Dfit Exp-Afudc Gross Up-Gaap]"/>
        <member name="[CB - Account].[Account CB - Description].&amp;[0410107 - UTP DFIT:Utility:CY]"/>
        <member name="[CB - Account].[Account CB - Description].&amp;[0410108 - UTP DSIT:Utility:CY]"/>
        <member name="[CB - Account].[Account CB - Description].&amp;[0410109 - DFIT:Utility:Prior Year]"/>
        <member name="[CB - Account].[Account CB - Description].&amp;[0410110 - DSIT:Utility:Prior Year]"/>
        <member name="[CB - Account].[Account CB - Description].&amp;[0410111 - Prov/Defd Inc Tax-Electric-PY]"/>
        <member name="[CB - Account].[Account CB - Description].&amp;[0410131 - UTP DSIT:Utility:PY]"/>
        <member name="[CB - Account].[Account CB - Description].&amp;[0410200 - Deferred Foreign Taxes Expense]"/>
        <member name="[CB - Account].[Account CB - Description].&amp;[0410201 - Deferred Foreign Inc Tax-PY]"/>
        <member name="[CB - Account].[Account CB - Description].&amp;[0410202 - PY INCOME TAX AMORT]"/>
        <member name="[CB - Account].[Account CB - Description].&amp;[0410203 - UTP Def Tax Expense: Intl]"/>
        <member name="[CB - Account].[Account CB - Description].&amp;[0410204 - UTP Def Tax Expense: Intl PY]"/>
        <member name="[CB - Account].[Account CB - Description].&amp;[0410210 - Catawba-Prov For Def Inc Taxes]"/>
        <member name="[CB - Account].[Account CB - Description].&amp;[0410220 - Deferred Tax Ncemc]"/>
        <member name="[CB - Account].[Account CB - Description].&amp;[0410230 - UTP DFIT:Non-Utility:PY]"/>
        <member name="[CB - Account].[Account CB - Description].&amp;[0410231 - UTP DSIT:Non-Utility:PY]"/>
        <member name="[CB - Account].[Account CB - Description].&amp;[0410244 - UTP DFIT:Non-Utility:CY]"/>
        <member name="[CB - Account].[Account CB - Description].&amp;[0410245 - UTP DSIT:Non-Utility:CY]"/>
        <member name="[CB - Account].[Account CB - Description].&amp;[0410246 - DFIT:Non-Utility:Prior year]"/>
        <member name="[CB - Account].[Account CB - Description].&amp;[0410247 - DSIT:Non-Utility:Prior year]"/>
        <member name="[CB - Account].[Account CB - Description].&amp;[0410300 - Tax Alloc from Svc Co NonUtil]"/>
        <member name="[CB - Account].[Account CB - Description].&amp;[0410380 - DFIT: Extraordinary Items]"/>
        <member name="[CB - Account].[Account CB - Description].&amp;[0410390 - DSIT: Extraordinary Items]"/>
        <member name="[CB - Account].[Account CB - Description].&amp;[0410400 - Missing]"/>
        <member name="[CB - Account].[Account CB - Description].&amp;[0410980 - Taxes Alloc From Svc Co - Gas]"/>
        <member name="[CB - Account].[Account CB - Description].&amp;[0410990 - Taxes Alloc From Svc Co - Elec]"/>
        <member name="[CB - Account].[Account CB - Description].&amp;[0411055 - Def FIT Cr Other Inc &amp;Ded TI 0]"/>
        <member name="[CB - Account].[Account CB - Description].&amp;[0411104 - UTP DFIT:Utility:CY]"/>
        <member name="[CB - Account].[Account CB - Description].&amp;[0411105 - UTP DSIT:Utility:CY]"/>
        <member name="[CB - Account].[Account CB - Description].&amp;[0411106 - DFIT:Utility:Prior year]"/>
        <member name="[CB - Account].[Account CB - Description].&amp;[0411107 - DSIT:Utility:Prior year]"/>
        <member name="[CB - Account].[Account CB - Description].&amp;[0411108 - FAS 143 - ACCRETION EXPENSE]"/>
        <member name="[CB - Account].[Account CB - Description].&amp;[0411110 - Def Inc Tax Credits-Electrc-CY]"/>
        <member name="[CB - Account].[Account CB - Description].&amp;[0411111 - Def Inc Tax Credits-Electc-PY]"/>
        <member name="[CB - Account].[Account CB - Description].&amp;[0411112 - AccretionExpense]"/>
        <member name="[CB - Account].[Account CB - Description].&amp;[0411130 - UTP DFIT:Utility:PY]"/>
        <member name="[CB - Account].[Account CB - Description].&amp;[0411131 - UTP DSIT:Utility:PY]"/>
        <member name="[CB - Account].[Account CB - Description].&amp;[0411210 - Catawba-Prov For Def Inc Taxes]"/>
        <member name="[CB - Account].[Account CB - Description].&amp;[0411220 - Inactive]"/>
        <member name="[CB - Account].[Account CB - Description].&amp;[0411230 - UTP DFIT:Non-Utility:PY]"/>
        <member name="[CB - Account].[Account CB - Description].&amp;[0411231 - UTP DSIT:Non-Utility:PY]"/>
        <member name="[CB - Account].[Account CB - Description].&amp;[0411244 - UTP DFIT:Non-Utility:CY]"/>
        <member name="[CB - Account].[Account CB - Description].&amp;[0411245 - UTP DSIT:Non-Utility:CY]"/>
        <member name="[CB - Account].[Account CB - Description].&amp;[0411246 - DFIT:Non-Utility:Prior year]"/>
        <member name="[CB - Account].[Account CB - Description].&amp;[0411247 - DSIT:Non-Utility:Prior year]"/>
        <member name="[CB - Account].[Account CB - Description].&amp;[0411420 - Invest Tax Credit Adj-Water]"/>
        <member name="[CB - Account].[Account CB - Description].&amp;[0411430 - Inactive]"/>
        <member name="[CB - Account].[Account CB - Description].&amp;[0411440 - Deferred  Federal  Income Tax]"/>
        <member name="[CB - Account].[Account CB - Description].&amp;[0411441 - Deferred State Income Tax]"/>
        <member name="[CB - Account].[Account CB - Description].&amp;[0411442 - Deferred Foreign Tax Exp]"/>
        <member name="[CB - Account].[Account CB - Description].&amp;[0411443 - UTP Def Tax Expense: Intl]"/>
        <member name="[CB - Account].[Account CB - Description].&amp;[0411444 - UTP Def Tax Expense: Intl PY]"/>
        <member name="[CB - Account].[Account CB - Description].&amp;[0411450 - Deferred Federal Inc Tax - PY]"/>
        <member name="[CB - Account].[Account CB - Description].&amp;[0411451 - Deferred State Income Tax - PY]"/>
        <member name="[CB - Account].[Account CB - Description].&amp;[0411452 - DSIT - PY ATA]"/>
        <member name="[CB - Account].[Account CB - Description].&amp;[0411453 - Fed Eff Dfd State - Audit]"/>
        <member name="[CB - Account].[Account CB - Description].&amp;[0411454 - Fed Eff Dfd State - Pymt/refun]"/>
        <member name="[CB - Account].[Account CB - Description].&amp;[0411455 - DFIT - PY-Refund]"/>
        <member name="[CB - Account].[Account CB - Description].&amp;[0411456 - Fed Eff Dfd State - True-up]"/>
        <member name="[CB - Account].[Account CB - Description].&amp;[0411457 - Fed Eff Dfd State - Other]"/>
        <member name="[CB - Account].[Account CB - Description].&amp;[0411458 - Fed Eff Dfd State - Unitary]"/>
        <member name="[CB - Account].[Account CB - Description].&amp;[0411500 - Invest Tax Cr Adj-Nonutility]"/>
        <member name="[CB - Account].[Account CB - Description].&amp;[0411600 - Gains/Disposition-Utility Plt]"/>
        <member name="[CB - Account].[Account CB - Description].&amp;[0411700 - Losses-Disposition Utility Plt]"/>
        <member name="[CB - Account].[Account CB - Description].&amp;[0411703 - Loss on Asset Ret Obligation]"/>
        <member name="[CB - Account].[Account CB - Description].&amp;[0411800 - GAINS-DISPOSITION ALLOWANCES]"/>
        <member name="[CB - Account].[Account CB - Description].&amp;[0411801 - Gains Disposition Allowances]"/>
        <member name="[CB - Account].[Account CB - Description].&amp;[0411802 - S02 GAIN ON DISP OF ALLOWANCES]"/>
        <member name="[CB - Account].[Account CB - Description].&amp;[0411805 - GAINS DISPOSITION_PURCH_ACCT]"/>
        <member name="[CB - Account].[Account CB - Description].&amp;[0411810 - Emmission Allowance]"/>
        <member name="[CB - Account].[Account CB - Description].&amp;[0411822 - SO2 Sales Proceeds]"/>
        <member name="[CB - Account].[Account CB - Description].&amp;[0411823 - SO2 Sales COGS]"/>
        <member name="[CB - Account].[Account CB - Description].&amp;[0411824 - SO2 Sales Proceeds-Native]"/>
        <member name="[CB - Account].[Account CB - Description].&amp;[0411825 - SO2 Sales COGS-Native]"/>
        <member name="[CB - Account].[Account CB - Description].&amp;[0411832 - NOx Sales Proceeds]"/>
        <member name="[CB - Account].[Account CB - Description].&amp;[0411833 - NOx Sales COGS]"/>
        <member name="[CB - Account].[Account CB - Description].&amp;[0411834 - NOx Sales Proceeds Native]"/>
        <member name="[CB - Account].[Account CB - Description].&amp;[0411835 - NOx Sales COGS -Native]"/>
        <member name="[CB - Account].[Account CB - Description].&amp;[0411843 - SO2 Proceeds - Native]"/>
        <member name="[CB - Account].[Account CB - Description].&amp;[0411844 - SO2 COS - Native]"/>
        <member name="[CB - Account].[Account CB - Description].&amp;[0411845 - Seasonal NOx Proceeds]"/>
        <member name="[CB - Account].[Account CB - Description].&amp;[0411846 - Seasonal NOx COS]"/>
        <member name="[CB - Account].[Account CB - Description].&amp;[0411847 - SO2 Proceeds]"/>
        <member name="[CB - Account].[Account CB - Description].&amp;[0411848 - SO2 COS]"/>
        <member name="[CB - Account].[Account CB - Description].&amp;[0411849 - SO2 COS - Purch Acctg]"/>
        <member name="[CB - Account].[Account CB - Description].&amp;[0411850 - Seasonal NOx COS - Purch Acctg]"/>
        <member name="[CB - Account].[Account CB - Description].&amp;[0411853 - Annual NOx Interco Proceeds]"/>
        <member name="[CB - Account].[Account CB - Description].&amp;[0411854 - Annual NOx Interco COGS]"/>
        <member name="[CB - Account].[Account CB - Description].&amp;[0411855 - Seasonal NOx Interco Proceeds]"/>
        <member name="[CB - Account].[Account CB - Description].&amp;[0411856 - Seasonal NOx Intercompany COGS]"/>
        <member name="[CB - Account].[Account CB - Description].&amp;[0411857 - SO2 Interco Proceeds]"/>
        <member name="[CB - Account].[Account CB - Description].&amp;[0411858 - SO2 Interco COGS]"/>
        <member name="[CB - Account].[Account CB - Description].&amp;[0411860 - RECS Proceeds]"/>
        <member name="[CB - Account].[Account CB - Description].&amp;[0411865 - REC's - Interco Gain/(Loss)]"/>
        <member name="[CB - Account].[Account CB - Description].&amp;[0411875 - Annual NOx Proceeds]"/>
        <member name="[CB - Account].[Account CB - Description].&amp;[0411876 - Annual NOx COS]"/>
        <member name="[CB - Account].[Account CB - Description].&amp;[0411980 - Taxes Alloc From Serv Co - Gas]"/>
        <member name="[CB - Account].[Account CB - Description].&amp;[0411990 - Taxes Alloc From Serv Co-Elec]"/>
        <member name="[CB - Account].[Account CB - Description].&amp;[0412000 - REV-ELEC PLT LEASE TO OTHERS]"/>
        <member name="[CB - Account].[Account CB - Description].&amp;[0414100 - Other Operating Income]"/>
        <member name="[CB - Account].[Account CB - Description].&amp;[0414230 - Water Depreciation Expenses]"/>
        <member name="[CB - Account].[Account CB - Description].&amp;[0415005 - Res Fixed Bill Rev Delta]"/>
        <member name="[CB - Account].[Account CB - Description].&amp;[0415010 - Merchandise Sales]"/>
        <member name="[CB - Account].[Account CB - Description].&amp;[0415013 - REALIZED TRADING MARGIN]"/>
        <member name="[CB - Account].[Account CB - Description].&amp;[0415020 - Mark to Market Gains &amp; Loss]"/>
        <member name="[CB - Account].[Account CB - Description].&amp;[0415023 - Contra Net Trading Margin]"/>
        <member name="[CB - Account].[Account CB - Description].&amp;[0415030 - MARGIN FAS 133 MTM INEFFECT]"/>
        <member name="[CB - Account].[Account CB - Description].&amp;[0415033 - Realized Financial Margin]"/>
        <member name="[CB - Account].[Account CB - Description].&amp;[0415043 - MTM Net Trading Reserve]"/>
        <member name="[CB - Account].[Account CB - Description].&amp;[0415100 - Other Misc Gas Rev]"/>
        <member name="[CB - Account].[Account CB - Description].&amp;[0415110 - 2/98]"/>
        <member name="[CB - Account].[Account CB - Description].&amp;[0415120 - 2/98]"/>
        <member name="[CB - Account].[Account CB - Description].&amp;[0415130 - 2/98]"/>
        <member name="[CB - Account].[Account CB - Description].&amp;[0415140 - 2/98]"/>
        <member name="[CB - Account].[Account CB - Description].&amp;[0415150 - 2/98]"/>
        <member name="[CB - Account].[Account CB - Description].&amp;[0415160 - 2/98]"/>
        <member name="[CB - Account].[Account CB - Description].&amp;[0415170 - 2/98]"/>
        <member name="[CB - Account].[Account CB - Description].&amp;[0415200 - 2/98]"/>
        <member name="[CB - Account].[Account CB - Description].&amp;[0415210 - 2/98]"/>
        <member name="[CB - Account].[Account CB - Description].&amp;[0415220 - 2/98]"/>
        <member name="[CB - Account].[Account CB - Description].&amp;[0415230 - 2/98]"/>
        <member name="[CB - Account].[Account CB - Description].&amp;[0415240 - 2/98]"/>
        <member name="[CB - Account].[Account CB - Description].&amp;[0415250 - Sales Discounts]"/>
        <member name="[CB - Account].[Account CB - Description].&amp;[0415260 - 2/98]"/>
        <member name="[CB - Account].[Account CB - Description].&amp;[0415270 - 2/98]"/>
        <member name="[CB - Account].[Account CB - Description].&amp;[0415280 - 2/98]"/>
        <member name="[CB - Account].[Account CB - Description].&amp;[0415290 - 2/98]"/>
        <member name="[CB - Account].[Account CB - Description].&amp;[0415300 - 2/98]"/>
        <member name="[CB - Account].[Account CB - Description].&amp;[0415310 - 2/98]"/>
        <member name="[CB - Account].[Account CB - Description].&amp;[0415400 - 2/98]"/>
        <member name="[CB - Account].[Account CB - Description].&amp;[0415410 - 2/98]"/>
        <member name="[CB - Account].[Account CB - Description].&amp;[0415430 - 2/98]"/>
        <member name="[CB - Account].[Account CB - Description].&amp;[0415500 - Miscellaneous Credits]"/>
        <member name="[CB - Account].[Account CB - Description].&amp;[0415510 - Capability Revenue]"/>
        <member name="[CB - Account].[Account CB - Description].&amp;[0415530 - Marketing Service Revenue]"/>
        <member name="[CB - Account].[Account CB - Description].&amp;[0416010 - Merch Cost Of Goods - Electric]"/>
        <member name="[CB - Account].[Account CB - Description].&amp;[0416011 - Merch Cost of Goods]"/>
        <member name="[CB - Account].[Account CB - Description].&amp;[0416020 - 2/98]"/>
        <member name="[CB - Account].[Account CB - Description].&amp;[0416030 - 2/98]"/>
        <member name="[CB - Account].[Account CB - Description].&amp;[0416040 - Duke Profs Charges]"/>
        <member name="[CB - Account].[Account CB - Description].&amp;[0416050 - Merch Sign Removal Costs]"/>
        <member name="[CB - Account].[Account CB - Description].&amp;[0416060 - Merch Prepaid Ins Writeoff]"/>
        <member name="[CB - Account].[Account CB - Description].&amp;[0416070 - Merch Non-CA Writeoff]"/>
        <member name="[CB - Account].[Account CB - Description].&amp;[0416080 - Merch Stores Exp Writeoff]"/>
        <member name="[CB - Account].[Account CB - Description].&amp;[0416090 - Merchandising Accts. Rec. Loss]"/>
        <member name="[CB - Account].[Account CB - Description].&amp;[0416100 - 2/98]"/>
        <member name="[CB - Account].[Account CB - Description].&amp;[0416110 - 2/98]"/>
        <member name="[CB - Account].[Account CB - Description].&amp;[0416120 - 2/98]"/>
        <member name="[CB - Account].[Account CB - Description].&amp;[0416130 - 2/98]"/>
        <member name="[CB - Account].[Account CB - Description].&amp;[0416140 - 2/98]"/>
        <member name="[CB - Account].[Account CB - Description].&amp;[0416150 - Merch Legal/Misc Costs]"/>
        <member name="[CB - Account].[Account CB - Description].&amp;[0416160 - Merch Severance Costs]"/>
        <member name="[CB - Account].[Account CB - Description].&amp;[0416170 - Merch Inv. Loss]"/>
        <member name="[CB - Account].[Account CB - Description].&amp;[0416180 - Merchandising A/R Collect Cost]"/>
        <member name="[CB - Account].[Account CB - Description].&amp;[0416190 - 2/98]"/>
        <member name="[CB - Account].[Account CB - Description].&amp;[0416210 - 2/98]"/>
        <member name="[CB - Account].[Account CB - Description].&amp;[0416220 - 2/98]"/>
        <member name="[CB - Account].[Account CB - Description].&amp;[0416230 - 2/98]"/>
        <member name="[CB - Account].[Account CB - Description].&amp;[0416240 - 2/98]"/>
        <member name="[CB - Account].[Account CB - Description].&amp;[0416250 - 2/98]"/>
        <member name="[CB - Account].[Account CB - Description].&amp;[0416260 - 2/98]"/>
        <member name="[CB - Account].[Account CB - Description].&amp;[0416270 - 2/98]"/>
        <member name="[CB - Account].[Account CB - Description].&amp;[0416280 - Credit &amp; Collections Expense]"/>
        <member name="[CB - Account].[Account CB - Description].&amp;[0416290 - 2/98]"/>
        <member name="[CB - Account].[Account CB - Description].&amp;[0416300 - 2/98]"/>
        <member name="[CB - Account].[Account CB - Description].&amp;[0416310 - 2/98]"/>
        <member name="[CB - Account].[Account CB - Description].&amp;[0416320 - Uncollectible Accounts]"/>
        <member name="[CB - Account].[Account CB - Description].&amp;[0416340 - 2/98]"/>
        <member name="[CB - Account].[Account CB - Description].&amp;[0416350 - 2/98]"/>
        <member name="[CB - Account].[Account CB - Description].&amp;[0416360 - 2/98]"/>
        <member name="[CB - Account].[Account CB - Description].&amp;[0416370 - 2/98]"/>
        <member name="[CB - Account].[Account CB - Description].&amp;[0416380 - 2/98]"/>
        <member name="[CB - Account].[Account CB - Description].&amp;[0416390 - 2/98]"/>
        <member name="[CB - Account].[Account CB - Description].&amp;[0416400 - Inactive]"/>
        <member name="[CB - Account].[Account CB - Description].&amp;[0416410 - 2/98]"/>
        <member name="[CB - Account].[Account CB - Description].&amp;[0416420 - 2/98]"/>
        <member name="[CB - Account].[Account CB - Description].&amp;[0416430 - 2/98]"/>
        <member name="[CB - Account].[Account CB - Description].&amp;[0416440 - 2/98]"/>
        <member name="[CB - Account].[Account CB - Description].&amp;[0416450 - 2/98]"/>
        <member name="[CB - Account].[Account CB - Description].&amp;[0416460 - 01-91]"/>
        <member name="[CB - Account].[Account CB - Description].&amp;[0416470 - 01-91]"/>
        <member name="[CB - Account].[Account CB - Description].&amp;[0416480 - 01-91]"/>
        <member name="[CB - Account].[Account CB - Description].&amp;[0416490 - 01-91]"/>
        <member name="[CB - Account].[Account CB - Description].&amp;[0416500 - 2/98]"/>
        <member name="[CB - Account].[Account CB - Description].&amp;[0416510 - 2/98]"/>
        <member name="[CB - Account].[Account CB - Description].&amp;[0416511 - Derivative Purchase]"/>
        <member name="[CB - Account].[Account CB - Description].&amp;[0416520 - Realized Risk Alloc]"/>
        <member name="[CB - Account].[Account CB - Description].&amp;[0416530 - FAS 133 MTM Ineffectiveness]"/>
        <member name="[CB - Account].[Account CB - Description].&amp;[0416540 - 2/98]"/>
        <member name="[CB - Account].[Account CB - Description].&amp;[0416550 - 2/98]"/>
        <member name="[CB - Account].[Account CB - Description].&amp;[0416560 - 2/98]"/>
        <member name="[CB - Account].[Account CB - Description].&amp;[0416570 - 2/98]"/>
        <member name="[CB - Account].[Account CB - Description].&amp;[0416580 - 2/98]"/>
        <member name="[CB - Account].[Account CB - Description].&amp;[0416590 - 2/98]"/>
        <member name="[CB - Account].[Account CB - Description].&amp;[0416600 - 2/98]"/>
        <member name="[CB - Account].[Account CB - Description].&amp;[0416610 - 2/98]"/>
        <member name="[CB - Account].[Account CB - Description].&amp;[0416620 - 2/98]"/>
        <member name="[CB - Account].[Account CB - Description].&amp;[0416630 - 2/98]"/>
        <member name="[CB - Account].[Account CB - Description].&amp;[0416640 - 2/98]"/>
        <member name="[CB - Account].[Account CB - Description].&amp;[0416650 - 2/98]"/>
        <member name="[CB - Account].[Account CB - Description].&amp;[0416660 - 2/98]"/>
        <member name="[CB - Account].[Account CB - Description].&amp;[0416670 - 2/98]"/>
        <member name="[CB - Account].[Account CB - Description].&amp;[0416680 - 2/98]"/>
        <member name="[CB - Account].[Account CB - Description].&amp;[0416690 - 2/98]"/>
        <member name="[CB - Account].[Account CB - Description].&amp;[0416700 - Dpco Maj Appl Warranty Exp]"/>
        <member name="[CB - Account].[Account CB - Description].&amp;[0416710 - 2/98]"/>
        <member name="[CB - Account].[Account CB - Description].&amp;[0416720 - 2/98]"/>
        <member name="[CB - Account].[Account CB - Description].&amp;[0416740 - 2/98]"/>
        <member name="[CB - Account].[Account CB - Description].&amp;[0416750 - 2/98]"/>
        <member name="[CB - Account].[Account CB - Description].&amp;[0416800 - 2/98]"/>
        <member name="[CB - Account].[Account CB - Description].&amp;[0416900 - 2/98]"/>
        <member name="[CB - Account].[Account CB - Description].&amp;[0416910 - 2/98]"/>
        <member name="[CB - Account].[Account CB - Description].&amp;[0416920 - 01-91]"/>
        <member name="[CB - Account].[Account CB - Description].&amp;[0416930 - 01-91]"/>
        <member name="[CB - Account].[Account CB - Description].&amp;[0416940 - 01-91]"/>
        <member name="[CB - Account].[Account CB - Description].&amp;[0416950 - 01-91]"/>
        <member name="[CB - Account].[Account CB - Description].&amp;[0416960 - 01-91]"/>
        <member name="[CB - Account].[Account CB - Description].&amp;[0416970 - 01-91]"/>
        <member name="[CB - Account].[Account CB - Description].&amp;[0416980 - INACTIVE]"/>
        <member name="[CB - Account].[Account CB - Description].&amp;[0416990 - 2/98]"/>
        <member name="[CB - Account].[Account CB - Description].&amp;[0417000 - Misc Revenue]"/>
        <member name="[CB - Account].[Account CB - Description].&amp;[0417001 - O&amp;M]"/>
        <member name="[CB - Account].[Account CB - Description].&amp;[0417002 - Premiums earned - Affiliate]"/>
        <member name="[CB - Account].[Account CB - Description].&amp;[0417003 - Secondary Market Revenue]"/>
        <member name="[CB - Account].[Account CB - Description].&amp;[0417004 - Secondary Market Cost of Gas]"/>
        <member name="[CB - Account].[Account CB - Description].&amp;[0417005 - Non-Utility Revenue]"/>
        <member name="[CB - Account].[Account CB - Description].&amp;[0417006 - IC Non-Util Misc Rev]"/>
        <member name="[CB - Account].[Account CB - Description].&amp;[0417007 - Misc Revenue-Reg]"/>
        <member name="[CB - Account].[Account CB - Description].&amp;[0417008 - Solar Revenue]"/>
        <member name="[CB - Account].[Account CB - Description].&amp;[0417009 - Joint Owner Fees]"/>
        <member name="[CB - Account].[Account CB - Description].&amp;[0417010 - Dukenet Communications]"/>
        <member name="[CB - Account].[Account CB - Description].&amp;[0417011 - INTERCO UNREALIZED TRADNG MARG]"/>
        <member name="[CB - Account].[Account CB - Description].&amp;[0417020 - Duke Merchandising]"/>
        <member name="[CB - Account].[Account CB - Description].&amp;[0417021 - Interco Rlzed Physical Margin]"/>
        <member name="[CB - Account].[Account CB - Description].&amp;[0417022 - Trading Margin - IC Reg Elect]"/>
        <member name="[CB - Account].[Account CB - Description].&amp;[0417023 - Non-Util Rev and Exp IC]"/>
        <member name="[CB - Account].[Account CB - Description].&amp;[0417024 - Non-Util Exp]"/>
        <member name="[CB - Account].[Account CB - Description].&amp;[0417025 - Coal Trading Exp-net]"/>
        <member name="[CB - Account].[Account CB - Description].&amp;[0417030 - Duke Water]"/>
        <member name="[CB - Account].[Account CB - Description].&amp;[0417031 - Interco Rlzed Financial Margin]"/>
        <member name="[CB - Account].[Account CB - Description].&amp;[0417040 - Intera]"/>
        <member name="[CB - Account].[Account CB - Description].&amp;[0417050 - Duke Coal]"/>
        <member name="[CB - Account].[Account CB - Description].&amp;[0417060 - Duke Esco]"/>
        <member name="[CB - Account].[Account CB - Description].&amp;[0417070 - De&amp;S Resources Inc]"/>
        <member name="[CB - Account].[Account CB - Description].&amp;[0417080 - Eastover Mining]"/>
        <member name="[CB - Account].[Account CB - Description].&amp;[0417090 - Eastover Land]"/>
        <member name="[CB - Account].[Account CB - Description].&amp;[0417100 - Mill Power Supply]"/>
        <member name="[CB - Account].[Account CB - Description].&amp;[0417101 - Losses-Prop&amp;Bus Interruption]"/>
        <member name="[CB - Account].[Account CB - Description].&amp;[0417102 - Dd&amp;A Expense-Nonutility]"/>
        <member name="[CB - Account].[Account CB - Description].&amp;[0417103 - Losses - all other]"/>
        <member name="[CB - Account].[Account CB - Description].&amp;[0417104 - Avoided Premium Surcharge]"/>
        <member name="[CB - Account].[Account CB - Description].&amp;[0417105 - Underwriting Expense]"/>
        <member name="[CB - Account].[Account CB - Description].&amp;[0417106 - Underwriting Expense-affiliate]"/>
        <member name="[CB - Account].[Account CB - Description].&amp;[0417108 - Administrative Expenses-Affil]"/>
        <member name="[CB - Account].[Account CB - Description].&amp;[0417109 - Reinsurance Expense]"/>
        <member name="[CB - Account].[Account CB - Description].&amp;[0417110 - DUKE ENERGY PANENERGY SERVICES]"/>
        <member name="[CB - Account].[Account CB - Description].&amp;[0417111 - Coal Orig Cost of Goods Sold]"/>
        <member name="[CB - Account].[Account CB - Description].&amp;[0417112 - Coal Orig COGS FPP]"/>
        <member name="[CB - Account].[Account CB - Description].&amp;[0417113 - Coal Orig COGS FPP P Acctg Adj]"/>
        <member name="[CB - Account].[Account CB - Description].&amp;[0417114 - Coal Origination COS FPP]"/>
        <member name="[CB - Account].[Account CB - Description].&amp;[0417115 - Coal Origination Rev FPP]"/>
        <member name="[CB - Account].[Account CB - Description].&amp;[0417116 - Coal Origination Intercompany]"/>
        <member name="[CB - Account].[Account CB - Description].&amp;[0417117 - EXPENSES OF NONUTILITY OPER]"/>
        <member name="[CB - Account].[Account CB - Description].&amp;[0417118 - EXP ENER PUR BUY FOR RESALE]"/>
        <member name="[CB - Account].[Account CB - Description].&amp;[0417119 - Exp Ener Pur Buy for Resale]"/>
        <member name="[CB - Account].[Account CB - Description].&amp;[0417120 - Duke Energy Marketing Corp]"/>
        <member name="[CB - Account].[Account CB - Description].&amp;[0417121 - EXP ENER PUR BLK PWR NONREG]"/>
        <member name="[CB - Account].[Account CB - Description].&amp;[0417122 - Non-Reg CNG - Sales Labor]"/>
        <member name="[CB - Account].[Account CB - Description].&amp;[0417123 - CNG Cost of Gas - TN Cust]"/>
        <member name="[CB - Account].[Account CB - Description].&amp;[0417124 - Non-Reg CNG Exp-Sales Activity]"/>
        <member name="[CB - Account].[Account CB - Description].&amp;[0417130 - De&amp;S Northwest, Inc.]"/>
        <member name="[CB - Account].[Account CB - Description].&amp;[0417140 - De&amp;S Duke Solutions]"/>
        <member name="[CB - Account].[Account CB - Description].&amp;[0417150 - Pan Energy]"/>
        <member name="[CB - Account].[Account CB - Description].&amp;[0417158 - Othr Non Util Oper-Affil Co]"/>
        <member name="[CB - Account].[Account CB - Description].&amp;[0417160 - DUKE COMMUNICATION SERVICES]"/>
        <member name="[CB - Account].[Account CB - Description].&amp;[0417165 - Depr Exp -NU Other Purch Acctg]"/>
        <member name="[CB - Account].[Account CB - Description].&amp;[0417166 - Depr Exp - NU Other Inc Exp]"/>
        <member name="[CB - Account].[Account CB - Description].&amp;[0417170 - PANENERGY RESOURCE MANAGEMENT]"/>
        <member name="[CB - Account].[Account CB - Description].&amp;[0417180 - CALIFORNIA COMPANIES]"/>
        <member name="[CB - Account].[Account CB - Description].&amp;[0417190 - DUKE ENERGY INDUSTRIAL ASSET]"/>
        <member name="[CB - Account].[Account CB - Description].&amp;[0417200 - DUKE ENERGY TRANSPORT &amp; TRADE]"/>
        <member name="[CB - Account].[Account CB - Description].&amp;[0417210 - Rev/Outside Ser-Design Eng]"/>
        <member name="[CB - Account].[Account CB - Description].&amp;[0417220 - De&amp;S]"/>
        <member name="[CB - Account].[Account CB - Description].&amp;[0417228 - Coal Orig COGS for Affil]"/>
        <member name="[CB - Account].[Account CB - Description].&amp;[0417230 - Crescent Resources]"/>
        <member name="[CB - Account].[Account CB - Description].&amp;[0417240 - Duke Energy Group]"/>
        <member name="[CB - Account].[Account CB - Description].&amp;[0417250 - D/Fd]"/>
        <member name="[CB - Account].[Account CB - Description].&amp;[0417260 - Nantahala]"/>
        <member name="[CB - Account].[Account CB - Description].&amp;[0417270 - Church Street Capital]"/>
        <member name="[CB - Account].[Account CB - Description].&amp;[0417280 - Other Subs]"/>
        <member name="[CB - Account].[Account CB - Description].&amp;[0417290 - Subsidiary Diversification Exp]"/>
        <member name="[CB - Account].[Account CB - Description].&amp;[0417295 - Interco Op Exp w/DETM-US]"/>
        <member name="[CB - Account].[Account CB - Description].&amp;[0417296 - Interco Op Exp w/DukeCapital]"/>
        <member name="[CB - Account].[Account CB - Description].&amp;[0417300 - MISC_REVENUE_PURCH ACCTG ADJ]"/>
        <member name="[CB - Account].[Account CB - Description].&amp;[0417310 - Products and Svcs - NonReg]"/>
        <member name="[CB - Account].[Account CB - Description].&amp;[0417311 - Products and Svces-NR]"/>
        <member name="[CB - Account].[Account CB - Description].&amp;[0417330 - Rev-Trans Work For Others]"/>
        <member name="[CB - Account].[Account CB - Description].&amp;[0417340 - Exp-Trans Work For Others]"/>
        <member name="[CB - Account].[Account CB - Description].&amp;[0417350 - Provision for Army Dispute]"/>
        <member name="[CB - Account].[Account CB - Description].&amp;[0417360 - Provision for Black River LLP]"/>
        <member name="[CB - Account].[Account CB - Description].&amp;[0417410 - REVENUE - HUB POWER TRANSACTIO]"/>
        <member name="[CB - Account].[Account CB - Description].&amp;[0417420 - EXP - HUB POWER TRANSACTIONS]"/>
        <member name="[CB - Account].[Account CB - Description].&amp;[0417510 - Revenue - ESS Transactions]"/>
        <member name="[CB - Account].[Account CB - Description].&amp;[0417520 - Expense - ESS Transactions]"/>
        <member name="[CB - Account].[Account CB - Description].&amp;[0417526 - Coal Origination Revenues]"/>
        <member name="[CB - Account].[Account CB - Description].&amp;[0417528 - Coal Orig Rev from Affiliate]"/>
        <member name="[CB - Account].[Account CB - Description].&amp;[0417529 - Coal Orig Rev FPP]"/>
        <member name="[CB - Account].[Account CB - Description].&amp;[0417530 - Synfuel Sales]"/>
        <member name="[CB - Account].[Account CB - Description].&amp;[0417540 - Coal Sales]"/>
        <member name="[CB - Account].[Account CB - Description].&amp;[0417550 - Misc Operating Fee]"/>
        <member name="[CB - Account].[Account CB - Description].&amp;[0417610 - Revenues - MOX Fuel]"/>
        <member name="[CB - Account].[Account CB - Description].&amp;[0417620 - Expense - MOX Fuel]"/>
        <member name="[CB - Account].[Account CB - Description].&amp;[0417891 - IC Misc Nonreg Rev VIE]"/>
        <member name="[CB - Account].[Account CB - Description].&amp;[0418000 - Inactive]"/>
        <member name="[CB - Account].[Account CB - Description].&amp;[0418001 - Misc Oth Inc-Rental]"/>
        <member name="[CB - Account].[Account CB - Description].&amp;[0418002 - Nonop Rental Inc - Florence]"/>
        <member name="[CB - Account].[Account CB - Description].&amp;[0418010 - Eq In EarnUnconsol subsid TI1]"/>
        <member name="[CB - Account].[Account CB - Description].&amp;[0418011 - Non Oper Depr - Lease Other]"/>
        <member name="[CB - Account].[Account CB - Description].&amp;[0418012 - Non Oper Depr - Florence Fac]"/>
        <member name="[CB - Account].[Account CB - Description].&amp;[0418015 - NonUtil Depr Exp Pur Acct Adj]"/>
        <member name="[CB - Account].[Account CB - Description].&amp;[0418020 - Nonoperating Rental Income]"/>
        <member name="[CB - Account].[Account CB - Description].&amp;[0418100 - Equity In Earnings Of Subs]"/>
        <member name="[CB - Account].[Account CB - Description].&amp;[0418101 - Equity Earnings-M&amp;N Lp]"/>
        <member name="[CB - Account].[Account CB - Description].&amp;[0418102 - Equity Earnings-Alliance P/L]"/>
        <member name="[CB - Account].[Account CB - Description].&amp;[0418103 - Equity Earnings-Alliance Ltd]"/>
        <member name="[CB - Account].[Account CB - Description].&amp;[0418104 - Equity Earnings-PAN BORD PAR]"/>
        <member name="[CB - Account].[Account CB - Description].&amp;[0418105 - Equity of JV Partner - UAE]"/>
        <member name="[CB - Account].[Account CB - Description].&amp;[0418106 - Equity Earnings M&amp;B Pipellc]"/>
        <member name="[CB - Account].[Account CB - Description].&amp;[0418107 - Equity Inc-Aux Sable Liquid]"/>
        <member name="[CB - Account].[Account CB - Description].&amp;[0418108 - Equityinc-Aux Sable Liquid Inc]"/>
        <member name="[CB - Account].[Account CB - Description].&amp;[0418109 - EBITGross Up-Minority Interest]"/>
        <member name="[CB - Account].[Account CB - Description].&amp;[0418110 - Equity of JV Prtnr-Duke/UAE Co]"/>
        <member name="[CB - Account].[Account CB - Description].&amp;[0418111 - EBIT-Gross Up-Reversal]"/>
        <member name="[CB - Account].[Account CB - Description].&amp;[0418112 - Equity Earnings-Gulfstream Nat]"/>
        <member name="[CB - Account].[Account CB - Description].&amp;[0418113 - Equity Earnings-Gulfstream Mgt]"/>
        <member name="[CB - Account].[Account CB - Description].&amp;[0418114 - Equity Earnings-Islander East]"/>
        <member name="[CB - Account].[Account CB - Description].&amp;[0418115 - Eq of JV Prtnr Black River LP]"/>
        <member name="[CB - Account].[Account CB - Description].&amp;[0418116 - Equity Earnings-Saltville Llc]"/>
        <member name="[CB - Account].[Account CB - Description].&amp;[0418117 - Equity earnings - Vector (US)]"/>
        <member name="[CB - Account].[Account CB - Description].&amp;[0418118 - Equity earnings - Vector (CAN)]"/>
        <member name="[CB - Account].[Account CB - Description].&amp;[0418119 - Equity earnings - Foothills]"/>
        <member name="[CB - Account].[Account CB - Description].&amp;[0418120 - Eq JV Prtnr-Moss Lnd Mut WtrCo]"/>
        <member name="[CB - Account].[Account CB - Description].&amp;[0418121 - Equity earnings - Sulpher]"/>
        <member name="[CB - Account].[Account CB - Description].&amp;[0418122 - EQUITY EARNINGS-SESH,LLC]"/>
        <member name="[CB - Account].[Account CB - Description].&amp;[0418123 - MNI-REVENUE]"/>
        <member name="[CB - Account].[Account CB - Description].&amp;[0418125 - Eq JV Prtnr-Morro Bay Mut.Wtr]"/>
        <member name="[CB - Account].[Account CB - Description].&amp;[0418150 - Quips Trust - Equity]"/>
        <member name="[CB - Account].[Account CB - Description].&amp;[0418151 - Quips Trust Equity]"/>
        <member name="[CB - Account].[Account CB - Description].&amp;[0418160 - Preferred Trust Equity]"/>
        <member name="[CB - Account].[Account CB - Description].&amp;[0418161 - Preferred Trust Equity]"/>
        <member name="[CB - Account].[Account CB - Description].&amp;[0418162 - Quips Equity Due 6/2038]"/>
        <member name="[CB - Account].[Account CB - Description].&amp;[0418163 - TrustIII Equity Due 8/2009]"/>
        <member name="[CB - Account].[Account CB - Description].&amp;[0418170 - Equity in JV-SW Pwr Partners]"/>
        <member name="[CB - Account].[Account CB - Description].&amp;[0418171 - EquityEarningsfromPartnership]"/>
        <member name="[CB - Account].[Account CB - Description].&amp;[0418172 - Amort of Basis Differential-PS]"/>
        <member name="[CB - Account].[Account CB - Description].&amp;[0418173 - EquityEarningsfromPartDep]"/>
        <member name="[CB - Account].[Account CB - Description].&amp;[0418200 - Non-Util-Depreciation Expense]"/>
        <member name="[CB - Account].[Account CB - Description].&amp;[0418210 - Nonutility Rental Income]"/>
        <member name="[CB - Account].[Account CB - Description].&amp;[0418220 - Nonutility Property Expenses]"/>
        <member name="[CB - Account].[Account CB - Description].&amp;[0418230 - Non-Util-Depreciation Expense]"/>
        <member name="[CB - Account].[Account CB - Description].&amp;[0418300 - Misc Oth Inc Rent Pur Acctg Ad]"/>
        <member name="[CB - Account].[Account CB - Description].&amp;[0418301 - Sales of Gas-CNG -TN Cust]"/>
        <member name="[CB - Account].[Account CB - Description].&amp;[0418500 - Eq in Earn Unconsl Sub Pur Acc]"/>
        <member name="[CB - Account].[Account CB - Description].&amp;[0418505 - Non-Utility Deprec Exp Pur Adj]"/>
        <member name="[CB - Account].[Account CB - Description].&amp;[0419000 - Borrowed AFUDC Account]"/>
        <member name="[CB - Account].[Account CB - Description].&amp;[0419001 - Interest Income - DEGT only]"/>
        <member name="[CB - Account].[Account CB - Description].&amp;[0419002 - Interest Income I/C Contra]"/>
        <member name="[CB - Account].[Account CB - Description].&amp;[0419003 - Int Income-Tax Exempt]"/>
        <member name="[CB - Account].[Account CB - Description].&amp;[0419004 - Int Inc/Exp Dei Bu Only]"/>
        <member name="[CB - Account].[Account CB - Description].&amp;[0419020 - Interest on Temp Invest]"/>
        <member name="[CB - Account].[Account CB - Description].&amp;[0419100 - Afudc Gross Up-Gaap]"/>
        <member name="[CB - Account].[Account CB - Description].&amp;[0419110 - Afudc Equity Component]"/>
        <member name="[CB - Account].[Account CB - Description].&amp;[0419120 - ALLOW FUNDS USED DUR CONS-CWIP]"/>
        <member name="[CB - Account].[Account CB - Description].&amp;[0419130 - ALLOW FUNDS USED DUR CONST-NF]"/>
        <member name="[CB - Account].[Account CB - Description].&amp;[0419140 - CONTRA AFUDC EQUITY - OATT]"/>
        <member name="[CB - Account].[Account CB - Description].&amp;[0419150 - Amor Post In Ser Equ Nbl Repwr]"/>
        <member name="[CB - Account].[Account CB - Description].&amp;[0419160 - Amort Post In Ser Equ MAD/CAD]"/>
        <member name="[CB - Account].[Account CB - Description].&amp;[0419170 - AFUDC Equity]"/>
        <member name="[CB - Account].[Account CB - Description].&amp;[0419180 - Post In Service Equity AFUDC]"/>
        <member name="[CB - Account].[Account CB - Description].&amp;[0419190 - BudAdj-Equity AFUDC &amp; Def Ret]"/>
        <member name="[CB - Account].[Account CB - Description].&amp;[0419210 - Int-Bonds &amp; Special Deposits]"/>
        <member name="[CB - Account].[Account CB - Description].&amp;[0419220 - Int-Notes &amp; Accounts Rec]"/>
        <member name="[CB - Account].[Account CB - Description].&amp;[0419230 - Int - Advances To Subsidiaries]"/>
        <member name="[CB - Account].[Account CB - Description].&amp;[0419235 - Int Income Related Pty]"/>
        <member name="[CB - Account].[Account CB - Description].&amp;[0419241 - Interest - Sales Type Lease]"/>
        <member name="[CB - Account].[Account CB - Description].&amp;[0419250 - Int - Catawba Buyers Advances]"/>
        <member name="[CB - Account].[Account CB - Description].&amp;[0419260 - Interest On Energy Bank]"/>
        <member name="[CB - Account].[Account CB - Description].&amp;[0419270 - Inactive]"/>
        <member name="[CB - Account].[Account CB - Description].&amp;[0419280 - Steam Generator Interest]"/>
        <member name="[CB - Account].[Account CB - Description].&amp;[0419290 - Inactive]"/>
        <member name="[CB - Account].[Account CB - Description].&amp;[0419291 - Interest Income from D/FD]"/>
        <member name="[CB - Account].[Account CB - Description].&amp;[0419295 - Interco Interest Income w/DCC]"/>
        <member name="[CB - Account].[Account CB - Description].&amp;[0419400 - Interco Int Inc - NP&amp;L]"/>
        <member name="[CB - Account].[Account CB - Description].&amp;[0419410 - Interco Int Inc - DCI]"/>
        <member name="[CB - Account].[Account CB - Description].&amp;[0419420 - Interco Int Inc - DE&amp;S]"/>
        <member name="[CB - Account].[Account CB - Description].&amp;[0419421 - Interco Int Income w/DEC]"/>
        <member name="[CB - Account].[Account CB - Description].&amp;[0419422 - Interco Int Income w/DCC]"/>
        <member name="[CB - Account].[Account CB - Description].&amp;[0419423 - Interco Int Income w/DukeNet]"/>
        <member name="[CB - Account].[Account CB - Description].&amp;[0419424 - Interco Int Income w/DukeSol]"/>
        <member name="[CB - Account].[Account CB - Description].&amp;[0419425 - Interco Int Income w/DENA]"/>
        <member name="[CB - Account].[Account CB - Description].&amp;[0419426 - Interco Int Income w/Crescent]"/>
        <member name="[CB - Account].[Account CB - Description].&amp;[0419427 - Interco Int Income w/DEI]"/>
        <member name="[CB - Account].[Account CB - Description].&amp;[0419428 - Interest Income]"/>
        <member name="[CB - Account].[Account CB - Description].&amp;[0419430 - Interco Int Inc - DNGC]"/>
        <member name="[CB - Account].[Account CB - Description].&amp;[0419431 - Int Inc on Temporary Inves]"/>
        <member name="[CB - Account].[Account CB - Description].&amp;[0419500 - I/C Interest Income]"/>
        <member name="[CB - Account].[Account CB - Description].&amp;[0419890 - Int Inc-Cin Rec Co LLC]"/>
        <member name="[CB - Account].[Account CB - Description].&amp;[0420000 - Gas Sales Actuals]"/>
        <member name="[CB - Account].[Account CB - Description].&amp;[0420001 - Gas Sales Estimates]"/>
        <member name="[CB - Account].[Account CB - Description].&amp;[0420002 - Amort Def Tax Itc]"/>
        <member name="[CB - Account].[Account CB - Description].&amp;[0421000 - INTERCO DERIVATIVE GAS SALES]"/>
        <member name="[CB - Account].[Account CB - Description].&amp;[0421001 - 3RD PARTY DERIVATIVE GAS SALES]"/>
        <member name="[CB - Account].[Account CB - Description].&amp;[0421002 - INTERCO DERIV TM GAS SALES]"/>
        <member name="[CB - Account].[Account CB - Description].&amp;[0421003 - 3RD PARTY DERIV TM GAS SALES]"/>
        <member name="[CB - Account].[Account CB - Description].&amp;[0421004 - INTERCO DERIV LIQUID SALES]"/>
        <member name="[CB - Account].[Account CB - Description].&amp;[0421005 - 3RD PARTY DERIV LIQUID SALES]"/>
        <member name="[CB - Account].[Account CB - Description].&amp;[0421006 - INTERCO DERIV TRANSPORT REVS]"/>
        <member name="[CB - Account].[Account CB - Description].&amp;[0421007 - 3RD PARTY DERIV TRANSPORT REVS]"/>
        <member name="[CB - Account].[Account CB - Description].&amp;[0421008 - INTERCO DERIV STORAGE REVS]"/>
        <member name="[CB - Account].[Account CB - Description].&amp;[0421009 - 3RD PARTY DERIV STORAGE REVS]"/>
        <member name="[CB - Account].[Account CB - Description].&amp;[0421010 - INTERCO DERIV ELECTRIC REVS]"/>
        <member name="[CB - Account].[Account CB - Description].&amp;[0421011 - 3RD PARTY DERIV ELECTRIC REVS]"/>
        <member name="[CB - Account].[Account CB - Description].&amp;[0421012 - INTERCO DERIV ELECTRIC SALES]"/>
        <member name="[CB - Account].[Account CB - Description].&amp;[0421013 - 3RD PARTY DERIV ELECTRIC SALES]"/>
        <member name="[CB - Account].[Account CB - Description].&amp;[0421014 - INTERCO DERIV GAS PURCHASES]"/>
        <member name="[CB - Account].[Account CB - Description].&amp;[0421015 - 3RD PARTY DERIV GAS PURCHASES]"/>
        <member name="[CB - Account].[Account CB - Description].&amp;[0421016 - INTERCO DERIV TM GAS PURCHASES]"/>
        <member name="[CB - Account].[Account CB - Description].&amp;[0421017 - 3RD PARTY DERIV TM GAS PURCHAS]"/>
        <member name="[CB - Account].[Account CB - Description].&amp;[0421018 - INTCO DERIV FUELS COST OF SALE]"/>
        <member name="[CB - Account].[Account CB - Description].&amp;[0421019 - 3RD PARTY DERIV FUELS COST OF]"/>
        <member name="[CB - Account].[Account CB - Description].&amp;[0421020 - INTERCO DERIV POWER PURCH]"/>
        <member name="[CB - Account].[Account CB - Description].&amp;[0421021 - 3RD PARTY DERIV POWER PURCH]"/>
        <member name="[CB - Account].[Account CB - Description].&amp;[0421022 - INTERCO DERIV GEN ADMIN]"/>
        <member name="[CB - Account].[Account CB - Description].&amp;[0421023 - 3RD PARTY DERIV GEN ADMIN]"/>
        <member name="[CB - Account].[Account CB - Description].&amp;[0421024 - INTERCO DERIV OTHER INCOME]"/>
        <member name="[CB - Account].[Account CB - Description].&amp;[0421025 - 3RD PARTY DERIV OTHER INCOME]"/>
        <member name="[CB - Account].[Account CB - Description].&amp;[0421026 - INTERCO DERIV INT LT DEBT]"/>
        <member name="[CB - Account].[Account CB - Description].&amp;[0421027 - 3RD PARTY DERIV INT LT DEBT]"/>
        <member name="[CB - Account].[Account CB - Description].&amp;[0421028 - INTERCO DERIV INT OTHER DEBT]"/>
        <member name="[CB - Account].[Account CB - Description].&amp;[0421029 - 3RD PARTY DERIV INT OTHER DEBT]"/>
        <member name="[CB - Account].[Account CB - Description].&amp;[0421030 - Nonoper Income-Mgt Fees]"/>
        <member name="[CB - Account].[Account CB - Description].&amp;[0421031 - Management Fee Income]"/>
        <member name="[CB - Account].[Account CB - Description].&amp;[0421032 - Equity Return-Deferred Project]"/>
        <member name="[CB - Account].[Account CB - Description].&amp;[0421033 - 3rd Party Deriv Sales-NonReg]"/>
        <member name="[CB - Account].[Account CB - Description].&amp;[0421034 - MTM Gain on Merger Mitigation]"/>
        <member name="[CB - Account].[Account CB - Description].&amp;[0421035 - REALIZED DERIVATIVE GAINS]"/>
        <member name="[CB - Account].[Account CB - Description].&amp;[0421036 - Trading Margin Related Pty]"/>
        <member name="[CB - Account].[Account CB - Description].&amp;[0421037 - Equity Return - Mitigation]"/>
        <member name="[CB - Account].[Account CB - Description].&amp;[0421038 - GAIN/LOSS UNCONSOL EQTY INV]"/>
        <member name="[CB - Account].[Account CB - Description].&amp;[0421039 - INTEREST INC RECOVERY CLAUSES]"/>
        <member name="[CB - Account].[Account CB - Description].&amp;[0421040 - Captive IC Rev - Bus Intrup]"/>
        <member name="[CB - Account].[Account CB - Description].&amp;[0421041 - DERIVATIVE GAS SALES]"/>
        <member name="[CB - Account].[Account CB - Description].&amp;[0421042 - MNI-REVENUE CAR]"/>
        <member name="[CB - Account].[Account CB - Description].&amp;[0421043 - MNI-REVENUE-FLA]"/>
        <member name="[CB - Account].[Account CB - Description].&amp;[0421044 - Sutton Return]"/>
        <member name="[CB - Account].[Account CB - Description].&amp;[0421045 - IC Deriv Elect Rev - Reg Elect]"/>
        <member name="[CB - Account].[Account CB - Description].&amp;[0421046 - Return - Customer Connect]"/>
        <member name="[CB - Account].[Account CB - Description].&amp;[0421047 - Equity Return - Riders]"/>
        <member name="[CB - Account].[Account CB - Description].&amp;[0421048 - SH Coal Ash Insurance Proceeds]"/>
        <member name="[CB - Account].[Account CB - Description].&amp;[0421050 - REVENUE DISC OPS]"/>
        <member name="[CB - Account].[Account CB - Description].&amp;[0421051 - DEPR EXPENSE DISC OPS]"/>
        <member name="[CB - Account].[Account CB - Description].&amp;[0421052 - INTEREST EXPENSE DISC OPS]"/>
        <member name="[CB - Account].[Account CB - Description].&amp;[0421053 - MINORITY INTEREST DISC OPS]"/>
        <member name="[CB - Account].[Account CB - Description].&amp;[0421054 - FUEL EXPENSE  DISC OPS]"/>
        <member name="[CB - Account].[Account CB - Description].&amp;[0421055 - OPERATING EXP DISCOPS]"/>
        <member name="[CB - Account].[Account CB - Description].&amp;[0421056 - A&amp;G Expense - Discops]"/>
        <member name="[CB - Account].[Account CB - Description].&amp;[0421057 - Property &amp; Other Tax - Discops]"/>
        <member name="[CB - Account].[Account CB - Description].&amp;[0421058 - Other Operating Gain Loss Disc]"/>
        <member name="[CB - Account].[Account CB - Description].&amp;[0421060 - MNI-TIMBER SALES-NC]"/>
        <member name="[CB - Account].[Account CB - Description].&amp;[0421073 - Interconnection Interest]"/>
        <member name="[CB - Account].[Account CB - Description].&amp;[0421090 - Intercompany Nonoper Income]"/>
        <member name="[CB - Account].[Account CB - Description].&amp;[0421101 - CURRENT GAINS ASSETS HFS]"/>
        <member name="[CB - Account].[Account CB - Description].&amp;[0421102 - NONCURR GAINS ASSET HFS]"/>
        <member name="[CB - Account].[Account CB - Description].&amp;[0421103 - CURRENT GAINS LIAB HFS]"/>
        <member name="[CB - Account].[Account CB - Description].&amp;[0421104 - NONCURR GAINS LIAB HFS]"/>
        <member name="[CB - Account].[Account CB - Description].&amp;[0421105 - BUSINESS DISPOSITION GAINS]"/>
        <member name="[CB - Account].[Account CB - Description].&amp;[0421106 - OTHER NONCURR ASSETS GAINS]"/>
        <member name="[CB - Account].[Account CB - Description].&amp;[0421107 - GAIN SALE OF MISC OTHER ASSET]"/>
        <member name="[CB - Account].[Account CB - Description].&amp;[0421108 - AHFSC - GL (Crescent)]"/>
        <member name="[CB - Account].[Account CB - Description].&amp;[0421109 - AHFSNC - GL (Crescent)]"/>
        <member name="[CB - Account].[Account CB - Description].&amp;[0421110 - Gain on Sale of Equity Invest]"/>
        <member name="[CB - Account].[Account CB - Description].&amp;[0421111 - AHFSCL - GL (Crescent)]"/>
        <member name="[CB - Account].[Account CB - Description].&amp;[0421112 - AHFSNCL - GL (Crescent)]"/>
        <member name="[CB - Account].[Account CB - Description].&amp;[0421113 - Gain on ARO Asset Retirement]"/>
        <member name="[CB - Account].[Account CB - Description].&amp;[0421114 - Gain/Loss on Leases]"/>
        <member name="[CB - Account].[Account CB - Description].&amp;[0421120 - Captiv Invol'tary Cnvsn Clm]"/>
        <member name="[CB - Account].[Account CB - Description].&amp;[0421126 - Impairment on Equity Inv]"/>
        <member name="[CB - Account].[Account CB - Description].&amp;[0421150 - DISCOPS  GAIN SALE MISC]"/>
        <member name="[CB - Account].[Account CB - Description].&amp;[0421155 - DISCOPS GAIN SALE CAHFS]"/>
        <member name="[CB - Account].[Account CB - Description].&amp;[0421160 - DISCOPS GAIN SALE NCAHFS]"/>
        <member name="[CB - Account].[Account CB - Description].&amp;[0421165 - DISCOPS GAIN SALE CAHFS]"/>
        <member name="[CB - Account].[Account CB - Description].&amp;[0421170 - DISCOPS GAIN SALE NCLHFS]"/>
        <member name="[CB - Account].[Account CB - Description].&amp;[0421201 - CURRENT LOSS ASSETS HFS]"/>
        <member name="[CB - Account].[Account CB - Description].&amp;[0421202 - NONCURR LOSS ASSETS HFS]"/>
        <member name="[CB - Account].[Account CB - Description].&amp;[0421203 - CURRENT LOSS LIAB HFS]"/>
        <member name="[CB - Account].[Account CB - Description].&amp;[0421204 - NONCURR LOSS LIAB HFS]"/>
        <member name="[CB - Account].[Account CB - Description].&amp;[0421205 - BUSINESS DISPOSITION LOSS]"/>
        <member name="[CB - Account].[Account CB - Description].&amp;[0421206 - OTHER NONCURR ASSETS LOSS]"/>
        <member name="[CB - Account].[Account CB - Description].&amp;[0421207 - LOSS SALE OF MISC OTHER ASSETS]"/>
        <member name="[CB - Account].[Account CB - Description].&amp;[0421210 - Loss on Sale of Equity Invest]"/>
        <member name="[CB - Account].[Account CB - Description].&amp;[0421213 - Loss on ARO Asset Retirement]"/>
        <member name="[CB - Account].[Account CB - Description].&amp;[0421220 - LOSS SALE OF INV IN REAL EST]"/>
        <member name="[CB - Account].[Account CB - Description].&amp;[0421250 - DISCOPS LOSS SALE MISC]"/>
        <member name="[CB - Account].[Account CB - Description].&amp;[0421255 - DISCOPS LOSS SALE CAHFS]"/>
        <member name="[CB - Account].[Account CB - Description].&amp;[0421260 - DISCOPS  LOSS SALE NCAHFS]"/>
        <member name="[CB - Account].[Account CB - Description].&amp;[0421265 - DISCOPS LOSS SALE CLHFS]"/>
        <member name="[CB - Account].[Account CB - Description].&amp;[0421270 - DISCOPS LOSS SALE NCLHFS]"/>
        <member name="[CB - Account].[Account CB - Description].&amp;[0421300 - Gain Extinguishment Enron Liab]"/>
        <member name="[CB - Account].[Account CB - Description].&amp;[0421301 - Loss Settlement of Calif Liab]"/>
        <member name="[CB - Account].[Account CB - Description].&amp;[0421310 - Sundry Revenues]"/>
        <member name="[CB - Account].[Account CB - Description].&amp;[0421320 - Gain On Disposal Of Investment]"/>
        <member name="[CB - Account].[Account CB - Description].&amp;[0421330 - Inactive]"/>
        <member name="[CB - Account].[Account CB - Description].&amp;[0421350 - INACTIVE]"/>
        <member name="[CB - Account].[Account CB - Description].&amp;[0421360 - OTHER MISC DEDUCT]"/>
        <member name="[CB - Account].[Account CB - Description].&amp;[0421361 - INACTIVE]"/>
        <member name="[CB - Account].[Account CB - Description].&amp;[0421370 - Gain on PE Comp Own Life Ins]"/>
        <member name="[CB - Account].[Account CB - Description].&amp;[0421410 - Return - Def Emission Allow]"/>
        <member name="[CB - Account].[Account CB - Description].&amp;[0421500 - Discontinued Operations]"/>
        <member name="[CB - Account].[Account CB - Description].&amp;[0421530 - Power Trading MTM Gains]"/>
        <member name="[CB - Account].[Account CB - Description].&amp;[0421531 - MTM Unrealized Gain - Reserve]"/>
        <member name="[CB - Account].[Account CB - Description].&amp;[0421532 - Power Trading MTM Gains-Reg]"/>
        <member name="[CB - Account].[Account CB - Description].&amp;[0421534 - MTM Unrealized Gain Rsrv Reg]"/>
        <member name="[CB - Account].[Account CB - Description].&amp;[0421540 - Elect - Realiz Deriv Gain I/C]"/>
        <member name="[CB - Account].[Account CB - Description].&amp;[0421541 - Gas MTM Gains]"/>
        <member name="[CB - Account].[Account CB - Description].&amp;[0421542 - Electricity - MTM Gain I/C]"/>
        <member name="[CB - Account].[Account CB - Description].&amp;[0421543 - Non Reg IC MTM Gas Gain]"/>
        <member name="[CB - Account].[Account CB - Description].&amp;[0421548 - Reg IC MTM Power Gain]"/>
        <member name="[CB - Account].[Account CB - Description].&amp;[0421550 - Intercompany Dis Ops]"/>
        <member name="[CB - Account].[Account CB - Description].&amp;[0421551 - Disc Ops - Interco Revenues]"/>
        <member name="[CB - Account].[Account CB - Description].&amp;[0421552 - Disc  Ops - Interco Int Exp]"/>
        <member name="[CB - Account].[Account CB - Description].&amp;[0421553 - IC A&amp;G Expense - Discops]"/>
        <member name="[CB - Account].[Account CB - Description].&amp;[0421554 - IC Operating Expense - Discops]"/>
        <member name="[CB - Account].[Account CB - Description].&amp;[0421600 - Loss on Disposal of Discon Ops]"/>
        <member name="[CB - Account].[Account CB - Description].&amp;[0421630 - Fuel Risk Mgmt - Gain]"/>
        <member name="[CB - Account].[Account CB - Description].&amp;[0421631 - MTM Unreal Gains - EA]"/>
        <member name="[CB - Account].[Account CB - Description].&amp;[0421640 - Return On Deferred Dsm - Nc]"/>
        <member name="[CB - Account].[Account CB - Description].&amp;[0421650 - Return On Deferred Dsm - Sc]"/>
        <member name="[CB - Account].[Account CB - Description].&amp;[0421660 - Return on Deferred Solar]"/>
        <member name="[CB - Account].[Account CB - Description].&amp;[0421700 - Gain on Invest Real Estate]"/>
        <member name="[CB - Account].[Account CB - Description].&amp;[0421710 - Inactive]"/>
        <member name="[CB - Account].[Account CB - Description].&amp;[0421720 - Inactive]"/>
        <member name="[CB - Account].[Account CB - Description].&amp;[0421730 - Inactive]"/>
        <member name="[CB - Account].[Account CB - Description].&amp;[0421740 - Inactive]"/>
        <member name="[CB - Account].[Account CB - Description].&amp;[0421750 - Inactive]"/>
        <member name="[CB - Account].[Account CB - Description].&amp;[0421760 - Inactive]"/>
        <member name="[CB - Account].[Account CB - Description].&amp;[0421770 - Inactive]"/>
        <member name="[CB - Account].[Account CB - Description].&amp;[0421780 - Inactive]"/>
        <member name="[CB - Account].[Account CB - Description].&amp;[0421800 - NC Equity Return on Retired Pl]"/>
        <member name="[CB - Account].[Account CB - Description].&amp;[0421801 - Wayne Return]"/>
        <member name="[CB - Account].[Account CB - Description].&amp;[0421810 - INACTIVE]"/>
        <member name="[CB - Account].[Account CB - Description].&amp;[0421820 - Inactive]"/>
        <member name="[CB - Account].[Account CB - Description].&amp;[0421900 - SAB 51 GAIN]"/>
        <member name="[CB - Account].[Account CB - Description].&amp;[0421910 - NC Ret on BPM Sharing]"/>
        <member name="[CB - Account].[Account CB - Description].&amp;[0421911 - NCEMPA NC Equity Reserve]"/>
        <member name="[CB - Account].[Account CB - Description].&amp;[0421912 - NCEMPA SC Equity Reserve]"/>
        <member name="[CB - Account].[Account CB - Description].&amp;[0421913 - NDTF Shareholder  Earning/Loss]"/>
        <member name="[CB - Account].[Account CB - Description].&amp;[0421920 - Sc Ret On Catawba Def Pur Cap-]"/>
        <member name="[CB - Account].[Account CB - Description].&amp;[0421930 - Whsl Ret On Catawba Def Pur]"/>
        <member name="[CB - Account].[Account CB - Description].&amp;[0421945 - Miscellaneous Revenue Refund]"/>
        <member name="[CB - Account].[Account CB - Description].&amp;[0421950 - Gain on Sale of Assets]"/>
        <member name="[CB - Account].[Account CB - Description].&amp;[0421951 - Gain on Sales of Assets-Affil]"/>
        <member name="[CB - Account].[Account CB - Description].&amp;[0421952 - Loss on Sale of  Assets]"/>
        <member name="[CB - Account].[Account CB - Description].&amp;[0421953 - Gain on Sale of Asset]"/>
        <member name="[CB - Account].[Account CB - Description].&amp;[0421960 - NC Return on Coal Rider]"/>
        <member name="[CB - Account].[Account CB - Description].&amp;[0421970 - BudAdj-Int/Div &amp; Other Income]"/>
        <member name="[CB - Account].[Account CB - Description].&amp;[0422000 - Foreign Currency Gain/Loss]"/>
        <member name="[CB - Account].[Account CB - Description].&amp;[0425000 - Miscellaneous Amortization]"/>
        <member name="[CB - Account].[Account CB - Description].&amp;[0425001 - Goodwill - DD&amp;A]"/>
        <member name="[CB - Account].[Account CB - Description].&amp;[0425002 - Goodwill-Amortization]"/>
        <member name="[CB - Account].[Account CB - Description].&amp;[0425003 - Fit-Amortization]"/>
        <member name="[CB - Account].[Account CB - Description].&amp;[0425004 - Sit-Amortization]"/>
        <member name="[CB - Account].[Account CB - Description].&amp;[0425005 - DFIT Exp - Purchase Acctg]"/>
        <member name="[CB - Account].[Account CB - Description].&amp;[0425006 - DSIT Exp - Purchase Acctg]"/>
        <member name="[CB - Account].[Account CB - Description].&amp;[0425007 - Extraordinary Gain (Loss)]"/>
        <member name="[CB - Account].[Account CB - Description].&amp;[0425008 - Misc Amort- Bond &amp; Deb]"/>
        <member name="[CB - Account].[Account CB - Description].&amp;[0425009 - Goodwill Amoritization]"/>
        <member name="[CB - Account].[Account CB - Description].&amp;[0425010 - Gaap Depr Exp Adj]"/>
        <member name="[CB - Account].[Account CB - Description].&amp;[0425011 - MISC AMORTIZAT-ACQUIS - NC]"/>
        <member name="[CB - Account].[Account CB - Description].&amp;[0425012 - MISC AMORTIZAT-ACQUIS - POWERH]"/>
        <member name="[CB - Account].[Account CB - Description].&amp;[0425013 - MISC AMORTIZAT-ACQUIS]"/>
        <member name="[CB - Account].[Account CB - Description].&amp;[0425014 - MISC AMORTIZAT-ACQUIS]"/>
        <member name="[CB - Account].[Account CB - Description].&amp;[0425100 - Amortization Unrecovered Plant]"/>
        <member name="[CB - Account].[Account CB - Description].&amp;[0425200 - MISC_AMORT_PUR_ACCTG_ADJ]"/>
        <member name="[CB - Account].[Account CB - Description].&amp;[0426000 - Other Op Rev Related Pty]"/>
        <member name="[CB - Account].[Account CB - Description].&amp;[0426101 - BPM Donations]"/>
        <member name="[CB - Account].[Account CB - Description].&amp;[0426102 - SC Sharing Expense - Rates]"/>
        <member name="[CB - Account].[Account CB - Description].&amp;[0426110 - Inactive]"/>
        <member name="[CB - Account].[Account CB - Description].&amp;[0426120 - Inactive]"/>
        <member name="[CB - Account].[Account CB - Description].&amp;[0426130 - Donations]"/>
        <member name="[CB - Account].[Account CB - Description].&amp;[0426201 - COLI LOAN INTEREST]"/>
        <member name="[CB - Account].[Account CB - Description].&amp;[0426202 - COLI Premiums]"/>
        <member name="[CB - Account].[Account CB - Description].&amp;[0426203 - Life Ins Exec Emp]"/>
        <member name="[CB - Account].[Account CB - Description].&amp;[0426210 - Split Dollar Life Insurance Ex]"/>
        <member name="[CB - Account].[Account CB - Description].&amp;[0426220 - Toli Life Insurance Expense]"/>
        <member name="[CB - Account].[Account CB - Description].&amp;[0426230 - Interest Inc PE COLI]"/>
        <member name="[CB - Account].[Account CB - Description].&amp;[0426257 - Realzd For Exch Loss 3rd Party]"/>
        <member name="[CB - Account].[Account CB - Description].&amp;[0426301 - Penalties]"/>
        <member name="[CB - Account].[Account CB - Description].&amp;[0426415 - Misc Inc Deduct-Civis/Poli]"/>
        <member name="[CB - Account].[Account CB - Description].&amp;[0426500 - EARN_OF_EQUIRY_INV_PUR_ACC_ADJ]"/>
        <member name="[CB - Account].[Account CB - Description].&amp;[0426501 - Minority Interest Exp - Consol]"/>
        <member name="[CB - Account].[Account CB - Description].&amp;[0426502 - Preferred Stk Div - Min Int]"/>
        <member name="[CB - Account].[Account CB - Description].&amp;[0426503 - MTM Losses on Mitigation]"/>
        <member name="[CB - Account].[Account CB - Description].&amp;[0426504 - MERGER RELATED COSTS]"/>
        <member name="[CB - Account].[Account CB - Description].&amp;[0426505 - NOx Trd Sale Proceeds - Loss]"/>
        <member name="[CB - Account].[Account CB - Description].&amp;[0426506 - NOx Trd Sale Cost - Loss]"/>
        <member name="[CB - Account].[Account CB - Description].&amp;[0426507 - FUEL SETTLEMENT]"/>
        <member name="[CB - Account].[Account CB - Description].&amp;[0426508 - Inc Deduction-Other Inc &amp; Exp]"/>
        <member name="[CB - Account].[Account CB - Description].&amp;[0426511 - UNBILLED FUEL REV NC-EMSSN ALW]"/>
        <member name="[CB - Account].[Account CB - Description].&amp;[0426513 - Other Deductions - Impairments]"/>
        <member name="[CB - Account].[Account CB - Description].&amp;[0426514 - Earnings of Equity Investments]"/>
        <member name="[CB - Account].[Account CB - Description].&amp;[0426515 - Utilities]"/>
        <member name="[CB - Account].[Account CB - Description].&amp;[0426516 - Freight/Commercial Carriers]"/>
        <member name="[CB - Account].[Account CB - Description].&amp;[0426518 - AMORT-CAPACITY RIDER]"/>
        <member name="[CB - Account].[Account CB - Description].&amp;[0426520 - Administrative Expenses - Toli]"/>
        <member name="[CB - Account].[Account CB - Description].&amp;[0426521 - Sale Of A/R Fees]"/>
        <member name="[CB - Account].[Account CB - Description].&amp;[0426525 - Interest - Sub]"/>
        <member name="[CB - Account].[Account CB - Description].&amp;[0426526 - Impairment of Investment]"/>
        <member name="[CB - Account].[Account CB - Description].&amp;[0426530 - Affiliate Support]"/>
        <member name="[CB - Account].[Account CB - Description].&amp;[0426531 - MTM Unreal Loss-Reserve]"/>
        <member name="[CB - Account].[Account CB - Description].&amp;[0426532 - Power Trading MTM Loss]"/>
        <member name="[CB - Account].[Account CB - Description].&amp;[0426533 - Power Trading MTM Loss-NonReg]"/>
        <member name="[CB - Account].[Account CB - Description].&amp;[0426534 - MTM Unreal Loss Rsrv Reg]"/>
        <member name="[CB - Account].[Account CB - Description].&amp;[0426535 - Tax:  Losses on AFS]"/>
        <member name="[CB - Account].[Account CB - Description].&amp;[0426541 - Gas MTM Loss]"/>
        <member name="[CB - Account].[Account CB - Description].&amp;[0426542 - Electricity - MTM Loss I/C]"/>
        <member name="[CB - Account].[Account CB - Description].&amp;[0426543 - Non Reg IC MTM Gas Loss]"/>
        <member name="[CB - Account].[Account CB - Description].&amp;[0426545 - Elect - Realiz Deriv Loss I/C]"/>
        <member name="[CB - Account].[Account CB - Description].&amp;[0426548 - IC MTM Loss for Power]"/>
        <member name="[CB - Account].[Account CB - Description].&amp;[0426550 - DEFERRED DEBT- IMPARIMENT CHGS]"/>
        <member name="[CB - Account].[Account CB - Description].&amp;[0426551 - IMPAIRMENT AND OTHER REL CHGS]"/>
        <member name="[CB - Account].[Account CB - Description].&amp;[0426552 - Notes Receivable Impairment]"/>
        <member name="[CB - Account].[Account CB - Description].&amp;[0426554 - Impairment of Goodwill]"/>
        <member name="[CB - Account].[Account CB - Description].&amp;[0426555 - Grantor Trust - Expenses]"/>
        <member name="[CB - Account].[Account CB - Description].&amp;[0426560 - ADDL Misc Deductions]"/>
        <member name="[CB - Account].[Account CB - Description].&amp;[0426565 - Transition Plan Expenses - EC]"/>
        <member name="[CB - Account].[Account CB - Description].&amp;[0426570 - Mgmt &amp; Royalty Fee]"/>
        <member name="[CB - Account].[Account CB - Description].&amp;[0426571 - Service Company Mgmt Fee]"/>
        <member name="[CB - Account].[Account CB - Description].&amp;[0426580 - NonCshFlow Hedge Exp]"/>
        <member name="[CB - Account].[Account CB - Description].&amp;[0426585 - REALIZED DERIVATIVE LOSSES]"/>
        <member name="[CB - Account].[Account CB - Description].&amp;[0426600 - Bill Inserts]"/>
        <member name="[CB - Account].[Account CB - Description].&amp;[0426631 - MTM Unreal Losses - EA's]"/>
        <member name="[CB - Account].[Account CB - Description].&amp;[0426710 - Deferred Compensation Expense]"/>
        <member name="[CB - Account].[Account CB - Description].&amp;[0426720 - Sdcp Expense]"/>
        <member name="[CB - Account].[Account CB - Description].&amp;[0426730 - Supplemental Security Plan Exp]"/>
        <member name="[CB - Account].[Account CB - Description].&amp;[0426740 - Supplemental Retirement Exp]"/>
        <member name="[CB - Account].[Account CB - Description].&amp;[0426810 - Financial System Replacement]"/>
        <member name="[CB - Account].[Account CB - Description].&amp;[0427000 - Int Ltd-Deb- 8.5% 1993]"/>
        <member name="[CB - Account].[Account CB - Description].&amp;[0427001 - Int Ltd-Deb-8% 2002]"/>
        <member name="[CB - Account].[Account CB - Description].&amp;[0427002 - Int Ltd-100Mm Med Term]"/>
        <member name="[CB - Account].[Account CB - Description].&amp;[0427003 - Int Ltd-Deb-8.25% 2004]"/>
        <member name="[CB - Account].[Account CB - Description].&amp;[0427004 - Int Ltd-Deb-9.13% 2003]"/>
        <member name="[CB - Account].[Account CB - Description].&amp;[0427005 - Int Ltd-Deb- Lch 7 3/4%]"/>
        <member name="[CB - Account].[Account CB - Description].&amp;[0427006 - Int Ltd-Deb- 8.625%]"/>
        <member name="[CB - Account].[Account CB - Description].&amp;[0427007 - Int Ltd-Note-7.25%]"/>
        <member name="[CB - Account].[Account CB - Description].&amp;[0427008 - Int Ltd-Note-7%]"/>
        <member name="[CB - Account].[Account CB - Description].&amp;[0427009 - Int. Expense Senior Note A]"/>
        <member name="[CB - Account].[Account CB - Description].&amp;[0427010 - Int. Expense Senior Note B]"/>
        <member name="[CB - Account].[Account CB - Description].&amp;[0427011 - Int Ltd-Bond Indenture]"/>
        <member name="[CB - Account].[Account CB - Description].&amp;[0427012 - Int Exp - 7.25% due 2004]"/>
        <member name="[CB - Account].[Account CB - Description].&amp;[0427013 - Int Exp - 7.50% due 2009]"/>
        <member name="[CB - Account].[Account CB - Description].&amp;[0427014 - Int Exp - 8.00% due 2019]"/>
        <member name="[CB - Account].[Account CB - Description].&amp;[0427015 - Int LTD-DEB-7.30% 2010]"/>
        <member name="[CB - Account].[Account CB - Description].&amp;[0427016 - Int Exp-Sr Bond-2032]"/>
        <member name="[CB - Account].[Account CB - Description].&amp;[0427017 - Int Exp-Sr Bond-2013]"/>
        <member name="[CB - Account].[Account CB - Description].&amp;[0427018 - Int Exp - 1 Year Bond - 2003]"/>
        <member name="[CB - Account].[Account CB - Description].&amp;[0427019 - Amort Discount - Senior A]"/>
        <member name="[CB - Account].[Account CB - Description].&amp;[0427020 - Int Ltd-Deb- 5.69% 2012]"/>
        <member name="[CB - Account].[Account CB - Description].&amp;[0427021 - Int Ltd-Deb- 5.71% 2012]"/>
        <member name="[CB - Account].[Account CB - Description].&amp;[0427022 - Int ltd-debt-5.25% 2007]"/>
        <member name="[CB - Account].[Account CB - Description].&amp;[0427023 - Int Ltd-Note-8.25% due 2005]"/>
        <member name="[CB - Account].[Account CB - Description].&amp;[0427100 - Interest On Bonds]"/>
        <member name="[CB - Account].[Account CB - Description].&amp;[0427210 - Int Expense Related Pty]"/>
        <member name="[CB - Account].[Account CB - Description].&amp;[0427219 - PY INTEREST AMORT]"/>
        <member name="[CB - Account].[Account CB - Description].&amp;[0427221 - Int Quips Due 6/2038]"/>
        <member name="[CB - Account].[Account CB - Description].&amp;[0427222 - Int Trust III Due 8/2029]"/>
        <member name="[CB - Account].[Account CB - Description].&amp;[0427230 - Interest Exp- PE COLI]"/>
        <member name="[CB - Account].[Account CB - Description].&amp;[0427231 - Int Exp 5.56% due 2015]"/>
        <member name="[CB - Account].[Account CB - Description].&amp;[0427232 - Int Exp 6.19% due 2025]"/>
        <member name="[CB - Account].[Account CB - Description].&amp;[0427260 - Gen Office Building Financing]"/>
        <member name="[CB - Account].[Account CB - Description].&amp;[0427270 - Toddville  Warehouse Financing]"/>
        <member name="[CB - Account].[Account CB - Description].&amp;[0427280 - Int of Note Payable- QUIPS]"/>
        <member name="[CB - Account].[Account CB - Description].&amp;[0427290 - Int on Note Payable- TruPS]"/>
        <member name="[CB - Account].[Account CB - Description].&amp;[0427300 - Interest-Parking Deck Lease]"/>
        <member name="[CB - Account].[Account CB - Description].&amp;[0427310 - Int/Electric Center Mortgage]"/>
        <member name="[CB - Account].[Account CB - Description].&amp;[0427320 - Interest On Comb Turbine Lease]"/>
        <member name="[CB - Account].[Account CB - Description].&amp;[0427410 - Int On L-T Commercial Paper]"/>
        <member name="[CB - Account].[Account CB - Description].&amp;[0427420 - Interest On Pollution Control]"/>
        <member name="[CB - Account].[Account CB - Description].&amp;[0427430 - Int-Oconee Co Pollution Contrl]"/>
        <member name="[CB - Account].[Account CB - Description].&amp;[0427440 - Int-Gaston Co Pollution Contrl]"/>
        <member name="[CB - Account].[Account CB - Description].&amp;[0427460 - PNG Interest Exp on LT Debt]"/>
        <member name="[CB - Account].[Account CB - Description].&amp;[0427500 - Interest on Quips]"/>
        <member name="[CB - Account].[Account CB - Description].&amp;[0427510 - Interest Expense on TruPS]"/>
        <member name="[CB - Account].[Account CB - Description].&amp;[0427520 - Ineffective-Fxd Rate FV Hedge]"/>
        <member name="[CB - Account].[Account CB - Description].&amp;[0427521 - Ineffective-Flting Rate Hedge]"/>
        <member name="[CB - Account].[Account CB - Description].&amp;[0427522 - Int LTD-Credit Agreement]"/>
        <member name="[CB - Account].[Account CB - Description].&amp;[0427523 - Interest Expense]"/>
        <member name="[CB - Account].[Account CB - Description].&amp;[0427550 - Interest On Bonds]"/>
        <member name="[CB - Account].[Account CB - Description].&amp;[0427600 - Monetary_Variation_Brazil]"/>
        <member name="[CB - Account].[Account CB - Description].&amp;[0428000 - Amor-Disc-Deb-8.25% 2004]"/>
        <member name="[CB - Account].[Account CB - Description].&amp;[0428001 - Amor-Dde-Deb-8% 2002]"/>
        <member name="[CB - Account].[Account CB - Description].&amp;[0428002 - Amor-Dde-Deb-100Mm Med]"/>
        <member name="[CB - Account].[Account CB - Description].&amp;[0428003 - Amor-Dde-Deb-8.25% 2004]"/>
        <member name="[CB - Account].[Account CB - Description].&amp;[0428004 - Amor-Dde-Deb-9.13% 2003]"/>
        <member name="[CB - Account].[Account CB - Description].&amp;[0428005 - Amor-Dde-Note--7%]"/>
        <member name="[CB - Account].[Account CB - Description].&amp;[0428006 - Amortization - Toprs]"/>
        <member name="[CB - Account].[Account CB - Description].&amp;[0428007 - Amort Discount - Senior B]"/>
        <member name="[CB - Account].[Account CB - Description].&amp;[0428008 - Amort Exp-99 Global 2004]"/>
        <member name="[CB - Account].[Account CB - Description].&amp;[0428009 - Amort Exp-99 Global 2009]"/>
        <member name="[CB - Account].[Account CB - Description].&amp;[0428010 - Amort Exp-99 Global 2019]"/>
        <member name="[CB - Account].[Account CB - Description].&amp;[0428011 - Amor-Disc-Bond-Indenture]"/>
        <member name="[CB - Account].[Account CB - Description].&amp;[0428012 - Amor-Dde_Deb-7.30%2010]"/>
        <member name="[CB - Account].[Account CB - Description].&amp;[0428013 - Amort Disc-Sr Bond-2032]"/>
        <member name="[CB - Account].[Account CB - Description].&amp;[0428014 - Amort Disc-Sr Bond-2013]"/>
        <member name="[CB - Account].[Account CB - Description].&amp;[0428015 - Amort Discount-Senior A]"/>
        <member name="[CB - Account].[Account CB - Description].&amp;[0428016 - Unamrt Dde-Deb 5.25% 2007]"/>
        <member name="[CB - Account].[Account CB - Description].&amp;[0428017 - Amor-Dde-Deb -8.25% 2005]"/>
        <member name="[CB - Account].[Account CB - Description].&amp;[0428018 - Amor-Dde-Deb-Credit Agreemt]"/>
        <member name="[CB - Account].[Account CB - Description].&amp;[0428019 - Amor-Dde-Deb-5.69% 2012]"/>
        <member name="[CB - Account].[Account CB - Description].&amp;[0428020 - Amor-Dde-Deb-5.71% 2012]"/>
        <member name="[CB - Account].[Account CB - Description].&amp;[0428101 - Amort-Dbt-Loss-12.75% Deb]"/>
        <member name="[CB - Account].[Account CB - Description].&amp;[0428102 - Amort-Dbt-Loss-13% Deb]"/>
        <member name="[CB - Account].[Account CB - Description].&amp;[0428103 - Amort-Dbt-Loss-13.25% Deb]"/>
        <member name="[CB - Account].[Account CB - Description].&amp;[0428104 - Amort-Dbt-Loss-12% Deb]"/>
        <member name="[CB - Account].[Account CB - Description].&amp;[0428105 - Amort-Dbt-Loss-10 1/8%]"/>
        <member name="[CB - Account].[Account CB - Description].&amp;[0428106 - Amort-Dbt-Loss-10%-TETCO]"/>
        <member name="[CB - Account].[Account CB - Description].&amp;[0428107 - Amor Dde Deb 5.56% due 2015]"/>
        <member name="[CB - Account].[Account CB - Description].&amp;[0428108 - Amor Dde Deb 6.19% due 2025]"/>
        <member name="[CB - Account].[Account CB - Description].&amp;[0428113 - Amor-Dde-Deb-5.69% 2012]"/>
        <member name="[CB - Account].[Account CB - Description].&amp;[0428114 - Amor-Dde-Deb-5.71% 2012]"/>
        <member name="[CB - Account].[Account CB - Description].&amp;[0428200 - AMORT_DEBT_DISC_PUR_ACCTG_ADJ]"/>
        <member name="[CB - Account].[Account CB - Description].&amp;[0429000 - Amort of Premium on Debt-CR]"/>
        <member name="[CB - Account].[Account CB - Description].&amp;[0429010 - Debt Premium/Gain]"/>
        <member name="[CB - Account].[Account CB - Description].&amp;[0429200 - Amort Debt_Prem_Pur_Acctg_Adj]"/>
        <member name="[CB - Account].[Account CB - Description].&amp;[0429250 - Missing]"/>
        <member name="[CB - Account].[Account CB - Description].&amp;[0430000 - Int On Debt/Assoc Companies]"/>
        <member name="[CB - Account].[Account CB - Description].&amp;[0430001 - Interest Exp I/C Contra]"/>
        <member name="[CB - Account].[Account CB - Description].&amp;[0430002 - Intercompany Interest Exp ST]"/>
        <member name="[CB - Account].[Account CB - Description].&amp;[0430100 - Interest On Energy Bank]"/>
        <member name="[CB - Account].[Account CB - Description].&amp;[043012 - Depr-Prod Extract Plant]"/>
        <member name="[CB - Account].[Account CB - Description].&amp;[0430200 - Interco Int Exp - DEC]"/>
        <member name="[CB - Account].[Account CB - Description].&amp;[0430210 - Interco Int Exp - MPS]"/>
        <member name="[CB - Account].[Account CB - Description].&amp;[0430211 - Interest on Debt w/Duk Capital]"/>
        <member name="[CB - Account].[Account CB - Description].&amp;[0430212 - Interco Int. Expense w/ DE&amp;S]"/>
        <member name="[CB - Account].[Account CB - Description].&amp;[0430215 - Intco Int Exp w/DE ServicesInc]"/>
        <member name="[CB - Account].[Account CB - Description].&amp;[0430217 - Interco Interest w/ 30072]"/>
        <member name="[CB - Account].[Account CB - Description].&amp;[0430218 - Interco Interest w/ 30077]"/>
        <member name="[CB - Account].[Account CB - Description].&amp;[0430219 - Interco Interest w/ 30076]"/>
        <member name="[CB - Account].[Account CB - Description].&amp;[0430220 - INTCO INT EXP-DCC LUX]"/>
        <member name="[CB - Account].[Account CB - Description].&amp;[0430891 - IC Int Expense VIE]"/>
        <member name="[CB - Account].[Account CB - Description].&amp;[0431001 - Int Exp-Pcb Deferral]"/>
        <member name="[CB - Account].[Account CB - Description].&amp;[0431002 - Int Exp-Other]"/>
        <member name="[CB - Account].[Account CB - Description].&amp;[0431004 - Amort Debt Discount Exp]"/>
        <member name="[CB - Account].[Account CB - Description].&amp;[0431005 - FX Gain/Loss on debt]"/>
        <member name="[CB - Account].[Account CB - Description].&amp;[0431006 - FX-Mark to Market]"/>
        <member name="[CB - Account].[Account CB - Description].&amp;[0431007 - Fx Gains Losses On Intco Debt]"/>
        <member name="[CB - Account].[Account CB - Description].&amp;[0431008 - Int Exp - Convert Debt]"/>
        <member name="[CB - Account].[Account CB - Description].&amp;[0431009 - IntExp-CashSweepsDukeCogema]"/>
        <member name="[CB - Account].[Account CB - Description].&amp;[0431010 - FX Gain/Loss in Bank Accts]"/>
        <member name="[CB - Account].[Account CB - Description].&amp;[0431011 - Debt Return-Deferred Projects]"/>
        <member name="[CB - Account].[Account CB - Description].&amp;[0431012 - Debt Return - Mitigation Sales]"/>
        <member name="[CB - Account].[Account CB - Description].&amp;[0431013 - Int Exp - 2013 Rate Case Light]"/>
        <member name="[CB - Account].[Account CB - Description].&amp;[0431014 - Debt Return - EDIT]"/>
        <member name="[CB - Account].[Account CB - Description].&amp;[0431021 - IC Moneypool - Interest Exp]"/>
        <member name="[CB - Account].[Account CB - Description].&amp;[0431100 - Int Accrued/Cust Deposits-Nc]"/>
        <member name="[CB - Account].[Account CB - Description].&amp;[0431130 - Interest Exp - Capital Lease]"/>
        <member name="[CB - Account].[Account CB - Description].&amp;[0431150 - Regulatory Interest Expense]"/>
        <member name="[CB - Account].[Account CB - Description].&amp;[0431152 - IC Lease-Int Cap Lease(Act Op)]"/>
        <member name="[CB - Account].[Account CB - Description].&amp;[0431200 - Int Accrued/Cust Deposits-Sc]"/>
        <member name="[CB - Account].[Account CB - Description].&amp;[0431300 - Int/Notes &amp; Acct Pay-Short Trm]"/>
        <member name="[CB - Account].[Account CB - Description].&amp;[0431350 - IC Lease-Int Exp Cap Lease]"/>
        <member name="[CB - Account].[Account CB - Description].&amp;[0431360 - Interest Exp - Cap Lease (IC)]"/>
        <member name="[CB - Account].[Account CB - Description].&amp;[0431500 - NC Debt Return on Retired Plan]"/>
        <member name="[CB - Account].[Account CB - Description].&amp;[0431510 - Int/Cat Working Capital Fund]"/>
        <member name="[CB - Account].[Account CB - Description].&amp;[0431520 - Int/Cat Buyer Advances]"/>
        <member name="[CB - Account].[Account CB - Description].&amp;[0431525 - Int/Lee Buyer Advances]"/>
        <member name="[CB - Account].[Account CB - Description].&amp;[0431530 - Interest Expense-Contract Adj]"/>
        <member name="[CB - Account].[Account CB - Description].&amp;[0431700 - Inactive]"/>
        <member name="[CB - Account].[Account CB - Description].&amp;[0431710 - Int Exp On Revenue Refunds]"/>
        <member name="[CB - Account].[Account CB - Description].&amp;[0431800 - Int On Late Payment Charges]"/>
        <member name="[CB - Account].[Account CB - Description].&amp;[0431901 - Interest Expense Comm Paper]"/>
        <member name="[CB - Account].[Account CB - Description].&amp;[0431902 - Interest Expense Other]"/>
        <member name="[CB - Account].[Account CB - Description].&amp;[0431903 - Intercompany Interest Expense]"/>
        <member name="[CB - Account].[Account CB - Description].&amp;[0431904 - Int Exp-Contr Adj-EU-Series C]"/>
        <member name="[CB - Account].[Account CB - Description].&amp;[0431905 - Int Exp-Contr Adj-EU-Series B]"/>
        <member name="[CB - Account].[Account CB - Description].&amp;[0431906 - Int Exp-Contr Adj-EU-Series A]"/>
        <member name="[CB - Account].[Account CB - Description].&amp;[0431908 - INT EXP - OTHER]"/>
        <member name="[CB - Account].[Account CB - Description].&amp;[0431910 - BudAdj-Interest Exp]"/>
        <member name="[CB - Account].[Account CB - Description].&amp;[0431920 - Other Interest - CR3 Interest]"/>
        <member name="[CB - Account].[Account CB - Description].&amp;[0431921 - Other Interest - Customer Depo]"/>
        <member name="[CB - Account].[Account CB - Description].&amp;[0431922 - Other Interest - Tax Deficienc]"/>
        <member name="[CB - Account].[Account CB - Description].&amp;[0431999 - FX_MTM_INTERCOMPANY]"/>
        <member name="[CB - Account].[Account CB - Description].&amp;[0432001 - Carrying Costs Amort - 100%]"/>
        <member name="[CB - Account].[Account CB - Description].&amp;[0432005 - Capitalized Interest]"/>
        <member name="[CB - Account].[Account CB - Description].&amp;[0432021 - Post In Svc Carrying Charges]"/>
        <member name="[CB - Account].[Account CB - Description].&amp;[0432100 - CAPITALIZED INTEREST]"/>
        <member name="[CB - Account].[Account CB - Description].&amp;[0432120 - AFUDC Debt]"/>
        <member name="[CB - Account].[Account CB - Description].&amp;[0432300 - Cap Interest Elec]"/>
        <member name="[CB - Account].[Account CB - Description].&amp;[0432500 - NU Capitalized Interest]"/>
        <member name="[CB - Account].[Account CB - Description].&amp;[0432600 - BudAdj-Debt AFUDC]"/>
        <member name="[CB - Account].[Account CB - Description].&amp;[0433000 - Balance Transferred From Inc]"/>
        <member name="[CB - Account].[Account CB - Description].&amp;[0433001 - Bal Transer From Income]"/>
        <member name="[CB - Account].[Account CB - Description].&amp;[0433002 - Interest Expense - DEGT only]"/>
        <member name="[CB - Account].[Account CB - Description].&amp;[0433003 - Balance Transfer From Income]"/>
        <member name="[CB - Account].[Account CB - Description].&amp;[0434100 - Gain On Recapitalization]"/>
        <member name="[CB - Account].[Account CB - Description].&amp;[0435000 - Extraordinary Deductions]"/>
        <member name="[CB - Account].[Account CB - Description].&amp;[0436000 - Appropriations Of Ret Earnings]"/>
        <member name="[CB - Account].[Account CB - Description].&amp;[0436001 - CUMULATIVE CHANGE IN ACCTG]"/>
        <member name="[CB - Account].[Account CB - Description].&amp;[0436100 - Approp Retained Earnings-Mklnd]"/>
        <member name="[CB - Account].[Account CB - Description].&amp;[0437000 - Dividend Declared Preferred]"/>
        <member name="[CB - Account].[Account CB - Description].&amp;[0437100 - Preferred Stock Dividends]"/>
        <member name="[CB - Account].[Account CB - Description].&amp;[0437101 - Dividends on Pref Stk Series A]"/>
        <member name="[CB - Account].[Account CB - Description].&amp;[0437102 - Dividends on Pref Stk Series B]"/>
        <member name="[CB - Account].[Account CB - Description].&amp;[0437150 - Int Exp Pref Stk Series X]"/>
        <member name="[CB - Account].[Account CB - Description].&amp;[0437200 - Preference Stock Dividends]"/>
        <member name="[CB - Account].[Account CB - Description].&amp;[0437201 - Contra-Pref stk Div Series A]"/>
        <member name="[CB - Account].[Account CB - Description].&amp;[0437202 - Contra - Pref stk Div Series B]"/>
        <member name="[CB - Account].[Account CB - Description].&amp;[0438000 - Dividend Declared Common]"/>
        <member name="[CB - Account].[Account CB - Description].&amp;[0438001 - Dummy Acct for Y/E]"/>
        <member name="[CB - Account].[Account CB - Description].&amp;[0438100 - Common Stock - Cash]"/>
        <member name="[CB - Account].[Account CB - Description].&amp;[0438101 - Contract Adjust - Eq Units]"/>
        <member name="[CB - Account].[Account CB - Description].&amp;[0438102 - Contract Adjust-EU-Series C]"/>
        <member name="[CB - Account].[Account CB - Description].&amp;[0438103 - Contract Adjust-EU-Series B]"/>
        <member name="[CB - Account].[Account CB - Description].&amp;[0438104 - Contract Adjust-EU-Series A]"/>
        <member name="[CB - Account].[Account CB - Description].&amp;[0438110 - Sub Dividends Declared]"/>
        <member name="[CB - Account].[Account CB - Description].&amp;[0439000 - Adj To Retained Earnings]"/>
        <member name="[CB - Account].[Account CB - Description].&amp;[0439001 - Other Comprehensiv Inc-DukePwr]"/>
        <member name="[CB - Account].[Account CB - Description].&amp;[0439002 - Other Comprehensive Inc-Subs]"/>
        <member name="[CB - Account].[Account CB - Description].&amp;[0439003 - CEA: UTP Other]"/>
        <member name="[CB - Account].[Account CB - Description].&amp;[0439004 - Cum Effect Acct Change Tax]"/>
        <member name="[CB - Account].[Account CB - Description].&amp;[0439005 - Cum Effect Acct Change Pre-Tax]"/>
        <member name="[CB - Account].[Account CB - Description].&amp;[0439300 - ADJUST TO R/E]"/>
        <member name="[CB - Account].[Account CB - Description].&amp;[0439410 - Oth Com Inc-Tax Expense]"/>
        <member name="[CB - Account].[Account CB - Description].&amp;[0440000 - Residential]"/>
        <member name="[CB - Account].[Account CB - Description].&amp;[0440001 - Residential Svc - NonReg]"/>
        <member name="[CB - Account].[Account CB - Description].&amp;[0440005 - Residential-Transp Only]"/>
        <member name="[CB - Account].[Account CB - Description].&amp;[0440010 - Catawba Pur Cap Lev-EBIT Only]"/>
        <member name="[CB - Account].[Account CB - Description].&amp;[0440020 - Fuel Revenues-EBIT]"/>
        <member name="[CB - Account].[Account CB - Description].&amp;[0440030 - Purchase Power Fuel Revenues]"/>
        <member name="[CB - Account].[Account CB - Description].&amp;[0440990 - Residential Unbilled Rev]"/>
        <member name="[CB - Account].[Account CB - Description].&amp;[0440995 - Residential-Transp Unbilled]"/>
        <member name="[CB - Account].[Account CB - Description].&amp;[0442100 - General Service]"/>
        <member name="[CB - Account].[Account CB - Description].&amp;[0442101 - General Service - Non-Reg]"/>
        <member name="[CB - Account].[Account CB - Description].&amp;[0442102 - General Service Rev-NonReg]"/>
        <member name="[CB - Account].[Account CB - Description].&amp;[0442105 - General Svc Transp Only]"/>
        <member name="[CB - Account].[Account CB - Description].&amp;[0442190 - General Service Unbilled Rev]"/>
        <member name="[CB - Account].[Account CB - Description].&amp;[0442195 - General Svc Transp Unbilled]"/>
        <member name="[CB - Account].[Account CB - Description].&amp;[0442200 - Industrial Service]"/>
        <member name="[CB - Account].[Account CB - Description].&amp;[0442201 - Industrial Service - NonReg]"/>
        <member name="[CB - Account].[Account CB - Description].&amp;[0442205 - Industrial Svc Transp Only]"/>
        <member name="[CB - Account].[Account CB - Description].&amp;[0442290 - Industrial Svc Unbilled Rev]"/>
        <member name="[CB - Account].[Account CB - Description].&amp;[0442295 - Industrial Svc Transp Unbilled]"/>
        <member name="[CB - Account].[Account CB - Description].&amp;[0444000 - Public St &amp; Highway Lighting]"/>
        <member name="[CB - Account].[Account CB - Description].&amp;[0444001 - Public St/Hwy Service - NonReg]"/>
        <member name="[CB - Account].[Account CB - Description].&amp;[0444005 - Pblc St &amp; Hghwy Lghtng Transp]"/>
        <member name="[CB - Account].[Account CB - Description].&amp;[0444990 - Public Street/Highway Unbilled]"/>
        <member name="[CB - Account].[Account CB - Description].&amp;[0445000 - Other Sales to Public Auth]"/>
        <member name="[CB - Account].[Account CB - Description].&amp;[0445001 - Public Authority Svc - NonReg]"/>
        <member name="[CB - Account].[Account CB - Description].&amp;[0445005 - OPA Transp Only]"/>
        <member name="[CB - Account].[Account CB - Description].&amp;[0445090 - OPA Unbilled]"/>
        <member name="[CB - Account].[Account CB - Description].&amp;[0445095 - OPA Transp Unbilled]"/>
        <member name="[CB - Account].[Account CB - Description].&amp;[0447000 - Sales For Resale]"/>
        <member name="[CB - Account].[Account CB - Description].&amp;[0447001 - Power Sales]"/>
        <member name="[CB - Account].[Account CB - Description].&amp;[0447010 - Elec Rev - I/C sales]"/>
        <member name="[CB - Account].[Account CB - Description].&amp;[0447016 - I/C Joint Disp - Revenue]"/>
        <member name="[CB - Account].[Account CB - Description].&amp;[0447040 - I/C Power Sales]"/>
        <member name="[CB - Account].[Account CB - Description].&amp;[0447100 - Sales For Resale-Catawba]"/>
        <member name="[CB - Account].[Account CB - Description].&amp;[0447101 - Special Contract Revenue]"/>
        <member name="[CB - Account].[Account CB - Description].&amp;[0447110 - Cp&amp;L Schedule J Agreement]"/>
        <member name="[CB - Account].[Account CB - Description].&amp;[0447130 - Power Sales Estimate]"/>
        <member name="[CB - Account].[Account CB - Description].&amp;[0447140 - FUEL IN SALES FOR RESALE]"/>
        <member name="[CB - Account].[Account CB - Description].&amp;[0447141 - CONTRA]"/>
        <member name="[CB - Account].[Account CB - Description].&amp;[0447150 - Sales For Resale - Outside]"/>
        <member name="[CB - Account].[Account CB - Description].&amp;[0447151 - BPM Fuel Revenues]"/>
        <member name="[CB - Account].[Account CB - Description].&amp;[0447152 - Sales for Resale-Outsid-NonReg]"/>
        <member name="[CB - Account].[Account CB - Description].&amp;[0447153 - Mitigation Revenue]"/>
        <member name="[CB - Account].[Account CB - Description].&amp;[0447155 - I/C Sales for Resale]"/>
        <member name="[CB - Account].[Account CB - Description].&amp;[0447159 - Resale Sales-Outside(Contra)]"/>
        <member name="[CB - Account].[Account CB - Description].&amp;[0447160 - BPM Capacity Revenues]"/>
        <member name="[CB - Account].[Account CB - Description].&amp;[0447161 - BudAdj-Wholesale Margin]"/>
        <member name="[CB - Account].[Account CB - Description].&amp;[0447162 - BudAdj-BPM Margin]"/>
        <member name="[CB - Account].[Account CB - Description].&amp;[0447170 - Spot Capacity Revenue]"/>
        <member name="[CB - Account].[Account CB - Description].&amp;[0447175 - Spot Energy Revenue]"/>
        <member name="[CB - Account].[Account CB - Description].&amp;[0447185 - PPA Energy Revenue]"/>
        <member name="[CB - Account].[Account CB - Description].&amp;[0447190 - PPA Capacity Revenue]"/>
        <member name="[CB - Account].[Account CB - Description].&amp;[0447200 - Sales For Resale-Npl]"/>
        <member name="[CB - Account].[Account CB - Description].&amp;[0447208 - Amort Pwr Trdg Intang or Liab]"/>
        <member name="[CB - Account].[Account CB - Description].&amp;[0447300 - Transmission Charge - Ptpnf]"/>
        <member name="[CB - Account].[Account CB - Description].&amp;[0447301 - Utility Revenues - Hoosier]"/>
        <member name="[CB - Account].[Account CB - Description].&amp;[0447302 - Unrealized Gain - 3rd Party]"/>
        <member name="[CB - Account].[Account CB - Description].&amp;[0447310 - Loss Compensation - Ptpnf]"/>
        <member name="[CB - Account].[Account CB - Description].&amp;[0447319 - Loss Comp-PTPNF(Contra)]"/>
        <member name="[CB - Account].[Account CB - Description].&amp;[0447320 - Sched, Sys Cntl, Disp - Ptpnf]"/>
        <member name="[CB - Account].[Account CB - Description].&amp;[0447330 - Reactive Pwr/Voltage Cntl Svc]"/>
        <member name="[CB - Account].[Account CB - Description].&amp;[0447339 - React Pwr/Vltg Ctl Svc(Contra)]"/>
        <member name="[CB - Account].[Account CB - Description].&amp;[0447340 - Regulation/Frequency Response]"/>
        <member name="[CB - Account].[Account CB - Description].&amp;[0447350 - Energy Imbalance Svc - Ptpnf]"/>
        <member name="[CB - Account].[Account CB - Description].&amp;[0447360 - Power Sales Bookouts]"/>
        <member name="[CB - Account].[Account CB - Description].&amp;[0447370 - Power Sales Bookouts Estimate]"/>
        <member name="[CB - Account].[Account CB - Description].&amp;[0447400 - Transmission Charge - Ptpf]"/>
        <member name="[CB - Account].[Account CB - Description].&amp;[0447401 - Unrealized Gain - Intercompany]"/>
        <member name="[CB - Account].[Account CB - Description].&amp;[0447402 - Utility Revenues - Logansport]"/>
        <member name="[CB - Account].[Account CB - Description].&amp;[0447410 - Loss Compensation - Ptpf]"/>
        <member name="[CB - Account].[Account CB - Description].&amp;[0447419 - Loss Compensation-PTPF(Contra)]"/>
        <member name="[CB - Account].[Account CB - Description].&amp;[0447420 - Sched, Sys Cntl, Disp - Ptpf]"/>
        <member name="[CB - Account].[Account CB - Description].&amp;[0447430 - Reactive Pwr/Volt Cntl Svc]"/>
        <member name="[CB - Account].[Account CB - Description].&amp;[0447439 - React Pwr/Volt Ctl Svc(Contra)]"/>
        <member name="[CB - Account].[Account CB - Description].&amp;[0447440 - Power Transmission Sales]"/>
        <member name="[CB - Account].[Account CB - Description].&amp;[0447450 - Power IB]"/>
        <member name="[CB - Account].[Account CB - Description].&amp;[0447460 - Power IB Estimate]"/>
        <member name="[CB - Account].[Account CB - Description].&amp;[0447470 - Power Transmission Sales Est]"/>
        <member name="[CB - Account].[Account CB - Description].&amp;[0447500 - Transmission Charge - Network]"/>
        <member name="[CB - Account].[Account CB - Description].&amp;[0447501 - Sales Other Elec Util - State]"/>
        <member name="[CB - Account].[Account CB - Description].&amp;[0447510 - Loss Compensation - Network]"/>
        <member name="[CB - Account].[Account CB - Description].&amp;[0447520 - Sched, Sys Cntl, Disp - Netwrk]"/>
        <member name="[CB - Account].[Account CB - Description].&amp;[0447530 - Reactive Pwr/Volt Cntl Svc]"/>
        <member name="[CB - Account].[Account CB - Description].&amp;[0447540 - Regulation/Frequency Response]"/>
        <member name="[CB - Account].[Account CB - Description].&amp;[0447550 - Energy Imbalance Svc - Network]"/>
        <member name="[CB - Account].[Account CB - Description].&amp;[0447560 - Op Res - Spinning Reserve]"/>
        <member name="[CB - Account].[Account CB - Description].&amp;[0447570 - Op Res - Supplemental Reserve]"/>
        <member name="[CB - Account].[Account CB - Description].&amp;[0447580 - Transmission Direct Assgn Chg]"/>
        <member name="[CB - Account].[Account CB - Description].&amp;[0447600 - Tariff System Impact Studies]"/>
        <member name="[CB - Account].[Account CB - Description].&amp;[0447601 - WVPA Scheduled Interim Pwr]"/>
        <member name="[CB - Account].[Account CB - Description].&amp;[0447610 - ELECTRIC SALES TRADE]"/>
        <member name="[CB - Account].[Account CB - Description].&amp;[0447611 - WVPA Revenues - 150MW]"/>
        <member name="[CB - Account].[Account CB - Description].&amp;[0447625 - Power Tolling Sales]"/>
        <member name="[CB - Account].[Account CB - Description].&amp;[0447700 - ELECTRIC SALES TRADE MARKET]"/>
        <member name="[CB - Account].[Account CB - Description].&amp;[0447701 - Power Sales - East]"/>
        <member name="[CB - Account].[Account CB - Description].&amp;[0447702 - Power Sales - West]"/>
        <member name="[CB - Account].[Account CB - Description].&amp;[0447710 - Variable RMR Revenue]"/>
        <member name="[CB - Account].[Account CB - Description].&amp;[0447720 - Electricity Marketing Sales]"/>
        <member name="[CB - Account].[Account CB - Description].&amp;[0447750 - LOAD FOLLOWING]"/>
        <member name="[CB - Account].[Account CB - Description].&amp;[0447800 - Electric Sales to 3rd Parties]"/>
        <member name="[CB - Account].[Account CB - Description].&amp;[0447810 - Elec Revenue Cash Flow Hedge]"/>
        <member name="[CB - Account].[Account CB - Description].&amp;[0447815 - REALIZED CSH FLW HEDGE REV]"/>
        <member name="[CB - Account].[Account CB - Description].&amp;[0447820 - Sales for Resale - Internal]"/>
        <member name="[CB - Account].[Account CB - Description].&amp;[0447821 - Sales for Rsale-Internl-NonReg]"/>
        <member name="[CB - Account].[Account CB - Description].&amp;[0447831 - I/C NR Sales for Resale - Inte]"/>
        <member name="[CB - Account].[Account CB - Description].&amp;[0447900 - ELEC_SALES_TRADE_PUR_ACCTG_ADJ]"/>
        <member name="[CB - Account].[Account CB - Description].&amp;[0447921 - Sales for Resale - Deriv]"/>
        <member name="[CB - Account].[Account CB - Description].&amp;[0447931 - I/C NR Sales for Resale - Deri]"/>
        <member name="[CB - Account].[Account CB - Description].&amp;[0447990 - Sales For Resale Unbilled Rev]"/>
        <member name="[CB - Account].[Account CB - Description].&amp;[0448000 - Interdepartmental Sales-Elec]"/>
        <member name="[CB - Account].[Account CB - Description].&amp;[0448099 - Power Rev Contra EITF 02-03]"/>
        <member name="[CB - Account].[Account CB - Description].&amp;[0449035 - Franchise Allocation/Holding]"/>
        <member name="[CB - Account].[Account CB - Description].&amp;[0449100 - Provisions For Rate Refunds]"/>
        <member name="[CB - Account].[Account CB - Description].&amp;[0449105 - Other Revenue]"/>
        <member name="[CB - Account].[Account CB - Description].&amp;[0449106 - Demand Revenue]"/>
        <member name="[CB - Account].[Account CB - Description].&amp;[0449107 - Supply Revenue]"/>
        <member name="[CB - Account].[Account CB - Description].&amp;[0449108 - Other Revenue - Reg gas]"/>
        <member name="[CB - Account].[Account CB - Description].&amp;[0449110 - Prov for Rate Refunds-Whsl]"/>
        <member name="[CB - Account].[Account CB - Description].&amp;[0449111 - Tax reform - Retail]"/>
        <member name="[CB - Account].[Account CB - Description].&amp;[0449112 - EDIT Amortization]"/>
        <member name="[CB - Account].[Account CB - Description].&amp;[0449113 - Tax Reform - Industrial]"/>
        <member name="[CB - Account].[Account CB - Description].&amp;[0449114 - Tax Reform Account - Other]"/>
        <member name="[CB - Account].[Account CB - Description].&amp;[0449115 - Tax Reform - Riders]"/>
        <member name="[CB - Account].[Account CB - Description].&amp;[0449116 - Tax reform - Wholesale/BPM]"/>
        <member name="[CB - Account].[Account CB - Description].&amp;[0449200 - Prov for Rate Refunds - IGCC]"/>
        <member name="[CB - Account].[Account CB - Description].&amp;[0449300 - BudAdj-Volumes Rev]"/>
        <member name="[CB - Account].[Account CB - Description].&amp;[0449301 - BudAdj-Price Rev]"/>
        <member name="[CB - Account].[Account CB - Description].&amp;[0449302 - BudAdj-EE Rider]"/>
        <member name="[CB - Account].[Account CB - Description].&amp;[0449303 - BudAdj-OH SG Rider]"/>
        <member name="[CB - Account].[Account CB - Description].&amp;[0449304 - BudAdj-IGCC Rider]"/>
        <member name="[CB - Account].[Account CB - Description].&amp;[0449305 - BudAdj-Other Riders]"/>
        <member name="[CB - Account].[Account CB - Description].&amp;[0449306 - BudAdj-Other Rev Margin]"/>
        <member name="[CB - Account].[Account CB - Description].&amp;[0450000 - Energy Sales Actuals - IC]"/>
        <member name="[CB - Account].[Account CB - Description].&amp;[0450001 - Energy Sales Estimate - IC]"/>
        <member name="[CB - Account].[Account CB - Description].&amp;[0450100 - Late Pmt and Forf Disc]"/>
        <member name="[CB - Account].[Account CB - Description].&amp;[0450200 - Charge On Returned Checks]"/>
        <member name="[CB - Account].[Account CB - Description].&amp;[0450300 - Inactive]"/>
        <member name="[CB - Account].[Account CB - Description].&amp;[0451001 - Power Revenue]"/>
        <member name="[CB - Account].[Account CB - Description].&amp;[0451100 - Misc Service Revenue]"/>
        <member name="[CB - Account].[Account CB - Description].&amp;[0451101 - Fixed Payment Termination Fee]"/>
        <member name="[CB - Account].[Account CB - Description].&amp;[0451102 - Fixed Pmt Term Fee-NonReg]"/>
        <member name="[CB - Account].[Account CB - Description].&amp;[0451105 - Miscellaneous Items - NonREg]"/>
        <member name="[CB - Account].[Account CB - Description].&amp;[0451200 - Generation Application Fee]"/>
        <member name="[CB - Account].[Account CB - Description].&amp;[0451400 - DETM-DENA Management Fees]"/>
        <member name="[CB - Account].[Account CB - Description].&amp;[0453625 - Intercompany Sales of Water]"/>
        <member name="[CB - Account].[Account CB - Description].&amp;[0454001 - Rent from Electric Prop - Nucl]"/>
        <member name="[CB - Account].[Account CB - Description].&amp;[0454002 - Rent - Lighting equipment]"/>
        <member name="[CB - Account].[Account CB - Description].&amp;[0454003 - Rent - Non-Lighting equipment]"/>
        <member name="[CB - Account].[Account CB - Description].&amp;[0454004 - Rent - Joint Use]"/>
        <member name="[CB - Account].[Account CB - Description].&amp;[0454005 - Rent - Transmission]"/>
        <member name="[CB - Account].[Account CB - Description].&amp;[0454100 - Extra-Facilities]"/>
        <member name="[CB - Account].[Account CB - Description].&amp;[0454105 - IC Other Elec Rents]"/>
        <member name="[CB - Account].[Account CB - Description].&amp;[0454110 - Inter-Connection-Cogeneration]"/>
        <member name="[CB - Account].[Account CB - Description].&amp;[0454175 - Other Lease Revenues]"/>
        <member name="[CB - Account].[Account CB - Description].&amp;[0454200 - Pole &amp; Line Attachments]"/>
        <member name="[CB - Account].[Account CB - Description].&amp;[0454300 - Tower Lease Revenues]"/>
        <member name="[CB - Account].[Account CB - Description].&amp;[0454400 - Other Electric Rents]"/>
        <member name="[CB - Account].[Account CB - Description].&amp;[0454401 - Other Electic Rents - Non-Reg]"/>
        <member name="[CB - Account].[Account CB - Description].&amp;[0454402 - Other Electric Rents-NonReg]"/>
        <member name="[CB - Account].[Account CB - Description].&amp;[0454404 - Oth. Elec Rent - Wholesale/JO]"/>
        <member name="[CB - Account].[Account CB - Description].&amp;[0454500 - Leased Facilities Fee-Catawba]"/>
        <member name="[CB - Account].[Account CB - Description].&amp;[0454510 - Rtn &amp; Dep-Joint-Owner Gen Plt]"/>
        <member name="[CB - Account].[Account CB - Description].&amp;[0454600 - Lease Revenue - CERT]"/>
        <member name="[CB - Account].[Account CB - Description].&amp;[0454601 - Other Miscellaneous Revenue]"/>
        <member name="[CB - Account].[Account CB - Description].&amp;[0454700 - Distribution Charge - Network]"/>
        <member name="[CB - Account].[Account CB - Description].&amp;[0454710 - Power Factor Penalty - Network]"/>
        <member name="[CB - Account].[Account CB - Description].&amp;[0454720 - Metering - Network]"/>
        <member name="[CB - Account].[Account CB - Description].&amp;[0455000 - Subsidiary Cost Of Capital]"/>
        <member name="[CB - Account].[Account CB - Description].&amp;[0456000 - Other Variable Revenues]"/>
        <member name="[CB - Account].[Account CB - Description].&amp;[0456001 - Other Variable Revenues-Reg]"/>
        <member name="[CB - Account].[Account CB - Description].&amp;[0456002 - DEMAND PROFILE PLOT CHARGE]"/>
        <member name="[CB - Account].[Account CB - Description].&amp;[0456003 - Retail Unbilled Revenue]"/>
        <member name="[CB - Account].[Account CB - Description].&amp;[0456004 - MAGNETIC TAPE PULSE DATA]"/>
        <member name="[CB - Account].[Account CB - Description].&amp;[0456005 - ELEC REV-COGEN/SMALL PWR PRO]"/>
        <member name="[CB - Account].[Account CB - Description].&amp;[0456006 - Muni Coty Tax Coll/Comm]"/>
        <member name="[CB - Account].[Account CB - Description].&amp;[0456007 - NITS ARP]"/>
        <member name="[CB - Account].[Account CB - Description].&amp;[0456008 - Jobs Retention Rider O/U]"/>
        <member name="[CB - Account].[Account CB - Description].&amp;[0456009 - EV Charging Revenues]"/>
        <member name="[CB - Account].[Account CB - Description].&amp;[0456016 - I/C Joint Disp - Trans NW Rev]"/>
        <member name="[CB - Account].[Account CB - Description].&amp;[0456025 - RSG Rev - MISO Make Whole]"/>
        <member name="[CB - Account].[Account CB - Description].&amp;[0456034 - IC Other Elect Revenue]"/>
        <member name="[CB - Account].[Account CB - Description].&amp;[0456035 - I/C Rev - RSG Makewhole]"/>
        <member name="[CB - Account].[Account CB - Description].&amp;[0456040 - Sales Use Tax Coll Fee]"/>
        <member name="[CB - Account].[Account CB - Description].&amp;[0456041 - Sales Use Tax Coll Fee-NonReg]"/>
        <member name="[CB - Account].[Account CB - Description].&amp;[0456050 - Transmission Study Revenue]"/>
        <member name="[CB - Account].[Account CB - Description].&amp;[0456055 - I/C NR Rev - RSG Makewhole]"/>
        <member name="[CB - Account].[Account CB - Description].&amp;[0456075 - Data Processing Service]"/>
        <member name="[CB - Account].[Account CB - Description].&amp;[0456100 - Profit Or Loss On Sale Of M&amp;S]"/>
        <member name="[CB - Account].[Account CB - Description].&amp;[0456101 - Other - Non Reg]"/>
        <member name="[CB - Account].[Account CB - Description].&amp;[0456102 - Distribution Charge - Network]"/>
        <member name="[CB - Account].[Account CB - Description].&amp;[0456103 - Metering  - Network]"/>
        <member name="[CB - Account].[Account CB - Description].&amp;[0456104 - Transmission Charge Network]"/>
        <member name="[CB - Account].[Account CB - Description].&amp;[0456105 - Sched, Sys Cntl, disp-network]"/>
        <member name="[CB - Account].[Account CB - Description].&amp;[0456106 - Reactive Pur/Volt Cntl Svc]"/>
        <member name="[CB - Account].[Account CB - Description].&amp;[0456107 - Regulation/Frequency response]"/>
        <member name="[CB - Account].[Account CB - Description].&amp;[0456108 - Op Res - Spinning Reserve]"/>
        <member name="[CB - Account].[Account CB - Description].&amp;[0456109 - Op Res - Supplimental Reserve]"/>
        <member name="[CB - Account].[Account CB - Description].&amp;[0456110 - Transmission Charge PTP]"/>
        <member name="[CB - Account].[Account CB - Description].&amp;[0456111 - Other Transmission Revenues]"/>
        <member name="[CB - Account].[Account CB - Description].&amp;[0456112 - G/L on Sale of Mands-NonReg]"/>
        <member name="[CB - Account].[Account CB - Description].&amp;[0456113 - Other Transmission Rev-NonReg]"/>
        <member name="[CB - Account].[Account CB - Description].&amp;[0456114 - PROD ANCILLARY SERV REV]"/>
        <member name="[CB - Account].[Account CB - Description].&amp;[0456115 - TRANSMISSION TARIFF REV]"/>
        <member name="[CB - Account].[Account CB - Description].&amp;[0456116 - PROD ANCILLARY SERV REV]"/>
        <member name="[CB - Account].[Account CB - Description].&amp;[0456117 - I/C WHEELING-TRANSMISSION-DUKE]"/>
        <member name="[CB - Account].[Account CB - Description].&amp;[0456118 - I/C REVENUE SHARING-DUKE]"/>
        <member name="[CB - Account].[Account CB - Description].&amp;[0456119 - I/C WHEELING-PROD ANC SER-DUKE]"/>
        <member name="[CB - Account].[Account CB - Description].&amp;[0456150 - Interest On Customer Loans-Nc]"/>
        <member name="[CB - Account].[Account CB - Description].&amp;[0456151 - Management Fees - Non- Reg]"/>
        <member name="[CB - Account].[Account CB - Description].&amp;[0456152 - Processing Fees - Non-Reg]"/>
        <member name="[CB - Account].[Account CB - Description].&amp;[0456153 - Other fee Income - Non Reg]"/>
        <member name="[CB - Account].[Account CB - Description].&amp;[0456160 - Interest On Customer Loans-Sc]"/>
        <member name="[CB - Account].[Account CB - Description].&amp;[0456191 - NC Unbilled Coal Inv Rev]"/>
        <member name="[CB - Account].[Account CB - Description].&amp;[0456192 - SC Unbilled Coal Inv Rev]"/>
        <member name="[CB - Account].[Account CB - Description].&amp;[0456200 - Wheeling Fee - Sepa]"/>
        <member name="[CB - Account].[Account CB - Description].&amp;[0456207 - Amortiz of Intag Ast-Rate Stab]"/>
        <member name="[CB - Account].[Account CB - Description].&amp;[0456210 - Wheeling Fee - Catawba]"/>
        <member name="[CB - Account].[Account CB - Description].&amp;[0456214 - Contra Rev-Convention Cntr]"/>
        <member name="[CB - Account].[Account CB - Description].&amp;[0456220 - Wheeling Fee - Cp&amp;L]"/>
        <member name="[CB - Account].[Account CB - Description].&amp;[0456300 - Comp For Serv Oth JointOwner]"/>
        <member name="[CB - Account].[Account CB - Description].&amp;[0456301 - Transmission Charge PTP]"/>
        <member name="[CB - Account].[Account CB - Description].&amp;[0456302 - RENEWABLES REC SALE REVENUE]"/>
        <member name="[CB - Account].[Account CB - Description].&amp;[0456310 - Rev-Reg Products &amp; Svcs]"/>
        <member name="[CB - Account].[Account CB - Description].&amp;[0456311 - Loss Compensation PTPNF]"/>
        <member name="[CB - Account].[Account CB - Description].&amp;[0456312 - Ash Revenue]"/>
        <member name="[CB - Account].[Account CB - Description].&amp;[0456319 - Loss Comp Contra PTPNF]"/>
        <member name="[CB - Account].[Account CB - Description].&amp;[0456321 - Sched Sys Cntl Disp PTPNF]"/>
        <member name="[CB - Account].[Account CB - Description].&amp;[0456330 - Reactpwr/Voltage Cntlsvcptpnf]"/>
        <member name="[CB - Account].[Account CB - Description].&amp;[0456339 - REACTPWR/VTGCTLSVCCONTRAPTPNF]"/>
        <member name="[CB - Account].[Account CB - Description].&amp;[0456340 - REGULATION&amp;FREQUESNCYRESPPTPNF]"/>
        <member name="[CB - Account].[Account CB - Description].&amp;[0456350 - ENERGYIMBALANCESVCEPTPNF]"/>
        <member name="[CB - Account].[Account CB - Description].&amp;[0456351 - Fuel Management Revenues]"/>
        <member name="[CB - Account].[Account CB - Description].&amp;[0456360 - OPERRESERVE-SPINNINGRESVPTPNF]"/>
        <member name="[CB - Account].[Account CB - Description].&amp;[0456370 - OPERRESERVE-SUPPLRESV-PTPNF]"/>
        <member name="[CB - Account].[Account CB - Description].&amp;[0456380 - OTHERS]"/>
        <member name="[CB - Account].[Account CB - Description].&amp;[0456381 - OTHERS CONTRA]"/>
        <member name="[CB - Account].[Account CB - Description].&amp;[0456390 - T&amp;LF Est Rev Cr-Other-WVPA]"/>
        <member name="[CB - Account].[Account CB - Description].&amp;[0456391 - T&amp;LF Est Rev Cr-Other-IMPA]"/>
        <member name="[CB - Account].[Account CB - Description].&amp;[0456392 - Jobs Retention Rider]"/>
        <member name="[CB - Account].[Account CB - Description].&amp;[0456400 - TRANSM_CHG_NET_PUR_ACCTG_ADJ]"/>
        <member name="[CB - Account].[Account CB - Description].&amp;[0456401 - TRANSMISSION CHARGE - PTPF]"/>
        <member name="[CB - Account].[Account CB - Description].&amp;[0456402 - Amortization of SC DSM]"/>
        <member name="[CB - Account].[Account CB - Description].&amp;[0456410 - Fish &amp; Wildlife Revenues]"/>
        <member name="[CB - Account].[Account CB - Description].&amp;[0456411 - LOSS COMPENSATION - PTPF]"/>
        <member name="[CB - Account].[Account CB - Description].&amp;[0456419 - LOSS COMP CONTRA PTPF]"/>
        <member name="[CB - Account].[Account CB - Description].&amp;[0456420 - Recreation Site Revenues]"/>
        <member name="[CB - Account].[Account CB - Description].&amp;[0456421 - SCHED, SYS CNTL, DISP - PTPF]"/>
        <member name="[CB - Account].[Account CB - Description].&amp;[0456430 - REACTIVEPWR/VOLTCNTLSVC PTPF]"/>
        <member name="[CB - Account].[Account CB - Description].&amp;[0456439 - REACTPWRT/VOLTCTLSVCCONTRA PTP]"/>
        <member name="[CB - Account].[Account CB - Description].&amp;[0456440 - REGULATION&amp;FREQUESNCYRESPPT]"/>
        <member name="[CB - Account].[Account CB - Description].&amp;[0456450 - ENERGYIMBALANCESVCEPTPF]"/>
        <member name="[CB - Account].[Account CB - Description].&amp;[0456460 - OPERRESERVE-SPINNINGRESV-PTPF]"/>
        <member name="[CB - Account].[Account CB - Description].&amp;[0456470 - OPERRESERVE-SUPPLRESV-PTPF]"/>
        <member name="[CB - Account].[Account CB - Description].&amp;[0456500 - Nc Unbilled Fuel Clause Rev]"/>
        <member name="[CB - Account].[Account CB - Description].&amp;[0456510 - Nc Unbilled Fuel Emf]"/>
        <member name="[CB - Account].[Account CB - Description].&amp;[0456520 - Nc Unbilled Fuel Emf Interest]"/>
        <member name="[CB - Account].[Account CB - Description].&amp;[0456528 - Lincoln CT Siemens Billing]"/>
        <member name="[CB - Account].[Account CB - Description].&amp;[0456530 - Sc Unbilled Fuel Clause Rev]"/>
        <member name="[CB - Account].[Account CB - Description].&amp;[0456540 - Wholesale Unbilled Fuel Clause]"/>
        <member name="[CB - Account].[Account CB - Description].&amp;[0456550 - Nantahala Unbilled Fuel Clause]"/>
        <member name="[CB - Account].[Account CB - Description].&amp;[0456560 - NC EE Deferred Revenue]"/>
        <member name="[CB - Account].[Account CB - Description].&amp;[0456570 - SC EE Deferred Revenue]"/>
        <member name="[CB - Account].[Account CB - Description].&amp;[0456580 - SC Pension Rider Rev]"/>
        <member name="[CB - Account].[Account CB - Description].&amp;[0456590 - BudAdj-Fuel]"/>
        <member name="[CB - Account].[Account CB - Description].&amp;[0456610 - Other Electric Revenues]"/>
        <member name="[CB - Account].[Account CB - Description].&amp;[0456611 - Other-NonReg]"/>
        <member name="[CB - Account].[Account CB - Description].&amp;[0456612 - EV Charging Station Rev]"/>
        <member name="[CB - Account].[Account CB - Description].&amp;[0456615 - Shared Solar - NC]"/>
        <member name="[CB - Account].[Account CB - Description].&amp;[0456616 - Shared Solar - SC]"/>
        <member name="[CB - Account].[Account CB - Description].&amp;[0456620 - Cp&amp;L Schedule J Agreement]"/>
        <member name="[CB - Account].[Account CB - Description].&amp;[0456630 - Gross Up-Contr In Aid Of Const]"/>
        <member name="[CB - Account].[Account CB - Description].&amp;[0456640 - Deferred Dsm Costs - Nc]"/>
        <member name="[CB - Account].[Account CB - Description].&amp;[0456650 - Deferred Dsm Costs - Sc]"/>
        <member name="[CB - Account].[Account CB - Description].&amp;[0456660 - Misc Nonjurisdictional Revenue]"/>
        <member name="[CB - Account].[Account CB - Description].&amp;[0456700 - Steam Sales Revenue]"/>
        <member name="[CB - Account].[Account CB - Description].&amp;[0456710 - LOSS COMPENSATION - NETWORK]"/>
        <member name="[CB - Account].[Account CB - Description].&amp;[0456720 - SCHED, SYS CNTL, DISP-NETWORK]"/>
        <member name="[CB - Account].[Account CB - Description].&amp;[0456730 - REACTIVE PUR/VOLT CNTL SVC]"/>
        <member name="[CB - Account].[Account CB - Description].&amp;[0456740 - REGULATION/FREQUENCY RESPONSE]"/>
        <member name="[CB - Account].[Account CB - Description].&amp;[0456750 - ENERGY IMBALANCE PLACE HOLDER]"/>
        <member name="[CB - Account].[Account CB - Description].&amp;[0456760 - OP RES - SPINNING RESERVE]"/>
        <member name="[CB - Account].[Account CB - Description].&amp;[0456770 - OP RES - SUPPLEMENTAL RESERVE]"/>
        <member name="[CB - Account].[Account CB - Description].&amp;[0456780 - TRANSMISSION DIRECT ASSGN CHG]"/>
        <member name="[CB - Account].[Account CB - Description].&amp;[0456800 - Other Elect Rev-R&amp;D Reimbursem]"/>
        <member name="[CB - Account].[Account CB - Description].&amp;[0456850 - Interco Svc Revenue w/10004]"/>
        <member name="[CB - Account].[Account CB - Description].&amp;[0456851 - Interco Svc Revenue w/10076]"/>
        <member name="[CB - Account].[Account CB - Description].&amp;[0456900 - Transmission Open Access-Firm]"/>
        <member name="[CB - Account].[Account CB - Description].&amp;[0456910 - Transmission Open Acc-Nonfirm]"/>
        <member name="[CB - Account].[Account CB - Description].&amp;[0456920 - Trans Open Acc-Short Term Firm]"/>
        <member name="[CB - Account].[Account CB - Description].&amp;[0456930 - Tariff Sys Impact - Revenue]"/>
        <member name="[CB - Account].[Account CB - Description].&amp;[0456940 - Interco Svc Rev - Elect Trans]"/>
        <member name="[CB - Account].[Account CB - Description].&amp;[0456941 - Interco Rev w/Elect Trans]"/>
        <member name="[CB - Account].[Account CB - Description].&amp;[0456942 - Disposal of Investment]"/>
        <member name="[CB - Account].[Account CB - Description].&amp;[0456943 - Royalty Revenue]"/>
        <member name="[CB - Account].[Account CB - Description].&amp;[0456944 - Management Fees]"/>
        <member name="[CB - Account].[Account CB - Description].&amp;[0456945 - Processing Fees]"/>
        <member name="[CB - Account].[Account CB - Description].&amp;[0456946 - Int Income Financial Services]"/>
        <member name="[CB - Account].[Account CB - Description].&amp;[0456947 - Other Fee Income]"/>
        <member name="[CB - Account].[Account CB - Description].&amp;[0456948 - Lease Income]"/>
        <member name="[CB - Account].[Account CB - Description].&amp;[0456949 - Other Revenue Affiliate]"/>
        <member name="[CB - Account].[Account CB - Description].&amp;[0456950 - PROCESSING FEES AFFILIATE]"/>
        <member name="[CB - Account].[Account CB - Description].&amp;[0456951 - MGMT Fee G&amp;A INC (Tax only)]"/>
        <member name="[CB - Account].[Account CB - Description].&amp;[0456952 - Realized Gain on Eq. Trades]"/>
        <member name="[CB - Account].[Account CB - Description].&amp;[0456953 - Unrealized Gain on Eq Trades]"/>
        <member name="[CB - Account].[Account CB - Description].&amp;[0456954 - Realized Gain on Fin Trades]"/>
        <member name="[CB - Account].[Account CB - Description].&amp;[0456955 - Unrealized Gain on Fin Trades]"/>
        <member name="[CB - Account].[Account CB - Description].&amp;[0456956 - MGMT FEE OPEX INC (Tax only)]"/>
        <member name="[CB - Account].[Account CB - Description].&amp;[0456957 - IC Insurance Revenue]"/>
        <member name="[CB - Account].[Account CB - Description].&amp;[0456958 - Interco Lease Revenue]"/>
        <member name="[CB - Account].[Account CB - Description].&amp;[0456960 - Trans Rev Rtl Switcher - EC]"/>
        <member name="[CB - Account].[Account CB - Description].&amp;[0456970 - Wheel Transmission Rev - ED]"/>
        <member name="[CB - Account].[Account CB - Description].&amp;[0456975 - I/C Transmission Revenue]"/>
        <member name="[CB - Account].[Account CB - Description].&amp;[0456976 - IC Wheel-Transmission-Duke]"/>
        <member name="[CB - Account].[Account CB - Description].&amp;[0456977 - IC Wheel Prod Ancil Serv-Duke]"/>
        <member name="[CB - Account].[Account CB - Description].&amp;[0456978 - IC Revenue Sharing-Duke]"/>
        <member name="[CB - Account].[Account CB - Description].&amp;[0456980 - Wheel Transmission Rev - EC]"/>
        <member name="[CB - Account].[Account CB - Description].&amp;[0456981 - Wheel Transmission EC-NonReg]"/>
        <member name="[CB - Account].[Account CB - Description].&amp;[0457010 - Rev-Svc Co-Direct to Affil]"/>
        <member name="[CB - Account].[Account CB - Description].&amp;[0457020 - Rev-Svc Co-Indirect Costs]"/>
        <member name="[CB - Account].[Account CB - Description].&amp;[0457100 - SC Direct PT Offset]"/>
        <member name="[CB - Account].[Account CB - Description].&amp;[0457101 - SC Direct A&amp;G Offst]"/>
        <member name="[CB - Account].[Account CB - Description].&amp;[0457102 - SC Direct O&amp;M Offst]"/>
        <member name="[CB - Account].[Account CB - Description].&amp;[0457103 - SC Dir Op Rev Ofst]"/>
        <member name="[CB - Account].[Account CB - Description].&amp;[0457104 - SC Direct PT Offst]"/>
        <member name="[CB - Account].[Account CB - Description].&amp;[0457105 - Scheduling &amp; Dispatch Revenues]"/>
        <member name="[CB - Account].[Account CB - Description].&amp;[0457106 - PPE Impair Offset]"/>
        <member name="[CB - Account].[Account CB - Description].&amp;[0457200 - SC Indirect PT Offst]"/>
        <member name="[CB - Account].[Account CB - Description].&amp;[0457201 - SC Indirect A&amp;G Ofst]"/>
        <member name="[CB - Account].[Account CB - Description].&amp;[0457202 - SC Indirect O&amp;M Ofst]"/>
        <member name="[CB - Account].[Account CB - Description].&amp;[0457203 - SC Indr Op Rev Offst]"/>
        <member name="[CB - Account].[Account CB - Description].&amp;[0457204 - PJM Reactive Rev]"/>
        <member name="[CB - Account].[Account CB - Description].&amp;[0457300 - Alloc Employee Bnfts Offst]"/>
        <member name="[CB - Account].[Account CB - Description].&amp;[0457301 - SC Ind Intrst Offset]"/>
        <member name="[CB - Account].[Account CB - Description].&amp;[0457801 - SC Indr G/L Offset]"/>
        <member name="[CB - Account].[Account CB - Description].&amp;[0457900 - Allocated Depred Exp Offset]"/>
        <member name="[CB - Account].[Account CB - Description].&amp;[0457981 - Rev-Reclass to Funct Exp Accts]"/>
        <member name="[CB - Account].[Account CB - Description].&amp;[0457982 - Rev-Reclass O&amp;M Labor &amp;Non Lbr]"/>
        <member name="[CB - Account].[Account CB - Description].&amp;[0457983 - Rev-Reclass A&amp;G]"/>
        <member name="[CB - Account].[Account CB - Description].&amp;[0457984 - Rev-Reclass Benefits]"/>
        <member name="[CB - Account].[Account CB - Description].&amp;[0457985 - Rev-Reclass Prop Oth Taxes]"/>
        <member name="[CB - Account].[Account CB - Description].&amp;[0457986 - ALLOCATED FUEL REVENUE OFFSET]"/>
        <member name="[CB - Account].[Account CB - Description].&amp;[0457987 - ALLOC DEPREC/AMORT REV OFFSET]"/>
        <member name="[CB - Account].[Account CB - Description].&amp;[0457988 - ALLOCATED OTHER INC/EXP OFFSET]"/>
        <member name="[CB - Account].[Account CB - Description].&amp;[0457989 - Svc Co Rev Elim]"/>
        <member name="[CB - Account].[Account CB - Description].&amp;[0457991 - ALLOC 3RD PARTY INT INC OFFSET]"/>
        <member name="[CB - Account].[Account CB - Description].&amp;[0457992 - ALLOC INTERCO INT INC OFFSET]"/>
        <member name="[CB - Account].[Account CB - Description].&amp;[0457993 - ALLOC INT EXP OFFSET]"/>
        <member name="[CB - Account].[Account CB - Description].&amp;[0457994 - ALLOC INC TAXES OFFSET]"/>
        <member name="[CB - Account].[Account CB - Description].&amp;[0461000 - Commodity Revenue]"/>
        <member name="[CB - Account].[Account CB - Description].&amp;[0466000 - Commodity Purchase]"/>
        <member name="[CB - Account].[Account CB - Description].&amp;[0466100 - Commodity Secondary Costs]"/>
        <member name="[CB - Account].[Account CB - Description].&amp;[0466105 - Comm Realized Reserves]"/>
        <member name="[CB - Account].[Account CB - Description].&amp;[0466500 - Derivative Purchase]"/>
        <member name="[CB - Account].[Account CB - Description].&amp;[0466505 - Derivative Realized Reserves]"/>
        <member name="[CB - Account].[Account CB - Description].&amp;[0466510 - DERIVATIVE REALIZED RISK ALLOC]"/>
        <member name="[CB - Account].[Account CB - Description].&amp;[0470000 - Gas Transport Rev Actuals]"/>
        <member name="[CB - Account].[Account CB - Description].&amp;[0470001 - IUB Gas Transport Rev Est]"/>
        <member name="[CB - Account].[Account CB - Description].&amp;[0470002 - IUB Mkt Schldg Coordinate Rev]"/>
        <member name="[CB - Account].[Account CB - Description].&amp;[0470010 - IUB Gas Sales Tax Rev Actual]"/>
        <member name="[CB - Account].[Account CB - Description].&amp;[0471000 - Interco Derivative Liquid Sale]"/>
        <member name="[CB - Account].[Account CB - Description].&amp;[0471001 - 3rd Party Deriv Liquid Sales]"/>
        <member name="[CB - Account].[Account CB - Description].&amp;[0475000 - LPG Sales]"/>
        <member name="[CB - Account].[Account CB - Description].&amp;[0480000 - Residential Sales-Gas]"/>
        <member name="[CB - Account].[Account CB - Description].&amp;[0480001 - Sales of Gas-Res CNG Cust Comp]"/>
        <member name="[CB - Account].[Account CB - Description].&amp;[0480990 - Gas Residential Sales-Unbilled]"/>
        <member name="[CB - Account].[Account CB - Description].&amp;[0481000 - Industrial Sales-Gas]"/>
        <member name="[CB - Account].[Account CB - Description].&amp;[0481001 - Sales of Gas-Ind CNG Cust Comp]"/>
        <member name="[CB - Account].[Account CB - Description].&amp;[0481002 - Power Generation Rev - Sales]"/>
        <member name="[CB - Account].[Account CB - Description].&amp;[0481090 - Gas Industrial Sales Unbilled]"/>
        <member name="[CB - Account].[Account CB - Description].&amp;[0481200 - Gas Commercial Sales]"/>
        <member name="[CB - Account].[Account CB - Description].&amp;[0481201 - Sales of Gas-Commercial Value]"/>
        <member name="[CB - Account].[Account CB - Description].&amp;[0481202 - Sales of Gas - CNG]"/>
        <member name="[CB - Account].[Account CB - Description].&amp;[0481203 - CNG Volume Rebate]"/>
        <member name="[CB - Account].[Account CB - Description].&amp;[0481204 - Sales Of Gas-Commercial Stand]"/>
        <member name="[CB - Account].[Account CB - Description].&amp;[0481205 - Sales of Gas-NGV billed-S2K]"/>
        <member name="[CB - Account].[Account CB - Description].&amp;[0481206 - Sales of Gas-Comm CNG PNG Comp]"/>
        <member name="[CB - Account].[Account CB - Description].&amp;[0481207 - Sales of Gas-Comm CNG CustComp]"/>
        <member name="[CB - Account].[Account CB - Description].&amp;[0481290 - Gas Commercial Sales Unbilled]"/>
        <member name="[CB - Account].[Account CB - Description].&amp;[0482000 - Other Sales to Public Auth-Gas]"/>
        <member name="[CB - Account].[Account CB - Description].&amp;[0482090 - Gas OPA Unbilled]"/>
        <member name="[CB - Account].[Account CB - Description].&amp;[0482200 - Gas Public St Hwy Ltng]"/>
        <member name="[CB - Account].[Account CB - Description].&amp;[0483000 - Gas Sales]"/>
        <member name="[CB - Account].[Account CB - Description].&amp;[0483001 - Contra Gas Sale Intra BU]"/>
        <member name="[CB - Account].[Account CB - Description].&amp;[0483002 - Natural Gas Sales]"/>
        <member name="[CB - Account].[Account CB - Description].&amp;[0483003 - Natural Gas Sales-Affiliates]"/>
        <member name="[CB - Account].[Account CB - Description].&amp;[0483004 - Gas Sales Duke Soln]"/>
        <member name="[CB - Account].[Account CB - Description].&amp;[0483005 - Gas Sales for Resale - DETM]"/>
        <member name="[CB - Account].[Account CB - Description].&amp;[0483006 - Refined Products Sales]"/>
        <member name="[CB - Account].[Account CB - Description].&amp;[0483007 - HEDGING (GAIN) LOSS-GAS SALES]"/>
        <member name="[CB - Account].[Account CB - Description].&amp;[0483008 - NG Sales - DEGT only]"/>
        <member name="[CB - Account].[Account CB - Description].&amp;[0483010 - Natural Gas Marketing Sales]"/>
        <member name="[CB - Account].[Account CB - Description].&amp;[0483011 - Sales Of Gas-For Resale]"/>
        <member name="[CB - Account].[Account CB - Description].&amp;[0483015 - Sale Gas Related Pty]"/>
        <member name="[CB - Account].[Account CB - Description].&amp;[0483016 - RPT Sales Gas &amp; NGL - COP]"/>
        <member name="[CB - Account].[Account CB - Description].&amp;[0483017 - RPT Sales Gas &amp; NGL other]"/>
        <member name="[CB - Account].[Account CB - Description].&amp;[0483099 - Gas Rev Contra EITF 02-03]"/>
        <member name="[CB - Account].[Account CB - Description].&amp;[0483101 - GAS SALES ESTIMATE]"/>
        <member name="[CB - Account].[Account CB - Description].&amp;[0483111 - Sale Gas TM Related Pty]"/>
        <member name="[CB - Account].[Account CB - Description].&amp;[0483200 - Transport. of Gas - For Resale]"/>
        <member name="[CB - Account].[Account CB - Description].&amp;[0484000 - Interdepartmental Sales]"/>
        <member name="[CB - Account].[Account CB - Description].&amp;[0485000 - Crude Oil Sales]"/>
        <member name="[CB - Account].[Account CB - Description].&amp;[0487001 - Discounts Earn/Lost-Gas]"/>
        <member name="[CB - Account].[Account CB - Description].&amp;[0487002 - Discounts Earn/Loss - Reg Gas]"/>
        <member name="[CB - Account].[Account CB - Description].&amp;[0487003 - Discounts Earn/Lost-NonReg]"/>
        <member name="[CB - Account].[Account CB - Description].&amp;[0488000 - Misc Service Revenue-Gas]"/>
        <member name="[CB - Account].[Account CB - Description].&amp;[0488001 - Miscellaneous Svc Rev-Reg Gas]"/>
        <member name="[CB - Account].[Account CB - Description].&amp;[0488100 - IC Misc Svc Reg Gas Reg]"/>
        <member name="[CB - Account].[Account CB - Description].&amp;[0488101 - I/C Gas Revenue]"/>
        <member name="[CB - Account].[Account CB - Description].&amp;[0488501 - Ft Bragg Utility Svc  Charge]"/>
        <member name="[CB - Account].[Account CB - Description].&amp;[0489000 - Transp Gas of Others]"/>
        <member name="[CB - Account].[Account CB - Description].&amp;[0489001 - Indus Transp CNG Cust Comp]"/>
        <member name="[CB - Account].[Account CB - Description].&amp;[0489002 - Power Gen Rev - Transportation]"/>
        <member name="[CB - Account].[Account CB - Description].&amp;[0489010 - IC Gas Transp Rev Reg]"/>
        <member name="[CB - Account].[Account CB - Description].&amp;[0489012 - Residential Gas Transp]"/>
        <member name="[CB - Account].[Account CB - Description].&amp;[0489015 - Res Gas Transp Unbilled]"/>
        <member name="[CB - Account].[Account CB - Description].&amp;[0489020 - Comm Gas Transp Only]"/>
        <member name="[CB - Account].[Account CB - Description].&amp;[0489025 - Comm Gas Transp Unbilled]"/>
        <member name="[CB - Account].[Account CB - Description].&amp;[0489030 - Indust Gas Transp Only]"/>
        <member name="[CB - Account].[Account CB - Description].&amp;[0489035 - Indust Gas Transp Unbilled]"/>
        <member name="[CB - Account].[Account CB - Description].&amp;[0489040 - OPA Gas Transp Only]"/>
        <member name="[CB - Account].[Account CB - Description].&amp;[0489045 - OPA Gas Transp Unbilled]"/>
        <member name="[CB - Account].[Account CB - Description].&amp;[0489100 - Rev Transport-Gathering]"/>
        <member name="[CB - Account].[Account CB - Description].&amp;[0489105 - Transportaion  Fees- Non-Reg]"/>
        <member name="[CB - Account].[Account CB - Description].&amp;[0489200 - Transportation Fees]"/>
        <member name="[CB - Account].[Account CB - Description].&amp;[0489201 - Transportation Fees-Affiliates]"/>
        <member name="[CB - Account].[Account CB - Description].&amp;[0489202 - S Georgia Amort]"/>
        <member name="[CB - Account].[Account CB - Description].&amp;[0489203 - Revenue-Tran sm-Neg Rates]"/>
        <member name="[CB - Account].[Account CB - Description].&amp;[0489204 - Transportation Revenue I/C Con]"/>
        <member name="[CB - Account].[Account CB - Description].&amp;[0489205 - Interco Transportation Revenue]"/>
        <member name="[CB - Account].[Account CB - Description].&amp;[0489206 - Revenue-Tran_neg Rates-I/C]"/>
        <member name="[CB - Account].[Account CB - Description].&amp;[0489207 - Transport Related Pty]"/>
        <member name="[CB - Account].[Account CB - Description].&amp;[0489208 - RPT Transportation - COP]"/>
        <member name="[CB - Account].[Account CB - Description].&amp;[0489209 - RPT Transportation - Other]"/>
        <member name="[CB - Account].[Account CB - Description].&amp;[0489215 - Storage Fees - Affiliates -Non]"/>
        <member name="[CB - Account].[Account CB - Description].&amp;[0489300 - Distribution Rev - 3rd Party]"/>
        <member name="[CB - Account].[Account CB - Description].&amp;[0489301 - Distribution Rev - DEGT only]"/>
        <member name="[CB - Account].[Account CB - Description].&amp;[0489350 - Public St Hwy Ltng Transp Gas]"/>
        <member name="[CB - Account].[Account CB - Description].&amp;[0489400 - Storage Fees]"/>
        <member name="[CB - Account].[Account CB - Description].&amp;[0489401 - Intercompany Storage Revenues]"/>
        <member name="[CB - Account].[Account CB - Description].&amp;[0489402 - Storage Revenue I/C Contra]"/>
        <member name="[CB - Account].[Account CB - Description].&amp;[0489403 - Storage Fees - Non Reg gas]"/>
        <member name="[CB - Account].[Account CB - Description].&amp;[0490000 - NGL Sales]"/>
        <member name="[CB - Account].[Account CB - Description].&amp;[0490001 - NGL Sales-Affiliates]"/>
        <member name="[CB - Account].[Account CB - Description].&amp;[0490002 - Coal Sales]"/>
        <member name="[CB - Account].[Account CB - Description].&amp;[0490003 - LIQUID REVENUE  - IOWA]"/>
        <member name="[CB - Account].[Account CB - Description].&amp;[0490005 - NGL Sales -Affiliates_Reg Gas]"/>
        <member name="[CB - Account].[Account CB - Description].&amp;[0490010 - Sale Liquid Related Pty]"/>
        <member name="[CB - Account].[Account CB - Description].&amp;[0490011 - Hedging Gain(Loss) - NGL Sales]"/>
        <member name="[CB - Account].[Account CB - Description].&amp;[0491000 - Liquid Revenue - Venice]"/>
        <member name="[CB - Account].[Account CB - Description].&amp;[0491001 - Rev Gas Proc By Oth-Royal]"/>
        <member name="[CB - Account].[Account CB - Description].&amp;[0491002 - Liquids Sales I/C Contra]"/>
        <member name="[CB - Account].[Account CB - Description].&amp;[0491003 - Gas Processing Hedge]"/>
        <member name="[CB - Account].[Account CB - Description].&amp;[0491004 - LIQUID REVENUE  - VENICE PLT]"/>
        <member name="[CB - Account].[Account CB - Description].&amp;[0491005 - GAS PROC BY OTHER - ROYAL]"/>
        <member name="[CB - Account].[Account CB - Description].&amp;[0491006 - LIQUID REVENUE - WILCOX]"/>
        <member name="[CB - Account].[Account CB - Description].&amp;[0491007 - GAS PROCESS HEDGE]"/>
        <member name="[CB - Account].[Account CB - Description].&amp;[0491008 - FAS 133 - INEFFECTINESS]"/>
        <member name="[CB - Account].[Account CB - Description].&amp;[0492001 - Oakford/Leidy Incidental Gasol]"/>
        <member name="[CB - Account].[Account CB - Description].&amp;[0492002 - Other Operating Rev -DEGT only]"/>
        <member name="[CB - Account].[Account CB - Description].&amp;[0492003 - PIPELINE DRIP SALES]"/>
        <member name="[CB - Account].[Account CB - Description].&amp;[0492004 - Venice- Condensate Revenue]"/>
        <member name="[CB - Account].[Account CB - Description].&amp;[0492005 - Other Interco Revenue-Nonreg]"/>
        <member name="[CB - Account].[Account CB - Description].&amp;[0493000 - Rent From Gas Properties]"/>
        <member name="[CB - Account].[Account CB - Description].&amp;[0493001 - Rent from Gas Props Non-Reg]"/>
        <member name="[CB - Account].[Account CB - Description].&amp;[0493010 - Rent from Gas Properties-IC]"/>
        <member name="[CB - Account].[Account CB - Description].&amp;[0494000 - Rents/Capsoft-Amt]"/>
        <member name="[CB - Account].[Account CB - Description].&amp;[0494001 - Other Oper Rev Rents I/C Contr]"/>
        <member name="[CB - Account].[Account CB - Description].&amp;[0494100 - I/C OPER. RENT REVENUE]"/>
        <member name="[CB - Account].[Account CB - Description].&amp;[0495000 - Fertilizer Sales]"/>
        <member name="[CB - Account].[Account CB - Description].&amp;[0495001 - Interco Rev/Exp - DEI BU Only]"/>
        <member name="[CB - Account].[Account CB - Description].&amp;[0495002 - Oth Gas Rev-Liquifi-Louis]"/>
        <member name="[CB - Account].[Account CB - Description].&amp;[0495003 - Flw Thr Adj-Cash Out Exp-Dips]"/>
        <member name="[CB - Account].[Account CB - Description].&amp;[0495004 - Cashout Revenue]"/>
        <member name="[CB - Account].[Account CB - Description].&amp;[0495005 - Imbalance Penalties]"/>
        <member name="[CB - Account].[Account CB - Description].&amp;[0495006 - Scheduling Penalties]"/>
        <member name="[CB - Account].[Account CB - Description].&amp;[0495007 - Revenue-Gas Sales-Ptms]"/>
        <member name="[CB - Account].[Account CB - Description].&amp;[0495008 - Misc Revenue-Mgt Fee]"/>
        <member name="[CB - Account].[Account CB - Description].&amp;[0495009 - Oth Gas Revenue-Misc]"/>
        <member name="[CB - Account].[Account CB - Description].&amp;[0495010 - Other Gas Rev-Stg Serv]"/>
        <member name="[CB - Account].[Account CB - Description].&amp;[0495011 - Other Revenue - Cashout Rev]"/>
        <member name="[CB - Account].[Account CB - Description].&amp;[0495012 - Other Operating Rev I/C Contra]"/>
        <member name="[CB - Account].[Account CB - Description].&amp;[0495013 - Cashout Revenue-I/C]"/>
        <member name="[CB - Account].[Account CB - Description].&amp;[0495014 - Other Rev-Liquids]"/>
        <member name="[CB - Account].[Account CB - Description].&amp;[0495015 - LNG STORAGE REVENUE]"/>
        <member name="[CB - Account].[Account CB - Description].&amp;[0495016 - OTHER REV-BILLED TO OTHERS]"/>
        <member name="[CB - Account].[Account CB - Description].&amp;[0495017 - Other Revenue - Related Party]"/>
        <member name="[CB - Account].[Account CB - Description].&amp;[0495018 - Other Revenue Billed to Others]"/>
        <member name="[CB - Account].[Account CB - Description].&amp;[0495020 - Captive Revenue BL Interco-Non]"/>
        <member name="[CB - Account].[Account CB - Description].&amp;[0495021 - Sales Use Tax Collect Fee]"/>
        <member name="[CB - Account].[Account CB - Description].&amp;[0495022 - Com Sales to Transport Cust]"/>
        <member name="[CB - Account].[Account CB - Description].&amp;[0495023 - Ind Sales to Transport Cust]"/>
        <member name="[CB - Account].[Account CB - Description].&amp;[0495024 - Secondary Market Sales]"/>
        <member name="[CB - Account].[Account CB - Description].&amp;[0495030 - Captive Revenue BI Interco]"/>
        <member name="[CB - Account].[Account CB - Description].&amp;[0495031 - Gas Losses Damaged Lines]"/>
        <member name="[CB - Account].[Account CB - Description].&amp;[0495100 - I/C INS. PREMIUMS EARNED]"/>
        <member name="[CB - Account].[Account CB - Description].&amp;[0496017 - Provision for Rate Refunds]"/>
        <member name="[CB - Account].[Account CB - Description].&amp;[0496020 - Provision for rate refund - Ta]"/>
        <member name="[CB - Account].[Account CB - Description].&amp;[0496021 - Provision for rate refund - Ta]"/>
        <member name="[CB - Account].[Account CB - Description].&amp;[0496022 - Provision for rate refund - Ta]"/>
        <member name="[CB - Account].[Account CB - Description].&amp;[0496023 - Provision for rate refund - Ta]"/>
        <member name="[CB - Account].[Account CB - Description].&amp;[0496024 - Provision for rate refund - Ta]"/>
        <member name="[CB - Account].[Account CB - Description].&amp;[0496025 - Provision for rate refund - Ta]"/>
        <member name="[CB - Account].[Account CB - Description].&amp;[0496026 - Provision for rate refund - Ta]"/>
        <member name="[CB - Account].[Account CB - Description].&amp;[0500001 - TEST]"/>
        <member name="[CB - Account].[Account CB - Description].&amp;[0500005 - Suprv&amp;Engrg-Steam Oper I/C]"/>
        <member name="[CB - Account].[Account CB - Description].&amp;[0501000 - Operating Expenses]"/>
        <member name="[CB - Account].[Account CB - Description].&amp;[0501001 - Repairs and Maintenance Expens]"/>
        <member name="[CB - Account].[Account CB - Description].&amp;[0501002 - Operating Expense Affiliate]"/>
        <member name="[CB - Account].[Account CB - Description].&amp;[0501003 - Gas Transport Exp Actuals]"/>
        <member name="[CB - Account].[Account CB - Description].&amp;[0501004 - Gas Transport Exp Est]"/>
        <member name="[CB - Account].[Account CB - Description].&amp;[0501005 - IUB Mkt Schldg Coordinate Exp]"/>
        <member name="[CB - Account].[Account CB - Description].&amp;[0501006 - Reins_Prem_Exp_Affiliate]"/>
        <member name="[CB - Account].[Account CB - Description].&amp;[0501007 - Beneficial Reuse - Coal Ash]"/>
        <member name="[CB - Account].[Account CB - Description].&amp;[0501008 - Contra Fuel Exp BR Ash - SC]"/>
        <member name="[CB - Account].[Account CB - Description].&amp;[0501009 - Contra Fuel Exp BR Ash - W/S]"/>
        <member name="[CB - Account].[Account CB - Description].&amp;[0501010 - Fuel Expense-CT]"/>
        <member name="[CB - Account].[Account CB - Description].&amp;[0501011 - Fuels Realized Deriv]"/>
        <member name="[CB - Account].[Account CB - Description].&amp;[0501012 - Fuel Synergies]"/>
        <member name="[CB - Account].[Account CB - Description].&amp;[0501013 - Natural Gas Purchases]"/>
        <member name="[CB - Account].[Account CB - Description].&amp;[0501014 - I/C Natural Gas Purchases]"/>
        <member name="[CB - Account].[Account CB - Description].&amp;[0501015 - Contra Fuel Exp BR Ash - NCR]"/>
        <member name="[CB - Account].[Account CB - Description].&amp;[0501016 - I/C Joint Dsp - Fuel Synergies]"/>
        <member name="[CB - Account].[Account CB - Description].&amp;[0501021 - IC Fuels Realized Deriv]"/>
        <member name="[CB - Account].[Account CB - Description].&amp;[0501110 - Coal Consumed-Fossil Steam]"/>
        <member name="[CB - Account].[Account CB - Description].&amp;[0501111 - Merger Mitigation Fuel - Coal]"/>
        <member name="[CB - Account].[Account CB - Description].&amp;[0501120 - Coal Consumed-Combined Cycle]"/>
        <member name="[CB - Account].[Account CB - Description].&amp;[0501121 - Fuels Unrealized MTM Gain]"/>
        <member name="[CB - Account].[Account CB - Description].&amp;[0501122 - Fuels Unrealized MTM Loss]"/>
        <member name="[CB - Account].[Account CB - Description].&amp;[0501128 - Fuels Unrealized MTM IC Gain]"/>
        <member name="[CB - Account].[Account CB - Description].&amp;[0501129 - Fuels Unrealized IC MTM Loss]"/>
        <member name="[CB - Account].[Account CB - Description].&amp;[0501130 - Coal Inventory Adjustment]"/>
        <member name="[CB - Account].[Account CB - Description].&amp;[0501140 - Coal Light-Off]"/>
        <member name="[CB - Account].[Account CB - Description].&amp;[0501160 - Coal Sampling &amp; Testing]"/>
        <member name="[CB - Account].[Account CB - Description].&amp;[0501170 - Coal Consumed - Reimbursement]"/>
        <member name="[CB - Account].[Account CB - Description].&amp;[0501181 - Contra Fuel Exp Pond Ash - SC]"/>
        <member name="[CB - Account].[Account CB - Description].&amp;[0501182 - Contra Fuel Exp Pond Ash - W/S]"/>
        <member name="[CB - Account].[Account CB - Description].&amp;[0501200 - Coal Consumed Purch Acctg Adj]"/>
        <member name="[CB - Account].[Account CB - Description].&amp;[0501210 - Biomass Consumption Expense]"/>
        <member name="[CB - Account].[Account CB - Description].&amp;[0501222 - Test Fuel Consumed]"/>
        <member name="[CB - Account].[Account CB - Description].&amp;[0501223 - Test Wood Consumed]"/>
        <member name="[CB - Account].[Account CB - Description].&amp;[0501224 - NC Incremental Renwable Fuel]"/>
        <member name="[CB - Account].[Account CB - Description].&amp;[0501230 - Natural Gas Handling]"/>
        <member name="[CB - Account].[Account CB - Description].&amp;[0501260 - Natural Gas Light-Off - Fossil]"/>
        <member name="[CB - Account].[Account CB - Description].&amp;[0501310 - Oil Consumed-Fossil Steam]"/>
        <member name="[CB - Account].[Account CB - Description].&amp;[0501330 - Oil Light-Off - Fossil Steam]"/>
        <member name="[CB - Account].[Account CB - Description].&amp;[0501350 - Oil Handling Expense]"/>
        <member name="[CB - Account].[Account CB - Description].&amp;[0501360 - Management Fee Exp (Tax only)]"/>
        <member name="[CB - Account].[Account CB - Description].&amp;[0501361 - Management Fee Exp (Tax only)]"/>
        <member name="[CB - Account].[Account CB - Description].&amp;[0501400 - Fossil Steam Fuel - Ash Sales]"/>
        <member name="[CB - Account].[Account CB - Description].&amp;[0501501 - Fuel Procurement and Handling]"/>
        <member name="[CB - Account].[Account CB - Description].&amp;[0501503 - Ash Revenue - exp offset]"/>
        <member name="[CB - Account].[Account CB - Description].&amp;[0501506 - Residual Disposal Costs I/C]"/>
        <member name="[CB - Account].[Account CB - Description].&amp;[0501996 - Fuel Expense]"/>
        <member name="[CB - Account].[Account CB - Description].&amp;[0501998 - Fuel Expense-Purch Acctg]"/>
        <member name="[CB - Account].[Account CB - Description].&amp;[0502010 - Ammonia Expense]"/>
        <member name="[CB - Account].[Account CB - Description].&amp;[0502021 - Steam Exp-Transp/Handl Exp]"/>
        <member name="[CB - Account].[Account CB - Description].&amp;[0502030 - Urea - Qualifying]"/>
        <member name="[CB - Account].[Account CB - Description].&amp;[0502041 - Gypsum Rev - exp offset]"/>
        <member name="[CB - Account].[Account CB - Description].&amp;[0502042 - Reagents &amp; ByProducts -Mitigat]"/>
        <member name="[CB - Account].[Account CB - Description].&amp;[0502050 - Diabasic Acid - Qualifying]"/>
        <member name="[CB - Account].[Account CB - Description].&amp;[0502051 - Limestone Handling]"/>
        <member name="[CB - Account].[Account CB - Description].&amp;[0502060 - Soda Ash - Qualifying]"/>
        <member name="[CB - Account].[Account CB - Description].&amp;[0502070 - Gypsum - Qualifying]"/>
        <member name="[CB - Account].[Account CB - Description].&amp;[0502080 - Mag Hydroxide Qualifying Reag]"/>
        <member name="[CB - Account].[Account CB - Description].&amp;[0502081 - Trona Expense - Reagent]"/>
        <member name="[CB - Account].[Account CB - Description].&amp;[0502082 - Re-emission Chem Exp - Reagent]"/>
        <member name="[CB - Account].[Account CB - Description].&amp;[0502083 - Activated Carbon Exp - Reagent]"/>
        <member name="[CB - Account].[Account CB - Description].&amp;[0502084 - Calcium Bromide Exp - Reagent]"/>
        <member name="[CB - Account].[Account CB - Description].&amp;[0502090 - Calcium Carbonate]"/>
        <member name="[CB - Account].[Account CB - Description].&amp;[0502102 - BTL Mitigation Sharing]"/>
        <member name="[CB - Account].[Account CB - Description].&amp;[0502150 - Reagents - Refined Coal]"/>
        <member name="[CB - Account].[Account CB - Description].&amp;[0502160 - Reagent Synergy Savings]"/>
        <member name="[CB - Account].[Account CB - Description].&amp;[0502161 - By-Product Synergy Savings]"/>
        <member name="[CB - Account].[Account CB - Description].&amp;[0502170 - I/C Joint Disp - Gas Desk Svgs]"/>
        <member name="[CB - Account].[Account CB - Description].&amp;[0502200 - Laboratory Operations]"/>
        <member name="[CB - Account].[Account CB - Description].&amp;[0502300 - STEAM OPER-CAUSTIC-FL]"/>
        <member name="[CB - Account].[Account CB - Description].&amp;[0502400 - Fossil Steam Exp - Recoverable]"/>
        <member name="[CB - Account].[Account CB - Description].&amp;[0504000 - Steam Transferred-Credit]"/>
        <member name="[CB - Account].[Account CB - Description].&amp;[0506100 - Operating Expenses - Dover]"/>
        <member name="[CB - Account].[Account CB - Description].&amp;[0506200 - Operating Expense]"/>
        <member name="[CB - Account].[Account CB - Description].&amp;[0506208 - ASSET IMPAIRMENT - OPERATING]"/>
        <member name="[CB - Account].[Account CB - Description].&amp;[0506300 - Misc Fossil Power Expenses - R]"/>
        <member name="[CB - Account].[Account CB - Description].&amp;[0507010 - I/C Steam Pwr Gen Op Rents]"/>
        <member name="[CB - Account].[Account CB - Description].&amp;[0507997 - Missing]"/>
        <member name="[CB - Account].[Account CB - Description].&amp;[0509000 - Emission Allowances]"/>
        <member name="[CB - Account].[Account CB - Description].&amp;[0509001 - EA-MTM Net Trading Reserve]"/>
        <member name="[CB - Account].[Account CB - Description].&amp;[0509002 - EA-Realized Derivative Loss]"/>
        <member name="[CB - Account].[Account CB - Description].&amp;[0509003 - Emission Allowances Mitigation]"/>
        <member name="[CB - Account].[Account CB - Description].&amp;[0509005 - Emission Allowances-IC]"/>
        <member name="[CB - Account].[Account CB - Description].&amp;[0509011 - SO2 Emission Exp-Purch Acctg]"/>
        <member name="[CB - Account].[Account CB - Description].&amp;[0509030 - SO2 Emission Expense]"/>
        <member name="[CB - Account].[Account CB - Description].&amp;[0509200 - emission allow purch acctg adj]"/>
        <member name="[CB - Account].[Account CB - Description].&amp;[0509210 - Seasonal NOx Emission Expense]"/>
        <member name="[CB - Account].[Account CB - Description].&amp;[0509211 - Seas NOx Emiss Exp-Purch Acctg]"/>
        <member name="[CB - Account].[Account CB - Description].&amp;[0509212 - Annual NOx Emission Expense]"/>
        <member name="[CB - Account].[Account CB - Description].&amp;[0509213 - RECS Consumption Expense]"/>
        <member name="[CB - Account].[Account CB - Description].&amp;[0509215 - REC's CONS - Intercompany]"/>
        <member name="[CB - Account].[Account CB - Description].&amp;[0510001 - Deferred O&amp;M-NC]"/>
        <member name="[CB - Account].[Account CB - Description].&amp;[0510002 - Deferred O&amp;M-SC]"/>
        <member name="[CB - Account].[Account CB - Description].&amp;[0510003 - Deferred O&amp;M-WH]"/>
        <member name="[CB - Account].[Account CB - Description].&amp;[0511100 - Gas Purchase Actuals]"/>
        <member name="[CB - Account].[Account CB - Description].&amp;[0511101 - Gas Purchase Estimates]"/>
        <member name="[CB - Account].[Account CB - Description].&amp;[0511200 - Maint Of Structures-Steam - Re]"/>
        <member name="[CB - Account].[Account CB - Description].&amp;[0512000 - Missing]"/>
        <member name="[CB - Account].[Account CB - Description].&amp;[0512101 - Maint BP Mitigation]"/>
        <member name="[CB - Account].[Account CB - Description].&amp;[0512200 - Coal Strg,Furnaces,Boilers,Ash]"/>
        <member name="[CB - Account].[Account CB - Description].&amp;[0512300 - Maint Of Boiler Plant Oth-Rec]"/>
        <member name="[CB - Account].[Account CB - Description].&amp;[0513101 - Maint Elec Plant - Mitigation]"/>
        <member name="[CB - Account].[Account CB - Description].&amp;[0513102 - Main. Electric Plt- NC]"/>
        <member name="[CB - Account].[Account CB - Description].&amp;[0513103 - Main. Electric Plt- SC]"/>
        <member name="[CB - Account].[Account CB - Description].&amp;[0513200 - Power Systems Recorder Maint]"/>
        <member name="[CB - Account].[Account CB - Description].&amp;[0513300 - Maint Of Electric Plant-Other]"/>
        <member name="[CB - Account].[Account CB - Description].&amp;[0514100 - Inactive]"/>
        <member name="[CB - Account].[Account CB - Description].&amp;[0514200 - Maint-Major Outage Expense]"/>
        <member name="[CB - Account].[Account CB - Description].&amp;[0514210 - Maintenance Reserve Expense]"/>
        <member name="[CB - Account].[Account CB - Description].&amp;[0514900 - Ess Mbca Fossil Service Funct]"/>
        <member name="[CB - Account].[Account CB - Description].&amp;[0515100 - IUB Gas Sales Tax Exp Actual]"/>
        <member name="[CB - Account].[Account CB - Description].&amp;[0516000 - Power Purchase Actuals]"/>
        <member name="[CB - Account].[Account CB - Description].&amp;[0516001 - Power Purchase Estimates]"/>
        <member name="[CB - Account].[Account CB - Description].&amp;[0517000 - Supervsn and Engnring-Nuc Oper]"/>
        <member name="[CB - Account].[Account CB - Description].&amp;[0517001 - Sup &amp; Engineer- NC]"/>
        <member name="[CB - Account].[Account CB - Description].&amp;[0517002 - Sup &amp; Engineer- SC]"/>
        <member name="[CB - Account].[Account CB - Description].&amp;[0517200 - Nuclear Op Super &amp; Eng - NCRC]"/>
        <member name="[CB - Account].[Account CB - Description].&amp;[0518100 - Burnup Of Owned Fuel]"/>
        <member name="[CB - Account].[Account CB - Description].&amp;[0518105 - Cos_Fuel_Elec.Gen-Actual]"/>
        <member name="[CB - Account].[Account CB - Description].&amp;[0518110 - Cos_Fuel_Elec.Gen-Estimate]"/>
        <member name="[CB - Account].[Account CB - Description].&amp;[0518200 - Burnup Of Leased Fuel]"/>
        <member name="[CB - Account].[Account CB - Description].&amp;[0518300 - Lease Use Charges]"/>
        <member name="[CB - Account].[Account CB - Description].&amp;[0518400 - Nuclear By-Products-Credit]"/>
        <member name="[CB - Account].[Account CB - Description].&amp;[0518500 - Nuclear Fuel Synergy Savings]"/>
        <member name="[CB - Account].[Account CB - Description].&amp;[0518510 - Oil In Aux Stm Gen Fac-Nuc Opr]"/>
        <member name="[CB - Account].[Account CB - Description].&amp;[0518520 - Gas Used In Aux Steam Gen Fac]"/>
        <member name="[CB - Account].[Account CB - Description].&amp;[0518530 - Diesel Unit Oil Cons-Nuc Oper]"/>
        <member name="[CB - Account].[Account CB - Description].&amp;[0518600 - Nuclear Fuel Disposal Cost]"/>
        <member name="[CB - Account].[Account CB - Description].&amp;[0518601 - Nuclear Fuel-Last Core Amort]"/>
        <member name="[CB - Account].[Account CB - Description].&amp;[0518610 - Canister Expense-Oconee Robins]"/>
        <member name="[CB - Account].[Account CB - Description].&amp;[0518611 - Canister Expense-Mcguire Bruns]"/>
        <member name="[CB - Account].[Account CB - Description].&amp;[0518612 - Canister Expense-Catawba]"/>
        <member name="[CB - Account].[Account CB - Description].&amp;[0518620 - Canister Design Expense]"/>
        <member name="[CB - Account].[Account CB - Description].&amp;[0518700 - 24 Month Fuel Cycle]"/>
        <member name="[CB - Account].[Account CB - Description].&amp;[0519000 - Coolants And Water-Nuc Oper]"/>
        <member name="[CB - Account].[Account CB - Description].&amp;[0519001 - Coolants &amp; Water Nuc Op- NC]"/>
        <member name="[CB - Account].[Account CB - Description].&amp;[0519002 - Coolants &amp; Water Nuc Op- SC]"/>
        <member name="[CB - Account].[Account CB - Description].&amp;[0520000 - Steam Expenses-Nuc Oper]"/>
        <member name="[CB - Account].[Account CB - Description].&amp;[0520001 - Steam Exp Nuc Op- NC]"/>
        <member name="[CB - Account].[Account CB - Description].&amp;[0520002 - Steam Exp Nuc Op- SC]"/>
        <member name="[CB - Account].[Account CB - Description].&amp;[0523000 - Electric Expenses]"/>
        <member name="[CB - Account].[Account CB - Description].&amp;[0523001 - Electric Exp - NC]"/>
        <member name="[CB - Account].[Account CB - Description].&amp;[0523002 - Electric Exp - SC]"/>
        <member name="[CB - Account].[Account CB - Description].&amp;[0524001 - Misc Exp Nuc - NC]"/>
        <member name="[CB - Account].[Account CB - Description].&amp;[0524002 - Misc Exp Nuc - SC]"/>
        <member name="[CB - Account].[Account CB - Description].&amp;[0524010 - Inactive]"/>
        <member name="[CB - Account].[Account CB - Description].&amp;[0524100 - Inactive]"/>
        <member name="[CB - Account].[Account CB - Description].&amp;[0524330 - Inactive]"/>
        <member name="[CB - Account].[Account CB - Description].&amp;[0524340 - Western Fuel Work Order Chrges]"/>
        <member name="[CB - Account].[Account CB - Description].&amp;[0524350 - Inactive]"/>
        <member name="[CB - Account].[Account CB - Description].&amp;[0524360 - Inactive]"/>
        <member name="[CB - Account].[Account CB - Description].&amp;[0524400 - Misc Expenses-Nuc Oper - Recov]"/>
        <member name="[CB - Account].[Account CB - Description].&amp;[0524410 - Nuclear Misc Expense - NCRC Re]"/>
        <member name="[CB - Account].[Account CB - Description].&amp;[0524800 - License Fees-Nuclear]"/>
        <member name="[CB - Account].[Account CB - Description].&amp;[0525000 - Rents]"/>
        <member name="[CB - Account].[Account CB - Description].&amp;[0525001 - Nuc Power Gen-Op Rents]"/>
        <member name="[CB - Account].[Account CB - Description].&amp;[0525010 - I/C Nuc Pwr Gen Op Rents]"/>
        <member name="[CB - Account].[Account CB - Description].&amp;[0528001 - Main Sup &amp; Eng Nuc - NC]"/>
        <member name="[CB - Account].[Account CB - Description].&amp;[0528002 - Main Sup &amp; Eng Nuc - SC]"/>
        <member name="[CB - Account].[Account CB - Description].&amp;[0528010 - M&amp;S Inventory accrual_PEC RC]"/>
        <member name="[CB - Account].[Account CB - Description].&amp;[0529000 - Maintenance Of Structures-Nuc]"/>
        <member name="[CB - Account].[Account CB - Description].&amp;[0529001 - Main of Structure Nuc - NC]"/>
        <member name="[CB - Account].[Account CB - Description].&amp;[0529002 - Main of Structure Nuc - SC]"/>
        <member name="[CB - Account].[Account CB - Description].&amp;[0530001 - Main Reactor Pit Eq Nuc - NC]"/>
        <member name="[CB - Account].[Account CB - Description].&amp;[0530002 - Main Reactor Pit Eq Nuc - SC]"/>
        <member name="[CB - Account].[Account CB - Description].&amp;[0531101 - Main Elect Plt Other Nuc - NC]"/>
        <member name="[CB - Account].[Account CB - Description].&amp;[0531102 - Main Elect Plt Other Nuc - SC]"/>
        <member name="[CB - Account].[Account CB - Description].&amp;[0531200 - Monitor Ventiltn Gas-Nuc Maint]"/>
        <member name="[CB - Account].[Account CB - Description].&amp;[0532101 - Main Misc Nuc Plt - NC]"/>
        <member name="[CB - Account].[Account CB - Description].&amp;[0532102 - Main Misc Nuc Plt - SC]"/>
        <member name="[CB - Account].[Account CB - Description].&amp;[0532110 - Inactive]"/>
        <member name="[CB - Account].[Account CB - Description].&amp;[0532200 - Inactive]"/>
        <member name="[CB - Account].[Account CB - Description].&amp;[0532300 - Inactive]"/>
        <member name="[CB - Account].[Account CB - Description].&amp;[0532900 - Ess Mbca Nuclear Service Funct]"/>
        <member name="[CB - Account].[Account CB - Description].&amp;[0536000 - Water for power]"/>
        <member name="[CB - Account].[Account CB - Description].&amp;[0537100 - Hydraulic Expenses]"/>
        <member name="[CB - Account].[Account CB - Description].&amp;[0537300 - Fish &amp; Wildlife Expenses]"/>
        <member name="[CB - Account].[Account CB - Description].&amp;[0537400 - Recreation Expenses-Hydro]"/>
        <member name="[CB - Account].[Account CB - Description].&amp;[0538100 - Electric Expenses-Other-Hydro]"/>
        <member name="[CB - Account].[Account CB - Description].&amp;[0538200 - Prime Movers And Generators]"/>
        <member name="[CB - Account].[Account CB - Description].&amp;[0539000 - Misc Hydraulic Expenses]"/>
        <member name="[CB - Account].[Account CB - Description].&amp;[0539100 - Inactive]"/>
        <member name="[CB - Account].[Account CB - Description].&amp;[0540000 - Rents-Hydro Oper]"/>
        <member name="[CB - Account].[Account CB - Description].&amp;[0540010 - I/C Hydro Op Rent]"/>
        <member name="[CB - Account].[Account CB - Description].&amp;[0541000 - Suprvsn and Engrng-Hydro Maint]"/>
        <member name="[CB - Account].[Account CB - Description].&amp;[0542000 - Maint Of Structures-Hydro]"/>
        <member name="[CB - Account].[Account CB - Description].&amp;[0543000 - Maint-Reservoir,Dam &amp; Waterway]"/>
        <member name="[CB - Account].[Account CB - Description].&amp;[0544000 - Maint Of Electric Plant-Hydro]"/>
        <member name="[CB - Account].[Account CB - Description].&amp;[0545100 - Maint-Misc Hydraulic Plant]"/>
        <member name="[CB - Account].[Account CB - Description].&amp;[0545110 - Inactive]"/>
        <member name="[CB - Account].[Account CB - Description].&amp;[0545300 - Fish &amp; Wildlife]"/>
        <member name="[CB - Account].[Account CB - Description].&amp;[0545400 - Recreation Facilities-Hydro]"/>
        <member name="[CB - Account].[Account CB - Description].&amp;[0545900 - Ess Mbca Hydro Service Funct]"/>
        <member name="[CB - Account].[Account CB - Description].&amp;[0546001 - Supvs &amp; Engineer CT Opt- NC]"/>
        <member name="[CB - Account].[Account CB - Description].&amp;[0546002 - Supvs &amp; Engineer CT Opt- SC]"/>
        <member name="[CB - Account].[Account CB - Description].&amp;[0546003 - Supvs &amp; Engineer CT Opt- WH]"/>
        <member name="[CB - Account].[Account CB - Description].&amp;[0547000 - Fuel Expense-CT]"/>
        <member name="[CB - Account].[Account CB - Description].&amp;[0547100 - Natural Gas]"/>
        <member name="[CB - Account].[Account CB - Description].&amp;[0547101 - Natural Gas - CC]"/>
        <member name="[CB - Account].[Account CB - Description].&amp;[0547102 - Merger Mitigation Fuel - CT]"/>
        <member name="[CB - Account].[Account CB - Description].&amp;[0547103 - CT Fuel CT Mitigation]"/>
        <member name="[CB - Account].[Account CB - Description].&amp;[0547104 - Gas Trading Desk Savings]"/>
        <member name="[CB - Account].[Account CB - Description].&amp;[0547105 - Burnup owned Fuel-Oremulsion]"/>
        <member name="[CB - Account].[Account CB - Description].&amp;[0547106 - Biogas Expense]"/>
        <member name="[CB - Account].[Account CB - Description].&amp;[0547107 - REC Biogas Contra Expense]"/>
        <member name="[CB - Account].[Account CB - Description].&amp;[0547108 - REC Biogas Contra Expense - SC]"/>
        <member name="[CB - Account].[Account CB - Description].&amp;[0547110 - Burnup owned Fuel-Hvy Fuel Oil]"/>
        <member name="[CB - Account].[Account CB - Description].&amp;[0547115 - Burnup owned Fuel-Diesel Fuel]"/>
        <member name="[CB - Account].[Account CB - Description].&amp;[0547120 - Burnup owned Fuel-Other Fuel]"/>
        <member name="[CB - Account].[Account CB - Description].&amp;[0547122 - I/C Gas Savings]"/>
        <member name="[CB - Account].[Account CB - Description].&amp;[0547123 - Gas Capacity - Intercompany]"/>
        <member name="[CB - Account].[Account CB - Description].&amp;[0547124 - I/C Gas Purchases]"/>
        <member name="[CB - Account].[Account CB - Description].&amp;[0547125 - Gas realized loss]"/>
        <member name="[CB - Account].[Account CB - Description].&amp;[0547126 - Gas realized gain]"/>
        <member name="[CB - Account].[Account CB - Description].&amp;[0547127 - Gas Desk Savings]"/>
        <member name="[CB - Account].[Account CB - Description].&amp;[0547170 - Coal Tolling]"/>
        <member name="[CB - Account].[Account CB - Description].&amp;[0547186 - Gas Unrealized MTM Gain]"/>
        <member name="[CB - Account].[Account CB - Description].&amp;[0547187 - Gas Unrealized MTM Loss]"/>
        <member name="[CB - Account].[Account CB - Description].&amp;[0547188 - Gas Unrealized IC MTM Gain]"/>
        <member name="[CB - Account].[Account CB - Description].&amp;[0547189 - Gas Unrealized IC MTM Loss]"/>
        <member name="[CB - Account].[Account CB - Description].&amp;[0547200 - Oil]"/>
        <member name="[CB - Account].[Account CB - Description].&amp;[0547300 - Fuel Handling and Testing-CT]"/>
        <member name="[CB - Account].[Account CB - Description].&amp;[0547310 - Gas Purchases I/C PGN]"/>
        <member name="[CB - Account].[Account CB - Description].&amp;[0547400 - Amort Of Natural Gas Fuel]"/>
        <member name="[CB - Account].[Account CB - Description].&amp;[0547500 - Light-Off Combustion Turbines]"/>
        <member name="[CB - Account].[Account CB - Description].&amp;[0547610 - COST OF SALE TRADE]"/>
        <member name="[CB - Account].[Account CB - Description].&amp;[0547701 - Propane Gas]"/>
        <member name="[CB - Account].[Account CB - Description].&amp;[0547710 - COST OF SALE TRADE MARKET]"/>
        <member name="[CB - Account].[Account CB - Description].&amp;[0547720 - Cst Sales fr 3rd Parties-CAISO]"/>
        <member name="[CB - Account].[Account CB - Description].&amp;[0547730 - COS from DENA T&amp;M]"/>
        <member name="[CB - Account].[Account CB - Description].&amp;[0548020 - Ammonia - Qualifying]"/>
        <member name="[CB - Account].[Account CB - Description].&amp;[0548110 - Operation of Energy Storage Eq]"/>
        <member name="[CB - Account].[Account CB - Description].&amp;[0548300 - GENERATION EXP OTHER I/C - CT]"/>
        <member name="[CB - Account].[Account CB - Description].&amp;[0549100 - Inactive]"/>
        <member name="[CB - Account].[Account CB - Description].&amp;[0549115 - Misc Other Power Gen Exp I/C]"/>
        <member name="[CB - Account].[Account CB - Description].&amp;[0549200 - CT Misc Power Exp-Recoverable]"/>
        <member name="[CB - Account].[Account CB - Description].&amp;[0550000 - Other Expense Related Pty]"/>
        <member name="[CB - Account].[Account CB - Description].&amp;[0550001 - Other Power Gen-Op Rents]"/>
        <member name="[CB - Account].[Account CB - Description].&amp;[0550002 - Other Op Rents (non-utility)]"/>
        <member name="[CB - Account].[Account CB - Description].&amp;[0550007 - Power Purch - I/C Gross]"/>
        <member name="[CB - Account].[Account CB - Description].&amp;[0550010 - I/C Other Pwr Gen Op Rents]"/>
        <member name="[CB - Account].[Account CB - Description].&amp;[0550220 - Solar: Rents]"/>
        <member name="[CB - Account].[Account CB - Description].&amp;[0550230 - Land and Operating Lease]"/>
        <member name="[CB - Account].[Account CB - Description].&amp;[0550235 - I/C Land and Operating Lease]"/>
        <member name="[CB - Account].[Account CB - Description].&amp;[0551220 - Solar: Maint Supv &amp; Eng]"/>
        <member name="[CB - Account].[Account CB - Description].&amp;[0553001 - Maint - CT Mitigation]"/>
        <member name="[CB - Account].[Account CB - Description].&amp;[0553100 - CT Maint of Gen and Plant-Reco]"/>
        <member name="[CB - Account].[Account CB - Description].&amp;[0553110 - Maintenance of Energy Storage]"/>
        <member name="[CB - Account].[Account CB - Description].&amp;[0553220 - Solar: Maint Gen &amp; Elect Plt]"/>
        <member name="[CB - Account].[Account CB - Description].&amp;[0554001 - Misc CT Maint - Mitigation]"/>
        <member name="[CB - Account].[Account CB - Description].&amp;[0554100 - Other Production Maintenance]"/>
        <member name="[CB - Account].[Account CB - Description].&amp;[0555002 - Power Purch - I/C CPRE]"/>
        <member name="[CB - Account].[Account CB - Description].&amp;[0555007 - Power Purch - I/C Gross]"/>
        <member name="[CB - Account].[Account CB - Description].&amp;[0555008 - Power Purchases]"/>
        <member name="[CB - Account].[Account CB - Description].&amp;[0555016 - I/C Joint Disp - Pur Pwr]"/>
        <member name="[CB - Account].[Account CB - Description].&amp;[0555019 - Purch Pwr - I/C - net]"/>
        <member name="[CB - Account].[Account CB - Description].&amp;[0555028 - Purch Pwr - Non-native - net]"/>
        <member name="[CB - Account].[Account CB - Description].&amp;[0555029 - Purch Pwr-NonNative Net-NonReg]"/>
        <member name="[CB - Account].[Account CB - Description].&amp;[0555110 - Power Purchased for Storage Op]"/>
        <member name="[CB - Account].[Account CB - Description].&amp;[0555120 - Purchased Power - Other]"/>
        <member name="[CB - Account].[Account CB - Description].&amp;[0555125 - Purchased  Power - Renewable]"/>
        <member name="[CB - Account].[Account CB - Description].&amp;[0555130 - Purchased Power-Co Generation]"/>
        <member name="[CB - Account].[Account CB - Description].&amp;[0555135 - SC Renewable Purchases]"/>
        <member name="[CB - Account].[Account CB - Description].&amp;[0555136 - SC Res Shared Solar Purchase]"/>
        <member name="[CB - Account].[Account CB - Description].&amp;[0555137 - SC NonREs Shared Solar Purch]"/>
        <member name="[CB - Account].[Account CB - Description].&amp;[0555140 - Catawba Purchased Capacity]"/>
        <member name="[CB - Account].[Account CB - Description].&amp;[0555145 - Purchased Power - CPRE]"/>
        <member name="[CB - Account].[Account CB - Description].&amp;[0555150 - Purchase Power - SEPA]"/>
        <member name="[CB - Account].[Account CB - Description].&amp;[0555151 - Purchase - Gas]"/>
        <member name="[CB - Account].[Account CB - Description].&amp;[0555170 - Coal Tolling]"/>
        <member name="[CB - Account].[Account CB - Description].&amp;[0555180 - INTERCHANGE]"/>
        <member name="[CB - Account].[Account CB - Description].&amp;[0555181 - INTERCHANGE CONTRA]"/>
        <member name="[CB - Account].[Account CB - Description].&amp;[0555185 - Energy Purchase Expense]"/>
        <member name="[CB - Account].[Account CB - Description].&amp;[0555190 - Capacity Purchase Expense]"/>
        <member name="[CB - Account].[Account CB - Description].&amp;[0555200 - Interchange Power]"/>
        <member name="[CB - Account].[Account CB - Description].&amp;[0555201 - Purch Power - Leased Capacity]"/>
        <member name="[CB - Account].[Account CB - Description].&amp;[0555202 - Purch Power-Fuel Clause]"/>
        <member name="[CB - Account].[Account CB - Description].&amp;[0555203 - BudAdj-Puch Power]"/>
        <member name="[CB - Account].[Account CB - Description].&amp;[0555204 - Purchased Power Merger Mitigat]"/>
        <member name="[CB - Account].[Account CB - Description].&amp;[0555210 - Power Purchase Estimate]"/>
        <member name="[CB - Account].[Account CB - Description].&amp;[0555211 - Purchase-Electricity]"/>
        <member name="[CB - Account].[Account CB - Description].&amp;[0555215 - Elec Purch Pwr Cash Flow Hedge]"/>
        <member name="[CB - Account].[Account CB - Description].&amp;[0555220 - Interchange Power - Joint Ownr]"/>
        <member name="[CB - Account].[Account CB - Description].&amp;[0555230 - JO Negative Generation]"/>
        <member name="[CB - Account].[Account CB - Description].&amp;[0555240 - Power Purchase Distilate]"/>
        <member name="[CB - Account].[Account CB - Description].&amp;[0555250 - PWR PURCH W/ DEM]"/>
        <member name="[CB - Account].[Account CB - Description].&amp;[0555255 - I/C Native Load Purch Pwr]"/>
        <member name="[CB - Account].[Account CB - Description].&amp;[0555260 - Power Purchase Bookouts]"/>
        <member name="[CB - Account].[Account CB - Description].&amp;[0555270 - Estimate Pwr Purch Bkouts]"/>
        <member name="[CB - Account].[Account CB - Description].&amp;[0555280 - Power IB Transfer Purchase]"/>
        <member name="[CB - Account].[Account CB - Description].&amp;[0555290 - Power IB Trfer Purch Estimate]"/>
        <member name="[CB - Account].[Account CB - Description].&amp;[0555300 - Power Purch &amp; Transportation]"/>
        <member name="[CB - Account].[Account CB - Description].&amp;[0555310 - Power Purch &amp; Tranp Estimate]"/>
        <member name="[CB - Account].[Account CB - Description].&amp;[0555320 - Margin Exp for Dover]"/>
        <member name="[CB - Account].[Account CB - Description].&amp;[0555330 - Margin Exp Profit Sharing]"/>
        <member name="[CB - Account].[Account CB - Description].&amp;[0555340 - Water Royalty Fee]"/>
        <member name="[CB - Account].[Account CB - Description].&amp;[0555350 - Other Variable Costs]"/>
        <member name="[CB - Account].[Account CB - Description].&amp;[0555550 - PURCHASES ENERGY IMBALANCE]"/>
        <member name="[CB - Account].[Account CB - Description].&amp;[0555720 - Electricity Marketing Purch]"/>
        <member name="[CB - Account].[Account CB - Description].&amp;[0555750 - Purchases-Generation Imbalance]"/>
        <member name="[CB - Account].[Account CB - Description].&amp;[0555918 - Purch Power-Brokering-Netting]"/>
        <member name="[CB - Account].[Account CB - Description].&amp;[0555998 - Deferral MISO Charges &amp;Credits]"/>
        <member name="[CB - Account].[Account CB - Description].&amp;[0555999 - Deferred Purchased Power]"/>
        <member name="[CB - Account].[Account CB - Description].&amp;[0556099 - Power Pur Contra EITF 02-03]"/>
        <member name="[CB - Account].[Account CB - Description].&amp;[0557001 - NC REPS - RECS RECOVERY]"/>
        <member name="[CB - Account].[Account CB - Description].&amp;[0557010 - Inactive]"/>
        <member name="[CB - Account].[Account CB - Description].&amp;[0557016 - I/C Joint Disp - PJM Charges]"/>
        <member name="[CB - Account].[Account CB - Description].&amp;[0557071 - CertainTeed deferral SC retail]"/>
        <member name="[CB - Account].[Account CB - Description].&amp;[0557072 - CertainTeed deferral wholesale]"/>
        <member name="[CB - Account].[Account CB - Description].&amp;[0557150 - Def Expense for RIDER 67]"/>
        <member name="[CB - Account].[Account CB - Description].&amp;[0557151 - Deferred Expense for Rr 73]"/>
        <member name="[CB - Account].[Account CB - Description].&amp;[0557201 - FL DEFERRED CAPACITY EXPENSE]"/>
        <member name="[CB - Account].[Account CB - Description].&amp;[0557202 - FL DEFERRED FUEL EXPENSES]"/>
        <member name="[CB - Account].[Account CB - Description].&amp;[0557455 - I/C Commissions/Brokerage Exp]"/>
        <member name="[CB - Account].[Account CB - Description].&amp;[0557503 - Fixed Gas O&amp;M Costs]"/>
        <member name="[CB - Account].[Account CB - Description].&amp;[0557555 - I/C Fixed Gas O&amp;M Costs]"/>
        <member name="[CB - Account].[Account CB - Description].&amp;[0557980 - Retail Deferred Fuel Expenses]"/>
        <member name="[CB - Account].[Account CB - Description].&amp;[0557988 - CHPO&amp;MEXP]"/>
        <member name="[CB - Account].[Account CB - Description].&amp;[0557990 - Wholesale Defer Fuel Exp]"/>
        <member name="[CB - Account].[Account CB - Description].&amp;[0557991 - Markland O&amp;M Expense]"/>
        <member name="[CB - Account].[Account CB - Description].&amp;[0557992 - CCR O&amp;M Expense]"/>
        <member name="[CB - Account].[Account CB - Description].&amp;[0557993 - Fed Mandate O&amp;M Expense]"/>
        <member name="[CB - Account].[Account CB - Description].&amp;[0557994 - TDSIC O&amp;M Expense]"/>
        <member name="[CB - Account].[Account CB - Description].&amp;[0557995 - ECRC O&amp;M Deferral - Qualifying]"/>
        <member name="[CB - Account].[Account CB - Description].&amp;[0557996 - Deferred ECR Rider 62]"/>
        <member name="[CB - Account].[Account CB - Description].&amp;[0557997 - IGCC O&amp;M Expense]"/>
        <member name="[CB - Account].[Account CB - Description].&amp;[0557998 - IGCC O&amp;M Amortization Expense]"/>
        <member name="[CB - Account].[Account CB - Description].&amp;[0560010 - Operating Exp - Unrlzd - MTM]"/>
        <member name="[CB - Account].[Account CB - Description].&amp;[0560011 - MTM Reserves]"/>
        <member name="[CB - Account].[Account CB - Description].&amp;[0561010 - Operating Exp - Rlzd - MTM]"/>
        <member name="[CB - Account].[Account CB - Description].&amp;[0561201 - MISO Cost Adder Amort Exp]"/>
        <member name="[CB - Account].[Account CB - Description].&amp;[0561455 - I/C TransSvc&amp;Sch ISO Fees]"/>
        <member name="[CB - Account].[Account CB - Description].&amp;[0561500 - ReliabilityPlanning&amp;StdsDev]"/>
        <member name="[CB - Account].[Account CB - Description].&amp;[0561600 - Trans Svc Studies]"/>
        <member name="[CB - Account].[Account CB - Description].&amp;[0561601 - Trans Study Reimbursement]"/>
        <member name="[CB - Account].[Account CB - Description].&amp;[0561700 - Intcon Study Costs (T)]"/>
        <member name="[CB - Account].[Account CB - Description].&amp;[0561701 - Intcon Study Costs Reimb (T)]"/>
        <member name="[CB - Account].[Account CB - Description].&amp;[056200 - Missing]"/>
        <member name="[CB - Account].[Account CB - Description].&amp;[0562110 - Operation of Energy Storage Eq]"/>
        <member name="[CB - Account].[Account CB - Description].&amp;[0564000 - Underground Line Expenses]"/>
        <member name="[CB - Account].[Account CB - Description].&amp;[0565010 - TRANS OF ELECT - PURCHASES]"/>
        <member name="[CB - Account].[Account CB - Description].&amp;[0565016 - I/C Joint Disp - Trans NW Exp]"/>
        <member name="[CB - Account].[Account CB - Description].&amp;[0565020 - Transof Elect-Mkt Sales-Native]"/>
        <member name="[CB - Account].[Account CB - Description].&amp;[0565100 - WHEELING CHARGES]"/>
        <member name="[CB - Account].[Account CB - Description].&amp;[0565855 - Tran Elec By Oth - ED- Interco]"/>
        <member name="[CB - Account].[Account CB - Description].&amp;[0566010 - ET Reactive Pwr Exp]"/>
        <member name="[CB - Account].[Account CB - Description].&amp;[0566020 - ET Loss Compensation Exp]"/>
        <member name="[CB - Account].[Account CB - Description].&amp;[0566200 - Tarif Sys Impact Fac Exp-Trans]"/>
        <member name="[CB - Account].[Account CB - Description].&amp;[0566300 - Trans Misc Exp - Proj Supt - N]"/>
        <member name="[CB - Account].[Account CB - Description].&amp;[0566301 - Miscellaneous Transmission Exp]"/>
        <member name="[CB - Account].[Account CB - Description].&amp;[0566302 - Misc Transmission Exp - TDSIC2]"/>
        <member name="[CB - Account].[Account CB - Description].&amp;[0566700 - JTA I/C O/M Exp Transfer]"/>
        <member name="[CB - Account].[Account CB - Description].&amp;[0566701 - Fixed O&amp;M - Mitigation Sales]"/>
        <member name="[CB - Account].[Account CB - Description].&amp;[0567000 - Rents-Trans Oper]"/>
        <member name="[CB - Account].[Account CB - Description].&amp;[0567010 - I/C Trans Op Rents]"/>
        <member name="[CB - Account].[Account CB - Description].&amp;[0567600 - JTA I/C Transfer Invest Pay]"/>
        <member name="[CB - Account].[Account CB - Description].&amp;[0568000 - Suprvsn and Engrng-Trans Maint]"/>
        <member name="[CB - Account].[Account CB - Description].&amp;[0569300 - Maint of Communication Equip]"/>
        <member name="[CB - Account].[Account CB - Description].&amp;[0570110 - Maintenance of Energy Storage]"/>
        <member name="[CB - Account].[Account CB - Description].&amp;[0571001 - Transmission O&amp;M Deferral SC]"/>
        <member name="[CB - Account].[Account CB - Description].&amp;[0572000 - Maintenance of Underground Lin]"/>
        <member name="[CB - Account].[Account CB - Description].&amp;[0573000 - Maint Of Misc Transm Plant]"/>
        <member name="[CB - Account].[Account CB - Description].&amp;[0573100 - Trans Maint-Misc Trans Plant -]"/>
        <member name="[CB - Account].[Account CB - Description].&amp;[0573900 - Ess Mbca Transm Service Funct]"/>
        <member name="[CB - Account].[Account CB - Description].&amp;[0575000 - LPG Purchase]"/>
        <member name="[CB - Account].[Account CB - Description].&amp;[0575001 - 3rd Party Deriv LPG Purchase]"/>
        <member name="[CB - Account].[Account CB - Description].&amp;[0575002 - Unrealized LPG]"/>
        <member name="[CB - Account].[Account CB - Description].&amp;[0575003 - Realized LPG]"/>
        <member name="[CB - Account].[Account CB - Description].&amp;[0575010 - ROYALTIES - LPG]"/>
        <member name="[CB - Account].[Account CB - Description].&amp;[0575020 - OTHER VARIABLE COSTS - LPG]"/>
        <member name="[CB - Account].[Account CB - Description].&amp;[0575400 - Capacity Market Admin]"/>
        <member name="[CB - Account].[Account CB - Description].&amp;[0575755 - I/C Market Facilitation]"/>
        <member name="[CB - Account].[Account CB - Description].&amp;[0581000 - Refined Products Purchase]"/>
        <member name="[CB - Account].[Account CB - Description].&amp;[0581001 - 3rd Prty Deriv Refn Prdt Purch]"/>
        <member name="[CB - Account].[Account CB - Description].&amp;[0581002 - Unrealized Refined Products]"/>
        <member name="[CB - Account].[Account CB - Description].&amp;[0581003 - Realized Refined Products]"/>
        <member name="[CB - Account].[Account CB - Description].&amp;[0582200 - Relays And Meters-Dist]"/>
        <member name="[CB - Account].[Account CB - Description].&amp;[0584110 - Operation of Energy Storage Eq]"/>
        <member name="[CB - Account].[Account CB - Description].&amp;[0585000 - St Lghtng and Sgnl Systm-Dist]"/>
        <member name="[CB - Account].[Account CB - Description].&amp;[0585001 - Crude Oil Purchase]"/>
        <member name="[CB - Account].[Account CB - Description].&amp;[0585002 - 3rd Prty Deriv Crude Oil Purch]"/>
        <member name="[CB - Account].[Account CB - Description].&amp;[0585003 - Unrealized Crude Oil]"/>
        <member name="[CB - Account].[Account CB - Description].&amp;[0585004 - Realized Crude Oil]"/>
        <member name="[CB - Account].[Account CB - Description].&amp;[0587100 - Lcd-Opting and Installing-Dist]"/>
        <member name="[CB - Account].[Account CB - Description].&amp;[0588101 - Grid Solutions O&amp;M Deferral]"/>
        <member name="[CB - Account].[Account CB - Description].&amp;[0588110 - Inactive]"/>
        <member name="[CB - Account].[Account CB - Description].&amp;[0588200 - Inactive]"/>
        <member name="[CB - Account].[Account CB - Description].&amp;[0588300 - Load Mang-Gen and Control-Dist]"/>
        <member name="[CB - Account].[Account CB - Description].&amp;[0588301 - Miscellaneous Distribution Exp]"/>
        <member name="[CB - Account].[Account CB - Description].&amp;[0588302 - Misc Distribution Exp - TDSIC2]"/>
        <member name="[CB - Account].[Account CB - Description].&amp;[0588400 - Interco Oper Exp - DE&amp;S]"/>
        <member name="[CB - Account].[Account CB - Description].&amp;[0588410 - Interco Oper Expense-Contra]"/>
        <member name="[CB - Account].[Account CB - Description].&amp;[0588420 - Purchasing Card Clearing]"/>
        <member name="[CB - Account].[Account CB - Description].&amp;[0588430 - Duke Labor to 500]"/>
        <member name="[CB - Account].[Account CB - Description].&amp;[0588440 - Duke Labor to 502]"/>
        <member name="[CB - Account].[Account CB - Description].&amp;[0588450 - Business Development Expense]"/>
        <member name="[CB - Account].[Account CB - Description].&amp;[0588460 - Asset Management Expense]"/>
        <member name="[CB - Account].[Account CB - Description].&amp;[0588470 - Amortization Engage]"/>
        <member name="[CB - Account].[Account CB - Description].&amp;[0588701 - Intcon Study Costs Reimb (D)]"/>
        <member name="[CB - Account].[Account CB - Description].&amp;[0589010 - I/C Dist Op Rents]"/>
        <member name="[CB - Account].[Account CB - Description].&amp;[0591100 - Coal Purchase]"/>
        <member name="[CB - Account].[Account CB - Description].&amp;[0591101 - 3rd Party Deriv Coal Purchase]"/>
        <member name="[CB - Account].[Account CB - Description].&amp;[0591102 - Unrealized Coal]"/>
        <member name="[CB - Account].[Account CB - Description].&amp;[0591103 - Realized Coal]"/>
        <member name="[CB - Account].[Account CB - Description].&amp;[0591200 - COAL_PURCHASE_PUR_ACCTG_ADJ]"/>
        <member name="[CB - Account].[Account CB - Description].&amp;[0592110 - Maintenance of Energy Storage]"/>
        <member name="[CB - Account].[Account CB - Description].&amp;[0595200 - Cir Brkrs Transf Capcitrs-Dist]"/>
        <member name="[CB - Account].[Account CB - Description].&amp;[0595400 - Fertilizer Purchase]"/>
        <member name="[CB - Account].[Account CB - Description].&amp;[0595401 - 3rd Prty Deriv Fertilizer Purc]"/>
        <member name="[CB - Account].[Account CB - Description].&amp;[0595402 - Unrealized Fertilizer]"/>
        <member name="[CB - Account].[Account CB - Description].&amp;[0595403 - Realized Fertilizer]"/>
        <member name="[CB - Account].[Account CB - Description].&amp;[0598200 - Lcd-Power Line Carrier]"/>
        <member name="[CB - Account].[Account CB - Description].&amp;[0598300 - Lcd-Radio,Telephone,Lcd Socket]"/>
        <member name="[CB - Account].[Account CB - Description].&amp;[0598400 - Distr Maint-Misc Distr Plant-R]"/>
        <member name="[CB - Account].[Account CB - Description].&amp;[0599001 - Construction]"/>
        <member name="[CB - Account].[Account CB - Description].&amp;[0599002 - Consultant Expense]"/>
        <member name="[CB - Account].[Account CB - Description].&amp;[0599003 - Copies and Reproduction-Direct]"/>
        <member name="[CB - Account].[Account CB - Description].&amp;[0599005 - Equipment Rental]"/>
        <member name="[CB - Account].[Account CB - Description].&amp;[0599006 - Meals-Direct]"/>
        <member name="[CB - Account].[Account CB - Description].&amp;[0599008 - Phone-Direct]"/>
        <member name="[CB - Account].[Account CB - Description].&amp;[0599009 - Postage-Direct]"/>
        <member name="[CB - Account].[Account CB - Description].&amp;[0599010 - Project Lease Payments]"/>
        <member name="[CB - Account].[Account CB - Description].&amp;[0599011 - Raw Material Purchases]"/>
        <member name="[CB - Account].[Account CB - Description].&amp;[0599013 - Payroll Variance-Direct]"/>
        <member name="[CB - Account].[Account CB - Description].&amp;[0599014 - Sales Tax]"/>
        <member name="[CB - Account].[Account CB - Description].&amp;[0599015 - Direct Travel]"/>
        <member name="[CB - Account].[Account CB - Description].&amp;[0599016 - Commodity Reserve Expense]"/>
        <member name="[CB - Account].[Account CB - Description].&amp;[0599017 - Salaries-Direct]"/>
        <member name="[CB - Account].[Account CB - Description].&amp;[0599018 - Depr Expense - Project Eq]"/>
        <member name="[CB - Account].[Account CB - Description].&amp;[0599020 - Direct Labor]"/>
        <member name="[CB - Account].[Account CB - Description].&amp;[0599021 - Misc Direct Costs]"/>
        <member name="[CB - Account].[Account CB - Description].&amp;[0599022 - Gas Purchases w/ DEFS]"/>
        <member name="[CB - Account].[Account CB - Description].&amp;[0599024 - Equipment Maintenance-Direct]"/>
        <member name="[CB - Account].[Account CB - Description].&amp;[0599990 - BPM Fuel Expense-EBIT Only]"/>
        <member name="[CB - Account].[Account CB - Description].&amp;[0601000 - Inactive]"/>
        <member name="[CB - Account].[Account CB - Description].&amp;[0602000 - Inactive]"/>
        <member name="[CB - Account].[Account CB - Description].&amp;[0603000 - Other Miscellaneous Income]"/>
        <member name="[CB - Account].[Account CB - Description].&amp;[0605000 - Inactive]"/>
        <member name="[CB - Account].[Account CB - Description].&amp;[0608100 - Inactive]"/>
        <member name="[CB - Account].[Account CB - Description].&amp;[0608200 - Inactive]"/>
        <member name="[CB - Account].[Account CB - Description].&amp;[0631100 - Inactive]"/>
        <member name="[CB - Account].[Account CB - Description].&amp;[0631600 - Inactive]"/>
        <member name="[CB - Account].[Account CB - Description].&amp;[0634100 - Inactive]"/>
        <member name="[CB - Account].[Account CB - Description].&amp;[0635000 - Inactive]"/>
        <member name="[CB - Account].[Account CB - Description].&amp;[0636500 - Inactive]"/>
        <member name="[CB - Account].[Account CB - Description].&amp;[0710002 - 3rd Party Deriv Other Income]"/>
        <member name="[CB - Account].[Account CB - Description].&amp;[0711000 - Gas Boiler Labor]"/>
        <member name="[CB - Account].[Account CB - Description].&amp;[0712000 - Gas Production-Other Power Ex]"/>
        <member name="[CB - Account].[Account CB - Description].&amp;[0717000 - Liq Petro Gas Exp-Vapor Proc]"/>
        <member name="[CB - Account].[Account CB - Description].&amp;[0728000 - Liquid Petroleum Gas]"/>
        <member name="[CB - Account].[Account CB - Description].&amp;[0735000 - Gas Misc Production Exp]"/>
        <member name="[CB - Account].[Account CB - Description].&amp;[0736000 - Gas Prod I/C Rent Exp - Erlan]"/>
        <member name="[CB - Account].[Account CB - Description].&amp;[0736020 - Gas Raw Material - Rents]"/>
        <member name="[CB - Account].[Account CB - Description].&amp;[0741000 - Intercompany Nonop Expense]"/>
        <member name="[CB - Account].[Account CB - Description].&amp;[0742000 - Maint Gas Production Equipmen]"/>
        <member name="[CB - Account].[Account CB - Description].&amp;[0750000 - Operation Supv &amp; Eng-Prod]"/>
        <member name="[CB - Account].[Account CB - Description].&amp;[0752000 - Gas Wells Expense]"/>
        <member name="[CB - Account].[Account CB - Description].&amp;[0753000 - Field Lines Expenses]"/>
        <member name="[CB - Account].[Account CB - Description].&amp;[0754000 - Field Compressor Station Exp]"/>
        <member name="[CB - Account].[Account CB - Description].&amp;[0755000 - Field Station Fuel &amp; Power]"/>
        <member name="[CB - Account].[Account CB - Description].&amp;[0756000 - Field M &amp; R Station Expenses]"/>
        <member name="[CB - Account].[Account CB - Description].&amp;[0757000 - Purification Expenses-Prod]"/>
        <member name="[CB - Account].[Account CB - Description].&amp;[0758000 - Gas Well Royalties]"/>
        <member name="[CB - Account].[Account CB - Description].&amp;[0759000 - Other Expenses-Prod]"/>
        <member name="[CB - Account].[Account CB - Description].&amp;[0764000 - Maintenance Of Field Lines]"/>
        <member name="[CB - Account].[Account CB - Description].&amp;[0771000 - Operation Labor]"/>
        <member name="[CB - Account].[Account CB - Description].&amp;[0772000 - Gas Shrinkage]"/>
        <member name="[CB - Account].[Account CB - Description].&amp;[0773000 - Fuel]"/>
        <member name="[CB - Account].[Account CB - Description].&amp;[0774000 - Power-Ext]"/>
        <member name="[CB - Account].[Account CB - Description].&amp;[0775000 - Materials]"/>
        <member name="[CB - Account].[Account CB - Description].&amp;[0776000 - Operation Supplies &amp; Expenses]"/>
        <member name="[CB - Account].[Account CB - Description].&amp;[0776001 - GAS PROCESS EXP RELD PTY]"/>
        <member name="[CB - Account].[Account CB - Description].&amp;[0777000 - GAS PROCESSED BY OTHERS]"/>
        <member name="[CB - Account].[Account CB - Description].&amp;[0786000 - Maint Extraction &amp; Refining Eq]"/>
        <member name="[CB - Account].[Account CB - Description].&amp;[0800000 - Purchase Gas - East]"/>
        <member name="[CB - Account].[Account CB - Description].&amp;[0800001 - Contra Gas Purchase Intra BU]"/>
        <member name="[CB - Account].[Account CB - Description].&amp;[0800002 - Gas Purchases DE Merchants]"/>
        <member name="[CB - Account].[Account CB - Description].&amp;[0800011 - Gas Purchases Field Lines]"/>
        <member name="[CB - Account].[Account CB - Description].&amp;[0800021 - Gas Purchases]"/>
        <member name="[CB - Account].[Account CB - Description].&amp;[0800031 - Wellhead Gas Purchaces]"/>
        <member name="[CB - Account].[Account CB - Description].&amp;[0800040 - Gas Purch Related Pty]"/>
        <member name="[CB - Account].[Account CB - Description].&amp;[0800041 - RPT Purchases - COP]"/>
        <member name="[CB - Account].[Account CB - Description].&amp;[0800042 - RPT Purchases - Other]"/>
        <member name="[CB - Account].[Account CB - Description].&amp;[0800099 - Gas Pur Contra EITF 02-03]"/>
        <member name="[CB - Account].[Account CB - Description].&amp;[0800101 - GAS PURCHASES ESTIMATE]"/>
        <member name="[CB - Account].[Account CB - Description].&amp;[0800102 - Purchase - Nat Gas Liquid]"/>
        <member name="[CB - Account].[Account CB - Description].&amp;[0801000 - Purchases Gas &amp; NGL]"/>
        <member name="[CB - Account].[Account CB - Description].&amp;[0801001 - Purchases Gas &amp; NGL-Aff]"/>
        <member name="[CB - Account].[Account CB - Description].&amp;[0801002 - COGS-Fee Expenses]"/>
        <member name="[CB - Account].[Account CB - Description].&amp;[0801003 - (Gain)Loss Shipper Imbalance]"/>
        <member name="[CB - Account].[Account CB - Description].&amp;[0801004 - COGS-Tax Expense]"/>
        <member name="[CB - Account].[Account CB - Description].&amp;[0801005 - OBO Operating Costs]"/>
        <member name="[CB - Account].[Account CB - Description].&amp;[0801006 - Hedging (Gain)Loss]"/>
        <member name="[CB - Account].[Account CB - Description].&amp;[0801007 - Trucking Lease Expense]"/>
        <member name="[CB - Account].[Account CB - Description].&amp;[0801008 - Gas Purchase - DETM-US]"/>
        <member name="[CB - Account].[Account CB - Description].&amp;[0801009 - Field Line Purchase TETCO]"/>
        <member name="[CB - Account].[Account CB - Description].&amp;[0801010 - Gas Purchase TETCO]"/>
        <member name="[CB - Account].[Account CB - Description].&amp;[0801011 - COGS-Fee Exp-Affiliate]"/>
        <member name="[CB - Account].[Account CB - Description].&amp;[0801012 - Purchase - Nat Gas Liquid -Aff]"/>
        <member name="[CB - Account].[Account CB - Description].&amp;[0801021 - Ng Field Line Prch-Asa-Pre 636]"/>
        <member name="[CB - Account].[Account CB - Description].&amp;[0802100 - GAS TRANSPORTATION]"/>
        <member name="[CB - Account].[Account CB - Description].&amp;[0802102 - GAS TRANSPORTATION ESTIMATE]"/>
        <member name="[CB - Account].[Account CB - Description].&amp;[0802103 - Gas Transportation Penalty]"/>
        <member name="[CB - Account].[Account CB - Description].&amp;[0803000 - Vehicle Expense - Budgets Only]"/>
        <member name="[CB - Account].[Account CB - Description].&amp;[0803001 - Ng Transmission Line Purchases]"/>
        <member name="[CB - Account].[Account CB - Description].&amp;[0803100 - Sedans And Station Wagons]"/>
        <member name="[CB - Account].[Account CB - Description].&amp;[0803110 - Light Trucks  Gvwr &lt; 10K]"/>
        <member name="[CB - Account].[Account CB - Description].&amp;[0803120 - Light/Med Trucks Gvwr 10K-26K]"/>
        <member name="[CB - Account].[Account CB - Description].&amp;[0803130 - Medium/Heavy Trucks Gvwr &gt; 26K]"/>
        <member name="[CB - Account].[Account CB - Description].&amp;[0803140 - Light/Med Trucks Gvwr 10K-26K]"/>
        <member name="[CB - Account].[Account CB - Description].&amp;[0803150 - Med/Heavy Trucks Gvwr &gt; 26K]"/>
        <member name="[CB - Account].[Account CB - Description].&amp;[0803160 - Special Heavy Hauling Equip]"/>
        <member name="[CB - Account].[Account CB - Description].&amp;[0803170 - Road Tractors]"/>
        <member name="[CB - Account].[Account CB - Description].&amp;[0803180 - Trailers All]"/>
        <member name="[CB - Account].[Account CB - Description].&amp;[0803190 - Inactive]"/>
        <member name="[CB - Account].[Account CB - Description].&amp;[0803270 - Insurance]"/>
        <member name="[CB - Account].[Account CB - Description].&amp;[0803280 - Motor Vehicle License]"/>
        <member name="[CB - Account].[Account CB - Description].&amp;[0803290 - Miscellaneous Expense]"/>
        <member name="[CB - Account].[Account CB - Description].&amp;[0803300 - Garage Training-Mechanics]"/>
        <member name="[CB - Account].[Account CB - Description].&amp;[0803400 - Auto &amp; Truck Exp Distributed]"/>
        <member name="[CB - Account].[Account CB - Description].&amp;[0803510 - Inactive]"/>
        <member name="[CB - Account].[Account CB - Description].&amp;[0803520 - Inactive]"/>
        <member name="[CB - Account].[Account CB - Description].&amp;[0803530 - Inactive]"/>
        <member name="[CB - Account].[Account CB - Description].&amp;[0803540 - Inactive]"/>
        <member name="[CB - Account].[Account CB - Description].&amp;[0803550 - Inactive]"/>
        <member name="[CB - Account].[Account CB - Description].&amp;[0803560 - Inactive]"/>
        <member name="[CB - Account].[Account CB - Description].&amp;[0803570 - Inactive]"/>
        <member name="[CB - Account].[Account CB - Description].&amp;[0803580 - Inactive]"/>
        <member name="[CB - Account].[Account CB - Description].&amp;[0803590 - Inactive]"/>
        <member name="[CB - Account].[Account CB - Description].&amp;[0803600 - Inactive]"/>
        <member name="[CB - Account].[Account CB - Description].&amp;[0803610 - Inactive]"/>
        <member name="[CB - Account].[Account CB - Description].&amp;[0803620 - Inactive]"/>
        <member name="[CB - Account].[Account CB - Description].&amp;[0803630 - Inactive]"/>
        <member name="[CB - Account].[Account CB - Description].&amp;[0803640 - Inactive]"/>
        <member name="[CB - Account].[Account CB - Description].&amp;[0803650 - Inactive]"/>
        <member name="[CB - Account].[Account CB - Description].&amp;[0803660 - Inactive]"/>
        <member name="[CB - Account].[Account CB - Description].&amp;[0803670 - Inactive]"/>
        <member name="[CB - Account].[Account CB - Description].&amp;[0803680 - Inactive]"/>
        <member name="[CB - Account].[Account CB - Description].&amp;[0803690 - Inactive]"/>
        <member name="[CB - Account].[Account CB - Description].&amp;[0803700 - Inactive]"/>
        <member name="[CB - Account].[Account CB - Description].&amp;[0803710 - Inactive]"/>
        <member name="[CB - Account].[Account CB - Description].&amp;[0803720 - Inactive]"/>
        <member name="[CB - Account].[Account CB - Description].&amp;[0803760 - Inactive]"/>
        <member name="[CB - Account].[Account CB - Description].&amp;[0803790 - Inactive]"/>
        <member name="[CB - Account].[Account CB - Description].&amp;[0803800 - Inactive]"/>
        <member name="[CB - Account].[Account CB - Description].&amp;[0804000 - Natural Gas City Gate Purchase]"/>
        <member name="[CB - Account].[Account CB - Description].&amp;[0804001 - Cost of Gas - Unbilled Revenue]"/>
        <member name="[CB - Account].[Account CB - Description].&amp;[0804101 - Lng Purchase]"/>
        <member name="[CB - Account].[Account CB - Description].&amp;[0804200 - Visits To Doctor]"/>
        <member name="[CB - Account].[Account CB - Description].&amp;[0804230 - Sick Allowance]"/>
        <member name="[CB - Account].[Account CB - Description].&amp;[0804240 - Inclement Weather]"/>
        <member name="[CB - Account].[Account CB - Description].&amp;[0804250 - Jury Duty]"/>
        <member name="[CB - Account].[Account CB - Description].&amp;[0804260 - Death In Family]"/>
        <member name="[CB - Account].[Account CB - Description].&amp;[0804270 - Call Outs (Unworked Portion)]"/>
        <member name="[CB - Account].[Account CB - Description].&amp;[0804280 - Scheduled Time Earned,Unworked]"/>
        <member name="[CB - Account].[Account CB - Description].&amp;[0804300 - Doctor/Dentist]"/>
        <member name="[CB - Account].[Account CB - Description].&amp;[0804500 - Premium O/T On Shift Employees]"/>
        <member name="[CB - Account].[Account CB - Description].&amp;[0805000 - Other Gas Purchases]"/>
        <member name="[CB - Account].[Account CB - Description].&amp;[0805001 - Other Natural Gas Purchases]"/>
        <member name="[CB - Account].[Account CB - Description].&amp;[0805002 - Unrecovered Purchase Gas Adj]"/>
        <member name="[CB - Account].[Account CB - Description].&amp;[0805003 - Purchase Gas Cost Unbilled Rev]"/>
        <member name="[CB - Account].[Account CB - Description].&amp;[0805010 - Inactive]"/>
        <member name="[CB - Account].[Account CB - Description].&amp;[0805015 - Gas Purchases -Netting]"/>
        <member name="[CB - Account].[Account CB - Description].&amp;[0805101 - Frq - Adjustment]"/>
        <member name="[CB - Account].[Account CB - Description].&amp;[0805110 - Natural Gas Marketing Purch]"/>
        <member name="[CB - Account].[Account CB - Description].&amp;[0805150 - Storage Fees]"/>
        <member name="[CB - Account].[Account CB - Description].&amp;[0805160 - Storage Fees - Demand]"/>
        <member name="[CB - Account].[Account CB - Description].&amp;[0805161 - Storage Fees - Demand - Est]"/>
        <member name="[CB - Account].[Account CB - Description].&amp;[0805170 - Storage Fees - Variable]"/>
        <member name="[CB - Account].[Account CB - Description].&amp;[0805171 - Storage Fees - Variable - Est]"/>
        <member name="[CB - Account].[Account CB - Description].&amp;[0805180 - Tport - Demand]"/>
        <member name="[CB - Account].[Account CB - Description].&amp;[0805181 - Tport - Demand - Estimate]"/>
        <member name="[CB - Account].[Account CB - Description].&amp;[0805190 - Tport - Variable]"/>
        <member name="[CB - Account].[Account CB - Description].&amp;[0805191 - Tport - Variable - Estimate]"/>
        <member name="[CB - Account].[Account CB - Description].&amp;[0805200 - OTH_GAS_PURCHASES_PUR_ACCT_ADJ]"/>
        <member name="[CB - Account].[Account CB - Description].&amp;[0806000 - Other Gas Supply-Exchange Gas]"/>
        <member name="[CB - Account].[Account CB - Description].&amp;[0806001 - OBA Imbalance]"/>
        <member name="[CB - Account].[Account CB - Description].&amp;[0806002 - Exchange Gas-Cashout]"/>
        <member name="[CB - Account].[Account CB - Description].&amp;[0806003 - TFO Imbalance-Delivery]"/>
        <member name="[CB - Account].[Account CB - Description].&amp;[0806004 - Park Imbalance]"/>
        <member name="[CB - Account].[Account CB - Description].&amp;[0806005 - Lend Imbalance]"/>
        <member name="[CB - Account].[Account CB - Description].&amp;[0806006 - System Gain/Loss]"/>
        <member name="[CB - Account].[Account CB - Description].&amp;[0806007 - Suspense Imbalance]"/>
        <member name="[CB - Account].[Account CB - Description].&amp;[0806008 - Intercompany Gas Purchases]"/>
        <member name="[CB - Account].[Account CB - Description].&amp;[0807000 - Gas Purchased Expenses]"/>
        <member name="[CB - Account].[Account CB - Description].&amp;[0807100 - I/C Gas Purchased Expenses]"/>
        <member name="[CB - Account].[Account CB - Description].&amp;[0808000 - Underground Storage-Dels/Wit]"/>
        <member name="[CB - Account].[Account CB - Description].&amp;[0808101 - Gas Withdrawn From Storage]"/>
        <member name="[CB - Account].[Account CB - Description].&amp;[0808201 - Gas To Storage]"/>
        <member name="[CB - Account].[Account CB - Description].&amp;[0809101 - Lng Withdrawal Fr Storage]"/>
        <member name="[CB - Account].[Account CB - Description].&amp;[0809201 - Operation Expense-Clearing]"/>
        <member name="[CB - Account].[Account CB - Description].&amp;[081000 - Missing]"/>
        <member name="[CB - Account].[Account CB - Description].&amp;[0810001 - Gas Used For Comp Station Fuel]"/>
        <member name="[CB - Account].[Account CB - Description].&amp;[0810002 - Gas Used For Comp Station Fuel]"/>
        <member name="[CB - Account].[Account CB - Description].&amp;[0811001 - Gas Used For Prod Extraction]"/>
        <member name="[CB - Account].[Account CB - Description].&amp;[0811002 - Gas Used for Prod Ext-Fuel]"/>
        <member name="[CB - Account].[Account CB - Description].&amp;[0812001 - Gas For Other Utility Oper]"/>
        <member name="[CB - Account].[Account CB - Description].&amp;[0812002 - Gas Used-Transport]"/>
        <member name="[CB - Account].[Account CB - Description].&amp;[0812003 - Gas Used-Lng Terminal]"/>
        <member name="[CB - Account].[Account CB - Description].&amp;[0812101 - Inventory Change]"/>
        <member name="[CB - Account].[Account CB - Description].&amp;[0813001 - Other Gas Supply Expenses]"/>
        <member name="[CB - Account].[Account CB - Description].&amp;[0813002 - Oth Op Costs-Oth Gas Exp]"/>
        <member name="[CB - Account].[Account CB - Description].&amp;[0813003 - Non Spot Recovery]"/>
        <member name="[CB - Account].[Account CB - Description].&amp;[0813004 - Fuel Reservation Chg Adj]"/>
        <member name="[CB - Account].[Account CB - Description].&amp;[0814000 - Operation Supv &amp; Eng-STG]"/>
        <member name="[CB - Account].[Account CB - Description].&amp;[0815000 - Maps &amp; Records]"/>
        <member name="[CB - Account].[Account CB - Description].&amp;[0816000 - Wells Expenses]"/>
        <member name="[CB - Account].[Account CB - Description].&amp;[0817000 - Lines Expenses]"/>
        <member name="[CB - Account].[Account CB - Description].&amp;[0818000 - Compressor Station Expenses]"/>
        <member name="[CB - Account].[Account CB - Description].&amp;[0819000 - Inactive]"/>
        <member name="[CB - Account].[Account CB - Description].&amp;[0819001 - Comp Station Fuel &amp; Power]"/>
        <member name="[CB - Account].[Account CB - Description].&amp;[0820000 - Fabricated Equipment]"/>
        <member name="[CB - Account].[Account CB - Description].&amp;[0820001 - M &amp; R Station Expenses-STG]"/>
        <member name="[CB - Account].[Account CB - Description].&amp;[0821000 - Inactive]"/>
        <member name="[CB - Account].[Account CB - Description].&amp;[0821001 - Purification Expenses-STG]"/>
        <member name="[CB - Account].[Account CB - Description].&amp;[0821102 - Interco Deriv Int LT Debt]"/>
        <member name="[CB - Account].[Account CB - Description].&amp;[0821103 - 3rd Party Deriv Int LT Debt]"/>
        <member name="[CB - Account].[Account CB - Description].&amp;[0822002 - 3rd Party Deriv Int Other Debt]"/>
        <member name="[CB - Account].[Account CB - Description].&amp;[0822100 - Inactive]"/>
        <member name="[CB - Account].[Account CB - Description].&amp;[0824000 - Other Expenses-STG]"/>
        <member name="[CB - Account].[Account CB - Description].&amp;[0824001 - Operating Exp Storage-Interco]"/>
        <member name="[CB - Account].[Account CB - Description].&amp;[0824002 - STORAGE FEE]"/>
        <member name="[CB - Account].[Account CB - Description].&amp;[0824100 - I/C STORAGE EXPENSE]"/>
        <member name="[CB - Account].[Account CB - Description].&amp;[0824110 - I/C OTH OPERATING EXP.]"/>
        <member name="[CB - Account].[Account CB - Description].&amp;[0825000 - Storage Well Royalties]"/>
        <member name="[CB - Account].[Account CB - Description].&amp;[0826000 - Rents-Underground Storage]"/>
        <member name="[CB - Account].[Account CB - Description].&amp;[0830000 - Equipment Expense-Budgets Only]"/>
        <member name="[CB - Account].[Account CB - Description].&amp;[0830200 - Trenchers &amp; Cable Plows]"/>
        <member name="[CB - Account].[Account CB - Description].&amp;[0830210 - Rubber Tired Tractors]"/>
        <member name="[CB - Account].[Account CB - Description].&amp;[0830220 - Inactive]"/>
        <member name="[CB - Account].[Account CB - Description].&amp;[0830230 - Inactive]"/>
        <member name="[CB - Account].[Account CB - Description].&amp;[0830290 - Missing]"/>
        <member name="[CB - Account].[Account CB - Description].&amp;[0830300 - Heavy Const. Equip]"/>
        <member name="[CB - Account].[Account CB - Description].&amp;[0830310 - Inactive]"/>
        <member name="[CB - Account].[Account CB - Description].&amp;[0830320 - Inactive]"/>
        <member name="[CB - Account].[Account CB - Description].&amp;[0830330 - Mobile Cranes]"/>
        <member name="[CB - Account].[Account CB - Description].&amp;[0830340 - Inactive]"/>
        <member name="[CB - Account].[Account CB - Description].&amp;[0830350 - Forklifts]"/>
        <member name="[CB - Account].[Account CB - Description].&amp;[0830360 - Mobile Equipment]"/>
        <member name="[CB - Account].[Account CB - Description].&amp;[0830370 - Misc Non-Hwy Equip]"/>
        <member name="[CB - Account].[Account CB - Description].&amp;[0831000 - Maint Struct &amp; Improve-Stg]"/>
        <member name="[CB - Account].[Account CB - Description].&amp;[0832000 - Maint Of Reservoirs &amp; Wells]"/>
        <member name="[CB - Account].[Account CB - Description].&amp;[0833000 - Maintenance Of Lines]"/>
        <member name="[CB - Account].[Account CB - Description].&amp;[0834000 - Maint Compressor Sta Eq-STG]"/>
        <member name="[CB - Account].[Account CB - Description].&amp;[0835000 - Maint Of M &amp; R Station Eq-STG]"/>
        <member name="[CB - Account].[Account CB - Description].&amp;[0836000 - Maint Of Purification Equip]"/>
        <member name="[CB - Account].[Account CB - Description].&amp;[0837000 - Maintenance Of Other Equip]"/>
        <member name="[CB - Account].[Account CB - Description].&amp;[0840000 - Operation Supv &amp; Eng-OSTG]"/>
        <member name="[CB - Account].[Account CB - Description].&amp;[0840200 - Undgrd Trenchers-All]"/>
        <member name="[CB - Account].[Account CB - Description].&amp;[0840210 - Inactive]"/>
        <member name="[CB - Account].[Account CB - Description].&amp;[0840220 - Inactive]"/>
        <member name="[CB - Account].[Account CB - Description].&amp;[0840230 - Inactive]"/>
        <member name="[CB - Account].[Account CB - Description].&amp;[0840300 - Trans Dept-Const Equip (All)]"/>
        <member name="[CB - Account].[Account CB - Description].&amp;[0841000 - Operation Labor &amp; Exp]"/>
        <member name="[CB - Account].[Account CB - Description].&amp;[0842000 - Rents-OSTG]"/>
        <member name="[CB - Account].[Account CB - Description].&amp;[0842200 - Power-Ostg]"/>
        <member name="[CB - Account].[Account CB - Description].&amp;[0843000 - LNG Maint of Gas Holders]"/>
        <member name="[CB - Account].[Account CB - Description].&amp;[0843200 - LNG Maint of Structures &amp; Impr]"/>
        <member name="[CB - Account].[Account CB - Description].&amp;[0843400 - LNG Maint Purification Equip]"/>
        <member name="[CB - Account].[Account CB - Description].&amp;[0843500 - LNG Maint Liquefaction Equip]"/>
        <member name="[CB - Account].[Account CB - Description].&amp;[0843600 - LNG Maint Vaporization Equip]"/>
        <member name="[CB - Account].[Account CB - Description].&amp;[0843700 - LNG Maint Compressor Equip]"/>
        <member name="[CB - Account].[Account CB - Description].&amp;[0843800 - LNG Maint Measure/Reg Equip]"/>
        <member name="[CB - Account].[Account CB - Description].&amp;[0843900 - LNG Maint Other Storage Equip]"/>
        <member name="[CB - Account].[Account CB - Description].&amp;[0844100 - LNG Ops Supv Eng Labor &amp; Exp]"/>
        <member name="[CB - Account].[Account CB - Description].&amp;[0844200 - Lng Terminal Labor &amp; Exp]"/>
        <member name="[CB - Account].[Account CB - Description].&amp;[0844400 - Lng Transp Labor &amp; Exp]"/>
        <member name="[CB - Account].[Account CB - Description].&amp;[0844600 - LNG Comp Station Labor &amp; Exp]"/>
        <member name="[CB - Account].[Account CB - Description].&amp;[0844701 - Communications Sys Exp]"/>
        <member name="[CB - Account].[Account CB - Description].&amp;[0845200 - LNG Power]"/>
        <member name="[CB - Account].[Account CB - Description].&amp;[0846200 - Other LNG Operating Expense]"/>
        <member name="[CB - Account].[Account CB - Description].&amp;[0846201 - LNG Operation Labor &amp; Exp]"/>
        <member name="[CB - Account].[Account CB - Description].&amp;[0847100 - Maintenance Supv &amp; Eng-PROC]"/>
        <member name="[CB - Account].[Account CB - Description].&amp;[0847200 - Maint Struct &amp; Imporve-Proc]"/>
        <member name="[CB - Account].[Account CB - Description].&amp;[0847300 - Maint Lng Process Terminal Eq]"/>
        <member name="[CB - Account].[Account CB - Description].&amp;[0847500 - Maint Lng Meas and Reg Eq]"/>
        <member name="[CB - Account].[Account CB - Description].&amp;[0847600 - Maint LNG Compress Station Eq]"/>
        <member name="[CB - Account].[Account CB - Description].&amp;[0847700 - Maint Of Communication Equip]"/>
        <member name="[CB - Account].[Account CB - Description].&amp;[0847800 - Maintenance Of Oth Equip-Proc]"/>
        <member name="[CB - Account].[Account CB - Description].&amp;[0850001 - Operation Supv &amp; Eng-Tran]"/>
        <member name="[CB - Account].[Account CB - Description].&amp;[0851000 - System Control &amp; Load Dispatch]"/>
        <member name="[CB - Account].[Account CB - Description].&amp;[0852000 - Communication System Expenses]"/>
        <member name="[CB - Account].[Account CB - Description].&amp;[0853000 - Compressor Station Labor &amp; Exp]"/>
        <member name="[CB - Account].[Account CB - Description].&amp;[0854000 - Gas Compressor Station Fuel]"/>
        <member name="[CB - Account].[Account CB - Description].&amp;[0855000 - Oth Fuel &amp; Power Comp Station]"/>
        <member name="[CB - Account].[Account CB - Description].&amp;[0856001 - Mains Expenses]"/>
        <member name="[CB - Account].[Account CB - Description].&amp;[0856002 - Mains Expense-Contra]"/>
        <member name="[CB - Account].[Account CB - Description].&amp;[0856003 - MAIN EXPENSE RELATED PARTY]"/>
        <member name="[CB - Account].[Account CB - Description].&amp;[0857000 - M &amp; R Station Expenses-Tran]"/>
        <member name="[CB - Account].[Account CB - Description].&amp;[0858000 - T&amp;C Of Gas By Others]"/>
        <member name="[CB - Account].[Account CB - Description].&amp;[0858001 - Operating Exp T&amp;C I/C Contra]"/>
        <member name="[CB - Account].[Account CB - Description].&amp;[0858002 - Oth Operation Exp - Rel Party]"/>
        <member name="[CB - Account].[Account CB - Description].&amp;[0858100 - I/C TRANSPORTATION EXP]"/>
        <member name="[CB - Account].[Account CB - Description].&amp;[0859000 - Other Expenses-Trans]"/>
        <member name="[CB - Account].[Account CB - Description].&amp;[0860000 - Rents-Tran]"/>
        <member name="[CB - Account].[Account CB - Description].&amp;[0861000 - Maintenance Supv &amp; Eng-Tran]"/>
        <member name="[CB - Account].[Account CB - Description].&amp;[0862000 - Maint Struct &amp; Improve-Tran]"/>
        <member name="[CB - Account].[Account CB - Description].&amp;[0863000 - Transm-Maint of Mains]"/>
        <member name="[CB - Account].[Account CB - Description].&amp;[0863001 - Maintenance Of Mains]"/>
        <member name="[CB - Account].[Account CB - Description].&amp;[0864000 - Maint Compressor Sta Eq-Tran]"/>
        <member name="[CB - Account].[Account CB - Description].&amp;[0865000 - Maint Of M &amp; R Station Eq-Tran]"/>
        <member name="[CB - Account].[Account CB - Description].&amp;[0866000 - Maint Of Communications Equip]"/>
        <member name="[CB - Account].[Account CB - Description].&amp;[0867000 - Maintenance Of Oth Equip-Tran]"/>
        <member name="[CB - Account].[Account CB - Description].&amp;[0870000 - Distribution Sys Ops-Supv/Eng]"/>
        <member name="[CB - Account].[Account CB - Description].&amp;[0871000 - Distribution Load Dispatching]"/>
        <member name="[CB - Account].[Account CB - Description].&amp;[0874000 - Mains And Services]"/>
        <member name="[CB - Account].[Account CB - Description].&amp;[0875000 - Measuring And Reg Stations-Ge]"/>
        <member name="[CB - Account].[Account CB - Description].&amp;[0876000 - Measuring &amp; Reg Station-Indus]"/>
        <member name="[CB - Account].[Account CB - Description].&amp;[0877000 - Meas Reg Sta-CityGate-Dist Ops]"/>
        <member name="[CB - Account].[Account CB - Description].&amp;[0878000 - Meter And House Regulator Exp]"/>
        <member name="[CB - Account].[Account CB - Description].&amp;[0879000 - Customer Installation Expense]"/>
        <member name="[CB - Account].[Account CB - Description].&amp;[0881000 - Intercompany Operating Rents]"/>
        <member name="[CB - Account].[Account CB - Description].&amp;[0885000 - Maint Dist Sys Fac- Supv/Engr]"/>
        <member name="[CB - Account].[Account CB - Description].&amp;[0886999 - Missing]"/>
        <member name="[CB - Account].[Account CB - Description].&amp;[0887000 - Maintenance of Mains]"/>
        <member name="[CB - Account].[Account CB - Description].&amp;[0889000 - Maint-Meas/Reg Stn Equip-Gas]"/>
        <member name="[CB - Account].[Account CB - Description].&amp;[0889001 - Maint CNG Fuel Stations-Dist]"/>
        <member name="[CB - Account].[Account CB - Description].&amp;[0890000 - Maint - Meas/Reg Stn Eq-Indus]"/>
        <member name="[CB - Account].[Account CB - Description].&amp;[0891000 - Maint M&amp;R equip City Gate]"/>
        <member name="[CB - Account].[Account CB - Description].&amp;[0892000 - Maintenance of Services]"/>
        <member name="[CB - Account].[Account CB - Description].&amp;[0893000 - Maint - Meters And House Reg]"/>
        <member name="[CB - Account].[Account CB - Description].&amp;[0894000 - Maint-Other Distribution Equip]"/>
        <member name="[CB - Account].[Account CB - Description].&amp;[0903001 - NC Cust Records &amp; Exp]"/>
        <member name="[CB - Account].[Account CB - Description].&amp;[0903002 - SC Cust Records &amp; Exp]"/>
        <member name="[CB - Account].[Account CB - Description].&amp;[0903210 - Customer Billing-Ncmpa]"/>
        <member name="[CB - Account].[Account CB - Description].&amp;[0903220 - Customer Billing-Ncemc]"/>
        <member name="[CB - Account].[Account CB - Description].&amp;[0903230 - Customer Billing-Saluda]"/>
        <member name="[CB - Account].[Account CB - Description].&amp;[0903240 - Customer Billing-Pmpa]"/>
        <member name="[CB - Account].[Account CB - Description].&amp;[0903250 - Customer Billing-Common]"/>
        <member name="[CB - Account].[Account CB - Description].&amp;[0903500 - Hand Delivery Of Bills]"/>
        <member name="[CB - Account].[Account CB - Description].&amp;[0903600 - Computer Serv Exps-Cust Accts]"/>
        <member name="[CB - Account].[Account CB - Description].&amp;[0903710 - Cust Billing Ncmpa-Operating]"/>
        <member name="[CB - Account].[Account CB - Description].&amp;[0903720 - Cust Billing Ncemc-Operating]"/>
        <member name="[CB - Account].[Account CB - Description].&amp;[0903730 - Cust Billing S.R.-Operating]"/>
        <member name="[CB - Account].[Account CB - Description].&amp;[0903740 - Cust Billing Pmpa-Operating]"/>
        <member name="[CB - Account].[Account CB - Description].&amp;[0903750 - Common - Operating-Cust Accts]"/>
        <member name="[CB - Account].[Account CB - Description].&amp;[0903800 - Missing]"/>
        <member name="[CB - Account].[Account CB - Description].&amp;[0903810 - Cust Billing Ncmpa-Spec'L Bill]"/>
        <member name="[CB - Account].[Account CB - Description].&amp;[0903820 - Cust Billing Ncemc-Spec'L Bill]"/>
        <member name="[CB - Account].[Account CB - Description].&amp;[0903830 - Cust Billing S.R.-Spec'L Bill]"/>
        <member name="[CB - Account].[Account CB - Description].&amp;[0903840 - Cust Billing Pmpa-Spec'L Bill]"/>
        <member name="[CB - Account].[Account CB - Description].&amp;[0903850 - Cust Billing Commn-Spec'L Bill]"/>
        <member name="[CB - Account].[Account CB - Description].&amp;[0903860 - Customer Billing - Npl]"/>
        <member name="[CB - Account].[Account CB - Description].&amp;[0904002 - Uncollectible Accounts]"/>
        <member name="[CB - Account].[Account CB - Description].&amp;[0904004 - Credit Loss Expense]"/>
        <member name="[CB - Account].[Account CB - Description].&amp;[0904891 - IC Loss on Sale of AR VIE]"/>
        <member name="[CB - Account].[Account CB - Description].&amp;[0905100 - Inactive]"/>
        <member name="[CB - Account].[Account CB - Description].&amp;[0905200 - Inactive]"/>
        <member name="[CB - Account].[Account CB - Description].&amp;[0906060 - Cust Acct P/R Accr]"/>
        <member name="[CB - Account].[Account CB - Description].&amp;[0907000 - Supervision]"/>
        <member name="[CB - Account].[Account CB - Description].&amp;[0908001 - Conservation Deferral]"/>
        <member name="[CB - Account].[Account CB - Description].&amp;[0908002 - Amort of Load Mmgmt Switches]"/>
        <member name="[CB - Account].[Account CB - Description].&amp;[0908110 - Inactive]"/>
        <member name="[CB - Account].[Account CB - Description].&amp;[0908120 - Cust Assist Exp-Residential]"/>
        <member name="[CB - Account].[Account CB - Description].&amp;[0908130 - Cust Assist Exp-Agricultural]"/>
        <member name="[CB - Account].[Account CB - Description].&amp;[0908140 - Economic Development]"/>
        <member name="[CB - Account].[Account CB - Description].&amp;[0908150 - Commer/Indust Assistance Exp]"/>
        <member name="[CB - Account].[Account CB - Description].&amp;[0908160 - Cust Assist Exp-General]"/>
        <member name="[CB - Account].[Account CB - Description].&amp;[0908220 - Inactive]"/>
        <member name="[CB - Account].[Account CB - Description].&amp;[0908240 - Non-Resid Load Mgmt-Mo Tel Exp]"/>
        <member name="[CB - Account].[Account CB - Description].&amp;[0908250 - Non-Res Load Mgmt-Int Powserv]"/>
        <member name="[CB - Account].[Account CB - Description].&amp;[0908300 - Inactive]"/>
        <member name="[CB - Account].[Account CB - Description].&amp;[0908310 - Rcs Program-Public Relations]"/>
        <member name="[CB - Account].[Account CB - Description].&amp;[0908320 - Inactive]"/>
        <member name="[CB - Account].[Account CB - Description].&amp;[0908330 - Inactive]"/>
        <member name="[CB - Account].[Account CB - Description].&amp;[0908340 - Inactive]"/>
        <member name="[CB - Account].[Account CB - Description].&amp;[0908350 - Inactive]"/>
        <member name="[CB - Account].[Account CB - Description].&amp;[0908360 - Rcs Audit-Inspections]"/>
        <member name="[CB - Account].[Account CB - Description].&amp;[0908370 - Rcs Audit-Training Cost]"/>
        <member name="[CB - Account].[Account CB - Description].&amp;[0908380 - Inactive]"/>
        <member name="[CB - Account].[Account CB - Description].&amp;[0908400 - Inactive]"/>
        <member name="[CB - Account].[Account CB - Description].&amp;[0908430 - INACTIVE]"/>
        <member name="[CB - Account].[Account CB - Description].&amp;[0908440 - Loan Asst Materials/Supplies]"/>
        <member name="[CB - Account].[Account CB - Description].&amp;[0908500 - Inactive]"/>
        <member name="[CB - Account].[Account CB - Description].&amp;[0908510 - Inactive]"/>
        <member name="[CB - Account].[Account CB - Description].&amp;[0908520 - Inactive]"/>
        <member name="[CB - Account].[Account CB - Description].&amp;[0908540 - Cacs Audit-Supervision]"/>
        <member name="[CB - Account].[Account CB - Description].&amp;[0908550 - Inactive]"/>
        <member name="[CB - Account].[Account CB - Description].&amp;[0908560 - Cacs Audit-Training Cost]"/>
        <member name="[CB - Account].[Account CB - Description].&amp;[0908570 - Cacs Audit-Machine Lease/Rents]"/>
        <member name="[CB - Account].[Account CB - Description].&amp;[0909000 - Info &amp; Instruc Adv-Conservatio]"/>
        <member name="[CB - Account].[Account CB - Description].&amp;[0909110 - Bill Inserts]"/>
        <member name="[CB - Account].[Account CB - Description].&amp;[0909120 - Newspaper]"/>
        <member name="[CB - Account].[Account CB - Description].&amp;[0909130 - Television]"/>
        <member name="[CB - Account].[Account CB - Description].&amp;[0909140 - Radio]"/>
        <member name="[CB - Account].[Account CB - Description].&amp;[0909150 - Misc Advertising Expenses]"/>
        <member name="[CB - Account].[Account CB - Description].&amp;[0909160 - Direct Mail]"/>
        <member name="[CB - Account].[Account CB - Description].&amp;[0909180 - Movies,Displays,Brochures,Etc.]"/>
        <member name="[CB - Account].[Account CB - Description].&amp;[0909190 - Other Media]"/>
        <member name="[CB - Account].[Account CB - Description].&amp;[0909210 - Bill Inserts]"/>
        <member name="[CB - Account].[Account CB - Description].&amp;[0909220 - Newspaper]"/>
        <member name="[CB - Account].[Account CB - Description].&amp;[0909230 - Television]"/>
        <member name="[CB - Account].[Account CB - Description].&amp;[0909240 - Radio]"/>
        <member name="[CB - Account].[Account CB - Description].&amp;[0909250 - Misc Advertising Expenses]"/>
        <member name="[CB - Account].[Account CB - Description].&amp;[0909260 - Direct Mail]"/>
        <member name="[CB - Account].[Account CB - Description].&amp;[0909270 - Loan Assistance Adv Promotion]"/>
        <member name="[CB - Account].[Account CB - Description].&amp;[0909280 - Movies,Displays,Brochures,Etc.]"/>
        <member name="[CB - Account].[Account CB - Description].&amp;[0909290 - Other Media]"/>
        <member name="[CB - Account].[Account CB - Description].&amp;[0909310 - Bill Inserts]"/>
        <member name="[CB - Account].[Account CB - Description].&amp;[0909320 - Newspaper]"/>
        <member name="[CB - Account].[Account CB - Description].&amp;[0909330 - Television]"/>
        <member name="[CB - Account].[Account CB - Description].&amp;[0909340 - Radio]"/>
        <member name="[CB - Account].[Account CB - Description].&amp;[0909350 - Misc Advertising Expenses]"/>
        <member name="[CB - Account].[Account CB - Description].&amp;[0909360 - Direct Mail]"/>
        <member name="[CB - Account].[Account CB - Description].&amp;[0909380 - Movies,Displays,Brochures,Etc.]"/>
        <member name="[CB - Account].[Account CB - Description].&amp;[0909390 - Other Media]"/>
        <member name="[CB - Account].[Account CB - Description].&amp;[0909510 - Bill Inserts]"/>
        <member name="[CB - Account].[Account CB - Description].&amp;[0909520 - Newspaper]"/>
        <member name="[CB - Account].[Account CB - Description].&amp;[0909530 - Television]"/>
        <member name="[CB - Account].[Account CB - Description].&amp;[0909540 - Radio]"/>
        <member name="[CB - Account].[Account CB - Description].&amp;[0909550 - Misc Advertising Expenses]"/>
        <member name="[CB - Account].[Account CB - Description].&amp;[0909560 - Direct Mail]"/>
        <member name="[CB - Account].[Account CB - Description].&amp;[0909580 - Movies,Displays,Brochures,Etc.]"/>
        <member name="[CB - Account].[Account CB - Description].&amp;[0909590 - Other Media]"/>
        <member name="[CB - Account].[Account CB - Description].&amp;[0909610 - Bill Inserts]"/>
        <member name="[CB - Account].[Account CB - Description].&amp;[0909620 - Newspaper]"/>
        <member name="[CB - Account].[Account CB - Description].&amp;[0909630 - Television]"/>
        <member name="[CB - Account].[Account CB - Description].&amp;[0909640 - Radio]"/>
        <member name="[CB - Account].[Account CB - Description].&amp;[0909660 - Direct Mail]"/>
        <member name="[CB - Account].[Account CB - Description].&amp;[0909680 - Movies,Displays,Brochures,Etc.]"/>
        <member name="[CB - Account].[Account CB - Description].&amp;[0909690 - Other Media]"/>
        <member name="[CB - Account].[Account CB - Description].&amp;[0911000 - Supervision]"/>
        <member name="[CB - Account].[Account CB - Description].&amp;[0912300 - Economic Development Discount]"/>
        <member name="[CB - Account].[Account CB - Description].&amp;[0913000 - Advertising Expenses]"/>
        <member name="[CB - Account].[Account CB - Description].&amp;[0916000 - Misc Sales Expenses]"/>
        <member name="[CB - Account].[Account CB - Description].&amp;[0916001 - CNG Sales Labor &amp; Expenses]"/>
        <member name="[CB - Account].[Account CB - Description].&amp;[0920002 - NC O&amp;M Labor Deferral]"/>
        <member name="[CB - Account].[Account CB - Description].&amp;[09200AG - A&amp;G Statistical Account]"/>
        <member name="[CB - Account].[Account CB - Description].&amp;[09200CG - Corp Gov Statistical Account]"/>
        <member name="[CB - Account].[Account CB - Description].&amp;[0920300 - Project Development Labor]"/>
        <member name="[CB - Account].[Account CB - Description].&amp;[0920900 - Ess Mbca A&amp;G Service Function]"/>
        <member name="[CB - Account].[Account CB - Description].&amp;[0920902 - Allocated Labor - Offset]"/>
        <member name="[CB - Account].[Account CB - Description].&amp;[0920940 - A &amp; G Salaries]"/>
        <member name="[CB - Account].[Account CB - Description].&amp;[0920950 - A &amp; G Salaries]"/>
        <member name="[CB - Account].[Account CB - Description].&amp;[0920980 - A &amp; G Salaries For Corp.]"/>
        <member name="[CB - Account].[Account CB - Description].&amp;[0920990 - A &amp; G Salaries Corp.]"/>
        <member name="[CB - Account].[Account CB - Description].&amp;[0920991 - ADMIN &amp; GENERAL SALARIES]"/>
        <member name="[CB - Account].[Account CB - Description].&amp;[0921000 - I/C GENERAL ADMIN EXPENSE]"/>
        <member name="[CB - Account].[Account CB - Description].&amp;[0921102 - Employee Exp - SC]"/>
        <member name="[CB - Account].[Account CB - Description].&amp;[0921103 - Employee Exp - WH]"/>
        <member name="[CB - Account].[Account CB - Description].&amp;[0921150 - Gen Admin Related Pty]"/>
        <member name="[CB - Account].[Account CB - Description].&amp;[0921450 - A/G Mat/Exp-Elec -Billed DPL]"/>
        <member name="[CB - Account].[Account CB - Description].&amp;[0921580 - Allocated Computer Expenses]"/>
        <member name="[CB - Account].[Account CB - Description].&amp;[0921610 - Inventory Adjustments/Price Co]"/>
        <member name="[CB - Account].[Account CB - Description].&amp;[0921620 - Operating Expense w/10008]"/>
        <member name="[CB - Account].[Account CB - Description].&amp;[0921800 - Off Supplies &amp; Exp - Proj Supt]"/>
        <member name="[CB - Account].[Account CB - Description].&amp;[0921900 - Office Supply And Exp-Partner]"/>
        <member name="[CB - Account].[Account CB - Description].&amp;[0921901 - Alloc NonLabor Ofset]"/>
        <member name="[CB - Account].[Account CB - Description].&amp;[0921940 - Office Supplies &amp; Expenses]"/>
        <member name="[CB - Account].[Account CB - Description].&amp;[0921941 - OFFICE SUPPLIES &amp; EXPENSES]"/>
        <member name="[CB - Account].[Account CB - Description].&amp;[0921950 - Office Supplies &amp; Expenses]"/>
        <member name="[CB - Account].[Account CB - Description].&amp;[0921990 - Corp Governance Office]"/>
        <member name="[CB - Account].[Account CB - Description].&amp;[0922100 - Admin Exp Transf-Construction]"/>
        <member name="[CB - Account].[Account CB - Description].&amp;[0922200 - Admin Exp Transf-Nonutility]"/>
        <member name="[CB - Account].[Account CB - Description].&amp;[0922300 - Admin Exp Transf-Water Dept]"/>
        <member name="[CB - Account].[Account CB - Description].&amp;[0922400 - Inactive]"/>
        <member name="[CB - Account].[Account CB - Description].&amp;[0922500 - Admin Exp Transf-Subsidiaries]"/>
        <member name="[CB - Account].[Account CB - Description].&amp;[0922501 - Fringe &amp; Tax Allocations]"/>
        <member name="[CB - Account].[Account CB - Description].&amp;[0922600 - Adm Exp Transf-Outside Service]"/>
        <member name="[CB - Account].[Account CB - Description].&amp;[0922700 - Admin Exp Transf-Catawba]"/>
        <member name="[CB - Account].[Account CB - Description].&amp;[0923001 - OUTSIDE SERVICES EMPLOYED]"/>
        <member name="[CB - Account].[Account CB - Description].&amp;[0923900 - Outside Svc Employed-Partner]"/>
        <member name="[CB - Account].[Account CB - Description].&amp;[0923940 - Outside Services]"/>
        <member name="[CB - Account].[Account CB - Description].&amp;[0923950 - Outside Services]"/>
        <member name="[CB - Account].[Account CB - Description].&amp;[0923960 - Income Tax Consulting Fees-Ele]"/>
        <member name="[CB - Account].[Account CB - Description].&amp;[0923990 - Outside Services Employee &amp;]"/>
        <member name="[CB - Account].[Account CB - Description].&amp;[0924001 - PROPERTY INSURANCE]"/>
        <member name="[CB - Account].[Account CB - Description].&amp;[0924100 - Admin-EH&amp;S Expense]"/>
        <member name="[CB - Account].[Account CB - Description].&amp;[0924110 - Admin-Insurance Expense]"/>
        <member name="[CB - Account].[Account CB - Description].&amp;[0924200 - Recoverable Storm Damage Exp]"/>
        <member name="[CB - Account].[Account CB - Description].&amp;[0924940 - Property Insurance]"/>
        <member name="[CB - Account].[Account CB - Description].&amp;[0924950 - Property Insurance]"/>
        <member name="[CB - Account].[Account CB - Description].&amp;[0924990 - Property Insurance For Corp.]"/>
        <member name="[CB - Account].[Account CB - Description].&amp;[0925050 - Inter-Co Non-Prop Ins Exp]"/>
        <member name="[CB - Account].[Account CB - Description].&amp;[0925052 - Inter-Co Worker Comp Insur Exp]"/>
        <member name="[CB - Account].[Account CB - Description].&amp;[0925100 - Accrued Inj And Damages]"/>
        <member name="[CB - Account].[Account CB - Description].&amp;[0925300 - Environmental Inj &amp; Damages]"/>
        <member name="[CB - Account].[Account CB - Description].&amp;[0925940 - Injuries &amp; Damages]"/>
        <member name="[CB - Account].[Account CB - Description].&amp;[0925950 - Injuries &amp; Damages]"/>
        <member name="[CB - Account].[Account CB - Description].&amp;[0925990 - Injuries &amp; Damages For Corp.]"/>
        <member name="[CB - Account].[Account CB - Description].&amp;[0925991 - Genl Frng Benfts Frm PSI-Joint]"/>
        <member name="[CB - Account].[Account CB - Description].&amp;[0926001 - PAYROLL BURDEN CONTRA]"/>
        <member name="[CB - Account].[Account CB - Description].&amp;[0926002 - Payroll Burden Offset]"/>
        <member name="[CB - Account].[Account CB - Description].&amp;[0926003 - NC Employee Benefits]"/>
        <member name="[CB - Account].[Account CB - Description].&amp;[0926004 - SC Employee Benefits]"/>
        <member name="[CB - Account].[Account CB - Description].&amp;[0926110 - Emp Retirement Plan Cost]"/>
        <member name="[CB - Account].[Account CB - Description].&amp;[0926120 - Supplemental Pensions]"/>
        <member name="[CB - Account].[Account CB - Description].&amp;[0926210 - Medical Insurance]"/>
        <member name="[CB - Account].[Account CB - Description].&amp;[0926220 - Life Insurance]"/>
        <member name="[CB - Account].[Account CB - Description].&amp;[0926230 - Dental Insurance]"/>
        <member name="[CB - Account].[Account CB - Description].&amp;[0926240 - Aetna-Disability]"/>
        <member name="[CB - Account].[Account CB - Description].&amp;[0926250 - Vision-Basic Coverage]"/>
        <member name="[CB - Account].[Account CB - Description].&amp;[0926260 - Commercial Life-Basic Ad&amp;D]"/>
        <member name="[CB - Account].[Account CB - Description].&amp;[0926270 - BENEFITS COST RECLASS]"/>
        <member name="[CB - Account].[Account CB - Description].&amp;[0926310 - Stock Purch/Savings Program]"/>
        <member name="[CB - Account].[Account CB - Description].&amp;[0926320 - Employees Stock Ownership Plan]"/>
        <member name="[CB - Account].[Account CB - Description].&amp;[0926330 - Employee Banked Vacation]"/>
        <member name="[CB - Account].[Account CB - Description].&amp;[0926340 - Inactive]"/>
        <member name="[CB - Account].[Account CB - Description].&amp;[0926410 - Company Magazine]"/>
        <member name="[CB - Account].[Account CB - Description].&amp;[0926490 - 0Ther Employee Benefits]"/>
        <member name="[CB - Account].[Account CB - Description].&amp;[0926500 - Postretirement Benefits Other]"/>
        <member name="[CB - Account].[Account CB - Description].&amp;[0926610 - Empl Ben Trans-Oper]"/>
        <member name="[CB - Account].[Account CB - Description].&amp;[0926620 - Empl Ben Trans-Maint]"/>
        <member name="[CB - Account].[Account CB - Description].&amp;[0926710 - Employee Matching Funds-]"/>
        <member name="[CB - Account].[Account CB - Description].&amp;[0926900 - A&amp;G Empl Pension &amp; Benefit-NCR]"/>
        <member name="[CB - Account].[Account CB - Description].&amp;[0926940 - Employee Benefits]"/>
        <member name="[CB - Account].[Account CB - Description].&amp;[0926950 - Employee Benefits]"/>
        <member name="[CB - Account].[Account CB - Description].&amp;[0926980 - Employee Benefits For Corp.]"/>
        <member name="[CB - Account].[Account CB - Description].&amp;[0926990 - Employee Benefits For Corp.]"/>
        <member name="[CB - Account].[Account CB - Description].&amp;[0927000 - Amortization-Goodwill]"/>
        <member name="[CB - Account].[Account CB - Description].&amp;[0927001 - General &amp; Administration]"/>
        <member name="[CB - Account].[Account CB - Description].&amp;[0927002 - Depreciation]"/>
        <member name="[CB - Account].[Account CB - Description].&amp;[0927003 - Amortization]"/>
        <member name="[CB - Account].[Account CB - Description].&amp;[0927004 - Royalty/Mgmt fee exp]"/>
        <member name="[CB - Account].[Account CB - Description].&amp;[0927005 - MANAGEMENT FEE EXP (TAX ONLY)]"/>
        <member name="[CB - Account].[Account CB - Description].&amp;[0927006 - Goodwill Impairment Loss]"/>
        <member name="[CB - Account].[Account CB - Description].&amp;[0927008 - ASSET IMPAIRMENT-G&amp;A]"/>
        <member name="[CB - Account].[Account CB - Description].&amp;[0927010 - Missing]"/>
        <member name="[CB - Account].[Account CB - Description].&amp;[0927100 - General &amp; Admin Affiliate]"/>
        <member name="[CB - Account].[Account CB - Description].&amp;[0928001 - 401(K) Matching]"/>
        <member name="[CB - Account].[Account CB - Description].&amp;[0928003 - Advertising - Sales]"/>
        <member name="[CB - Account].[Account CB - Description].&amp;[0928004 - Amortization-Acquisition]"/>
        <member name="[CB - Account].[Account CB - Description].&amp;[0928009 - Copies &amp; Reproduction-Indirect]"/>
        <member name="[CB - Account].[Account CB - Description].&amp;[0928010 - Education/Tuition]"/>
        <member name="[CB - Account].[Account CB - Description].&amp;[0928011 - Entertainment]"/>
        <member name="[CB - Account].[Account CB - Description].&amp;[0928012 - Equipment Maintenance]"/>
        <member name="[CB - Account].[Account CB - Description].&amp;[0928013 - Equipment Rental - Office]"/>
        <member name="[CB - Account].[Account CB - Description].&amp;[0928014 - Regulatory Commission Expenses]"/>
        <member name="[CB - Account].[Account CB - Description].&amp;[0928015 - Industry Association Dues]"/>
        <member name="[CB - Account].[Account CB - Description].&amp;[0928016 - Life Insurance]"/>
        <member name="[CB - Account].[Account CB - Description].&amp;[0928017 - Meals - Indirect]"/>
        <member name="[CB - Account].[Account CB - Description].&amp;[0928018 - Medical Insurance]"/>
        <member name="[CB - Account].[Account CB - Description].&amp;[0928019 - Meetings/Conferences/Seminars]"/>
        <member name="[CB - Account].[Account CB - Description].&amp;[0928020 - Miscellaneous General Expense]"/>
        <member name="[CB - Account].[Account CB - Description].&amp;[0928021 - Mobile Phone-Indirect]"/>
        <member name="[CB - Account].[Account CB - Description].&amp;[0928022 - Office Supplies]"/>
        <member name="[CB - Account].[Account CB - Description].&amp;[0928023 - Bank Charges]"/>
        <member name="[CB - Account].[Account CB - Description].&amp;[0928024 - Parking Supplement]"/>
        <member name="[CB - Account].[Account CB - Description].&amp;[0928025 - Pension/OPEB Expense]"/>
        <member name="[CB - Account].[Account CB - Description].&amp;[0928026 - Phone-Indirect]"/>
        <member name="[CB - Account].[Account CB - Description].&amp;[0928027 - Postage-Indirect]"/>
        <member name="[CB - Account].[Account CB - Description].&amp;[0928028 - Prof Fees Consultant]"/>
        <member name="[CB - Account].[Account CB - Description].&amp;[0928029 - Prof Fees Accounting]"/>
        <member name="[CB - Account].[Account CB - Description].&amp;[0928031 - Prof Fees Legal]"/>
        <member name="[CB - Account].[Account CB - Description].&amp;[0928032 - Prof Fees Outside Services]"/>
        <member name="[CB - Account].[Account CB - Description].&amp;[0928033 - PVH Salaries]"/>
        <member name="[CB - Account].[Account CB - Description].&amp;[0928034 - Recruiting E Other]"/>
        <member name="[CB - Account].[Account CB - Description].&amp;[0928035 - Relocation Expense]"/>
        <member name="[CB - Account].[Account CB - Description].&amp;[0928036 - Placement Fees]"/>
        <member name="[CB - Account].[Account CB - Description].&amp;[0928037 - Commissions Expense]"/>
        <member name="[CB - Account].[Account CB - Description].&amp;[0928038 - Incentive Expense]"/>
        <member name="[CB - Account].[Account CB - Description].&amp;[0928039 - Indirect Marketing Salaries]"/>
        <member name="[CB - Account].[Account CB - Description].&amp;[0928041 - Indirect Salaries]"/>
        <member name="[CB - Account].[Account CB - Description].&amp;[0928043 - Taxes Misc]"/>
        <member name="[CB - Account].[Account CB - Description].&amp;[0928044 - Taxes Property]"/>
        <member name="[CB - Account].[Account CB - Description].&amp;[0928045 - Temporary Services]"/>
        <member name="[CB - Account].[Account CB - Description].&amp;[0928046 - Indirect Travel]"/>
        <member name="[CB - Account].[Account CB - Description].&amp;[0928047 - Unemployment Ins. - Fe]"/>
        <member name="[CB - Account].[Account CB - Description].&amp;[0928048 - Unemployment Ins. - St]"/>
        <member name="[CB - Account].[Account CB - Description].&amp;[0928050 - Payroll Variance-Indirect]"/>
        <member name="[CB - Account].[Account CB - Description].&amp;[0928051 - DSI Transaction Costs]"/>
        <member name="[CB - Account].[Account CB - Description].&amp;[0928052 - Employee Benefits]"/>
        <member name="[CB - Account].[Account CB - Description].&amp;[0928053 - Travel Expenses]"/>
        <member name="[CB - Account].[Account CB - Description].&amp;[0928055 - Fed Energy Reg Com Proceed]"/>
        <member name="[CB - Account].[Account CB - Description].&amp;[0928058 - lt Incentive Exp]"/>
        <member name="[CB - Account].[Account CB - Description].&amp;[0928070 - PAYROLL BEN&amp;TAX G&amp;A RECLASS]"/>
        <member name="[CB - Account].[Account CB - Description].&amp;[0928930 - Amort Def Rate Case Exp]"/>
        <member name="[CB - Account].[Account CB - Description].&amp;[0928940 - Regulatory Expenses]"/>
        <member name="[CB - Account].[Account CB - Description].&amp;[0928950 - Regulatory Expenses]"/>
        <member name="[CB - Account].[Account CB - Description].&amp;[0928980 - Regulatory Expenses For Corp.]"/>
        <member name="[CB - Account].[Account CB - Description].&amp;[0928990 - Regulatory Expenses For Corp.]"/>
        <member name="[CB - Account].[Account CB - Description].&amp;[0928995 - Misc Employee Benefits]"/>
        <member name="[CB - Account].[Account CB - Description].&amp;[0929001 - Dental Insurance]"/>
        <member name="[CB - Account].[Account CB - Description].&amp;[0929002 - Depr - Computers/Software]"/>
        <member name="[CB - Account].[Account CB - Description].&amp;[0929003 - Depr - Furniture/Fixtures]"/>
        <member name="[CB - Account].[Account CB - Description].&amp;[0929004 - Depr - Leasehold Improvements]"/>
        <member name="[CB - Account].[Account CB - Description].&amp;[0929005 - Depr - Office/Field Equipment]"/>
        <member name="[CB - Account].[Account CB - Description].&amp;[0929006 - Facility Allocation]"/>
        <member name="[CB - Account].[Account CB - Description].&amp;[0929008 - Fica]"/>
        <member name="[CB - Account].[Account CB - Description].&amp;[0929009 - General Insurance]"/>
        <member name="[CB - Account].[Account CB - Description].&amp;[0929010 - Interest Expense]"/>
        <member name="[CB - Account].[Account CB - Description].&amp;[0929012 - Facility/Office Maintenance]"/>
        <member name="[CB - Account].[Account CB - Description].&amp;[0929013 - Rent - Facilities]"/>
        <member name="[CB - Account].[Account CB - Description].&amp;[0929014 - Utilities]"/>
        <member name="[CB - Account].[Account CB - Description].&amp;[0929015 - Payroll Taxes]"/>
        <member name="[CB - Account].[Account CB - Description].&amp;[0929940 - Duplicated Charges Energy]"/>
        <member name="[CB - Account].[Account CB - Description].&amp;[0929950 - Duplicated Charges Energy]"/>
        <member name="[CB - Account].[Account CB - Description].&amp;[0929980 - Duplicated Charges Energy For]"/>
        <member name="[CB - Account].[Account CB - Description].&amp;[0929990 - Duplicated Charges Energy For]"/>
        <member name="[CB - Account].[Account CB - Description].&amp;[0930050 - Intercompany A&amp;G]"/>
        <member name="[CB - Account].[Account CB - Description].&amp;[0930120 - Newspaper]"/>
        <member name="[CB - Account].[Account CB - Description].&amp;[0930130 - Television]"/>
        <member name="[CB - Account].[Account CB - Description].&amp;[0930140 - Radio]"/>
        <member name="[CB - Account].[Account CB - Description].&amp;[0930160 - Direct Mail]"/>
        <member name="[CB - Account].[Account CB - Description].&amp;[0930180 - Movies, Displays, Brochures,]"/>
        <member name="[CB - Account].[Account CB - Description].&amp;[0930190 - Other Media]"/>
        <member name="[CB - Account].[Account CB - Description].&amp;[0930201 - Misc General Expenses-Gri]"/>
        <member name="[CB - Account].[Account CB - Description].&amp;[0930202 - Operating Exp Misc I/C Contra]"/>
        <member name="[CB - Account].[Account CB - Description].&amp;[0930260 - Site Preparation]"/>
        <member name="[CB - Account].[Account CB - Description].&amp;[0930270 - Sds Billings]"/>
        <member name="[CB - Account].[Account CB - Description].&amp;[0930280 - Misc General Exp-Proj Supt - N]"/>
        <member name="[CB - Account].[Account CB - Description].&amp;[0930300 - Disp Of Hazardous Waste-Toddvi]"/>
        <member name="[CB - Account].[Account CB - Description].&amp;[0930400 - Misc Test Projects-Other]"/>
        <member name="[CB - Account].[Account CB - Description].&amp;[0930410 - Pwr Line Carrier Load Surv Dev]"/>
        <member name="[CB - Account].[Account CB - Description].&amp;[0930500 - Line Of Business A&amp;G]"/>
        <member name="[CB - Account].[Account CB - Description].&amp;[0930610 - Leased Circuit Chgs-Load Mang]"/>
        <member name="[CB - Account].[Account CB - Description].&amp;[0930800 - R &amp; D-Alternative Energy]"/>
        <member name="[CB - Account].[Account CB - Description].&amp;[0930891 - IC Misc Gen Exp VIE]"/>
        <member name="[CB - Account].[Account CB - Description].&amp;[0930910 - Purchasing Dept Cst-To Be Dist]"/>
        <member name="[CB - Account].[Account CB - Description].&amp;[0930920 - Purchasing Dept Clearing Costs]"/>
        <member name="[CB - Account].[Account CB - Description].&amp;[0930930 - Inactive]"/>
        <member name="[CB - Account].[Account CB - Description].&amp;[0930941 - DENA AP Suspense]"/>
        <member name="[CB - Account].[Account CB - Description].&amp;[0930950 - General Expenses]"/>
        <member name="[CB - Account].[Account CB - Description].&amp;[0930980 - Misc. General Expenses For]"/>
        <member name="[CB - Account].[Account CB - Description].&amp;[0930985 - Misc. General Expenses]"/>
        <member name="[CB - Account].[Account CB - Description].&amp;[0930990 - Misc. General Expenses For]"/>
        <member name="[CB - Account].[Account CB - Description].&amp;[0931000 - Rents]"/>
        <member name="[CB - Account].[Account CB - Description].&amp;[0931002 - Operating Exp Rents I/C Contra]"/>
        <member name="[CB - Account].[Account CB - Description].&amp;[0931003 - Lease Amortization Expense]"/>
        <member name="[CB - Account].[Account CB - Description].&amp;[0931100 - I/C OPER. RENT EXP]"/>
        <member name="[CB - Account].[Account CB - Description].&amp;[0931200 - RENTS_PURCHASE_ACCTG_ADJ]"/>
        <member name="[CB - Account].[Account CB - Description].&amp;[0931940 - Rents]"/>
        <member name="[CB - Account].[Account CB - Description].&amp;[0931950 - Rents]"/>
        <member name="[CB - Account].[Account CB - Description].&amp;[0931970 - ROR/ADVAL-TETCO]"/>
        <member name="[CB - Account].[Account CB - Description].&amp;[0931980 - Rents For Corp. Governance]"/>
        <member name="[CB - Account].[Account CB - Description].&amp;[0931990 - Rents For Corp. Governance]"/>
        <member name="[CB - Account].[Account CB - Description].&amp;[0935001 - O&amp;M - A&amp;G]"/>
        <member name="[CB - Account].[Account CB - Description].&amp;[0935300 - Mnt Gnrl Plnt-Comm Eqmt-Load]"/>
        <member name="[CB - Account].[Account CB - Description].&amp;[0935400 - Maint of Gen Plant -Proj Supt]"/>
        <member name="[CB - Account].[Account CB - Description].&amp;[0935940 - Maintenance Of General Plant]"/>
        <member name="[CB - Account].[Account CB - Description].&amp;[0935950 - Maintenance Of General Plant]"/>
        <member name="[CB - Account].[Account CB - Description].&amp;[0935980 - Maintenance Of General Plant]"/>
        <member name="[CB - Account].[Account CB - Description].&amp;[0935990 - Maintenance Of General Plant]"/>
        <member name="[CB - Account].[Account CB - Description].&amp;[0988000 - Amortization Other Investment]"/>
        <member name="[CB - Account].[Account CB - Description].&amp;[0988001 - Dividends on Pref &amp; Cap Stk]"/>
        <member name="[CB - Account].[Account CB - Description].&amp;[0988002 - Interco Pref Stk Div DEGT Only]"/>
        <member name="[CB - Account].[Account CB - Description].&amp;[0999000 - Purch Allo Labor Stat Acct]"/>
        <member name="[CB - Account].[Account CB - Description].&amp;[0999002 - Budget Purch Alloc Stat Acct]"/>
        <member name="[CB - Account].[Account CB - Description].&amp;[0999003 - Westhimer Office SQFT]"/>
        <member name="[CB - Account].[Account CB - Description].&amp;[0999004 - McKinney Bldg SQFT]"/>
        <member name="[CB - Account].[Account CB - Description].&amp;[100001 - Missing]"/>
        <member name="[CB - Account].[Account CB - Description].&amp;[1010001 - Missing]"/>
        <member name="[CB - Account].[Account CB - Description].&amp;[1010002 - Missing]"/>
        <member name="[CB - Account].[Account CB - Description].&amp;[1010004 - Missing]"/>
        <member name="[CB - Account].[Account CB - Description].&amp;[1010005 - Missing]"/>
        <member name="[CB - Account].[Account CB - Description].&amp;[1010006 - Missing]"/>
        <member name="[CB - Account].[Account CB - Description].&amp;[1010007 - Missing]"/>
        <member name="[CB - Account].[Account CB - Description].&amp;[1010008 - Missing]"/>
        <member name="[CB - Account].[Account CB - Description].&amp;[1010009 - Missing]"/>
        <member name="[CB - Account].[Account CB - Description].&amp;[1010010 - Missing]"/>
        <member name="[CB - Account].[Account CB - Description].&amp;[1010011 - Missing]"/>
        <member name="[CB - Account].[Account CB - Description].&amp;[1010013 - Missing]"/>
        <member name="[CB - Account].[Account CB - Description].&amp;[1010015 - Missing]"/>
        <member name="[CB - Account].[Account CB - Description].&amp;[1010016 - Missing]"/>
        <member name="[CB - Account].[Account CB - Description].&amp;[1010021 - Missing]"/>
        <member name="[CB - Account].[Account CB - Description].&amp;[1020001 - Missing]"/>
        <member name="[CB - Account].[Account CB - Description].&amp;[1020002 - Missing]"/>
        <member name="[CB - Account].[Account CB - Description].&amp;[1023 - Missing]"/>
        <member name="[CB - Account].[Account CB - Description].&amp;[1036 - Missing]"/>
        <member name="[CB - Account].[Account CB - Description].&amp;[1050001 - Missing]"/>
        <member name="[CB - Account].[Account CB - Description].&amp;[1050002 - Missing]"/>
        <member name="[CB - Account].[Account CB - Description].&amp;[1050003 - Missing]"/>
        <member name="[CB - Account].[Account CB - Description].&amp;[1060001 - Missing]"/>
        <member name="[CB - Account].[Account CB - Description].&amp;[1060002 - Missing]"/>
        <member name="[CB - Account].[Account CB - Description].&amp;[1060003 - Missing]"/>
        <member name="[CB - Account].[Account CB - Description].&amp;[1060004 - Missing]"/>
        <member name="[CB - Account].[Account CB - Description].&amp;[1060005 - Missing]"/>
        <member name="[CB - Account].[Account CB - Description].&amp;[1060006 - Missing]"/>
        <member name="[CB - Account].[Account CB - Description].&amp;[1060007 - Missing]"/>
        <member name="[CB - Account].[Account CB - Description].&amp;[1060008 - Missing]"/>
        <member name="[CB - Account].[Account CB - Description].&amp;[1060009 - Missing]"/>
        <member name="[CB - Account].[Account CB - Description].&amp;[107000 - Missing]"/>
        <member name="[CB - Account].[Account CB - Description].&amp;[1070001 - Missing]"/>
        <member name="[CB - Account].[Account CB - Description].&amp;[1070003 - Missing]"/>
        <member name="[CB - Account].[Account CB - Description].&amp;[1080001 - Missing]"/>
        <member name="[CB - Account].[Account CB - Description].&amp;[1080002 - Missing]"/>
        <member name="[CB - Account].[Account CB - Description].&amp;[1080003 - Missing]"/>
        <member name="[CB - Account].[Account CB - Description].&amp;[1080004 - Missing]"/>
        <member name="[CB - Account].[Account CB - Description].&amp;[1080006 - Missing]"/>
        <member name="[CB - Account].[Account CB - Description].&amp;[1080007 - Missing]"/>
        <member name="[CB - Account].[Account CB - Description].&amp;[1080008 - Missing]"/>
        <member name="[CB - Account].[Account CB - Description].&amp;[1080009 - Missing]"/>
        <member name="[CB - Account].[Account CB - Description].&amp;[1080010 - Missing]"/>
        <member name="[CB - Account].[Account CB - Description].&amp;[1080011 - Missing]"/>
        <member name="[CB - Account].[Account CB - Description].&amp;[1080012 - Missing]"/>
        <member name="[CB - Account].[Account CB - Description].&amp;[1080013 - Missing]"/>
        <member name="[CB - Account].[Account CB - Description].&amp;[1080014 - Missing]"/>
        <member name="[CB - Account].[Account CB - Description].&amp;[1080015 - Missing]"/>
        <member name="[CB - Account].[Account CB - Description].&amp;[1080016 - Missing]"/>
        <member name="[CB - Account].[Account CB - Description].&amp;[1080017 - Missing]"/>
        <member name="[CB - Account].[Account CB - Description].&amp;[1080018 - Missing]"/>
        <member name="[CB - Account].[Account CB - Description].&amp;[1080019 - Missing]"/>
        <member name="[CB - Account].[Account CB - Description].&amp;[1080021 - Missing]"/>
        <member name="[CB - Account].[Account CB - Description].&amp;[1080022 - Missing]"/>
        <member name="[CB - Account].[Account CB - Description].&amp;[1080024 - Missing]"/>
        <member name="[CB - Account].[Account CB - Description].&amp;[1080025 - Missing]"/>
        <member name="[CB - Account].[Account CB - Description].&amp;[1080026 - Missing]"/>
        <member name="[CB - Account].[Account CB - Description].&amp;[1080027 - Missing]"/>
        <member name="[CB - Account].[Account CB - Description].&amp;[1080028 - Missing]"/>
        <member name="[CB - Account].[Account CB - Description].&amp;[1080029 - Missing]"/>
        <member name="[CB - Account].[Account CB - Description].&amp;[1080030 - Missing]"/>
        <member name="[CB - Account].[Account CB - Description].&amp;[1080031 - Missing]"/>
        <member name="[CB - Account].[Account CB - Description].&amp;[1080033 - Missing]"/>
        <member name="[CB - Account].[Account CB - Description].&amp;[1080034 - Missing]"/>
        <member name="[CB - Account].[Account CB - Description].&amp;[1081001 - Missing]"/>
        <member name="[CB - Account].[Account CB - Description].&amp;[108600 - Missing]"/>
        <member name="[CB - Account].[Account CB - Description].&amp;[108610 - RWIP-EBIT-ROCE]"/>
        <member name="[CB - Account].[Account CB - Description].&amp;[1088001 - Missing]"/>
        <member name="[CB - Account].[Account CB - Description].&amp;[1088002 - Missing]"/>
        <member name="[CB - Account].[Account CB - Description].&amp;[1089001 - Missing]"/>
        <member name="[CB - Account].[Account CB - Description].&amp;[1110001 - Missing]"/>
        <member name="[CB - Account].[Account CB - Description].&amp;[1110002 - Missing]"/>
        <member name="[CB - Account].[Account CB - Description].&amp;[1110003 - Missing]"/>
        <member name="[CB - Account].[Account CB - Description].&amp;[1110004 - Missing]"/>
        <member name="[CB - Account].[Account CB - Description].&amp;[1110005 - Missing]"/>
        <member name="[CB - Account].[Account CB - Description].&amp;[1110006 - Missing]"/>
        <member name="[CB - Account].[Account CB - Description].&amp;[1110007 - Missing]"/>
        <member name="[CB - Account].[Account CB - Description].&amp;[1110008 - Missing]"/>
        <member name="[CB - Account].[Account CB - Description].&amp;[1110009 - Missing]"/>
        <member name="[CB - Account].[Account CB - Description].&amp;[1140001 - Missing]"/>
        <member name="[CB - Account].[Account CB - Description].&amp;[1140002 - Missing]"/>
        <member name="[CB - Account].[Account CB - Description].&amp;[1140003 - Missing]"/>
        <member name="[CB - Account].[Account CB - Description].&amp;[1140004 - Missing]"/>
        <member name="[CB - Account].[Account CB - Description].&amp;[1140006 - Missing]"/>
        <member name="[CB - Account].[Account CB - Description].&amp;[1140007 - Missing]"/>
        <member name="[CB - Account].[Account CB - Description].&amp;[1140008 - Missing]"/>
        <member name="[CB - Account].[Account CB - Description].&amp;[1140009 - Missing]"/>
        <member name="[CB - Account].[Account CB - Description].&amp;[1140010 - Missing]"/>
        <member name="[CB - Account].[Account CB - Description].&amp;[1140011 - Missing]"/>
        <member name="[CB - Account].[Account CB - Description].&amp;[1140012 - Missing]"/>
        <member name="[CB - Account].[Account CB - Description].&amp;[1140019 - Missing]"/>
        <member name="[CB - Account].[Account CB - Description].&amp;[1140024 - Missing]"/>
        <member name="[CB - Account].[Account CB - Description].&amp;[1140025 - Missing]"/>
        <member name="[CB - Account].[Account CB - Description].&amp;[1140027 - Missing]"/>
        <member name="[CB - Account].[Account CB - Description].&amp;[1140028 - Missing]"/>
        <member name="[CB - Account].[Account CB - Description].&amp;[1140029 - Missing]"/>
        <member name="[CB - Account].[Account CB - Description].&amp;[1140030 - Missing]"/>
        <member name="[CB - Account].[Account CB - Description].&amp;[1140031 - Missing]"/>
        <member name="[CB - Account].[Account CB - Description].&amp;[1140032 - Missing]"/>
        <member name="[CB - Account].[Account CB - Description].&amp;[1140033 - Missing]"/>
        <member name="[CB - Account].[Account CB - Description].&amp;[1140034 - Missing]"/>
        <member name="[CB - Account].[Account CB - Description].&amp;[1140035 - Missing]"/>
        <member name="[CB - Account].[Account CB - Description].&amp;[1140036 - Missing]"/>
        <member name="[CB - Account].[Account CB - Description].&amp;[1140037 - Missing]"/>
        <member name="[CB - Account].[Account CB - Description].&amp;[1140038 - Missing]"/>
        <member name="[CB - Account].[Account CB - Description].&amp;[1140039 - Missing]"/>
        <member name="[CB - Account].[Account CB - Description].&amp;[1140040 - Missing]"/>
        <member name="[CB - Account].[Account CB - Description].&amp;[1140041 - Missing]"/>
        <member name="[CB - Account].[Account CB - Description].&amp;[1140042 - Missing]"/>
        <member name="[CB - Account].[Account CB - Description].&amp;[1140043 - Missing]"/>
        <member name="[CB - Account].[Account CB - Description].&amp;[1140045 - Missing]"/>
        <member name="[CB - Account].[Account CB - Description].&amp;[1140046 - Missing]"/>
        <member name="[CB - Account].[Account CB - Description].&amp;[1140047 - Missing]"/>
        <member name="[CB - Account].[Account CB - Description].&amp;[1140048 - Missing]"/>
        <member name="[CB - Account].[Account CB - Description].&amp;[1140049 - Missing]"/>
        <member name="[CB - Account].[Account CB - Description].&amp;[1140050 - Missing]"/>
        <member name="[CB - Account].[Account CB - Description].&amp;[1140051 - Missing]"/>
        <member name="[CB - Account].[Account CB - Description].&amp;[1140052 - Missing]"/>
        <member name="[CB - Account].[Account CB - Description].&amp;[1140053 - Missing]"/>
        <member name="[CB - Account].[Account CB - Description].&amp;[1140054 - Missing]"/>
        <member name="[CB - Account].[Account CB - Description].&amp;[1140055 - Missing]"/>
        <member name="[CB - Account].[Account CB - Description].&amp;[1140056 - Missing]"/>
        <member name="[CB - Account].[Account CB - Description].&amp;[1140057 - Missing]"/>
        <member name="[CB - Account].[Account CB - Description].&amp;[1140058 - Missing]"/>
        <member name="[CB - Account].[Account CB - Description].&amp;[1140059 - Missing]"/>
        <member name="[CB - Account].[Account CB - Description].&amp;[1140060 - Missing]"/>
        <member name="[CB - Account].[Account CB - Description].&amp;[1150001 - Missing]"/>
        <member name="[CB - Account].[Account CB - Description].&amp;[1150002 - Missing]"/>
        <member name="[CB - Account].[Account CB - Description].&amp;[1150003 - Missing]"/>
        <member name="[CB - Account].[Account CB - Description].&amp;[1150006 - Missing]"/>
        <member name="[CB - Account].[Account CB - Description].&amp;[1150007 - Missing]"/>
        <member name="[CB - Account].[Account CB - Description].&amp;[1150008 - Missing]"/>
        <member name="[CB - Account].[Account CB - Description].&amp;[1150009 - Missing]"/>
        <member name="[CB - Account].[Account CB - Description].&amp;[1150010 - Missing]"/>
        <member name="[CB - Account].[Account CB - Description].&amp;[1150011 - Missing]"/>
        <member name="[CB - Account].[Account CB - Description].&amp;[1150012 - Missing]"/>
        <member name="[CB - Account].[Account CB - Description].&amp;[1150013 - Missing]"/>
        <member name="[CB - Account].[Account CB - Description].&amp;[1150014 - Missing]"/>
        <member name="[CB - Account].[Account CB - Description].&amp;[1150015 - Missing]"/>
        <member name="[CB - Account].[Account CB - Description].&amp;[1150016 - Missing]"/>
        <member name="[CB - Account].[Account CB - Description].&amp;[1150017 - Missing]"/>
        <member name="[CB - Account].[Account CB - Description].&amp;[1150018 - Missing]"/>
        <member name="[CB - Account].[Account CB - Description].&amp;[1150019 - Missing]"/>
        <member name="[CB - Account].[Account CB - Description].&amp;[1150020 - Missing]"/>
        <member name="[CB - Account].[Account CB - Description].&amp;[1150021 - Missing]"/>
        <member name="[CB - Account].[Account CB - Description].&amp;[1150022 - Missing]"/>
        <member name="[CB - Account].[Account CB - Description].&amp;[1150024 - Missing]"/>
        <member name="[CB - Account].[Account CB - Description].&amp;[1150025 - Missing]"/>
        <member name="[CB - Account].[Account CB - Description].&amp;[1150026 - Missing]"/>
        <member name="[CB - Account].[Account CB - Description].&amp;[1150027 - Missing]"/>
        <member name="[CB - Account].[Account CB - Description].&amp;[1150028 - Missing]"/>
        <member name="[CB - Account].[Account CB - Description].&amp;[1150029 - Missing]"/>
        <member name="[CB - Account].[Account CB - Description].&amp;[1150030 - Missing]"/>
        <member name="[CB - Account].[Account CB - Description].&amp;[1154110 - Nuclear Inventory Purch/Transf]"/>
        <member name="[CB - Account].[Account CB - Description].&amp;[1154120 - Non-Nuclear Inventory Pur/Tran]"/>
        <member name="[CB - Account].[Account CB - Description].&amp;[1163010 - Stores Expense - Merchandising]"/>
        <member name="[CB - Account].[Account CB - Description].&amp;[1163110 - Stores Expense]"/>
        <member name="[CB - Account].[Account CB - Description].&amp;[1163120 - Purch Dept Oper Costs-Clearing]"/>
        <member name="[CB - Account].[Account CB - Description].&amp;[1170001 - Missing]"/>
        <member name="[CB - Account].[Account CB - Description].&amp;[1171001 - Missing]"/>
        <member name="[CB - Account].[Account CB - Description].&amp;[1172001 - Missing]"/>
        <member name="[CB - Account].[Account CB - Description].&amp;[1172002 - Missing]"/>
        <member name="[CB - Account].[Account CB - Description].&amp;[1172003 - Missing]"/>
        <member name="[CB - Account].[Account CB - Description].&amp;[1172004 - Missing]"/>
        <member name="[CB - Account].[Account CB - Description].&amp;[1172005 - Missing]"/>
        <member name="[CB - Account].[Account CB - Description].&amp;[1172006 - Missing]"/>
        <member name="[CB - Account].[Account CB - Description].&amp;[1172007 - Missing]"/>
        <member name="[CB - Account].[Account CB - Description].&amp;[1172008 - Missing]"/>
        <member name="[CB - Account].[Account CB - Description].&amp;[1172009 - Missing]"/>
        <member name="[CB - Account].[Account CB - Description].&amp;[1172010 - Missing]"/>
        <member name="[CB - Account].[Account CB - Description].&amp;[1172011 - Missing]"/>
        <member name="[CB - Account].[Account CB - Description].&amp;[1172012 - Missing]"/>
        <member name="[CB - Account].[Account CB - Description].&amp;[1172013 - Missing]"/>
        <member name="[CB - Account].[Account CB - Description].&amp;[1172014 - Missing]"/>
        <member name="[CB - Account].[Account CB - Description].&amp;[1172015 - Missing]"/>
        <member name="[CB - Account].[Account CB - Description].&amp;[1172018 - Missing]"/>
        <member name="[CB - Account].[Account CB - Description].&amp;[1172019 - Missing]"/>
        <member name="[CB - Account].[Account CB - Description].&amp;[1172020 - Missing]"/>
        <member name="[CB - Account].[Account CB - Description].&amp;[1186110 - Miscellaneous Work In Process]"/>
        <member name="[CB - Account].[Account CB - Description].&amp;[1186120 - Misc. Wip - Fp Dist. Wids]"/>
        <member name="[CB - Account].[Account CB - Description].&amp;[1186130 - System Impact/Facility Studies]"/>
        <member name="[CB - Account].[Account CB - Description].&amp;[1188200 - Inactive]"/>
        <member name="[CB - Account].[Account CB - Description].&amp;[1188300 - Les Clearing]"/>
        <member name="[CB - Account].[Account CB - Description].&amp;[1199980 - Im Corporate Governance]"/>
        <member name="[CB - Account].[Account CB - Description].&amp;[1199990 - Shared Services/Im Clearing]"/>
        <member name="[CB - Account].[Account CB - Description].&amp;[1210000 - AR CONTRA]"/>
        <member name="[CB - Account].[Account CB - Description].&amp;[1210001 - Missing]"/>
        <member name="[CB - Account].[Account CB - Description].&amp;[1210002 - Missing]"/>
        <member name="[CB - Account].[Account CB - Description].&amp;[1210003 - Missing]"/>
        <member name="[CB - Account].[Account CB - Description].&amp;[1210004 - Missing]"/>
        <member name="[CB - Account].[Account CB - Description].&amp;[1210005 - Missing]"/>
        <member name="[CB - Account].[Account CB - Description].&amp;[1210006 - Missing]"/>
        <member name="[CB - Account].[Account CB - Description].&amp;[1210007 - Missing]"/>
        <member name="[CB - Account].[Account CB - Description].&amp;[1210008 - Missing]"/>
        <member name="[CB - Account].[Account CB - Description].&amp;[1210011 - Missing]"/>
        <member name="[CB - Account].[Account CB - Description].&amp;[1210012 - Missing]"/>
        <member name="[CB - Account].[Account CB - Description].&amp;[1210013 - Missing]"/>
        <member name="[CB - Account].[Account CB - Description].&amp;[1210014 - Missing]"/>
        <member name="[CB - Account].[Account CB - Description].&amp;[1210015 - Missing]"/>
        <member name="[CB - Account].[Account CB - Description].&amp;[1211001 - Missing]"/>
        <member name="[CB - Account].[Account CB - Description].&amp;[1218001 - Missing]"/>
        <member name="[CB - Account].[Account CB - Description].&amp;[1220001 - Missing]"/>
        <member name="[CB - Account].[Account CB - Description].&amp;[1220002 - Missing]"/>
        <member name="[CB - Account].[Account CB - Description].&amp;[1220003 - Missing]"/>
        <member name="[CB - Account].[Account CB - Description].&amp;[1220004 - Missing]"/>
        <member name="[CB - Account].[Account CB - Description].&amp;[1220005 - Missing]"/>
        <member name="[CB - Account].[Account CB - Description].&amp;[1220006 - Missing]"/>
        <member name="[CB - Account].[Account CB - Description].&amp;[1220007 - Missing]"/>
        <member name="[CB - Account].[Account CB - Description].&amp;[1220011 - Missing]"/>
        <member name="[CB - Account].[Account CB - Description].&amp;[1220012 - Missing]"/>
        <member name="[CB - Account].[Account CB - Description].&amp;[1228001 - Missing]"/>
        <member name="[CB - Account].[Account CB - Description].&amp;[1230002 - Missing]"/>
        <member name="[CB - Account].[Account CB - Description].&amp;[1230004 - Missing]"/>
        <member name="[CB - Account].[Account CB - Description].&amp;[1230005 - Missing]"/>
        <member name="[CB - Account].[Account CB - Description].&amp;[1230006 - Missing]"/>
        <member name="[CB - Account].[Account CB - Description].&amp;[1230007 - Missing]"/>
        <member name="[CB - Account].[Account CB - Description].&amp;[1230008 - Missing]"/>
        <member name="[CB - Account].[Account CB - Description].&amp;[1230009 - Missing]"/>
        <member name="[CB - Account].[Account CB - Description].&amp;[1230011 - Missing]"/>
        <member name="[CB - Account].[Account CB - Description].&amp;[1230012 - Missing]"/>
        <member name="[CB - Account].[Account CB - Description].&amp;[1230013 - Missing]"/>
        <member name="[CB - Account].[Account CB - Description].&amp;[1230015 - Missing]"/>
        <member name="[CB - Account].[Account CB - Description].&amp;[1230016 - Missing]"/>
        <member name="[CB - Account].[Account CB - Description].&amp;[1230017 - Missing]"/>
        <member name="[CB - Account].[Account CB - Description].&amp;[1230019 - Missing]"/>
        <member name="[CB - Account].[Account CB - Description].&amp;[1230020 - Missing]"/>
        <member name="[CB - Account].[Account CB - Description].&amp;[1230021 - Missing]"/>
        <member name="[CB - Account].[Account CB - Description].&amp;[1230022 - Missing]"/>
        <member name="[CB - Account].[Account CB - Description].&amp;[1230023 - Missing]"/>
        <member name="[CB - Account].[Account CB - Description].&amp;[1230024 - Missing]"/>
        <member name="[CB - Account].[Account CB - Description].&amp;[1230025 - Missing]"/>
        <member name="[CB - Account].[Account CB - Description].&amp;[1230026 - Missing]"/>
        <member name="[CB - Account].[Account CB - Description].&amp;[1230028 - Missing]"/>
        <member name="[CB - Account].[Account CB - Description].&amp;[1230030 - Missing]"/>
        <member name="[CB - Account].[Account CB - Description].&amp;[1230031 - Missing]"/>
        <member name="[CB - Account].[Account CB - Description].&amp;[1230037 - Missing]"/>
        <member name="[CB - Account].[Account CB - Description].&amp;[1230040 - Missing]"/>
        <member name="[CB - Account].[Account CB - Description].&amp;[1230041 - Missing]"/>
        <member name="[CB - Account].[Account CB - Description].&amp;[1230045 - Missing]"/>
        <member name="[CB - Account].[Account CB - Description].&amp;[1230046 - Missing]"/>
        <member name="[CB - Account].[Account CB - Description].&amp;[1230047 - Missing]"/>
        <member name="[CB - Account].[Account CB - Description].&amp;[1230050 - Missing]"/>
        <member name="[CB - Account].[Account CB - Description].&amp;[1230055 - Missing]"/>
        <member name="[CB - Account].[Account CB - Description].&amp;[1230056 - Missing]"/>
        <member name="[CB - Account].[Account CB - Description].&amp;[1230057 - Missing]"/>
        <member name="[CB - Account].[Account CB - Description].&amp;[1230058 - Missing]"/>
        <member name="[CB - Account].[Account CB - Description].&amp;[1230059 - Missing]"/>
        <member name="[CB - Account].[Account CB - Description].&amp;[1230064 - Missing]"/>
        <member name="[CB - Account].[Account CB - Description].&amp;[1230065 - Missing]"/>
        <member name="[CB - Account].[Account CB - Description].&amp;[1230067 - Missing]"/>
        <member name="[CB - Account].[Account CB - Description].&amp;[1230069 - Missing]"/>
        <member name="[CB - Account].[Account CB - Description].&amp;[1230070 - Missing]"/>
        <member name="[CB - Account].[Account CB - Description].&amp;[1230073 - Missing]"/>
        <member name="[CB - Account].[Account CB - Description].&amp;[1230074 - Missing]"/>
        <member name="[CB - Account].[Account CB - Description].&amp;[1230075 - Missing]"/>
        <member name="[CB - Account].[Account CB - Description].&amp;[1230076 - Missing]"/>
        <member name="[CB - Account].[Account CB - Description].&amp;[1230091 - Missing]"/>
        <member name="[CB - Account].[Account CB - Description].&amp;[1230092 - Missing]"/>
        <member name="[CB - Account].[Account CB - Description].&amp;[1230093 - Missing]"/>
        <member name="[CB - Account].[Account CB - Description].&amp;[1230094 - Missing]"/>
        <member name="[CB - Account].[Account CB - Description].&amp;[1230095 - Missing]"/>
        <member name="[CB - Account].[Account CB - Description].&amp;[1230096 - Missing]"/>
        <member name="[CB - Account].[Account CB - Description].&amp;[1230097 - Missing]"/>
        <member name="[CB - Account].[Account CB - Description].&amp;[1230098 - Missing]"/>
        <member name="[CB - Account].[Account CB - Description].&amp;[1230099 - Missing]"/>
        <member name="[CB - Account].[Account CB - Description].&amp;[1230100 - Missing]"/>
        <member name="[CB - Account].[Account CB - Description].&amp;[1230101 - Missing]"/>
        <member name="[CB - Account].[Account CB - Description].&amp;[1230102 - Missing]"/>
        <member name="[CB - Account].[Account CB - Description].&amp;[1230103 - Missing]"/>
        <member name="[CB - Account].[Account CB - Description].&amp;[1230104 - Missing]"/>
        <member name="[CB - Account].[Account CB - Description].&amp;[1230105 - Missing]"/>
        <member name="[CB - Account].[Account CB - Description].&amp;[1230106 - Missing]"/>
        <member name="[CB - Account].[Account CB - Description].&amp;[1230107 - Missing]"/>
        <member name="[CB - Account].[Account CB - Description].&amp;[1230108 - Missing]"/>
        <member name="[CB - Account].[Account CB - Description].&amp;[1230109 - Missing]"/>
        <member name="[CB - Account].[Account CB - Description].&amp;[1230110 - Missing]"/>
        <member name="[CB - Account].[Account CB - Description].&amp;[1230111 - Missing]"/>
        <member name="[CB - Account].[Account CB - Description].&amp;[1230112 - Missing]"/>
        <member name="[CB - Account].[Account CB - Description].&amp;[1230113 - Missing]"/>
        <member name="[CB - Account].[Account CB - Description].&amp;[1230114 - Missing]"/>
        <member name="[CB - Account].[Account CB - Description].&amp;[1230115 - Missing]"/>
        <member name="[CB - Account].[Account CB - Description].&amp;[1230116 - Missing]"/>
        <member name="[CB - Account].[Account CB - Description].&amp;[1230118 - Missing]"/>
        <member name="[CB - Account].[Account CB - Description].&amp;[1230119 - Missing]"/>
        <member name="[CB - Account].[Account CB - Description].&amp;[1230120 - Missing]"/>
        <member name="[CB - Account].[Account CB - Description].&amp;[1230121 - Missing]"/>
        <member name="[CB - Account].[Account CB - Description].&amp;[1230122 - Missing]"/>
        <member name="[CB - Account].[Account CB - Description].&amp;[1230123 - Missing]"/>
        <member name="[CB - Account].[Account CB - Description].&amp;[1230125 - Missing]"/>
        <member name="[CB - Account].[Account CB - Description].&amp;[1230149 - Missing]"/>
        <member name="[CB - Account].[Account CB - Description].&amp;[1230150 - Missing]"/>
        <member name="[CB - Account].[Account CB - Description].&amp;[1230151 - Missing]"/>
        <member name="[CB - Account].[Account CB - Description].&amp;[1230152 - Missing]"/>
        <member name="[CB - Account].[Account CB - Description].&amp;[1230153 - Missing]"/>
        <member name="[CB - Account].[Account CB - Description].&amp;[1230155 - Missing]"/>
        <member name="[CB - Account].[Account CB - Description].&amp;[1230156 - Missing]"/>
        <member name="[CB - Account].[Account CB - Description].&amp;[1230157 - Missing]"/>
        <member name="[CB - Account].[Account CB - Description].&amp;[1230158 - Missing]"/>
        <member name="[CB - Account].[Account CB - Description].&amp;[1230159 - Missing]"/>
        <member name="[CB - Account].[Account CB - Description].&amp;[1230160 - Missing]"/>
        <member name="[CB - Account].[Account CB - Description].&amp;[1230162 - Missing]"/>
        <member name="[CB - Account].[Account CB - Description].&amp;[1230163 - Missing]"/>
        <member name="[CB - Account].[Account CB - Description].&amp;[1230164 - Missing]"/>
        <member name="[CB - Account].[Account CB - Description].&amp;[1230166 - Missing]"/>
        <member name="[CB - Account].[Account CB - Description].&amp;[1231001 - Missing]"/>
        <member name="[CB - Account].[Account CB - Description].&amp;[1231002 - Missing]"/>
        <member name="[CB - Account].[Account CB - Description].&amp;[1231004 - Missing]"/>
        <member name="[CB - Account].[Account CB - Description].&amp;[1231006 - Missing]"/>
        <member name="[CB - Account].[Account CB - Description].&amp;[1231007 - Missing]"/>
        <member name="[CB - Account].[Account CB - Description].&amp;[1231008 - Missing]"/>
        <member name="[CB - Account].[Account CB - Description].&amp;[1231012 - Missing]"/>
        <member name="[CB - Account].[Account CB - Description].&amp;[1231013 - Missing]"/>
        <member name="[CB - Account].[Account CB - Description].&amp;[1231017 - Missing]"/>
        <member name="[CB - Account].[Account CB - Description].&amp;[1231020 - Missing]"/>
        <member name="[CB - Account].[Account CB - Description].&amp;[1231024 - Missing]"/>
        <member name="[CB - Account].[Account CB - Description].&amp;[1231029 - Missing]"/>
        <member name="[CB - Account].[Account CB - Description].&amp;[1231040 - Missing]"/>
        <member name="[CB - Account].[Account CB - Description].&amp;[1231041 - Missing]"/>
        <member name="[CB - Account].[Account CB - Description].&amp;[1231050 - Investment in Foreign Currency]"/>
        <member name="[CB - Account].[Account CB - Description].&amp;[1231051 - Investment in OCI]"/>
        <member name="[CB - Account].[Account CB - Description].&amp;[1231052 - Missing]"/>
        <member name="[CB - Account].[Account CB - Description].&amp;[1231053 - Missing]"/>
        <member name="[CB - Account].[Account CB - Description].&amp;[1231060 - Missing]"/>
        <member name="[CB - Account].[Account CB - Description].&amp;[1231062 - Missing]"/>
        <member name="[CB - Account].[Account CB - Description].&amp;[1231063 - Missing]"/>
        <member name="[CB - Account].[Account CB - Description].&amp;[1231064 - Missing]"/>
        <member name="[CB - Account].[Account CB - Description].&amp;[1231090 - Missing]"/>
        <member name="[CB - Account].[Account CB - Description].&amp;[1231091 - Missing]"/>
        <member name="[CB - Account].[Account CB - Description].&amp;[1231092 - Missing]"/>
        <member name="[CB - Account].[Account CB - Description].&amp;[1231093 - Missing]"/>
        <member name="[CB - Account].[Account CB - Description].&amp;[1231094 - Missing]"/>
        <member name="[CB - Account].[Account CB - Description].&amp;[1231095 - Missing]"/>
        <member name="[CB - Account].[Account CB - Description].&amp;[1231097 - Missing]"/>
        <member name="[CB - Account].[Account CB - Description].&amp;[1231098 - Missing]"/>
        <member name="[CB - Account].[Account CB - Description].&amp;[1231099 - Missing]"/>
        <member name="[CB - Account].[Account CB - Description].&amp;[1231100 - Missing]"/>
        <member name="[CB - Account].[Account CB - Description].&amp;[1231101 - Missing]"/>
        <member name="[CB - Account].[Account CB - Description].&amp;[1231102 - Missing]"/>
        <member name="[CB - Account].[Account CB - Description].&amp;[1231103 - Missing]"/>
        <member name="[CB - Account].[Account CB - Description].&amp;[1231104 - Missing]"/>
        <member name="[CB - Account].[Account CB - Description].&amp;[1231105 - Missing]"/>
        <member name="[CB - Account].[Account CB - Description].&amp;[1231106 - Missing]"/>
        <member name="[CB - Account].[Account CB - Description].&amp;[1231107 - Missing]"/>
        <member name="[CB - Account].[Account CB - Description].&amp;[1231109 - Missing]"/>
        <member name="[CB - Account].[Account CB - Description].&amp;[1231110 - Missing]"/>
        <member name="[CB - Account].[Account CB - Description].&amp;[1231112 - Missing]"/>
        <member name="[CB - Account].[Account CB - Description].&amp;[1231113 - Missing]"/>
        <member name="[CB - Account].[Account CB - Description].&amp;[1231114 - Missing]"/>
        <member name="[CB - Account].[Account CB - Description].&amp;[1231115 - Missing]"/>
        <member name="[CB - Account].[Account CB - Description].&amp;[1231116 - Missing]"/>
        <member name="[CB - Account].[Account CB - Description].&amp;[1231117 - Missing]"/>
        <member name="[CB - Account].[Account CB - Description].&amp;[1231118 - Missing]"/>
        <member name="[CB - Account].[Account CB - Description].&amp;[1231119 - Missing]"/>
        <member name="[CB - Account].[Account CB - Description].&amp;[1231120 - Missing]"/>
        <member name="[CB - Account].[Account CB - Description].&amp;[1231121 - Missing]"/>
        <member name="[CB - Account].[Account CB - Description].&amp;[1231122 - Missing]"/>
        <member name="[CB - Account].[Account CB - Description].&amp;[1231123 - Missing]"/>
        <member name="[CB - Account].[Account CB - Description].&amp;[1231124 - Missing]"/>
        <member name="[CB - Account].[Account CB - Description].&amp;[1231125 - Missing]"/>
        <member name="[CB - Account].[Account CB - Description].&amp;[1231126 - Missing]"/>
        <member name="[CB - Account].[Account CB - Description].&amp;[1231127 - Missing]"/>
        <member name="[CB - Account].[Account CB - Description].&amp;[1231128 - Missing]"/>
        <member name="[CB - Account].[Account CB - Description].&amp;[1231146 - Missing]"/>
        <member name="[CB - Account].[Account CB - Description].&amp;[1231148 - Missing]"/>
        <member name="[CB - Account].[Account CB - Description].&amp;[1231153 - Missing]"/>
        <member name="[CB - Account].[Account CB - Description].&amp;[1231154 - Missing]"/>
        <member name="[CB - Account].[Account CB - Description].&amp;[1231155 - Missing]"/>
        <member name="[CB - Account].[Account CB - Description].&amp;[1231156 - Missing]"/>
        <member name="[CB - Account].[Account CB - Description].&amp;[1231157 - Missing]"/>
        <member name="[CB - Account].[Account CB - Description].&amp;[1231158 - Missing]"/>
        <member name="[CB - Account].[Account CB - Description].&amp;[1231159 - Missing]"/>
        <member name="[CB - Account].[Account CB - Description].&amp;[1231160 - Missing]"/>
        <member name="[CB - Account].[Account CB - Description].&amp;[1231161 - Missing]"/>
        <member name="[CB - Account].[Account CB - Description].&amp;[1231162 - Missing]"/>
        <member name="[CB - Account].[Account CB - Description].&amp;[1231163 - Missing]"/>
        <member name="[CB - Account].[Account CB - Description].&amp;[1231164 - Missing]"/>
        <member name="[CB - Account].[Account CB - Description].&amp;[1231165 - Missing]"/>
        <member name="[CB - Account].[Account CB - Description].&amp;[1231180 - Missing]"/>
        <member name="[CB - Account].[Account CB - Description].&amp;[1231198 - Missing]"/>
        <member name="[CB - Account].[Account CB - Description].&amp;[1231199 - Missing]"/>
        <member name="[CB - Account].[Account CB - Description].&amp;[1231201 - Missing]"/>
        <member name="[CB - Account].[Account CB - Description].&amp;[1231202 - Missing]"/>
        <member name="[CB - Account].[Account CB - Description].&amp;[1231203 - Missing]"/>
        <member name="[CB - Account].[Account CB - Description].&amp;[1231213 - Missing]"/>
        <member name="[CB - Account].[Account CB - Description].&amp;[1231233 - Missing]"/>
        <member name="[CB - Account].[Account CB - Description].&amp;[1231238 - Missing]"/>
        <member name="[CB - Account].[Account CB - Description].&amp;[1231239 - Missing]"/>
        <member name="[CB - Account].[Account CB - Description].&amp;[1231240 - Missing]"/>
        <member name="[CB - Account].[Account CB - Description].&amp;[1231241 - Missing]"/>
        <member name="[CB - Account].[Account CB - Description].&amp;[1231242 - Missing]"/>
        <member name="[CB - Account].[Account CB - Description].&amp;[1231244 - Missing]"/>
        <member name="[CB - Account].[Account CB - Description].&amp;[1231245 - Missing]"/>
        <member name="[CB - Account].[Account CB - Description].&amp;[1231246 - Missing]"/>
        <member name="[CB - Account].[Account CB - Description].&amp;[1231247 - Missing]"/>
        <member name="[CB - Account].[Account CB - Description].&amp;[1231248 - Missing]"/>
        <member name="[CB - Account].[Account CB - Description].&amp;[1231250 - Missing]"/>
        <member name="[CB - Account].[Account CB - Description].&amp;[1231251 - Missing]"/>
        <member name="[CB - Account].[Account CB - Description].&amp;[1231252 - Missing]"/>
        <member name="[CB - Account].[Account CB - Description].&amp;[1231253 - Missing]"/>
        <member name="[CB - Account].[Account CB - Description].&amp;[1231255 - Missing]"/>
        <member name="[CB - Account].[Account CB - Description].&amp;[1231256 - Missing]"/>
        <member name="[CB - Account].[Account CB - Description].&amp;[1231258 - Missing]"/>
        <member name="[CB - Account].[Account CB - Description].&amp;[1231260 - Missing]"/>
        <member name="[CB - Account].[Account CB - Description].&amp;[1231261 - Missing]"/>
        <member name="[CB - Account].[Account CB - Description].&amp;[1231262 - Missing]"/>
        <member name="[CB - Account].[Account CB - Description].&amp;[1231265 - Missing]"/>
        <member name="[CB - Account].[Account CB - Description].&amp;[1231266 - Missing]"/>
        <member name="[CB - Account].[Account CB - Description].&amp;[1231267 - Missing]"/>
        <member name="[CB - Account].[Account CB - Description].&amp;[1231268 - Missing]"/>
        <member name="[CB - Account].[Account CB - Description].&amp;[1231270 - Missing]"/>
        <member name="[CB - Account].[Account CB - Description].&amp;[1231271 - Missing]"/>
        <member name="[CB - Account].[Account CB - Description].&amp;[1231278 - Missing]"/>
        <member name="[CB - Account].[Account CB - Description].&amp;[1231279 - Missing]"/>
        <member name="[CB - Account].[Account CB - Description].&amp;[1231280 - Missing]"/>
        <member name="[CB - Account].[Account CB - Description].&amp;[1231281 - Missing]"/>
        <member name="[CB - Account].[Account CB - Description].&amp;[1231282 - Missing]"/>
        <member name="[CB - Account].[Account CB - Description].&amp;[1231289 - Missing]"/>
        <member name="[CB - Account].[Account CB - Description].&amp;[1231292 - Missing]"/>
        <member name="[CB - Account].[Account CB - Description].&amp;[1231298 - Missing]"/>
        <member name="[CB - Account].[Account CB - Description].&amp;[1231299 - Missing]"/>
        <member name="[CB - Account].[Account CB - Description].&amp;[1231300 - Missing]"/>
        <member name="[CB - Account].[Account CB - Description].&amp;[1231304 - Missing]"/>
        <member name="[CB - Account].[Account CB - Description].&amp;[1231306 - Missing]"/>
        <member name="[CB - Account].[Account CB - Description].&amp;[1231307 - Missing]"/>
        <member name="[CB - Account].[Account CB - Description].&amp;[1231308 - Missing]"/>
        <member name="[CB - Account].[Account CB - Description].&amp;[1231310 - Missing]"/>
        <member name="[CB - Account].[Account CB - Description].&amp;[1231311 - Missing]"/>
        <member name="[CB - Account].[Account CB - Description].&amp;[1231312 - Missing]"/>
        <member name="[CB - Account].[Account CB - Description].&amp;[1231313 - Missing]"/>
        <member name="[CB - Account].[Account CB - Description].&amp;[1231314 - Missing]"/>
        <member name="[CB - Account].[Account CB - Description].&amp;[1231315 - Missing]"/>
        <member name="[CB - Account].[Account CB - Description].&amp;[1231316 - Missing]"/>
        <member name="[CB - Account].[Account CB - Description].&amp;[1231317 - Missing]"/>
        <member name="[CB - Account].[Account CB - Description].&amp;[1231318 - Missing]"/>
        <member name="[CB - Account].[Account CB - Description].&amp;[1231320 - Missing]"/>
        <member name="[CB - Account].[Account CB - Description].&amp;[1231321 - Missing]"/>
        <member name="[CB - Account].[Account CB - Description].&amp;[1231322 - Missing]"/>
        <member name="[CB - Account].[Account CB - Description].&amp;[1231323 - Missing]"/>
        <member name="[CB - Account].[Account CB - Description].&amp;[1231324 - Missing]"/>
        <member name="[CB - Account].[Account CB - Description].&amp;[1231325 - Missing]"/>
        <member name="[CB - Account].[Account CB - Description].&amp;[1231326 - Missing]"/>
        <member name="[CB - Account].[Account CB - Description].&amp;[1231327 - Missing]"/>
        <member name="[CB - Account].[Account CB - Description].&amp;[1231328 - Missing]"/>
        <member name="[CB - Account].[Account CB - Description].&amp;[1231329 - Missing]"/>
        <member name="[CB - Account].[Account CB - Description].&amp;[1231330 - Missing]"/>
        <member name="[CB - Account].[Account CB - Description].&amp;[1231331 - Missing]"/>
        <member name="[CB - Account].[Account CB - Description].&amp;[1231332 - Missing]"/>
        <member name="[CB - Account].[Account CB - Description].&amp;[1231333 - Missing]"/>
        <member name="[CB - Account].[Account CB - Description].&amp;[1231335 - Missing]"/>
        <member name="[CB - Account].[Account CB - Description].&amp;[1231336 - Missing]"/>
        <member name="[CB - Account].[Account CB - Description].&amp;[1231337 - Missing]"/>
        <member name="[CB - Account].[Account CB - Description].&amp;[1231338 - Missing]"/>
        <member name="[CB - Account].[Account CB - Description].&amp;[1231340 - Missing]"/>
        <member name="[CB - Account].[Account CB - Description].&amp;[1231341 - Missing]"/>
        <member name="[CB - Account].[Account CB - Description].&amp;[1231342 - Missing]"/>
        <member name="[CB - Account].[Account CB - Description].&amp;[1231343 - Missing]"/>
        <member name="[CB - Account].[Account CB - Description].&amp;[1231344 - Missing]"/>
        <member name="[CB - Account].[Account CB - Description].&amp;[1231345 - Missing]"/>
        <member name="[CB - Account].[Account CB - Description].&amp;[1231346 - Missing]"/>
        <member name="[CB - Account].[Account CB - Description].&amp;[1231347 - Missing]"/>
        <member name="[CB - Account].[Account CB - Description].&amp;[1231348 - Missing]"/>
        <member name="[CB - Account].[Account CB - Description].&amp;[1231349 - Missing]"/>
        <member name="[CB - Account].[Account CB - Description].&amp;[1231350 - Missing]"/>
        <member name="[CB - Account].[Account CB - Description].&amp;[1231351 - Missing]"/>
        <member name="[CB - Account].[Account CB - Description].&amp;[1231353 - Missing]"/>
        <member name="[CB - Account].[Account CB - Description].&amp;[1231355 - Missing]"/>
        <member name="[CB - Account].[Account CB - Description].&amp;[1231356 - Missing]"/>
        <member name="[CB - Account].[Account CB - Description].&amp;[1231357 - Missing]"/>
        <member name="[CB - Account].[Account CB - Description].&amp;[1231358 - Missing]"/>
        <member name="[CB - Account].[Account CB - Description].&amp;[1231359 - Missing]"/>
        <member name="[CB - Account].[Account CB - Description].&amp;[1231360 - Missing]"/>
        <member name="[CB - Account].[Account CB - Description].&amp;[1231361 - Missing]"/>
        <member name="[CB - Account].[Account CB - Description].&amp;[1231363 - Missing]"/>
        <member name="[CB - Account].[Account CB - Description].&amp;[1231365 - Missing]"/>
        <member name="[CB - Account].[Account CB - Description].&amp;[1231366 - Missing]"/>
        <member name="[CB - Account].[Account CB - Description].&amp;[1231367 - Missing]"/>
        <member name="[CB - Account].[Account CB - Description].&amp;[1231370 - Missing]"/>
        <member name="[CB - Account].[Account CB - Description].&amp;[1231372 - Missing]"/>
        <member name="[CB - Account].[Account CB - Description].&amp;[1231376 - Missing]"/>
        <member name="[CB - Account].[Account CB - Description].&amp;[1231379 - Missing]"/>
        <member name="[CB - Account].[Account CB - Description].&amp;[1231384 - Missing]"/>
        <member name="[CB - Account].[Account CB - Description].&amp;[1231387 - Missing]"/>
        <member name="[CB - Account].[Account CB - Description].&amp;[1231392 - Missing]"/>
        <member name="[CB - Account].[Account CB - Description].&amp;[1231395 - Missing]"/>
        <member name="[CB - Account].[Account CB - Description].&amp;[1231396 - Missing]"/>
        <member name="[CB - Account].[Account CB - Description].&amp;[1231397 - Missing]"/>
        <member name="[CB - Account].[Account CB - Description].&amp;[1231398 - Missing]"/>
        <member name="[CB - Account].[Account CB - Description].&amp;[1231400 - Missing]"/>
        <member name="[CB - Account].[Account CB - Description].&amp;[1231402 - Missing]"/>
        <member name="[CB - Account].[Account CB - Description].&amp;[1231405 - Missing]"/>
        <member name="[CB - Account].[Account CB - Description].&amp;[1231406 - Missing]"/>
        <member name="[CB - Account].[Account CB - Description].&amp;[1231408 - Missing]"/>
        <member name="[CB - Account].[Account CB - Description].&amp;[1231409 - Missing]"/>
        <member name="[CB - Account].[Account CB - Description].&amp;[1231410 - Missing]"/>
        <member name="[CB - Account].[Account CB - Description].&amp;[1231411 - Missing]"/>
        <member name="[CB - Account].[Account CB - Description].&amp;[1231412 - Missing]"/>
        <member name="[CB - Account].[Account CB - Description].&amp;[1231413 - Missing]"/>
        <member name="[CB - Account].[Account CB - Description].&amp;[1231414 - Missing]"/>
        <member name="[CB - Account].[Account CB - Description].&amp;[1231415 - Missing]"/>
        <member name="[CB - Account].[Account CB - Description].&amp;[1231416 - Missing]"/>
        <member name="[CB - Account].[Account CB - Description].&amp;[1231417 - Missing]"/>
        <member name="[CB - Account].[Account CB - Description].&amp;[1231418 - Missing]"/>
        <member name="[CB - Account].[Account CB - Description].&amp;[1231419 - Missing]"/>
        <member name="[CB - Account].[Account CB - Description].&amp;[1231420 - Missing]"/>
        <member name="[CB - Account].[Account CB - Description].&amp;[1231421 - Missing]"/>
        <member name="[CB - Account].[Account CB - Description].&amp;[1231422 - Missing]"/>
        <member name="[CB - Account].[Account CB - Description].&amp;[1231423 - Missing]"/>
        <member name="[CB - Account].[Account CB - Description].&amp;[1231424 - Missing]"/>
        <member name="[CB - Account].[Account CB - Description].&amp;[1231425 - Missing]"/>
        <member name="[CB - Account].[Account CB - Description].&amp;[1231428 - Missing]"/>
        <member name="[CB - Account].[Account CB - Description].&amp;[1231429 - Missing]"/>
        <member name="[CB - Account].[Account CB - Description].&amp;[1231430 - Missing]"/>
        <member name="[CB - Account].[Account CB - Description].&amp;[1231431 - Missing]"/>
        <member name="[CB - Account].[Account CB - Description].&amp;[1231432 - Missing]"/>
        <member name="[CB - Account].[Account CB - Description].&amp;[1231433 - Missing]"/>
        <member name="[CB - Account].[Account CB - Description].&amp;[1231434 - Missing]"/>
        <member name="[CB - Account].[Account CB - Description].&amp;[1231435 - Missing]"/>
        <member name="[CB - Account].[Account CB - Description].&amp;[1231436 - Missing]"/>
        <member name="[CB - Account].[Account CB - Description].&amp;[1231437 - Missing]"/>
        <member name="[CB - Account].[Account CB - Description].&amp;[1231439 - Missing]"/>
        <member name="[CB - Account].[Account CB - Description].&amp;[1231440 - Missing]"/>
        <member name="[CB - Account].[Account CB - Description].&amp;[1231441 - Missing]"/>
        <member name="[CB - Account].[Account CB - Description].&amp;[1231442 - Missing]"/>
        <member name="[CB - Account].[Account CB - Description].&amp;[1231443 - Missing]"/>
        <member name="[CB - Account].[Account CB - Description].&amp;[1231444 - Missing]"/>
        <member name="[CB - Account].[Account CB - Description].&amp;[1231445 - Missing]"/>
        <member name="[CB - Account].[Account CB - Description].&amp;[1231446 - Missing]"/>
        <member name="[CB - Account].[Account CB - Description].&amp;[1231449 - Missing]"/>
        <member name="[CB - Account].[Account CB - Description].&amp;[1231450 - Missing]"/>
        <member name="[CB - Account].[Account CB - Description].&amp;[1231453 - Missing]"/>
        <member name="[CB - Account].[Account CB - Description].&amp;[1231454 - Missing]"/>
        <member name="[CB - Account].[Account CB - Description].&amp;[1231455 - Missing]"/>
        <member name="[CB - Account].[Account CB - Description].&amp;[1231457 - Missing]"/>
        <member name="[CB - Account].[Account CB - Description].&amp;[1231458 - Missing]"/>
        <member name="[CB - Account].[Account CB - Description].&amp;[1231459 - Missing]"/>
        <member name="[CB - Account].[Account CB - Description].&amp;[1231460 - Missing]"/>
        <member name="[CB - Account].[Account CB - Description].&amp;[1231461 - Missing]"/>
        <member name="[CB - Account].[Account CB - Description].&amp;[1231462 - Missing]"/>
        <member name="[CB - Account].[Account CB - Description].&amp;[1231463 - Missing]"/>
        <member name="[CB - Account].[Account CB - Description].&amp;[1231464 - Missing]"/>
        <member name="[CB - Account].[Account CB - Description].&amp;[1231467 - Missing]"/>
        <member name="[CB - Account].[Account CB - Description].&amp;[1231468 - Missing]"/>
        <member name="[CB - Account].[Account CB - Description].&amp;[1231474 - Missing]"/>
        <member name="[CB - Account].[Account CB - Description].&amp;[1231476 - Missing]"/>
        <member name="[CB - Account].[Account CB - Description].&amp;[1231478 - Missing]"/>
        <member name="[CB - Account].[Account CB - Description].&amp;[1231485 - Missing]"/>
        <member name="[CB - Account].[Account CB - Description].&amp;[1231493 - Missing]"/>
        <member name="[CB - Account].[Account CB - Description].&amp;[1231494 - Missing]"/>
        <member name="[CB - Account].[Account CB - Description].&amp;[1231495 - Missing]"/>
        <member name="[CB - Account].[Account CB - Description].&amp;[1231496 - Missing]"/>
        <member name="[CB - Account].[Account CB - Description].&amp;[1231497 - Missing]"/>
        <member name="[CB - Account].[Account CB - Description].&amp;[1231498 - Missing]"/>
        <member name="[CB - Account].[Account CB - Description].&amp;[1231499 - Missing]"/>
        <member name="[CB - Account].[Account CB - Description].&amp;[1231500 - Missing]"/>
        <member name="[CB - Account].[Account CB - Description].&amp;[1231501 - Missing]"/>
        <member name="[CB - Account].[Account CB - Description].&amp;[1231502 - Missing]"/>
        <member name="[CB - Account].[Account CB - Description].&amp;[1231503 - Missing]"/>
        <member name="[CB - Account].[Account CB - Description].&amp;[1233000 - Contra Accounts Receivable]"/>
        <member name="[CB - Account].[Account CB - Description].&amp;[1240001 - Missing]"/>
        <member name="[CB - Account].[Account CB - Description].&amp;[1240002 - Missing]"/>
        <member name="[CB - Account].[Account CB - Description].&amp;[1240003 - Missing]"/>
        <member name="[CB - Account].[Account CB - Description].&amp;[1240004 - Missing]"/>
        <member name="[CB - Account].[Account CB - Description].&amp;[1240005 - Missing]"/>
        <member name="[CB - Account].[Account CB - Description].&amp;[1240006 - Missing]"/>
        <member name="[CB - Account].[Account CB - Description].&amp;[1240007 - Missing]"/>
        <member name="[CB - Account].[Account CB - Description].&amp;[1240008 - Missing]"/>
        <member name="[CB - Account].[Account CB - Description].&amp;[1240009 - Missing]"/>
        <member name="[CB - Account].[Account CB - Description].&amp;[1240010 - Missing]"/>
        <member name="[CB - Account].[Account CB - Description].&amp;[1240011 - Missing]"/>
        <member name="[CB - Account].[Account CB - Description].&amp;[1240012 - Missing]"/>
        <member name="[CB - Account].[Account CB - Description].&amp;[1240013 - Missing]"/>
        <member name="[CB - Account].[Account CB - Description].&amp;[1240014 - Missing]"/>
        <member name="[CB - Account].[Account CB - Description].&amp;[1240015 - Missing]"/>
        <member name="[CB - Account].[Account CB - Description].&amp;[1240016 - Missing]"/>
        <member name="[CB - Account].[Account CB - Description].&amp;[1240017 - Missing]"/>
        <member name="[CB - Account].[Account CB - Description].&amp;[1240018 - Missing]"/>
        <member name="[CB - Account].[Account CB - Description].&amp;[1240019 - Missing]"/>
        <member name="[CB - Account].[Account CB - Description].&amp;[1240020 - Missing]"/>
        <member name="[CB - Account].[Account CB - Description].&amp;[1240021 - Missing]"/>
        <member name="[CB - Account].[Account CB - Description].&amp;[1240023 - Missing]"/>
        <member name="[CB - Account].[Account CB - Description].&amp;[1240024 - Missing]"/>
        <member name="[CB - Account].[Account CB - Description].&amp;[1240025 - Missing]"/>
        <member name="[CB - Account].[Account CB - Description].&amp;[1240026 - Missing]"/>
        <member name="[CB - Account].[Account CB - Description].&amp;[1240028 - Missing]"/>
        <member name="[CB - Account].[Account CB - Description].&amp;[1250001 - Missing]"/>
        <member name="[CB - Account].[Account CB - Description].&amp;[1251000 - Missing]"/>
        <member name="[CB - Account].[Account CB - Description].&amp;[1251001 - Contra Note Recievable-Current]"/>
        <member name="[CB - Account].[Account CB - Description].&amp;[1260000 - Contra Interest Receivable]"/>
        <member name="[CB - Account].[Account CB - Description].&amp;[1280001 - Missing]"/>
        <member name="[CB - Account].[Account CB - Description].&amp;[1290001 - Missing]"/>
        <member name="[CB - Account].[Account CB - Description].&amp;[1310000 - Contra Cash]"/>
        <member name="[CB - Account].[Account CB - Description].&amp;[1310001 - Missing]"/>
        <member name="[CB - Account].[Account CB - Description].&amp;[1310002 - Missing]"/>
        <member name="[CB - Account].[Account CB - Description].&amp;[1310003 - Missing]"/>
        <member name="[CB - Account].[Account CB - Description].&amp;[1310005 - Missing]"/>
        <member name="[CB - Account].[Account CB - Description].&amp;[1310008 - Missing]"/>
        <member name="[CB - Account].[Account CB - Description].&amp;[1310009 - Missing]"/>
        <member name="[CB - Account].[Account CB - Description].&amp;[1310010 - Missing]"/>
        <member name="[CB - Account].[Account CB - Description].&amp;[1310012 - Missing]"/>
        <member name="[CB - Account].[Account CB - Description].&amp;[1310013 - Missing]"/>
        <member name="[CB - Account].[Account CB - Description].&amp;[1310014 - Missing]"/>
        <member name="[CB - Account].[Account CB - Description].&amp;[1310015 - Missing]"/>
        <member name="[CB - Account].[Account CB - Description].&amp;[1310016 - Missing]"/>
        <member name="[CB - Account].[Account CB - Description].&amp;[1310017 - Missing]"/>
        <member name="[CB - Account].[Account CB - Description].&amp;[1310018 - Missing]"/>
        <member name="[CB - Account].[Account CB - Description].&amp;[1310019 - Missing]"/>
        <member name="[CB - Account].[Account CB - Description].&amp;[1310020 - Missing]"/>
        <member name="[CB - Account].[Account CB - Description].&amp;[1310021 - Missing]"/>
        <member name="[CB - Account].[Account CB - Description].&amp;[1310023 - Missing]"/>
        <member name="[CB - Account].[Account CB - Description].&amp;[1310024 - Missing]"/>
        <member name="[CB - Account].[Account CB - Description].&amp;[1310026 - Missing]"/>
        <member name="[CB - Account].[Account CB - Description].&amp;[1310027 - Missing]"/>
        <member name="[CB - Account].[Account CB - Description].&amp;[1310028 - Missing]"/>
        <member name="[CB - Account].[Account CB - Description].&amp;[1310031 - Missing]"/>
        <member name="[CB - Account].[Account CB - Description].&amp;[1310042 - Missing]"/>
        <member name="[CB - Account].[Account CB - Description].&amp;[1310043 - Missing]"/>
        <member name="[CB - Account].[Account CB - Description].&amp;[1310044 - Missing]"/>
        <member name="[CB - Account].[Account CB - Description].&amp;[1310045 - Missing]"/>
        <member name="[CB - Account].[Account CB - Description].&amp;[1310046 - Missing]"/>
        <member name="[CB - Account].[Account CB - Description].&amp;[1310047 - Missing]"/>
        <member name="[CB - Account].[Account CB - Description].&amp;[1310048 - Missing]"/>
        <member name="[CB - Account].[Account CB - Description].&amp;[1310049 - Missing]"/>
        <member name="[CB - Account].[Account CB - Description].&amp;[1310050 - Missing]"/>
        <member name="[CB - Account].[Account CB - Description].&amp;[1310051 - Missing]"/>
        <member name="[CB - Account].[Account CB - Description].&amp;[1310052 - Missing]"/>
        <member name="[CB - Account].[Account CB - Description].&amp;[1310053 - Missing]"/>
        <member name="[CB - Account].[Account CB - Description].&amp;[1310054 - Missing]"/>
        <member name="[CB - Account].[Account CB - Description].&amp;[1310055 - Missing]"/>
        <member name="[CB - Account].[Account CB - Description].&amp;[1310056 - Missing]"/>
        <member name="[CB - Account].[Account CB - Description].&amp;[1310057 - Missing]"/>
        <member name="[CB - Account].[Account CB - Description].&amp;[1310058 - Missing]"/>
        <member name="[CB - Account].[Account CB - Description].&amp;[1310059 - Missing]"/>
        <member name="[CB - Account].[Account CB - Description].&amp;[1310060 - Missing]"/>
        <member name="[CB - Account].[Account CB - Description].&amp;[1310061 - Missing]"/>
        <member name="[CB - Account].[Account CB - Description].&amp;[1310062 - Missing]"/>
        <member name="[CB - Account].[Account CB - Description].&amp;[1310063 - Missing]"/>
        <member name="[CB - Account].[Account CB - Description].&amp;[1310064 - Missing]"/>
        <member name="[CB - Account].[Account CB - Description].&amp;[1310065 - Missing]"/>
        <member name="[CB - Account].[Account CB - Description].&amp;[1310066 - Missing]"/>
        <member name="[CB - Account].[Account CB - Description].&amp;[1310067 - Missing]"/>
        <member name="[CB - Account].[Account CB - Description].&amp;[1310072 - Missing]"/>
        <member name="[CB - Account].[Account CB - Description].&amp;[1310073 - Missing]"/>
        <member name="[CB - Account].[Account CB - Description].&amp;[1310074 - Missing]"/>
        <member name="[CB - Account].[Account CB - Description].&amp;[1310075 - Missing]"/>
        <member name="[CB - Account].[Account CB - Description].&amp;[131250 - Cash BOA 1639 PNG]"/>
        <member name="[CB - Account].[Account CB - Description].&amp;[1317670 - Missing]"/>
        <member name="[CB - Account].[Account CB - Description].&amp;[1317671 - Missing]"/>
        <member name="[CB - Account].[Account CB - Description].&amp;[1317672 - Missing]"/>
        <member name="[CB - Account].[Account CB - Description].&amp;[1317673 - Missing]"/>
        <member name="[CB - Account].[Account CB - Description].&amp;[1340002 - Missing]"/>
        <member name="[CB - Account].[Account CB - Description].&amp;[1340003 - Missing]"/>
        <member name="[CB - Account].[Account CB - Description].&amp;[1340006 - Missing]"/>
        <member name="[CB - Account].[Account CB - Description].&amp;[1350002 - Missing]"/>
        <member name="[CB - Account].[Account CB - Description].&amp;[1350004 - Missing]"/>
        <member name="[CB - Account].[Account CB - Description].&amp;[1350005 - Missing]"/>
        <member name="[CB - Account].[Account CB - Description].&amp;[1350006 - Missing]"/>
        <member name="[CB - Account].[Account CB - Description].&amp;[1350007 - Missing]"/>
        <member name="[CB - Account].[Account CB - Description].&amp;[1350008 - Missing]"/>
        <member name="[CB - Account].[Account CB - Description].&amp;[1350009 - Missing]"/>
        <member name="[CB - Account].[Account CB - Description].&amp;[1350010 - Missing]"/>
        <member name="[CB - Account].[Account CB - Description].&amp;[1350011 - Missing]"/>
        <member name="[CB - Account].[Account CB - Description].&amp;[1350012 - Missing]"/>
        <member name="[CB - Account].[Account CB - Description].&amp;[1350013 - Missing]"/>
        <member name="[CB - Account].[Account CB - Description].&amp;[1350014 - Missing]"/>
        <member name="[CB - Account].[Account CB - Description].&amp;[1350017 - Missing]"/>
        <member name="[CB - Account].[Account CB - Description].&amp;[1350019 - Missing]"/>
        <member name="[CB - Account].[Account CB - Description].&amp;[1350020 - Missing]"/>
        <member name="[CB - Account].[Account CB - Description].&amp;[1350021 - Missing]"/>
        <member name="[CB - Account].[Account CB - Description].&amp;[1350024 - Missing]"/>
        <member name="[CB - Account].[Account CB - Description].&amp;[1360001 - Missing]"/>
        <member name="[CB - Account].[Account CB - Description].&amp;[1360002 - Missing]"/>
        <member name="[CB - Account].[Account CB - Description].&amp;[1360003 - Missing]"/>
        <member name="[CB - Account].[Account CB - Description].&amp;[1408030 - Inactive]"/>
        <member name="[CB - Account].[Account CB - Description].&amp;[1408080 - Inactive]"/>
        <member name="[CB - Account].[Account CB - Description].&amp;[1408130 - Inactive]"/>
        <member name="[CB - Account].[Account CB - Description].&amp;[1408180 - Nc Umemployment Tax_Appl Serv]"/>
        <member name="[CB - Account].[Account CB - Description].&amp;[1408230 - Inactive]"/>
        <member name="[CB - Account].[Account CB - Description].&amp;[1408280 - Inactive]"/>
        <member name="[CB - Account].[Account CB - Description].&amp;[1408300 - Inactive]"/>
        <member name="[CB - Account].[Account CB - Description].&amp;[1408390 - Inactive]"/>
        <member name="[CB - Account].[Account CB - Description].&amp;[1408440 - Inactive]"/>
        <member name="[CB - Account].[Account CB - Description].&amp;[1408500 - Inactive]"/>
        <member name="[CB - Account].[Account CB - Description].&amp;[1408550 - Inactive]"/>
        <member name="[CB - Account].[Account CB - Description].&amp;[1408600 - Sc Unemployed Tax_Appl Serv]"/>
        <member name="[CB - Account].[Account CB - Description].&amp;[1408640 - Inactive]"/>
        <member name="[CB - Account].[Account CB - Description].&amp;[1408730 - Fed Soc Sec Tax_Appl Serv]"/>
        <member name="[CB - Account].[Account CB - Description].&amp;[1408780 - Fed Unemployement Tax_Appl Ser]"/>
        <member name="[CB - Account].[Account CB - Description].&amp;[1410001 - Missing]"/>
        <member name="[CB - Account].[Account CB - Description].&amp;[1410002 - Missing]"/>
        <member name="[CB - Account].[Account CB - Description].&amp;[1410004 - Missing]"/>
        <member name="[CB - Account].[Account CB - Description].&amp;[1410005 - Missing]"/>
        <member name="[CB - Account].[Account CB - Description].&amp;[1410006 - Missing]"/>
        <member name="[CB - Account].[Account CB - Description].&amp;[1416250 - Stores Expense Actual]"/>
        <member name="[CB - Account].[Account CB - Description].&amp;[1416350 - A &amp; G Expense Alloc-Appl Serv]"/>
        <member name="[CB - Account].[Account CB - Description].&amp;[1420001 - Missing]"/>
        <member name="[CB - Account].[Account CB - Description].&amp;[1420002 - Missing]"/>
        <member name="[CB - Account].[Account CB - Description].&amp;[1420003 - Missing]"/>
        <member name="[CB - Account].[Account CB - Description].&amp;[1420004 - Missing]"/>
        <member name="[CB - Account].[Account CB - Description].&amp;[1420007 - Missing]"/>
        <member name="[CB - Account].[Account CB - Description].&amp;[1420009 - Missing]"/>
        <member name="[CB - Account].[Account CB - Description].&amp;[1420010 - Missing]"/>
        <member name="[CB - Account].[Account CB - Description].&amp;[1420014 - Missing]"/>
        <member name="[CB - Account].[Account CB - Description].&amp;[1420015 - Missing]"/>
        <member name="[CB - Account].[Account CB - Description].&amp;[1420016 - Missing]"/>
        <member name="[CB - Account].[Account CB - Description].&amp;[1420017 - Missing]"/>
        <member name="[CB - Account].[Account CB - Description].&amp;[1420018 - Missing]"/>
        <member name="[CB - Account].[Account CB - Description].&amp;[1420020 - Missing]"/>
        <member name="[CB - Account].[Account CB - Description].&amp;[1420023 - Missing]"/>
        <member name="[CB - Account].[Account CB - Description].&amp;[1420024 - Missing]"/>
        <member name="[CB - Account].[Account CB - Description].&amp;[1420070 - Missing]"/>
        <member name="[CB - Account].[Account CB - Description].&amp;[1420071 - Missing]"/>
        <member name="[CB - Account].[Account CB - Description].&amp;[142011 - Missing]"/>
        <member name="[CB - Account].[Account CB - Description].&amp;[1430001 - Missing]"/>
        <member name="[CB - Account].[Account CB - Description].&amp;[1430002 - Missing]"/>
        <member name="[CB - Account].[Account CB - Description].&amp;[1430003 - Missing]"/>
        <member name="[CB - Account].[Account CB - Description].&amp;[1430004 - Missing]"/>
        <member name="[CB - Account].[Account CB - Description].&amp;[1430005 - Missing]"/>
        <member name="[CB - Account].[Account CB - Description].&amp;[1430006 - Missing]"/>
        <member name="[CB - Account].[Account CB - Description].&amp;[1430007 - Missing]"/>
        <member name="[CB - Account].[Account CB - Description].&amp;[1430009 - Missing]"/>
        <member name="[CB - Account].[Account CB - Description].&amp;[1430010 - Missing]"/>
        <member name="[CB - Account].[Account CB - Description].&amp;[1430011 - Missing]"/>
        <member name="[CB - Account].[Account CB - Description].&amp;[1430015 - Missing]"/>
        <member name="[CB - Account].[Account CB - Description].&amp;[1430016 - Missing]"/>
        <member name="[CB - Account].[Account CB - Description].&amp;[1430017 - Missing]"/>
        <member name="[CB - Account].[Account CB - Description].&amp;[1430018 - Missing]"/>
        <member name="[CB - Account].[Account CB - Description].&amp;[1430019 - Missing]"/>
        <member name="[CB - Account].[Account CB - Description].&amp;[1430020 - Missing]"/>
        <member name="[CB - Account].[Account CB - Description].&amp;[1430021 - Missing]"/>
        <member name="[CB - Account].[Account CB - Description].&amp;[1430022 - Missing]"/>
        <member name="[CB - Account].[Account CB - Description].&amp;[1430023 - Missing]"/>
        <member name="[CB - Account].[Account CB - Description].&amp;[1430024 - Missing]"/>
        <member name="[CB - Account].[Account CB - Description].&amp;[1430027 - Missing]"/>
        <member name="[CB - Account].[Account CB - Description].&amp;[1430028 - Missing]"/>
        <member name="[CB - Account].[Account CB - Description].&amp;[1430031 - Missing]"/>
        <member name="[CB - Account].[Account CB - Description].&amp;[1430032 - Missing]"/>
        <member name="[CB - Account].[Account CB - Description].&amp;[1430033 - Missing]"/>
        <member name="[CB - Account].[Account CB - Description].&amp;[1430034 - Missing]"/>
        <member name="[CB - Account].[Account CB - Description].&amp;[1430035 - Missing]"/>
        <member name="[CB - Account].[Account CB - Description].&amp;[1430036 - Missing]"/>
        <member name="[CB - Account].[Account CB - Description].&amp;[1430037 - Missing]"/>
        <member name="[CB - Account].[Account CB - Description].&amp;[1430039 - Missing]"/>
        <member name="[CB - Account].[Account CB - Description].&amp;[1430040 - Missing]"/>
        <member name="[CB - Account].[Account CB - Description].&amp;[1430041 - Missing]"/>
        <member name="[CB - Account].[Account CB - Description].&amp;[1430042 - Missing]"/>
        <member name="[CB - Account].[Account CB - Description].&amp;[1430043 - Missing]"/>
        <member name="[CB - Account].[Account CB - Description].&amp;[1440002 - Missing]"/>
        <member name="[CB - Account].[Account CB - Description].&amp;[1450001 - Missing]"/>
        <member name="[CB - Account].[Account CB - Description].&amp;[1450004 - Missing]"/>
        <member name="[CB - Account].[Account CB - Description].&amp;[1450007 - Missing]"/>
        <member name="[CB - Account].[Account CB - Description].&amp;[1450008 - Missing]"/>
        <member name="[CB - Account].[Account CB - Description].&amp;[1450009 - Missing]"/>
        <member name="[CB - Account].[Account CB - Description].&amp;[1450011 - Missing]"/>
        <member name="[CB - Account].[Account CB - Description].&amp;[1450012 - Missing]"/>
        <member name="[CB - Account].[Account CB - Description].&amp;[1450013 - Missing]"/>
        <member name="[CB - Account].[Account CB - Description].&amp;[1450014 - Missing]"/>
        <member name="[CB - Account].[Account CB - Description].&amp;[1450017 - Missing]"/>
        <member name="[CB - Account].[Account CB - Description].&amp;[1450018 - Missing]"/>
        <member name="[CB - Account].[Account CB - Description].&amp;[1450019 - Missing]"/>
        <member name="[CB - Account].[Account CB - Description].&amp;[1450022 - Missing]"/>
        <member name="[CB - Account].[Account CB - Description].&amp;[1450023 - Missing]"/>
        <member name="[CB - Account].[Account CB - Description].&amp;[1450024 - Missing]"/>
        <member name="[CB - Account].[Account CB - Description].&amp;[1450025 - Missing]"/>
        <member name="[CB - Account].[Account CB - Description].&amp;[1450026 - Missing]"/>
        <member name="[CB - Account].[Account CB - Description].&amp;[1450027 - Missing]"/>
        <member name="[CB - Account].[Account CB - Description].&amp;[1450028 - Missing]"/>
        <member name="[CB - Account].[Account CB - Description].&amp;[1450029 - Missing]"/>
        <member name="[CB - Account].[Account CB - Description].&amp;[1451001 - Missing]"/>
        <member name="[CB - Account].[Account CB - Description].&amp;[1451003 - Missing]"/>
        <member name="[CB - Account].[Account CB - Description].&amp;[1451004 - Missing]"/>
        <member name="[CB - Account].[Account CB - Description].&amp;[1451005 - Missing]"/>
        <member name="[CB - Account].[Account CB - Description].&amp;[1451008 - Missing]"/>
        <member name="[CB - Account].[Account CB - Description].&amp;[1451009 - Missing]"/>
        <member name="[CB - Account].[Account CB - Description].&amp;[1451010 - Missing]"/>
        <member name="[CB - Account].[Account CB - Description].&amp;[1451011 - Missing]"/>
        <member name="[CB - Account].[Account CB - Description].&amp;[1451012 - Missing]"/>
        <member name="[CB - Account].[Account CB - Description].&amp;[1451013 - Missing]"/>
        <member name="[CB - Account].[Account CB - Description].&amp;[1451014 - Missing]"/>
        <member name="[CB - Account].[Account CB - Description].&amp;[1451015 - Missing]"/>
        <member name="[CB - Account].[Account CB - Description].&amp;[1451016 - Missing]"/>
        <member name="[CB - Account].[Account CB - Description].&amp;[1451017 - Missing]"/>
        <member name="[CB - Account].[Account CB - Description].&amp;[1451019 - Missing]"/>
        <member name="[CB - Account].[Account CB - Description].&amp;[1451020 - Missing]"/>
        <member name="[CB - Account].[Account CB - Description].&amp;[1451021 - Missing]"/>
        <member name="[CB - Account].[Account CB - Description].&amp;[1451022 - Missing]"/>
        <member name="[CB - Account].[Account CB - Description].&amp;[1451023 - Missing]"/>
        <member name="[CB - Account].[Account CB - Description].&amp;[1451024 - Missing]"/>
        <member name="[CB - Account].[Account CB - Description].&amp;[1451025 - Missing]"/>
        <member name="[CB - Account].[Account CB - Description].&amp;[1451026 - Missing]"/>
        <member name="[CB - Account].[Account CB - Description].&amp;[1451027 - Missing]"/>
        <member name="[CB - Account].[Account CB - Description].&amp;[1451028 - Missing]"/>
        <member name="[CB - Account].[Account CB - Description].&amp;[1451029 - Missing]"/>
        <member name="[CB - Account].[Account CB - Description].&amp;[1451030 - Missing]"/>
        <member name="[CB - Account].[Account CB - Description].&amp;[1451031 - Missing]"/>
        <member name="[CB - Account].[Account CB - Description].&amp;[1451032 - Missing]"/>
        <member name="[CB - Account].[Account CB - Description].&amp;[1451033 - Missing]"/>
        <member name="[CB - Account].[Account CB - Description].&amp;[1451034 - Missing]"/>
        <member name="[CB - Account].[Account CB - Description].&amp;[1451035 - Missing]"/>
        <member name="[CB - Account].[Account CB - Description].&amp;[1451036 - Missing]"/>
        <member name="[CB - Account].[Account CB - Description].&amp;[1451037 - Missing]"/>
        <member name="[CB - Account].[Account CB - Description].&amp;[1451038 - Missing]"/>
        <member name="[CB - Account].[Account CB - Description].&amp;[1451039 - Missing]"/>
        <member name="[CB - Account].[Account CB - Description].&amp;[1451040 - Missing]"/>
        <member name="[CB - Account].[Account CB - Description].&amp;[1451041 - Missing]"/>
        <member name="[CB - Account].[Account CB - Description].&amp;[1451042 - Missing]"/>
        <member name="[CB - Account].[Account CB - Description].&amp;[1451043 - Missing]"/>
        <member name="[CB - Account].[Account CB - Description].&amp;[1451044 - Missing]"/>
        <member name="[CB - Account].[Account CB - Description].&amp;[1451045 - Missing]"/>
        <member name="[CB - Account].[Account CB - Description].&amp;[1460000 - COLLATERAL ASSET CONTRA]"/>
        <member name="[CB - Account].[Account CB - Description].&amp;[1460001 - Missing]"/>
        <member name="[CB - Account].[Account CB - Description].&amp;[1460002 - Missing]"/>
        <member name="[CB - Account].[Account CB - Description].&amp;[1460003 - Missing]"/>
        <member name="[CB - Account].[Account CB - Description].&amp;[1460004 - Missing]"/>
        <member name="[CB - Account].[Account CB - Description].&amp;[1460005 - Missing]"/>
        <member name="[CB - Account].[Account CB - Description].&amp;[1460007 - Missing]"/>
        <member name="[CB - Account].[Account CB - Description].&amp;[1460008 - Missing]"/>
        <member name="[CB - Account].[Account CB - Description].&amp;[1460010 - Missing]"/>
        <member name="[CB - Account].[Account CB - Description].&amp;[1460011 - Missing]"/>
        <member name="[CB - Account].[Account CB - Description].&amp;[1460012 - Missing]"/>
        <member name="[CB - Account].[Account CB - Description].&amp;[1460013 - Missing]"/>
        <member name="[CB - Account].[Account CB - Description].&amp;[1460015 - Missing]"/>
        <member name="[CB - Account].[Account CB - Description].&amp;[1460016 - Missing]"/>
        <member name="[CB - Account].[Account CB - Description].&amp;[1460019 - Missing]"/>
        <member name="[CB - Account].[Account CB - Description].&amp;[1460020 - Missing]"/>
        <member name="[CB - Account].[Account CB - Description].&amp;[1460021 - Missing]"/>
        <member name="[CB - Account].[Account CB - Description].&amp;[1460022 - Missing]"/>
        <member name="[CB - Account].[Account CB - Description].&amp;[1460032 - Missing]"/>
        <member name="[CB - Account].[Account CB - Description].&amp;[1460033 - Missing]"/>
        <member name="[CB - Account].[Account CB - Description].&amp;[1460034 - Missing]"/>
        <member name="[CB - Account].[Account CB - Description].&amp;[1460035 - Missing]"/>
        <member name="[CB - Account].[Account CB - Description].&amp;[1460044 - Missing]"/>
        <member name="[CB - Account].[Account CB - Description].&amp;[1460046 - Missing]"/>
        <member name="[CB - Account].[Account CB - Description].&amp;[1460047 - Pipes Interunit Account]"/>
        <member name="[CB - Account].[Account CB - Description].&amp;[1460049 - Missing]"/>
        <member name="[CB - Account].[Account CB - Description].&amp;[1460051 - Missing]"/>
        <member name="[CB - Account].[Account CB - Description].&amp;[1460052 - Missing]"/>
        <member name="[CB - Account].[Account CB - Description].&amp;[1460053 - Missing]"/>
        <member name="[CB - Account].[Account CB - Description].&amp;[1460054 - Missing]"/>
        <member name="[CB - Account].[Account CB - Description].&amp;[1460055 - Missing]"/>
        <member name="[CB - Account].[Account CB - Description].&amp;[1460056 - Missing]"/>
        <member name="[CB - Account].[Account CB - Description].&amp;[1460058 - Missing]"/>
        <member name="[CB - Account].[Account CB - Description].&amp;[1460075 - Missing]"/>
        <member name="[CB - Account].[Account CB - Description].&amp;[1460077 - Missing]"/>
        <member name="[CB - Account].[Account CB - Description].&amp;[1460078 - Missing]"/>
        <member name="[CB - Account].[Account CB - Description].&amp;[1460079 - Missing]"/>
        <member name="[CB - Account].[Account CB - Description].&amp;[1460080 - Missing]"/>
        <member name="[CB - Account].[Account CB - Description].&amp;[1460081 - Missing]"/>
        <member name="[CB - Account].[Account CB - Description].&amp;[1460082 - Missing]"/>
        <member name="[CB - Account].[Account CB - Description].&amp;[1460083 - Missing]"/>
        <member name="[CB - Account].[Account CB - Description].&amp;[1460084 - Missing]"/>
        <member name="[CB - Account].[Account CB - Description].&amp;[1460085 - Missing]"/>
        <member name="[CB - Account].[Account CB - Description].&amp;[1460086 - Missing]"/>
        <member name="[CB - Account].[Account CB - Description].&amp;[1460087 - Missing]"/>
        <member name="[CB - Account].[Account CB - Description].&amp;[1460088 - Missing]"/>
        <member name="[CB - Account].[Account CB - Description].&amp;[1460092 - Missing]"/>
        <member name="[CB - Account].[Account CB - Description].&amp;[1460093 - Missing]"/>
        <member name="[CB - Account].[Account CB - Description].&amp;[1460094 - Missing]"/>
        <member name="[CB - Account].[Account CB - Description].&amp;[1460095 - Missing]"/>
        <member name="[CB - Account].[Account CB - Description].&amp;[1460096 - Missing]"/>
        <member name="[CB - Account].[Account CB - Description].&amp;[1460097 - Missing]"/>
        <member name="[CB - Account].[Account CB - Description].&amp;[1460098 - Missing]"/>
        <member name="[CB - Account].[Account CB - Description].&amp;[1460099 - Missing]"/>
        <member name="[CB - Account].[Account CB - Description].&amp;[1460103 - Missing]"/>
        <member name="[CB - Account].[Account CB - Description].&amp;[1460104 - Missing]"/>
        <member name="[CB - Account].[Account CB - Description].&amp;[1460105 - Missing]"/>
        <member name="[CB - Account].[Account CB - Description].&amp;[1460106 - Missing]"/>
        <member name="[CB - Account].[Account CB - Description].&amp;[1460107 - Missing]"/>
        <member name="[CB - Account].[Account CB - Description].&amp;[1460108 - Missing]"/>
        <member name="[CB - Account].[Account CB - Description].&amp;[1460109 - Missing]"/>
        <member name="[CB - Account].[Account CB - Description].&amp;[1460110 - Missing]"/>
        <member name="[CB - Account].[Account CB - Description].&amp;[1460111 - Missing]"/>
        <member name="[CB - Account].[Account CB - Description].&amp;[1460119 - Missing]"/>
        <member name="[CB - Account].[Account CB - Description].&amp;[1460120 - Missing]"/>
        <member name="[CB - Account].[Account CB - Description].&amp;[1460123 - Missing]"/>
        <member name="[CB - Account].[Account CB - Description].&amp;[1460136 - Missing]"/>
        <member name="[CB - Account].[Account CB - Description].&amp;[1460137 - Missing]"/>
        <member name="[CB - Account].[Account CB - Description].&amp;[1460138 - Missing]"/>
        <member name="[CB - Account].[Account CB - Description].&amp;[1460139 - Missing]"/>
        <member name="[CB - Account].[Account CB - Description].&amp;[1460140 - Missing]"/>
        <member name="[CB - Account].[Account CB - Description].&amp;[1460141 - Missing]"/>
        <member name="[CB - Account].[Account CB - Description].&amp;[1460142 - Missing]"/>
        <member name="[CB - Account].[Account CB - Description].&amp;[1460158 - Missing]"/>
        <member name="[CB - Account].[Account CB - Description].&amp;[1460160 - Missing]"/>
        <member name="[CB - Account].[Account CB - Description].&amp;[1460162 - Missing]"/>
        <member name="[CB - Account].[Account CB - Description].&amp;[1460163 - Missing]"/>
        <member name="[CB - Account].[Account CB - Description].&amp;[1460165 - Missing]"/>
        <member name="[CB - Account].[Account CB - Description].&amp;[1460167 - Missing]"/>
        <member name="[CB - Account].[Account CB - Description].&amp;[1460168 - Missing]"/>
        <member name="[CB - Account].[Account CB - Description].&amp;[1460170 - Missing]"/>
        <member name="[CB - Account].[Account CB - Description].&amp;[1460171 - Missing]"/>
        <member name="[CB - Account].[Account CB - Description].&amp;[1460173 - Missing]"/>
        <member name="[CB - Account].[Account CB - Description].&amp;[1460174 - Missing]"/>
        <member name="[CB - Account].[Account CB - Description].&amp;[1460179 - Missing]"/>
        <member name="[CB - Account].[Account CB - Description].&amp;[1460180 - Missing]"/>
        <member name="[CB - Account].[Account CB - Description].&amp;[1460181 - Missing]"/>
        <member name="[CB - Account].[Account CB - Description].&amp;[1460182 - Missing]"/>
        <member name="[CB - Account].[Account CB - Description].&amp;[1460183 - Missing]"/>
        <member name="[CB - Account].[Account CB - Description].&amp;[1460184 - Missing]"/>
        <member name="[CB - Account].[Account CB - Description].&amp;[1460185 - Missing]"/>
        <member name="[CB - Account].[Account CB - Description].&amp;[1460186 - Missing]"/>
        <member name="[CB - Account].[Account CB - Description].&amp;[1460187 - Missing]"/>
        <member name="[CB - Account].[Account CB - Description].&amp;[1460188 - Missing]"/>
        <member name="[CB - Account].[Account CB - Description].&amp;[1460189 - Missing]"/>
        <member name="[CB - Account].[Account CB - Description].&amp;[1460190 - Missing]"/>
        <member name="[CB - Account].[Account CB - Description].&amp;[1460191 - Missing]"/>
        <member name="[CB - Account].[Account CB - Description].&amp;[1460192 - Missing]"/>
        <member name="[CB - Account].[Account CB - Description].&amp;[1460193 - Missing]"/>
        <member name="[CB - Account].[Account CB - Description].&amp;[1460194 - Missing]"/>
        <member name="[CB - Account].[Account CB - Description].&amp;[1460195 - Missing]"/>
        <member name="[CB - Account].[Account CB - Description].&amp;[1460196 - Missing]"/>
        <member name="[CB - Account].[Account CB - Description].&amp;[1460198 - Missing]"/>
        <member name="[CB - Account].[Account CB - Description].&amp;[1460200 - Missing]"/>
        <member name="[CB - Account].[Account CB - Description].&amp;[1460201 - Missing]"/>
        <member name="[CB - Account].[Account CB - Description].&amp;[1460202 - Missing]"/>
        <member name="[CB - Account].[Account CB - Description].&amp;[1460203 - Missing]"/>
        <member name="[CB - Account].[Account CB - Description].&amp;[1460219 - Missing]"/>
        <member name="[CB - Account].[Account CB - Description].&amp;[1460220 - Missing]"/>
        <member name="[CB - Account].[Account CB - Description].&amp;[1460221 - Missing]"/>
        <member name="[CB - Account].[Account CB - Description].&amp;[1460222 - Missing]"/>
        <member name="[CB - Account].[Account CB - Description].&amp;[1460226 - Missing]"/>
        <member name="[CB - Account].[Account CB - Description].&amp;[1460228 - Missing]"/>
        <member name="[CB - Account].[Account CB - Description].&amp;[1460232 - Missing]"/>
        <member name="[CB - Account].[Account CB - Description].&amp;[1460234 - Missing]"/>
        <member name="[CB - Account].[Account CB - Description].&amp;[1460235 - Missing]"/>
        <member name="[CB - Account].[Account CB - Description].&amp;[1460236 - A/R Interest w/GAD]"/>
        <member name="[CB - Account].[Account CB - Description].&amp;[1460238 - Missing]"/>
        <member name="[CB - Account].[Account CB - Description].&amp;[1460239 - Missing]"/>
        <member name="[CB - Account].[Account CB - Description].&amp;[1460240 - Missing]"/>
        <member name="[CB - Account].[Account CB - Description].&amp;[1460241 - Missing]"/>
        <member name="[CB - Account].[Account CB - Description].&amp;[1460242 - Missing]"/>
        <member name="[CB - Account].[Account CB - Description].&amp;[1460244 - Missing]"/>
        <member name="[CB - Account].[Account CB - Description].&amp;[1460247 - Missing]"/>
        <member name="[CB - Account].[Account CB - Description].&amp;[1460248 - Missing]"/>
        <member name="[CB - Account].[Account CB - Description].&amp;[1460249 - Missing]"/>
        <member name="[CB - Account].[Account CB - Description].&amp;[1460250 - Missing]"/>
        <member name="[CB - Account].[Account CB - Description].&amp;[1460252 - Missing]"/>
        <member name="[CB - Account].[Account CB - Description].&amp;[1460253 - Missing]"/>
        <member name="[CB - Account].[Account CB - Description].&amp;[1460260 - Missing]"/>
        <member name="[CB - Account].[Account CB - Description].&amp;[1460270 - Missing]"/>
        <member name="[CB - Account].[Account CB - Description].&amp;[1460280 - Missing]"/>
        <member name="[CB - Account].[Account CB - Description].&amp;[1460294 - Missing]"/>
        <member name="[CB - Account].[Account CB - Description].&amp;[1460300 - Missing]"/>
        <member name="[CB - Account].[Account CB - Description].&amp;[1460301 - Missing]"/>
        <member name="[CB - Account].[Account CB - Description].&amp;[1460302 - Missing]"/>
        <member name="[CB - Account].[Account CB - Description].&amp;[1460303 - Missing]"/>
        <member name="[CB - Account].[Account CB - Description].&amp;[1460304 - Missing]"/>
        <member name="[CB - Account].[Account CB - Description].&amp;[1460305 - Missing]"/>
        <member name="[CB - Account].[Account CB - Description].&amp;[1460306 - Missing]"/>
        <member name="[CB - Account].[Account CB - Description].&amp;[1460307 - Missing]"/>
        <member name="[CB - Account].[Account CB - Description].&amp;[1460308 - Missing]"/>
        <member name="[CB - Account].[Account CB - Description].&amp;[1460309 - Missing]"/>
        <member name="[CB - Account].[Account CB - Description].&amp;[1460311 - Missing]"/>
        <member name="[CB - Account].[Account CB - Description].&amp;[1460312 - Missing]"/>
        <member name="[CB - Account].[Account CB - Description].&amp;[1460315 - Missing]"/>
        <member name="[CB - Account].[Account CB - Description].&amp;[1460316 - Missing]"/>
        <member name="[CB - Account].[Account CB - Description].&amp;[1460317 - Missing]"/>
        <member name="[CB - Account].[Account CB - Description].&amp;[1460318 - Missing]"/>
        <member name="[CB - Account].[Account CB - Description].&amp;[1460319 - Missing]"/>
        <member name="[CB - Account].[Account CB - Description].&amp;[1460320 - Missing]"/>
        <member name="[CB - Account].[Account CB - Description].&amp;[1460323 - Missing]"/>
        <member name="[CB - Account].[Account CB - Description].&amp;[1460324 - Missing]"/>
        <member name="[CB - Account].[Account CB - Description].&amp;[1460325 - Missing]"/>
        <member name="[CB - Account].[Account CB - Description].&amp;[1460328 - Missing]"/>
        <member name="[CB - Account].[Account CB - Description].&amp;[1460329 - Missing]"/>
        <member name="[CB - Account].[Account CB - Description].&amp;[1460331 - Missing]"/>
        <member name="[CB - Account].[Account CB - Description].&amp;[1460332 - Missing]"/>
        <member name="[CB - Account].[Account CB - Description].&amp;[1460333 - Missing]"/>
        <member name="[CB - Account].[Account CB - Description].&amp;[1460334 - Missing]"/>
        <member name="[CB - Account].[Account CB - Description].&amp;[1460335 - Missing]"/>
        <member name="[CB - Account].[Account CB - Description].&amp;[1460337 - Missing]"/>
        <member name="[CB - Account].[Account CB - Description].&amp;[1460338 - Missing]"/>
        <member name="[CB - Account].[Account CB - Description].&amp;[1460339 - Missing]"/>
        <member name="[CB - Account].[Account CB - Description].&amp;[1460341 - Missing]"/>
        <member name="[CB - Account].[Account CB - Description].&amp;[1460344 - Missing]"/>
        <member name="[CB - Account].[Account CB - Description].&amp;[1460346 - Missing]"/>
        <member name="[CB - Account].[Account CB - Description].&amp;[1460347 - Missing]"/>
        <member name="[CB - Account].[Account CB - Description].&amp;[1460348 - Missing]"/>
        <member name="[CB - Account].[Account CB - Description].&amp;[1460349 - Missing]"/>
        <member name="[CB - Account].[Account CB - Description].&amp;[1460350 - Missing]"/>
        <member name="[CB - Account].[Account CB - Description].&amp;[1460351 - Missing]"/>
        <member name="[CB - Account].[Account CB - Description].&amp;[1460352 - Missing]"/>
        <member name="[CB - Account].[Account CB - Description].&amp;[1460353 - Missing]"/>
        <member name="[CB - Account].[Account CB - Description].&amp;[1460354 - Missing]"/>
        <member name="[CB - Account].[Account CB - Description].&amp;[1460356 - Missing]"/>
        <member name="[CB - Account].[Account CB - Description].&amp;[1460357 - Missing]"/>
        <member name="[CB - Account].[Account CB - Description].&amp;[1460360 - Missing]"/>
        <member name="[CB - Account].[Account CB - Description].&amp;[1460363 - Missing]"/>
        <member name="[CB - Account].[Account CB - Description].&amp;[1460364 - Missing]"/>
        <member name="[CB - Account].[Account CB - Description].&amp;[1460365 - Missing]"/>
        <member name="[CB - Account].[Account CB - Description].&amp;[1460366 - Missing]"/>
        <member name="[CB - Account].[Account CB - Description].&amp;[1460367 - Missing]"/>
        <member name="[CB - Account].[Account CB - Description].&amp;[1460369 - Missing]"/>
        <member name="[CB - Account].[Account CB - Description].&amp;[1460370 - Missing]"/>
        <member name="[CB - Account].[Account CB - Description].&amp;[1460371 - Missing]"/>
        <member name="[CB - Account].[Account CB - Description].&amp;[1460372 - Missing]"/>
        <member name="[CB - Account].[Account CB - Description].&amp;[1460373 - Missing]"/>
        <member name="[CB - Account].[Account CB - Description].&amp;[1460374 - Missing]"/>
        <member name="[CB - Account].[Account CB - Description].&amp;[1460376 - Missing]"/>
        <member name="[CB - Account].[Account CB - Description].&amp;[1460377 - Missing]"/>
        <member name="[CB - Account].[Account CB - Description].&amp;[1460378 - Missing]"/>
        <member name="[CB - Account].[Account CB - Description].&amp;[1460379 - Missing]"/>
        <member name="[CB - Account].[Account CB - Description].&amp;[1460380 - Missing]"/>
        <member name="[CB - Account].[Account CB - Description].&amp;[1460381 - Missing]"/>
        <member name="[CB - Account].[Account CB - Description].&amp;[1460382 - Missing]"/>
        <member name="[CB - Account].[Account CB - Description].&amp;[1460383 - Missing]"/>
        <member name="[CB - Account].[Account CB - Description].&amp;[1460384 - Missing]"/>
        <member name="[CB - Account].[Account CB - Description].&amp;[1469002 - Missing]"/>
        <member name="[CB - Account].[Account CB - Description].&amp;[1469003 - Missing]"/>
        <member name="[CB - Account].[Account CB - Description].&amp;[1469999 - Inter-Unit Unconsolidated BU]"/>
        <member name="[CB - Account].[Account CB - Description].&amp;[1494210 - CONTRA MTM CURRENT ASSETS]"/>
        <member name="[CB - Account].[Account CB - Description].&amp;[1495000 - Missing]"/>
        <member name="[CB - Account].[Account CB - Description].&amp;[1495001 - Missing]"/>
        <member name="[CB - Account].[Account CB - Description].&amp;[1503000 - Contra Advances]"/>
        <member name="[CB - Account].[Account CB - Description].&amp;[1506000 - Contra Note Receivable-LongTer]"/>
        <member name="[CB - Account].[Account CB - Description].&amp;[1510000 - Missing]"/>
        <member name="[CB - Account].[Account CB - Description].&amp;[1510001 - Missing]"/>
        <member name="[CB - Account].[Account CB - Description].&amp;[1511910 - CONTRA MTM NONCURRENT ASSETS]"/>
        <member name="[CB - Account].[Account CB - Description].&amp;[1530001 - Missing]"/>
        <member name="[CB - Account].[Account CB - Description].&amp;[1530002 - Missing]"/>
        <member name="[CB - Account].[Account CB - Description].&amp;[1540001 - Missing]"/>
        <member name="[CB - Account].[Account CB - Description].&amp;[1540002 - Missing]"/>
        <member name="[CB - Account].[Account CB - Description].&amp;[1540003 - Missing]"/>
        <member name="[CB - Account].[Account CB - Description].&amp;[1549001 - Missing]"/>
        <member name="[CB - Account].[Account CB - Description].&amp;[1560002 - Missing]"/>
        <member name="[CB - Account].[Account CB - Description].&amp;[1560003 - Missing]"/>
        <member name="[CB - Account].[Account CB - Description].&amp;[1630001 - Missing]"/>
        <member name="[CB - Account].[Account CB - Description].&amp;[1641001 - Missing]"/>
        <member name="[CB - Account].[Account CB - Description].&amp;[1641002 - Missing]"/>
        <member name="[CB - Account].[Account CB - Description].&amp;[1641006 - Missing]"/>
        <member name="[CB - Account].[Account CB - Description].&amp;[1642001 - Missing]"/>
        <member name="[CB - Account].[Account CB - Description].&amp;[1642002 - Missing]"/>
        <member name="[CB - Account].[Account CB - Description].&amp;[1643001 - Missing]"/>
        <member name="[CB - Account].[Account CB - Description].&amp;[1643002 - Missing]"/>
        <member name="[CB - Account].[Account CB - Description].&amp;[1650000 - Contra Other Cur Assets]"/>
        <member name="[CB - Account].[Account CB - Description].&amp;[1650001 - Missing]"/>
        <member name="[CB - Account].[Account CB - Description].&amp;[1650002 - Missing]"/>
        <member name="[CB - Account].[Account CB - Description].&amp;[1650003 - Missing]"/>
        <member name="[CB - Account].[Account CB - Description].&amp;[1650004 - Missing]"/>
        <member name="[CB - Account].[Account CB - Description].&amp;[1650005 - Missing]"/>
        <member name="[CB - Account].[Account CB - Description].&amp;[1650006 - Missing]"/>
        <member name="[CB - Account].[Account CB - Description].&amp;[1650007 - Missing]"/>
        <member name="[CB - Account].[Account CB - Description].&amp;[1650010 - Missing]"/>
        <member name="[CB - Account].[Account CB - Description].&amp;[1650011 - Missing]"/>
        <member name="[CB - Account].[Account CB - Description].&amp;[1650013 - Missing]"/>
        <member name="[CB - Account].[Account CB - Description].&amp;[1650014 - Missing]"/>
        <member name="[CB - Account].[Account CB - Description].&amp;[1650015 - Missing]"/>
        <member name="[CB - Account].[Account CB - Description].&amp;[1650016 - Missing]"/>
        <member name="[CB - Account].[Account CB - Description].&amp;[1650017 - Missing]"/>
        <member name="[CB - Account].[Account CB - Description].&amp;[1650018 - Missing]"/>
        <member name="[CB - Account].[Account CB - Description].&amp;[1650019 - Missing]"/>
        <member name="[CB - Account].[Account CB - Description].&amp;[1650020 - Missing]"/>
        <member name="[CB - Account].[Account CB - Description].&amp;[1650021 - Missing]"/>
        <member name="[CB - Account].[Account CB - Description].&amp;[1650022 - Missing]"/>
        <member name="[CB - Account].[Account CB - Description].&amp;[1650023 - Missing]"/>
        <member name="[CB - Account].[Account CB - Description].&amp;[1650024 - Missing]"/>
        <member name="[CB - Account].[Account CB - Description].&amp;[1650030 - Missing]"/>
        <member name="[CB - Account].[Account CB - Description].&amp;[1650031 - Missing]"/>
        <member name="[CB - Account].[Account CB - Description].&amp;[1650032 - Missing]"/>
        <member name="[CB - Account].[Account CB - Description].&amp;[1650033 - Missing]"/>
        <member name="[CB - Account].[Account CB - Description].&amp;[1650034 - Missing]"/>
        <member name="[CB - Account].[Account CB - Description].&amp;[1650035 - Missing]"/>
        <member name="[CB - Account].[Account CB - Description].&amp;[1650036 - Missing]"/>
        <member name="[CB - Account].[Account CB - Description].&amp;[1650037 - Missing]"/>
        <member name="[CB - Account].[Account CB - Description].&amp;[1650038 - Missing]"/>
        <member name="[CB - Account].[Account CB - Description].&amp;[1650039 - Missing]"/>
        <member name="[CB - Account].[Account CB - Description].&amp;[1650040 - Missing]"/>
        <member name="[CB - Account].[Account CB - Description].&amp;[1650041 - Missing]"/>
        <member name="[CB - Account].[Account CB - Description].&amp;[1650043 - Missing]"/>
        <member name="[CB - Account].[Account CB - Description].&amp;[1650045 - Missing]"/>
        <member name="[CB - Account].[Account CB - Description].&amp;[1650046 - Missing]"/>
        <member name="[CB - Account].[Account CB - Description].&amp;[1650047 - Missing]"/>
        <member name="[CB - Account].[Account CB - Description].&amp;[1650049 - Missing]"/>
        <member name="[CB - Account].[Account CB - Description].&amp;[1650051 - Missing]"/>
        <member name="[CB - Account].[Account CB - Description].&amp;[1650053 - Missing]"/>
        <member name="[CB - Account].[Account CB - Description].&amp;[1650056 - Missing]"/>
        <member name="[CB - Account].[Account CB - Description].&amp;[1650057 - Missing]"/>
        <member name="[CB - Account].[Account CB - Description].&amp;[1650058 - Missing]"/>
        <member name="[CB - Account].[Account CB - Description].&amp;[1650059 - Missing]"/>
        <member name="[CB - Account].[Account CB - Description].&amp;[1650060 - Missing]"/>
        <member name="[CB - Account].[Account CB - Description].&amp;[1650061 - Missing]"/>
        <member name="[CB - Account].[Account CB - Description].&amp;[1650062 - Missing]"/>
        <member name="[CB - Account].[Account CB - Description].&amp;[1710001 - Missing]"/>
        <member name="[CB - Account].[Account CB - Description].&amp;[1740001 - Missing]"/>
        <member name="[CB - Account].[Account CB - Description].&amp;[1740002 - Missing]"/>
        <member name="[CB - Account].[Account CB - Description].&amp;[1740003 - Missing]"/>
        <member name="[CB - Account].[Account CB - Description].&amp;[1740004 - Missing]"/>
        <member name="[CB - Account].[Account CB - Description].&amp;[1740005 - Missing]"/>
        <member name="[CB - Account].[Account CB - Description].&amp;[1740006 - Missing]"/>
        <member name="[CB - Account].[Account CB - Description].&amp;[1740007 - Missing]"/>
        <member name="[CB - Account].[Account CB - Description].&amp;[1740008 - Missing]"/>
        <member name="[CB - Account].[Account CB - Description].&amp;[1740009 - Missing]"/>
        <member name="[CB - Account].[Account CB - Description].&amp;[1740010 - Missing]"/>
        <member name="[CB - Account].[Account CB - Description].&amp;[1740012 - Missing]"/>
        <member name="[CB - Account].[Account CB - Description].&amp;[1740013 - Missing]"/>
        <member name="[CB - Account].[Account CB - Description].&amp;[1740014 - Missing]"/>
        <member name="[CB - Account].[Account CB - Description].&amp;[1740015 - Missing]"/>
        <member name="[CB - Account].[Account CB - Description].&amp;[1740016 - Missing]"/>
        <member name="[CB - Account].[Account CB - Description].&amp;[1740017 - Missing]"/>
        <member name="[CB - Account].[Account CB - Description].&amp;[1740019 - Missing]"/>
        <member name="[CB - Account].[Account CB - Description].&amp;[1740020 - Missing]"/>
        <member name="[CB - Account].[Account CB - Description].&amp;[1740022 - Missing]"/>
        <member name="[CB - Account].[Account CB - Description].&amp;[1740023 - Missing]"/>
        <member name="[CB - Account].[Account CB - Description].&amp;[1803000 - Vehicle Expense - Budgets Only]"/>
        <member name="[CB - Account].[Account CB - Description].&amp;[1803100 - Passenger Cars/ Station Wagons]"/>
        <member name="[CB - Account].[Account CB - Description].&amp;[1803110 - Light Trucks]"/>
        <member name="[CB - Account].[Account CB - Description].&amp;[1803120 - Medium Duty Trucks]"/>
        <member name="[CB - Account].[Account CB - Description].&amp;[1803130 - Heavy Duty Trucks]"/>
        <member name="[CB - Account].[Account CB - Description].&amp;[1803140 - Med Duty Tks/W Power Take Off]"/>
        <member name="[CB - Account].[Account CB - Description].&amp;[1803150 - Hvy Duty Trks W/Pwr Take Off]"/>
        <member name="[CB - Account].[Account CB - Description].&amp;[1803160 - Special Tractor/Trailer Comb]"/>
        <member name="[CB - Account].[Account CB - Description].&amp;[1803170 - Truck Tractors]"/>
        <member name="[CB - Account].[Account CB - Description].&amp;[1803180 - All Trailers]"/>
        <member name="[CB - Account].[Account CB - Description].&amp;[1803190 - Inactive]"/>
        <member name="[CB - Account].[Account CB - Description].&amp;[1803270 - Insurance]"/>
        <member name="[CB - Account].[Account CB - Description].&amp;[1803280 - Motor Vehicle License]"/>
        <member name="[CB - Account].[Account CB - Description].&amp;[1803290 - Miscellaneous Expense]"/>
        <member name="[CB - Account].[Account CB - Description].&amp;[1803300 - Garage Training]"/>
        <member name="[CB - Account].[Account CB - Description].&amp;[1803400 - Auto &amp; Truck Clearing]"/>
        <member name="[CB - Account].[Account CB - Description].&amp;[1803510 - Inactive]"/>
        <member name="[CB - Account].[Account CB - Description].&amp;[1803520 - Inactive]"/>
        <member name="[CB - Account].[Account CB - Description].&amp;[1803530 - Inactive]"/>
        <member name="[CB - Account].[Account CB - Description].&amp;[1803540 - Bus Maint Exp-Power Train]"/>
        <member name="[CB - Account].[Account CB - Description].&amp;[1803550 - Inactive]"/>
        <member name="[CB - Account].[Account CB - Description].&amp;[1803560 - Inactive]"/>
        <member name="[CB - Account].[Account CB - Description].&amp;[1803570 - Inactive]"/>
        <member name="[CB - Account].[Account CB - Description].&amp;[1803580 - Inactive]"/>
        <member name="[CB - Account].[Account CB - Description].&amp;[1803590 - Inactive]"/>
        <member name="[CB - Account].[Account CB - Description].&amp;[1803600 - Inactive]"/>
        <member name="[CB - Account].[Account CB - Description].&amp;[1803610 - Inactive]"/>
        <member name="[CB - Account].[Account CB - Description].&amp;[1803620 - Inactive]"/>
        <member name="[CB - Account].[Account CB - Description].&amp;[1803630 - Inactive]"/>
        <member name="[CB - Account].[Account CB - Description].&amp;[1803640 - Inactive]"/>
        <member name="[CB - Account].[Account CB - Description].&amp;[1803650 - Inactive]"/>
        <member name="[CB - Account].[Account CB - Description].&amp;[1803660 - Inactive]"/>
        <member name="[CB - Account].[Account CB - Description].&amp;[1803670 - Inactive]"/>
        <member name="[CB - Account].[Account CB - Description].&amp;[1803680 - Inactive]"/>
        <member name="[CB - Account].[Account CB - Description].&amp;[1803690 - Inactive]"/>
        <member name="[CB - Account].[Account CB - Description].&amp;[1803700 - Inactive]"/>
        <member name="[CB - Account].[Account CB - Description].&amp;[1803710 - Inactive]"/>
        <member name="[CB - Account].[Account CB - Description].&amp;[1803720 - Inactive]"/>
        <member name="[CB - Account].[Account CB - Description].&amp;[1803760 - Garage-Unproductive Wages-Sick]"/>
        <member name="[CB - Account].[Account CB - Description].&amp;[1803790 - Garage-Unprod Wages-Doctor/Den]"/>
        <member name="[CB - Account].[Account CB - Description].&amp;[1803800 - Inactive]"/>
        <member name="[CB - Account].[Account CB - Description].&amp;[1810001 - Missing]"/>
        <member name="[CB - Account].[Account CB - Description].&amp;[1810002 - Missing]"/>
        <member name="[CB - Account].[Account CB - Description].&amp;[1810003 - Missing]"/>
        <member name="[CB - Account].[Account CB - Description].&amp;[1810004 - Missing]"/>
        <member name="[CB - Account].[Account CB - Description].&amp;[1810005 - Missing]"/>
        <member name="[CB - Account].[Account CB - Description].&amp;[1810006 - Missing]"/>
        <member name="[CB - Account].[Account CB - Description].&amp;[1810009 - Missing]"/>
        <member name="[CB - Account].[Account CB - Description].&amp;[1810010 - Missing]"/>
        <member name="[CB - Account].[Account CB - Description].&amp;[1810011 - Missing]"/>
        <member name="[CB - Account].[Account CB - Description].&amp;[1810012 - Missing]"/>
        <member name="[CB - Account].[Account CB - Description].&amp;[1810013 - Missing]"/>
        <member name="[CB - Account].[Account CB - Description].&amp;[1810014 - Missing]"/>
        <member name="[CB - Account].[Account CB - Description].&amp;[1810015 - Missing]"/>
        <member name="[CB - Account].[Account CB - Description].&amp;[1810017 - Missing]"/>
        <member name="[CB - Account].[Account CB - Description].&amp;[1810018 - Missing]"/>
        <member name="[CB - Account].[Account CB - Description].&amp;[1810020 - Missing]"/>
        <member name="[CB - Account].[Account CB - Description].&amp;[1810021 - Missing]"/>
        <member name="[CB - Account].[Account CB - Description].&amp;[1810022 - Missing]"/>
        <member name="[CB - Account].[Account CB - Description].&amp;[1810023 - Missing]"/>
        <member name="[CB - Account].[Account CB - Description].&amp;[1810024 - Missing]"/>
        <member name="[CB - Account].[Account CB - Description].&amp;[1810025 - Missing]"/>
        <member name="[CB - Account].[Account CB - Description].&amp;[1810026 - Missing]"/>
        <member name="[CB - Account].[Account CB - Description].&amp;[1810027 - Missing]"/>
        <member name="[CB - Account].[Account CB - Description].&amp;[1810028 - Missing]"/>
        <member name="[CB - Account].[Account CB - Description].&amp;[1810029 - Missing]"/>
        <member name="[CB - Account].[Account CB - Description].&amp;[1810030 - Missing]"/>
        <member name="[CB - Account].[Account CB - Description].&amp;[1810031 - Missing]"/>
        <member name="[CB - Account].[Account CB - Description].&amp;[1810032 - Missing]"/>
        <member name="[CB - Account].[Account CB - Description].&amp;[1810033 - Missing]"/>
        <member name="[CB - Account].[Account CB - Description].&amp;[1810034 - Missing]"/>
        <member name="[CB - Account].[Account CB - Description].&amp;[1810035 - Missing]"/>
        <member name="[CB - Account].[Account CB - Description].&amp;[1810036 - Missing]"/>
        <member name="[CB - Account].[Account CB - Description].&amp;[1810037 - Missing]"/>
        <member name="[CB - Account].[Account CB - Description].&amp;[1823001 - Missing]"/>
        <member name="[CB - Account].[Account CB - Description].&amp;[1823002 - Missing]"/>
        <member name="[CB - Account].[Account CB - Description].&amp;[1823004 - Missing]"/>
        <member name="[CB - Account].[Account CB - Description].&amp;[1823005 - Missing]"/>
        <member name="[CB - Account].[Account CB - Description].&amp;[1823006 - Missing]"/>
        <member name="[CB - Account].[Account CB - Description].&amp;[1823007 - Missing]"/>
        <member name="[CB - Account].[Account CB - Description].&amp;[1823008 - Missing]"/>
        <member name="[CB - Account].[Account CB - Description].&amp;[1823009 - Missing]"/>
        <member name="[CB - Account].[Account CB - Description].&amp;[1823010 - Missing]"/>
        <member name="[CB - Account].[Account CB - Description].&amp;[1823011 - Missing]"/>
        <member name="[CB - Account].[Account CB - Description].&amp;[1823012 - Missing]"/>
        <member name="[CB - Account].[Account CB - Description].&amp;[1823013 - Missing]"/>
        <member name="[CB - Account].[Account CB - Description].&amp;[1823014 - Missing]"/>
        <member name="[CB - Account].[Account CB - Description].&amp;[1823015 - Missing]"/>
        <member name="[CB - Account].[Account CB - Description].&amp;[1823017 - Missing]"/>
        <member name="[CB - Account].[Account CB - Description].&amp;[1823018 - Missing]"/>
        <member name="[CB - Account].[Account CB - Description].&amp;[1823020 - Missing]"/>
        <member name="[CB - Account].[Account CB - Description].&amp;[1823021 - Missing]"/>
        <member name="[CB - Account].[Account CB - Description].&amp;[1823023 - Missing]"/>
        <member name="[CB - Account].[Account CB - Description].&amp;[1823024 - Missing]"/>
        <member name="[CB - Account].[Account CB - Description].&amp;[1823025 - Missing]"/>
        <member name="[CB - Account].[Account CB - Description].&amp;[1823026 - Missing]"/>
        <member name="[CB - Account].[Account CB - Description].&amp;[1823027 - Missing]"/>
        <member name="[CB - Account].[Account CB - Description].&amp;[1823028 - Missing]"/>
        <member name="[CB - Account].[Account CB - Description].&amp;[1823030 - Missing]"/>
        <member name="[CB - Account].[Account CB - Description].&amp;[1823031 - Missing]"/>
        <member name="[CB - Account].[Account CB - Description].&amp;[1823032 - Missing]"/>
        <member name="[CB - Account].[Account CB - Description].&amp;[1823035 - Missing]"/>
        <member name="[CB - Account].[Account CB - Description].&amp;[1823038 - Missing]"/>
        <member name="[CB - Account].[Account CB - Description].&amp;[1823040 - Missing]"/>
        <member name="[CB - Account].[Account CB - Description].&amp;[1823042 - Missing]"/>
        <member name="[CB - Account].[Account CB - Description].&amp;[1823043 - Missing]"/>
        <member name="[CB - Account].[Account CB - Description].&amp;[1823044 - Missing]"/>
        <member name="[CB - Account].[Account CB - Description].&amp;[1823045 - Missing]"/>
        <member name="[CB - Account].[Account CB - Description].&amp;[1823046 - Missing]"/>
        <member name="[CB - Account].[Account CB - Description].&amp;[1823047 - Missing]"/>
        <member name="[CB - Account].[Account CB - Description].&amp;[1823048 - Missing]"/>
        <member name="[CB - Account].[Account CB - Description].&amp;[1823049 - Missing]"/>
        <member name="[CB - Account].[Account CB - Description].&amp;[1823051 - Missing]"/>
        <member name="[CB - Account].[Account CB - Description].&amp;[1823052 - Missing]"/>
        <member name="[CB - Account].[Account CB - Description].&amp;[1823053 - Missing]"/>
        <member name="[CB - Account].[Account CB - Description].&amp;[1823054 - Missing]"/>
        <member name="[CB - Account].[Account CB - Description].&amp;[1823055 - Missing]"/>
        <member name="[CB - Account].[Account CB - Description].&amp;[1823056 - Missing]"/>
        <member name="[CB - Account].[Account CB - Description].&amp;[1823058 - Missing]"/>
        <member name="[CB - Account].[Account CB - Description].&amp;[1823059 - Missing]"/>
        <member name="[CB - Account].[Account CB - Description].&amp;[1823060 - Missing]"/>
        <member name="[CB - Account].[Account CB - Description].&amp;[1823061 - Missing]"/>
        <member name="[CB - Account].[Account CB - Description].&amp;[1823062 - Missing]"/>
        <member name="[CB - Account].[Account CB - Description].&amp;[1823063 - Missing]"/>
        <member name="[CB - Account].[Account CB - Description].&amp;[1823064 - Missing]"/>
        <member name="[CB - Account].[Account CB - Description].&amp;[1823065 - Missing]"/>
        <member name="[CB - Account].[Account CB - Description].&amp;[1823067 - Missing]"/>
        <member name="[CB - Account].[Account CB - Description].&amp;[1823069 - Missing]"/>
        <member name="[CB - Account].[Account CB - Description].&amp;[1823070 - Missing]"/>
        <member name="[CB - Account].[Account CB - Description].&amp;[1823071 - Missing]"/>
        <member name="[CB - Account].[Account CB - Description].&amp;[1823073 - Missing]"/>
        <member name="[CB - Account].[Account CB - Description].&amp;[1823074 - Missing]"/>
        <member name="[CB - Account].[Account CB - Description].&amp;[1823075 - Missing]"/>
        <member name="[CB - Account].[Account CB - Description].&amp;[1823076 - Missing]"/>
        <member name="[CB - Account].[Account CB - Description].&amp;[1823077 - Missing]"/>
        <member name="[CB - Account].[Account CB - Description].&amp;[1823082 - Missing]"/>
        <member name="[CB - Account].[Account CB - Description].&amp;[1823083 - Missing]"/>
        <member name="[CB - Account].[Account CB - Description].&amp;[1823084 - Missing]"/>
        <member name="[CB - Account].[Account CB - Description].&amp;[1823085 - Missing]"/>
        <member name="[CB - Account].[Account CB - Description].&amp;[1823086 - Missing]"/>
        <member name="[CB - Account].[Account CB - Description].&amp;[1823087 - Missing]"/>
        <member name="[CB - Account].[Account CB - Description].&amp;[1823088 - Missing]"/>
        <member name="[CB - Account].[Account CB - Description].&amp;[1823090 - Missing]"/>
        <member name="[CB - Account].[Account CB - Description].&amp;[1823091 - Missing]"/>
        <member name="[CB - Account].[Account CB - Description].&amp;[1823092 - Missing]"/>
        <member name="[CB - Account].[Account CB - Description].&amp;[1823093 - Missing]"/>
        <member name="[CB - Account].[Account CB - Description].&amp;[1823094 - Missing]"/>
        <member name="[CB - Account].[Account CB - Description].&amp;[1823096 - Missing]"/>
        <member name="[CB - Account].[Account CB - Description].&amp;[1823098 - Missing]"/>
        <member name="[CB - Account].[Account CB - Description].&amp;[1823099 - Missing]"/>
        <member name="[CB - Account].[Account CB - Description].&amp;[1823120 - Missing]"/>
        <member name="[CB - Account].[Account CB - Description].&amp;[1823121 - Missing]"/>
        <member name="[CB - Account].[Account CB - Description].&amp;[1823141 - Missing]"/>
        <member name="[CB - Account].[Account CB - Description].&amp;[1823142 - Missing]"/>
        <member name="[CB - Account].[Account CB - Description].&amp;[1823143 - Missing]"/>
        <member name="[CB - Account].[Account CB - Description].&amp;[1823144 - Missing]"/>
        <member name="[CB - Account].[Account CB - Description].&amp;[1823145 - Missing]"/>
        <member name="[CB - Account].[Account CB - Description].&amp;[1823147 - Missing]"/>
        <member name="[CB - Account].[Account CB - Description].&amp;[1823148 - Missing]"/>
        <member name="[CB - Account].[Account CB - Description].&amp;[1823149 - Missing]"/>
        <member name="[CB - Account].[Account CB - Description].&amp;[1823150 - Missing]"/>
        <member name="[CB - Account].[Account CB - Description].&amp;[1823151 - Missing]"/>
        <member name="[CB - Account].[Account CB - Description].&amp;[1823152 - Missing]"/>
        <member name="[CB - Account].[Account CB - Description].&amp;[1823153 - Missing]"/>
        <member name="[CB - Account].[Account CB - Description].&amp;[1823154 - Missing]"/>
        <member name="[CB - Account].[Account CB - Description].&amp;[1823155 - Missing]"/>
        <member name="[CB - Account].[Account CB - Description].&amp;[1823156 - Missing]"/>
        <member name="[CB - Account].[Account CB - Description].&amp;[1823157 - Missing]"/>
        <member name="[CB - Account].[Account CB - Description].&amp;[1823166 - Missing]"/>
        <member name="[CB - Account].[Account CB - Description].&amp;[1823167 - Missing]"/>
        <member name="[CB - Account].[Account CB - Description].&amp;[1823168 - Missing]"/>
        <member name="[CB - Account].[Account CB - Description].&amp;[1823169 - Missing]"/>
        <member name="[CB - Account].[Account CB - Description].&amp;[1823170 - Missing]"/>
        <member name="[CB - Account].[Account CB - Description].&amp;[1823171 - Missing]"/>
        <member name="[CB - Account].[Account CB - Description].&amp;[1823172 - Missing]"/>
        <member name="[CB - Account].[Account CB - Description].&amp;[1823173 - Missing]"/>
        <member name="[CB - Account].[Account CB - Description].&amp;[183000 - Missing]"/>
        <member name="[CB - Account].[Account CB - Description].&amp;[1830000 - Equipment Expense-Budgets Only]"/>
        <member name="[CB - Account].[Account CB - Description].&amp;[1830200 - Underground Trenchers]"/>
        <member name="[CB - Account].[Account CB - Description].&amp;[1830210 - Underground Back Hoes]"/>
        <member name="[CB - Account].[Account CB - Description].&amp;[1830220 - Inactive]"/>
        <member name="[CB - Account].[Account CB - Description].&amp;[1830230 - Inactive]"/>
        <member name="[CB - Account].[Account CB - Description].&amp;[1830300 - Dozers-Medium]"/>
        <member name="[CB - Account].[Account CB - Description].&amp;[1830310 - Inactive]"/>
        <member name="[CB - Account].[Account CB - Description].&amp;[1830320 - Inactive]"/>
        <member name="[CB - Account].[Account CB - Description].&amp;[1830330 - Cranes-Small]"/>
        <member name="[CB - Account].[Account CB - Description].&amp;[1830340 - Inactive]"/>
        <member name="[CB - Account].[Account CB - Description].&amp;[1830350 - Stringing Equip-Reel Carts]"/>
        <member name="[CB - Account].[Account CB - Description].&amp;[1830360 - Mobile Equipment]"/>
        <member name="[CB - Account].[Account CB - Description].&amp;[1830370 - Miscellaneous Equipment]"/>
        <member name="[CB - Account].[Account CB - Description].&amp;[1831001 - Missing]"/>
        <member name="[CB - Account].[Account CB - Description].&amp;[1832001 - Missing]"/>
        <member name="[CB - Account].[Account CB - Description].&amp;[1840001 - Missing]"/>
        <member name="[CB - Account].[Account CB - Description].&amp;[1840002 - Missing]"/>
        <member name="[CB - Account].[Account CB - Description].&amp;[1840003 - Missing]"/>
        <member name="[CB - Account].[Account CB - Description].&amp;[1840005 - Missing]"/>
        <member name="[CB - Account].[Account CB - Description].&amp;[1840006 - Missing]"/>
        <member name="[CB - Account].[Account CB - Description].&amp;[1840007 - Missing]"/>
        <member name="[CB - Account].[Account CB - Description].&amp;[1840009 - Missing]"/>
        <member name="[CB - Account].[Account CB - Description].&amp;[1840010 - Missing]"/>
        <member name="[CB - Account].[Account CB - Description].&amp;[1840011 - Missing]"/>
        <member name="[CB - Account].[Account CB - Description].&amp;[1840012 - Missing]"/>
        <member name="[CB - Account].[Account CB - Description].&amp;[1840013 - Missing]"/>
        <member name="[CB - Account].[Account CB - Description].&amp;[1840015 - Missing]"/>
        <member name="[CB - Account].[Account CB - Description].&amp;[1840016 - Missing]"/>
        <member name="[CB - Account].[Account CB - Description].&amp;[1840021 - Missing]"/>
        <member name="[CB - Account].[Account CB - Description].&amp;[1840022 - Missing]"/>
        <member name="[CB - Account].[Account CB - Description].&amp;[1840023 - Missing]"/>
        <member name="[CB - Account].[Account CB - Description].&amp;[1840026 - Missing]"/>
        <member name="[CB - Account].[Account CB - Description].&amp;[1840027 - Missing]"/>
        <member name="[CB - Account].[Account CB - Description].&amp;[1840029 - Missing]"/>
        <member name="[CB - Account].[Account CB - Description].&amp;[1840031 - Missing]"/>
        <member name="[CB - Account].[Account CB - Description].&amp;[1840033 - Missing]"/>
        <member name="[CB - Account].[Account CB - Description].&amp;[1840034 - Missing]"/>
        <member name="[CB - Account].[Account CB - Description].&amp;[1840035 - Missing]"/>
        <member name="[CB - Account].[Account CB - Description].&amp;[1840036 - Missing]"/>
        <member name="[CB - Account].[Account CB - Description].&amp;[1840037 - Missing]"/>
        <member name="[CB - Account].[Account CB - Description].&amp;[1840038 - Missing]"/>
        <member name="[CB - Account].[Account CB - Description].&amp;[1840046 - Missing]"/>
        <member name="[CB - Account].[Account CB - Description].&amp;[1840049 - Missing]"/>
        <member name="[CB - Account].[Account CB - Description].&amp;[1840050 - Missing]"/>
        <member name="[CB - Account].[Account CB - Description].&amp;[1840051 - Missing]"/>
        <member name="[CB - Account].[Account CB - Description].&amp;[1840053 - Missing]"/>
        <member name="[CB - Account].[Account CB - Description].&amp;[1840054 - Missing]"/>
        <member name="[CB - Account].[Account CB - Description].&amp;[1840200 - Ug Trenchers-Distributed]"/>
        <member name="[CB - Account].[Account CB - Description].&amp;[1840210 - Ug Backhoes-Distributed]"/>
        <member name="[CB - Account].[Account CB - Description].&amp;[1840220 - Inactive]"/>
        <member name="[CB - Account].[Account CB - Description].&amp;[1840230 - Inactive]"/>
        <member name="[CB - Account].[Account CB - Description].&amp;[1840300 - Trans Dept Equip-Distributed]"/>
        <member name="[CB - Account].[Account CB - Description].&amp;[1840301 - Missing]"/>
        <member name="[CB - Account].[Account CB - Description].&amp;[1840302 - Missing]"/>
        <member name="[CB - Account].[Account CB - Description].&amp;[1840303 - Missing]"/>
        <member name="[CB - Account].[Account CB - Description].&amp;[1840304 - Missing]"/>
        <member name="[CB - Account].[Account CB - Description].&amp;[1840307 - Missing]"/>
        <member name="[CB - Account].[Account CB - Description].&amp;[1840308 - Missing]"/>
        <member name="[CB - Account].[Account CB - Description].&amp;[1840309 - Missing]"/>
        <member name="[CB - Account].[Account CB - Description].&amp;[1840902 - Missing]"/>
        <member name="[CB - Account].[Account CB - Description].&amp;[1840903 - Missing]"/>
        <member name="[CB - Account].[Account CB - Description].&amp;[1840917 - Missing]"/>
        <member name="[CB - Account].[Account CB - Description].&amp;[1840918 - Missing]"/>
        <member name="[CB - Account].[Account CB - Description].&amp;[1840999 - Missing]"/>
        <member name="[CB - Account].[Account CB - Description].&amp;[1841001 - Missing]"/>
        <member name="[CB - Account].[Account CB - Description].&amp;[1841065 - Missing]"/>
        <member name="[CB - Account].[Account CB - Description].&amp;[1841066 - Missing]"/>
        <member name="[CB - Account].[Account CB - Description].&amp;[1842001 - Missing]"/>
        <member name="[CB - Account].[Account CB - Description].&amp;[1843001 - Missing]"/>
        <member name="[CB - Account].[Account CB - Description].&amp;[1845001 - Missing]"/>
        <member name="[CB - Account].[Account CB - Description].&amp;[1845002 - Missing]"/>
        <member name="[CB - Account].[Account CB - Description].&amp;[1845003 - Missing]"/>
        <member name="[CB - Account].[Account CB - Description].&amp;[1845004 - Missing]"/>
        <member name="[CB - Account].[Account CB - Description].&amp;[1845005 - Missing]"/>
        <member name="[CB - Account].[Account CB - Description].&amp;[1845006 - Missing]"/>
        <member name="[CB - Account].[Account CB - Description].&amp;[1846001 - Missing]"/>
        <member name="[CB - Account].[Account CB - Description].&amp;[1846002 - Missing]"/>
        <member name="[CB - Account].[Account CB - Description].&amp;[1847001 - Missing]"/>
        <member name="[CB - Account].[Account CB - Description].&amp;[1847002 - Missing]"/>
        <member name="[CB - Account].[Account CB - Description].&amp;[1848001 - Missing]"/>
        <member name="[CB - Account].[Account CB - Description].&amp;[1849001 - Missing]"/>
        <member name="[CB - Account].[Account CB - Description].&amp;[1849002 - Missing]"/>
        <member name="[CB - Account].[Account CB - Description].&amp;[1860000 - Contra Deferred Debit]"/>
        <member name="[CB - Account].[Account CB - Description].&amp;[1860001 - Missing]"/>
        <member name="[CB - Account].[Account CB - Description].&amp;[1860003 - Missing]"/>
        <member name="[CB - Account].[Account CB - Description].&amp;[1860004 - Missing]"/>
        <member name="[CB - Account].[Account CB - Description].&amp;[1860005 - Missing]"/>
        <member name="[CB - Account].[Account CB - Description].&amp;[1860006 - Missing]"/>
        <member name="[CB - Account].[Account CB - Description].&amp;[1860007 - Missing]"/>
        <member name="[CB - Account].[Account CB - Description].&amp;[1860008 - Missing]"/>
        <member name="[CB - Account].[Account CB - Description].&amp;[1860010 - Missing]"/>
        <member name="[CB - Account].[Account CB - Description].&amp;[1860011 - Missing]"/>
        <member name="[CB - Account].[Account CB - Description].&amp;[1860013 - Missing]"/>
        <member name="[CB - Account].[Account CB - Description].&amp;[1860014 - Missing]"/>
        <member name="[CB - Account].[Account CB - Description].&amp;[1860015 - Missing]"/>
        <member name="[CB - Account].[Account CB - Description].&amp;[1860016 - Missing]"/>
        <member name="[CB - Account].[Account CB - Description].&amp;[1860017 - Missing]"/>
        <member name="[CB - Account].[Account CB - Description].&amp;[1860018 - Missing]"/>
        <member name="[CB - Account].[Account CB - Description].&amp;[1860019 - Missing]"/>
        <member name="[CB - Account].[Account CB - Description].&amp;[1860021 - Missing]"/>
        <member name="[CB - Account].[Account CB - Description].&amp;[1860022 - Missing]"/>
        <member name="[CB - Account].[Account CB - Description].&amp;[1860023 - Missing]"/>
        <member name="[CB - Account].[Account CB - Description].&amp;[1860024 - Missing]"/>
        <member name="[CB - Account].[Account CB - Description].&amp;[1860025 - Missing]"/>
        <member name="[CB - Account].[Account CB - Description].&amp;[1860026 - Missing]"/>
        <member name="[CB - Account].[Account CB - Description].&amp;[1860027 - Missing]"/>
        <member name="[CB - Account].[Account CB - Description].&amp;[1860028 - Missing]"/>
        <member name="[CB - Account].[Account CB - Description].&amp;[1860029 - Missing]"/>
        <member name="[CB - Account].[Account CB - Description].&amp;[1860030 - Missing]"/>
        <member name="[CB - Account].[Account CB - Description].&amp;[1860031 - Missing]"/>
        <member name="[CB - Account].[Account CB - Description].&amp;[1860032 - Missing]"/>
        <member name="[CB - Account].[Account CB - Description].&amp;[1860033 - Missing]"/>
        <member name="[CB - Account].[Account CB - Description].&amp;[1860034 - Missing]"/>
        <member name="[CB - Account].[Account CB - Description].&amp;[1860035 - Missing]"/>
        <member name="[CB - Account].[Account CB - Description].&amp;[1860078 - Missing]"/>
        <member name="[CB - Account].[Account CB - Description].&amp;[1860079 - Missing]"/>
        <member name="[CB - Account].[Account CB - Description].&amp;[1860087 - Missing]"/>
        <member name="[CB - Account].[Account CB - Description].&amp;[1860089 - Missing]"/>
        <member name="[CB - Account].[Account CB - Description].&amp;[1860090 - Missing]"/>
        <member name="[CB - Account].[Account CB - Description].&amp;[1860091 - Missing]"/>
        <member name="[CB - Account].[Account CB - Description].&amp;[1860092 - Missing]"/>
        <member name="[CB - Account].[Account CB - Description].&amp;[1860093 - Missing]"/>
        <member name="[CB - Account].[Account CB - Description].&amp;[1860094 - Missing]"/>
        <member name="[CB - Account].[Account CB - Description].&amp;[1860095 - Missing]"/>
        <member name="[CB - Account].[Account CB - Description].&amp;[1860096 - Missing]"/>
        <member name="[CB - Account].[Account CB - Description].&amp;[1860097 - Missing]"/>
        <member name="[CB - Account].[Account CB - Description].&amp;[1860102 - Missing]"/>
        <member name="[CB - Account].[Account CB - Description].&amp;[1860105 - Missing]"/>
        <member name="[CB - Account].[Account CB - Description].&amp;[1860106 - Missing]"/>
        <member name="[CB - Account].[Account CB - Description].&amp;[1860107 - Missing]"/>
        <member name="[CB - Account].[Account CB - Description].&amp;[1860108 - Missing]"/>
        <member name="[CB - Account].[Account CB - Description].&amp;[1860109 - Missing]"/>
        <member name="[CB - Account].[Account CB - Description].&amp;[1860110 - Missing]"/>
        <member name="[CB - Account].[Account CB - Description].&amp;[1860111 - Missing]"/>
        <member name="[CB - Account].[Account CB - Description].&amp;[1860112 - Missing]"/>
        <member name="[CB - Account].[Account CB - Description].&amp;[1860113 - Missing]"/>
        <member name="[CB - Account].[Account CB - Description].&amp;[1860114 - Missing]"/>
        <member name="[CB - Account].[Account CB - Description].&amp;[1860117 - Missing]"/>
        <member name="[CB - Account].[Account CB - Description].&amp;[1860118 - Missing]"/>
        <member name="[CB - Account].[Account CB - Description].&amp;[1860119 - Missing]"/>
        <member name="[CB - Account].[Account CB - Description].&amp;[1860120 - Missing]"/>
        <member name="[CB - Account].[Account CB - Description].&amp;[1861001 - Missing]"/>
        <member name="[CB - Account].[Account CB - Description].&amp;[1861003 - Missing]"/>
        <member name="[CB - Account].[Account CB - Description].&amp;[186120 - Missing]"/>
        <member name="[CB - Account].[Account CB - Description].&amp;[1864700 - Missing]"/>
        <member name="[CB - Account].[Account CB - Description].&amp;[1865001 - Missing]"/>
        <member name="[CB - Account].[Account CB - Description].&amp;[1868001 - Missing]"/>
        <member name="[CB - Account].[Account CB - Description].&amp;[1868002 - Missing]"/>
        <member name="[CB - Account].[Account CB - Description].&amp;[1880001 - Missing]"/>
        <member name="[CB - Account].[Account CB - Description].&amp;[1890001 - Missing]"/>
        <member name="[CB - Account].[Account CB - Description].&amp;[1890002 - Missing]"/>
        <member name="[CB - Account].[Account CB - Description].&amp;[1890003 - Missing]"/>
        <member name="[CB - Account].[Account CB - Description].&amp;[1890004 - Missing]"/>
        <member name="[CB - Account].[Account CB - Description].&amp;[1890005 - Missing]"/>
        <member name="[CB - Account].[Account CB - Description].&amp;[1890006 - Missing]"/>
        <member name="[CB - Account].[Account CB - Description].&amp;[1890007 - Missing]"/>
        <member name="[CB - Account].[Account CB - Description].&amp;[1890008 - Missing]"/>
        <member name="[CB - Account].[Account CB - Description].&amp;[1890010 - Missing]"/>
        <member name="[CB - Account].[Account CB - Description].&amp;[1890011 - Missing]"/>
        <member name="[CB - Account].[Account CB - Description].&amp;[1890013 - Missing]"/>
        <member name="[CB - Account].[Account CB - Description].&amp;[1890014 - Missing]"/>
        <member name="[CB - Account].[Account CB - Description].&amp;[1900001 - Missing]"/>
        <member name="[CB - Account].[Account CB - Description].&amp;[1900002 - Missing]"/>
        <member name="[CB - Account].[Account CB - Description].&amp;[1900003 - Missing]"/>
        <member name="[CB - Account].[Account CB - Description].&amp;[1900004 - Missing]"/>
        <member name="[CB - Account].[Account CB - Description].&amp;[1900005 - Missing]"/>
        <member name="[CB - Account].[Account CB - Description].&amp;[1900006 - Missing]"/>
        <member name="[CB - Account].[Account CB - Description].&amp;[1900007 - Missing]"/>
        <member name="[CB - Account].[Account CB - Description].&amp;[1900008 - Missing]"/>
        <member name="[CB - Account].[Account CB - Description].&amp;[1900009 - Missing]"/>
        <member name="[CB - Account].[Account CB - Description].&amp;[1900010 - Missing]"/>
        <member name="[CB - Account].[Account CB - Description].&amp;[1900012 - Missing]"/>
        <member name="[CB - Account].[Account CB - Description].&amp;[1910001 - Missing]"/>
        <member name="[CB - Account].[Account CB - Description].&amp;[1910002 - Missing]"/>
        <member name="[CB - Account].[Account CB - Description].&amp;[2010001 - Missing]"/>
        <member name="[CB - Account].[Account CB - Description].&amp;[2010002 - Missing]"/>
        <member name="[CB - Account].[Account CB - Description].&amp;[2040005 - Missing]"/>
        <member name="[CB - Account].[Account CB - Description].&amp;[2040008 - Missing]"/>
        <member name="[CB - Account].[Account CB - Description].&amp;[2040009 - Missing]"/>
        <member name="[CB - Account].[Account CB - Description].&amp;[2040011 - Missing]"/>
        <member name="[CB - Account].[Account CB - Description].&amp;[2040012 - Missing]"/>
        <member name="[CB - Account].[Account CB - Description].&amp;[2040013 - Missing]"/>
        <member name="[CB - Account].[Account CB - Description].&amp;[2040014 - Missing]"/>
        <member name="[CB - Account].[Account CB - Description].&amp;[2070001 - Missing]"/>
        <member name="[CB - Account].[Account CB - Description].&amp;[2070002 - Missing]"/>
        <member name="[CB - Account].[Account CB - Description].&amp;[2070003 - Missing]"/>
        <member name="[CB - Account].[Account CB - Description].&amp;[2080001 - Missing]"/>
        <member name="[CB - Account].[Account CB - Description].&amp;[2100001 - Missing]"/>
        <member name="[CB - Account].[Account CB - Description].&amp;[2100002 - Missing]"/>
        <member name="[CB - Account].[Account CB - Description].&amp;[2100004 - Missing]"/>
        <member name="[CB - Account].[Account CB - Description].&amp;[2100005 - Missing]"/>
        <member name="[CB - Account].[Account CB - Description].&amp;[2100006 - Missing]"/>
        <member name="[CB - Account].[Account CB - Description].&amp;[2100007 - Missing]"/>
        <member name="[CB - Account].[Account CB - Description].&amp;[2100008 - Missing]"/>
        <member name="[CB - Account].[Account CB - Description].&amp;[2100009 - Missing]"/>
        <member name="[CB - Account].[Account CB - Description].&amp;[2100010 - Missing]"/>
        <member name="[CB - Account].[Account CB - Description].&amp;[2100011 - Missing]"/>
        <member name="[CB - Account].[Account CB - Description].&amp;[2100012 - Missing]"/>
        <member name="[CB - Account].[Account CB - Description].&amp;[2107000 - Contra Accounts Payable]"/>
        <member name="[CB - Account].[Account CB - Description].&amp;[2110001 - Missing]"/>
        <member name="[CB - Account].[Account CB - Description].&amp;[2110002 - Missing]"/>
        <member name="[CB - Account].[Account CB - Description].&amp;[2110004 - Missing]"/>
        <member name="[CB - Account].[Account CB - Description].&amp;[2110005 - Missing]"/>
        <member name="[CB - Account].[Account CB - Description].&amp;[2110006 - Missing]"/>
        <member name="[CB - Account].[Account CB - Description].&amp;[2110007 - Missing]"/>
        <member name="[CB - Account].[Account CB - Description].&amp;[2110008 - Missing]"/>
        <member name="[CB - Account].[Account CB - Description].&amp;[2110009 - Missing]"/>
        <member name="[CB - Account].[Account CB - Description].&amp;[2110010 - Missing]"/>
        <member name="[CB - Account].[Account CB - Description].&amp;[2110011 - Missing]"/>
        <member name="[CB - Account].[Account CB - Description].&amp;[2110012 - Missing]"/>
        <member name="[CB - Account].[Account CB - Description].&amp;[2110014 - Missing]"/>
        <member name="[CB - Account].[Account CB - Description].&amp;[2110015 - Missing]"/>
        <member name="[CB - Account].[Account CB - Description].&amp;[2110016 - Missing]"/>
        <member name="[CB - Account].[Account CB - Description].&amp;[2110017 - Missing]"/>
        <member name="[CB - Account].[Account CB - Description].&amp;[2140001 - Missing]"/>
        <member name="[CB - Account].[Account CB - Description].&amp;[2160001 - Missing]"/>
        <member name="[CB - Account].[Account CB - Description].&amp;[2160002 - Missing]"/>
        <member name="[CB - Account].[Account CB - Description].&amp;[2160003 - Missing]"/>
        <member name="[CB - Account].[Account CB - Description].&amp;[2160004 - Missing]"/>
        <member name="[CB - Account].[Account CB - Description].&amp;[2160005 - Missing]"/>
        <member name="[CB - Account].[Account CB - Description].&amp;[2160010 - Missing]"/>
        <member name="[CB - Account].[Account CB - Description].&amp;[2160011 - Missing]"/>
        <member name="[CB - Account].[Account CB - Description].&amp;[2160012 - Missing]"/>
        <member name="[CB - Account].[Account CB - Description].&amp;[2160013 - Missing]"/>
        <member name="[CB - Account].[Account CB - Description].&amp;[2160014 - Missing]"/>
        <member name="[CB - Account].[Account CB - Description].&amp;[2160015 - Missing]"/>
        <member name="[CB - Account].[Account CB - Description].&amp;[2160016 - Missing]"/>
        <member name="[CB - Account].[Account CB - Description].&amp;[2161000 - FC_Rollup_Acct]"/>
        <member name="[CB - Account].[Account CB - Description].&amp;[2161001 - Missing]"/>
        <member name="[CB - Account].[Account CB - Description].&amp;[2161002 - Missing]"/>
        <member name="[CB - Account].[Account CB - Description].&amp;[2161004 - Missing]"/>
        <member name="[CB - Account].[Account CB - Description].&amp;[2161010 - Missing]"/>
        <member name="[CB - Account].[Account CB - Description].&amp;[2161012 - Missing]"/>
        <member name="[CB - Account].[Account CB - Description].&amp;[2161018 - Missing]"/>
        <member name="[CB - Account].[Account CB - Description].&amp;[2161033 - Missing]"/>
        <member name="[CB - Account].[Account CB - Description].&amp;[2161034 - Missing]"/>
        <member name="[CB - Account].[Account CB - Description].&amp;[2161036 - Missing]"/>
        <member name="[CB - Account].[Account CB - Description].&amp;[2161038 - Missing]"/>
        <member name="[CB - Account].[Account CB - Description].&amp;[2161039 - Missing]"/>
        <member name="[CB - Account].[Account CB - Description].&amp;[2161040 - Missing]"/>
        <member name="[CB - Account].[Account CB - Description].&amp;[2161041 - Missing]"/>
        <member name="[CB - Account].[Account CB - Description].&amp;[2161042 - Missing]"/>
        <member name="[CB - Account].[Account CB - Description].&amp;[2161046 - Missing]"/>
        <member name="[CB - Account].[Account CB - Description].&amp;[2161047 - Missing]"/>
        <member name="[CB - Account].[Account CB - Description].&amp;[2161048 - Missing]"/>
        <member name="[CB - Account].[Account CB - Description].&amp;[2161049 - Missing]"/>
        <member name="[CB - Account].[Account CB - Description].&amp;[2161050 - Missing]"/>
        <member name="[CB - Account].[Account CB - Description].&amp;[2170001 - Missing]"/>
        <member name="[CB - Account].[Account CB - Description].&amp;[2170002 - Missing]"/>
        <member name="[CB - Account].[Account CB - Description].&amp;[2180001 - Missing]"/>
        <member name="[CB - Account].[Account CB - Description].&amp;[2180002 - Missing]"/>
        <member name="[CB - Account].[Account CB - Description].&amp;[2180003 - Missing]"/>
        <member name="[CB - Account].[Account CB - Description].&amp;[2180004 - Missing]"/>
        <member name="[CB - Account].[Account CB - Description].&amp;[2180005 - Missing]"/>
        <member name="[CB - Account].[Account CB - Description].&amp;[2180006 - Missing]"/>
        <member name="[CB - Account].[Account CB - Description].&amp;[2180007 - Missing]"/>
        <member name="[CB - Account].[Account CB - Description].&amp;[2180008 - Missing]"/>
        <member name="[CB - Account].[Account CB - Description].&amp;[2180009 - Missing]"/>
        <member name="[CB - Account].[Account CB - Description].&amp;[2180010 - Missing]"/>
        <member name="[CB - Account].[Account CB - Description].&amp;[2180011 - Missing]"/>
        <member name="[CB - Account].[Account CB - Description].&amp;[2180012 - Missing]"/>
        <member name="[CB - Account].[Account CB - Description].&amp;[2180013 - Missing]"/>
        <member name="[CB - Account].[Account CB - Description].&amp;[2180015 - Missing]"/>
        <member name="[CB - Account].[Account CB - Description].&amp;[2180016 - Missing]"/>
        <member name="[CB - Account].[Account CB - Description].&amp;[2180017 - Missing]"/>
        <member name="[CB - Account].[Account CB - Description].&amp;[2180018 - Missing]"/>
        <member name="[CB - Account].[Account CB - Description].&amp;[2180019 - Missing]"/>
        <member name="[CB - Account].[Account CB - Description].&amp;[2180020 - Missing]"/>
        <member name="[CB - Account].[Account CB - Description].&amp;[2180021 - Missing]"/>
        <member name="[CB - Account].[Account CB - Description].&amp;[2191000 - FC_Rollup_Acct]"/>
        <member name="[CB - Account].[Account CB - Description].&amp;[2191002 - OCI_Rollup_Acct]"/>
        <member name="[CB - Account].[Account CB - Description].&amp;[2204000 - Missing]"/>
        <member name="[CB - Account].[Account CB - Description].&amp;[2204001 - Contra Notes Payable - Current]"/>
        <member name="[CB - Account].[Account CB - Description].&amp;[2210018 - Missing]"/>
        <member name="[CB - Account].[Account CB - Description].&amp;[2210019 - Missing]"/>
        <member name="[CB - Account].[Account CB - Description].&amp;[2210020 - Missing]"/>
        <member name="[CB - Account].[Account CB - Description].&amp;[2210022 - Missing]"/>
        <member name="[CB - Account].[Account CB - Description].&amp;[2210023 - Missing]"/>
        <member name="[CB - Account].[Account CB - Description].&amp;[2210024 - Missing]"/>
        <member name="[CB - Account].[Account CB - Description].&amp;[2210025 - Missing]"/>
        <member name="[CB - Account].[Account CB - Description].&amp;[2240001 - Missing]"/>
        <member name="[CB - Account].[Account CB - Description].&amp;[2240003 - Missing]"/>
        <member name="[CB - Account].[Account CB - Description].&amp;[2240004 - Missing]"/>
        <member name="[CB - Account].[Account CB - Description].&amp;[2240005 - Missing]"/>
        <member name="[CB - Account].[Account CB - Description].&amp;[2240006 - Missing]"/>
        <member name="[CB - Account].[Account CB - Description].&amp;[2240007 - Missing]"/>
        <member name="[CB - Account].[Account CB - Description].&amp;[2240008 - Missing]"/>
        <member name="[CB - Account].[Account CB - Description].&amp;[2240009 - Missing]"/>
        <member name="[CB - Account].[Account CB - Description].&amp;[2240010 - Missing]"/>
        <member name="[CB - Account].[Account CB - Description].&amp;[2240011 - Missing]"/>
        <member name="[CB - Account].[Account CB - Description].&amp;[2240012 - Missing]"/>
        <member name="[CB - Account].[Account CB - Description].&amp;[2240013 - Missing]"/>
        <member name="[CB - Account].[Account CB - Description].&amp;[2240014 - Missing]"/>
        <member name="[CB - Account].[Account CB - Description].&amp;[2240015 - Missing]"/>
        <member name="[CB - Account].[Account CB - Description].&amp;[2240016 - Missing]"/>
        <member name="[CB - Account].[Account CB - Description].&amp;[2240017 - Missing]"/>
        <member name="[CB - Account].[Account CB - Description].&amp;[2240018 - Missing]"/>
        <member name="[CB - Account].[Account CB - Description].&amp;[2240020 - Missing]"/>
        <member name="[CB - Account].[Account CB - Description].&amp;[2240021 - Missing]"/>
        <member name="[CB - Account].[Account CB - Description].&amp;[2240022 - Missing]"/>
        <member name="[CB - Account].[Account CB - Description].&amp;[2240023 - Missing]"/>
        <member name="[CB - Account].[Account CB - Description].&amp;[2240024 - Missing]"/>
        <member name="[CB - Account].[Account CB - Description].&amp;[2240025 - Missing]"/>
        <member name="[CB - Account].[Account CB - Description].&amp;[2240026 - Missing]"/>
        <member name="[CB - Account].[Account CB - Description].&amp;[2240027 - Missing]"/>
        <member name="[CB - Account].[Account CB - Description].&amp;[2240028 - Missing]"/>
        <member name="[CB - Account].[Account CB - Description].&amp;[2240029 - Missing]"/>
        <member name="[CB - Account].[Account CB - Description].&amp;[2240030 - Missing]"/>
        <member name="[CB - Account].[Account CB - Description].&amp;[2240031 - Missing]"/>
        <member name="[CB - Account].[Account CB - Description].&amp;[2240032 - Missing]"/>
        <member name="[CB - Account].[Account CB - Description].&amp;[2240033 - Missing]"/>
        <member name="[CB - Account].[Account CB - Description].&amp;[2240034 - Missing]"/>
        <member name="[CB - Account].[Account CB - Description].&amp;[2240035 - Missing]"/>
        <member name="[CB - Account].[Account CB - Description].&amp;[2240036 - Missing]"/>
        <member name="[CB - Account].[Account CB - Description].&amp;[2240038 - Missing]"/>
        <member name="[CB - Account].[Account CB - Description].&amp;[2240039 - Missing]"/>
        <member name="[CB - Account].[Account CB - Description].&amp;[2240040 - Missing]"/>
        <member name="[CB - Account].[Account CB - Description].&amp;[2240041 - Missing]"/>
        <member name="[CB - Account].[Account CB - Description].&amp;[2240042 - Missing]"/>
        <member name="[CB - Account].[Account CB - Description].&amp;[2240043 - Missing]"/>
        <member name="[CB - Account].[Account CB - Description].&amp;[2240044 - Missing]"/>
        <member name="[CB - Account].[Account CB - Description].&amp;[2240045 - Missing]"/>
        <member name="[CB - Account].[Account CB - Description].&amp;[2240046 - Missing]"/>
        <member name="[CB - Account].[Account CB - Description].&amp;[2240047 - Missing]"/>
        <member name="[CB - Account].[Account CB - Description].&amp;[2240048 - Missing]"/>
        <member name="[CB - Account].[Account CB - Description].&amp;[2240049 - Missing]"/>
        <member name="[CB - Account].[Account CB - Description].&amp;[2240050 - Missing]"/>
        <member name="[CB - Account].[Account CB - Description].&amp;[2240051 - Missing]"/>
        <member name="[CB - Account].[Account CB - Description].&amp;[2240052 - Missing]"/>
        <member name="[CB - Account].[Account CB - Description].&amp;[2240053 - Missing]"/>
        <member name="[CB - Account].[Account CB - Description].&amp;[224697 - Missing]"/>
        <member name="[CB - Account].[Account CB - Description].&amp;[2250001 - Missing]"/>
        <member name="[CB - Account].[Account CB - Description].&amp;[2250002 - Missing]"/>
        <member name="[CB - Account].[Account CB - Description].&amp;[2250003 - Missing]"/>
        <member name="[CB - Account].[Account CB - Description].&amp;[2250005 - Missing]"/>
        <member name="[CB - Account].[Account CB - Description].&amp;[2250006 - Missing]"/>
        <member name="[CB - Account].[Account CB - Description].&amp;[2250007 - Missing]"/>
        <member name="[CB - Account].[Account CB - Description].&amp;[2254001 - Missing]"/>
        <member name="[CB - Account].[Account CB - Description].&amp;[2260002 - Missing]"/>
        <member name="[CB - Account].[Account CB - Description].&amp;[2260003 - Missing]"/>
        <member name="[CB - Account].[Account CB - Description].&amp;[2260004 - Missing]"/>
        <member name="[CB - Account].[Account CB - Description].&amp;[2260005 - Missing]"/>
        <member name="[CB - Account].[Account CB - Description].&amp;[2260006 - Missing]"/>
        <member name="[CB - Account].[Account CB - Description].&amp;[2260007 - Missing]"/>
        <member name="[CB - Account].[Account CB - Description].&amp;[2260008 - Missing]"/>
        <member name="[CB - Account].[Account CB - Description].&amp;[2260009 - Missing]"/>
        <member name="[CB - Account].[Account CB - Description].&amp;[2260011 - Missing]"/>
        <member name="[CB - Account].[Account CB - Description].&amp;[2260012 - Missing]"/>
        <member name="[CB - Account].[Account CB - Description].&amp;[2260013 - Missing]"/>
        <member name="[CB - Account].[Account CB - Description].&amp;[2260014 - Missing]"/>
        <member name="[CB - Account].[Account CB - Description].&amp;[2260015 - Missing]"/>
        <member name="[CB - Account].[Account CB - Description].&amp;[2260016 - Missing]"/>
        <member name="[CB - Account].[Account CB - Description].&amp;[2260017 - Missing]"/>
        <member name="[CB - Account].[Account CB - Description].&amp;[2260018 - Missing]"/>
        <member name="[CB - Account].[Account CB - Description].&amp;[2260019 - Missing]"/>
        <member name="[CB - Account].[Account CB - Description].&amp;[2260021 - Missing]"/>
        <member name="[CB - Account].[Account CB - Description].&amp;[2260022 - Missing]"/>
        <member name="[CB - Account].[Account CB - Description].&amp;[2260023 - Missing]"/>
        <member name="[CB - Account].[Account CB - Description].&amp;[2260024 - Missing]"/>
        <member name="[CB - Account].[Account CB - Description].&amp;[2260025 - Missing]"/>
        <member name="[CB - Account].[Account CB - Description].&amp;[2260026 - Missing]"/>
        <member name="[CB - Account].[Account CB - Description].&amp;[2260027 - Missing]"/>
        <member name="[CB - Account].[Account CB - Description].&amp;[2270001 - Missing]"/>
        <member name="[CB - Account].[Account CB - Description].&amp;[2283001 - Missing]"/>
        <member name="[CB - Account].[Account CB - Description].&amp;[2283002 - Missing]"/>
        <member name="[CB - Account].[Account CB - Description].&amp;[2283004 - Missing]"/>
        <member name="[CB - Account].[Account CB - Description].&amp;[2290001 - Missing]"/>
        <member name="[CB - Account].[Account CB - Description].&amp;[2290003 - Missing]"/>
        <member name="[CB - Account].[Account CB - Description].&amp;[2302000 - Contra Interest Payable]"/>
        <member name="[CB - Account].[Account CB - Description].&amp;[2310001 - Missing]"/>
        <member name="[CB - Account].[Account CB - Description].&amp;[2310007 - Missing]"/>
        <member name="[CB - Account].[Account CB - Description].&amp;[2310008 - Missing]"/>
        <member name="[CB - Account].[Account CB - Description].&amp;[2310009 - Missing]"/>
        <member name="[CB - Account].[Account CB - Description].&amp;[2310010 - Missing]"/>
        <member name="[CB - Account].[Account CB - Description].&amp;[2310100 - Land In Fee]"/>
        <member name="[CB - Account].[Account CB - Description].&amp;[2310200 - Land Rights]"/>
        <member name="[CB - Account].[Account CB - Description].&amp;[2311000 - Structures &amp; Improvements]"/>
        <member name="[CB - Account].[Account CB - Description].&amp;[2312000 - Reservoirs]"/>
        <member name="[CB - Account].[Account CB - Description].&amp;[2313000 - Lake,River &amp; Other Intakes]"/>
        <member name="[CB - Account].[Account CB - Description].&amp;[2314000 - Wells &amp; Springs]"/>
        <member name="[CB - Account].[Account CB - Description].&amp;[2316000 - Supply Mains]"/>
        <member name="[CB - Account].[Account CB - Description].&amp;[2317000 - Other Water Source Plant]"/>
        <member name="[CB - Account].[Account CB - Description].&amp;[2320001 - Missing]"/>
        <member name="[CB - Account].[Account CB - Description].&amp;[2320002 - Missing]"/>
        <member name="[CB - Account].[Account CB - Description].&amp;[2320003 - Missing]"/>
        <member name="[CB - Account].[Account CB - Description].&amp;[2320004 - Missing]"/>
        <member name="[CB - Account].[Account CB - Description].&amp;[2320005 - Missing]"/>
        <member name="[CB - Account].[Account CB - Description].&amp;[2320006 - Missing]"/>
        <member name="[CB - Account].[Account CB - Description].&amp;[2320007 - Missing]"/>
        <member name="[CB - Account].[Account CB - Description].&amp;[2320008 - Missing]"/>
        <member name="[CB - Account].[Account CB - Description].&amp;[2320009 - Missing]"/>
        <member name="[CB - Account].[Account CB - Description].&amp;[2320022 - Missing]"/>
        <member name="[CB - Account].[Account CB - Description].&amp;[2320023 - Missing]"/>
        <member name="[CB - Account].[Account CB - Description].&amp;[2320024 - Missing]"/>
        <member name="[CB - Account].[Account CB - Description].&amp;[2320025 - Missing]"/>
        <member name="[CB - Account].[Account CB - Description].&amp;[2320026 - Missing]"/>
        <member name="[CB - Account].[Account CB - Description].&amp;[2320027 - Missing]"/>
        <member name="[CB - Account].[Account CB - Description].&amp;[2320028 - Missing]"/>
        <member name="[CB - Account].[Account CB - Description].&amp;[2320029 - Missing]"/>
        <member name="[CB - Account].[Account CB - Description].&amp;[2320030 - Missing]"/>
        <member name="[CB - Account].[Account CB - Description].&amp;[2320031 - Missing]"/>
        <member name="[CB - Account].[Account CB - Description].&amp;[2320032 - Missing]"/>
        <member name="[CB - Account].[Account CB - Description].&amp;[2320033 - Missing]"/>
        <member name="[CB - Account].[Account CB - Description].&amp;[2320034 - Missing]"/>
        <member name="[CB - Account].[Account CB - Description].&amp;[2320035 - Missing]"/>
        <member name="[CB - Account].[Account CB - Description].&amp;[2320036 - Missing]"/>
        <member name="[CB - Account].[Account CB - Description].&amp;[2320037 - Missing]"/>
        <member name="[CB - Account].[Account CB - Description].&amp;[2320038 - Missing]"/>
        <member name="[CB - Account].[Account CB - Description].&amp;[2320039 - Missing]"/>
        <member name="[CB - Account].[Account CB - Description].&amp;[2320040 - Missing]"/>
        <member name="[CB - Account].[Account CB - Description].&amp;[2320041 - Missing]"/>
        <member name="[CB - Account].[Account CB - Description].&amp;[2320042 - Missing]"/>
        <member name="[CB - Account].[Account CB - Description].&amp;[2320043 - Missing]"/>
        <member name="[CB - Account].[Account CB - Description].&amp;[2320044 - Missing]"/>
        <member name="[CB - Account].[Account CB - Description].&amp;[2320046 - Missing]"/>
        <member name="[CB - Account].[Account CB - Description].&amp;[2320047 - Missing]"/>
        <member name="[CB - Account].[Account CB - Description].&amp;[2320048 - Missing]"/>
        <member name="[CB - Account].[Account CB - Description].&amp;[2320049 - Missing]"/>
        <member name="[CB - Account].[Account CB - Description].&amp;[2320050 - Missing]"/>
        <member name="[CB - Account].[Account CB - Description].&amp;[2320051 - Missing]"/>
        <member name="[CB - Account].[Account CB - Description].&amp;[2320052 - Missing]"/>
        <member name="[CB - Account].[Account CB - Description].&amp;[2320053 - Missing]"/>
        <member name="[CB - Account].[Account CB - Description].&amp;[2320054 - Missing]"/>
        <member name="[CB - Account].[Account CB - Description].&amp;[2320055 - Missing]"/>
        <member name="[CB - Account].[Account CB - Description].&amp;[2320056 - Missing]"/>
        <member name="[CB - Account].[Account CB - Description].&amp;[2320057 - Missing]"/>
        <member name="[CB - Account].[Account CB - Description].&amp;[2320058 - Missing]"/>
        <member name="[CB - Account].[Account CB - Description].&amp;[2320059 - Missing]"/>
        <member name="[CB - Account].[Account CB - Description].&amp;[2320060 - Missing]"/>
        <member name="[CB - Account].[Account CB - Description].&amp;[2320061 - Missing]"/>
        <member name="[CB - Account].[Account CB - Description].&amp;[2320062 - Missing]"/>
        <member name="[CB - Account].[Account CB - Description].&amp;[2320063 - Missing]"/>
        <member name="[CB - Account].[Account CB - Description].&amp;[2320064 - Missing]"/>
        <member name="[CB - Account].[Account CB - Description].&amp;[2320065 - Missing]"/>
        <member name="[CB - Account].[Account CB - Description].&amp;[2320066 - Missing]"/>
        <member name="[CB - Account].[Account CB - Description].&amp;[2320067 - Missing]"/>
        <member name="[CB - Account].[Account CB - Description].&amp;[2320068 - Missing]"/>
        <member name="[CB - Account].[Account CB - Description].&amp;[2320069 - Missing]"/>
        <member name="[CB - Account].[Account CB - Description].&amp;[2320070 - Missing]"/>
        <member name="[CB - Account].[Account CB - Description].&amp;[2320072 - Missing]"/>
        <member name="[CB - Account].[Account CB - Description].&amp;[2320073 - Missing]"/>
        <member name="[CB - Account].[Account CB - Description].&amp;[2320074 - Missing]"/>
        <member name="[CB - Account].[Account CB - Description].&amp;[2320075 - Missing]"/>
        <member name="[CB - Account].[Account CB - Description].&amp;[2320076 - Missing]"/>
        <member name="[CB - Account].[Account CB - Description].&amp;[2320077 - Missing]"/>
        <member name="[CB - Account].[Account CB - Description].&amp;[2320078 - Missing]"/>
        <member name="[CB - Account].[Account CB - Description].&amp;[2320079 - Missing]"/>
        <member name="[CB - Account].[Account CB - Description].&amp;[2320080 - Missing]"/>
        <member name="[CB - Account].[Account CB - Description].&amp;[2320082 - Missing]"/>
        <member name="[CB - Account].[Account CB - Description].&amp;[2320084 - Missing]"/>
        <member name="[CB - Account].[Account CB - Description].&amp;[2320088 - Missing]"/>
        <member name="[CB - Account].[Account CB - Description].&amp;[2320089 - Missing]"/>
        <member name="[CB - Account].[Account CB - Description].&amp;[2320090 - Missing]"/>
        <member name="[CB - Account].[Account CB - Description].&amp;[2320091 - Missing]"/>
        <member name="[CB - Account].[Account CB - Description].&amp;[2320100 - Land In Fee]"/>
        <member name="[CB - Account].[Account CB - Description].&amp;[2320105 - Missing]"/>
        <member name="[CB - Account].[Account CB - Description].&amp;[2320110 - Missing]"/>
        <member name="[CB - Account].[Account CB - Description].&amp;[2320121 - Missing]"/>
        <member name="[CB - Account].[Account CB - Description].&amp;[2320122 - Missing]"/>
        <member name="[CB - Account].[Account CB - Description].&amp;[2320123 - Missing]"/>
        <member name="[CB - Account].[Account CB - Description].&amp;[2320126 - Missing]"/>
        <member name="[CB - Account].[Account CB - Description].&amp;[2320127 - Missing]"/>
        <member name="[CB - Account].[Account CB - Description].&amp;[2320129 - Missing]"/>
        <member name="[CB - Account].[Account CB - Description].&amp;[2320132 - Missing]"/>
        <member name="[CB - Account].[Account CB - Description].&amp;[2320133 - Missing]"/>
        <member name="[CB - Account].[Account CB - Description].&amp;[2320134 - Missing]"/>
        <member name="[CB - Account].[Account CB - Description].&amp;[2320135 - Missing]"/>
        <member name="[CB - Account].[Account CB - Description].&amp;[2320136 - Missing]"/>
        <member name="[CB - Account].[Account CB - Description].&amp;[2320137 - Missing]"/>
        <member name="[CB - Account].[Account CB - Description].&amp;[2320138 - Missing]"/>
        <member name="[CB - Account].[Account CB - Description].&amp;[2320139 - Missing]"/>
        <member name="[CB - Account].[Account CB - Description].&amp;[2320140 - Missing]"/>
        <member name="[CB - Account].[Account CB - Description].&amp;[2320141 - Missing]"/>
        <member name="[CB - Account].[Account CB - Description].&amp;[2320143 - Missing]"/>
        <member name="[CB - Account].[Account CB - Description].&amp;[2320144 - Missing]"/>
        <member name="[CB - Account].[Account CB - Description].&amp;[2320145 - Missing]"/>
        <member name="[CB - Account].[Account CB - Description].&amp;[2320146 - Missing]"/>
        <member name="[CB - Account].[Account CB - Description].&amp;[2320148 - Missing]"/>
        <member name="[CB - Account].[Account CB - Description].&amp;[2320149 - Missing]"/>
        <member name="[CB - Account].[Account CB - Description].&amp;[2320200 - Land Rights]"/>
        <member name="[CB - Account].[Account CB - Description].&amp;[2320215 - Missing]"/>
        <member name="[CB - Account].[Account CB - Description].&amp;[2321000 - Structures &amp; Improvements]"/>
        <member name="[CB - Account].[Account CB - Description].&amp;[2325000 - Electric Pumping Equipment]"/>
        <member name="[CB - Account].[Account CB - Description].&amp;[2328000 - Other Pumping Equipment]"/>
        <member name="[CB - Account].[Account CB - Description].&amp;[2330001 - Missing]"/>
        <member name="[CB - Account].[Account CB - Description].&amp;[2330002 - Missing]"/>
        <member name="[CB - Account].[Account CB - Description].&amp;[2330003 - Missing]"/>
        <member name="[CB - Account].[Account CB - Description].&amp;[2330004 - Missing]"/>
        <member name="[CB - Account].[Account CB - Description].&amp;[2330005 - Missing]"/>
        <member name="[CB - Account].[Account CB - Description].&amp;[2330006 - Missing]"/>
        <member name="[CB - Account].[Account CB - Description].&amp;[2330007 - Missing]"/>
        <member name="[CB - Account].[Account CB - Description].&amp;[2330008 - Missing]"/>
        <member name="[CB - Account].[Account CB - Description].&amp;[2330010 - Missing]"/>
        <member name="[CB - Account].[Account CB - Description].&amp;[2330011 - Missing]"/>
        <member name="[CB - Account].[Account CB - Description].&amp;[2330012 - Missing]"/>
        <member name="[CB - Account].[Account CB - Description].&amp;[2330013 - Missing]"/>
        <member name="[CB - Account].[Account CB - Description].&amp;[2330016 - Missing]"/>
        <member name="[CB - Account].[Account CB - Description].&amp;[2330017 - Missing]"/>
        <member name="[CB - Account].[Account CB - Description].&amp;[2330018 - Missing]"/>
        <member name="[CB - Account].[Account CB - Description].&amp;[2330019 - Missing]"/>
        <member name="[CB - Account].[Account CB - Description].&amp;[2330020 - Missing]"/>
        <member name="[CB - Account].[Account CB - Description].&amp;[2330021 - Missing]"/>
        <member name="[CB - Account].[Account CB - Description].&amp;[2330022 - Missing]"/>
        <member name="[CB - Account].[Account CB - Description].&amp;[2330024 - Missing]"/>
        <member name="[CB - Account].[Account CB - Description].&amp;[2330025 - Missing]"/>
        <member name="[CB - Account].[Account CB - Description].&amp;[2330026 - Missing]"/>
        <member name="[CB - Account].[Account CB - Description].&amp;[2330027 - Missing]"/>
        <member name="[CB - Account].[Account CB - Description].&amp;[2330028 - Missing]"/>
        <member name="[CB - Account].[Account CB - Description].&amp;[2330029 - Missing]"/>
        <member name="[CB - Account].[Account CB - Description].&amp;[2330031 - Missing]"/>
        <member name="[CB - Account].[Account CB - Description].&amp;[2330032 - Missing]"/>
        <member name="[CB - Account].[Account CB - Description].&amp;[2330033 - Missing]"/>
        <member name="[CB - Account].[Account CB - Description].&amp;[2330100 - Land In Fee]"/>
        <member name="[CB - Account].[Account CB - Description].&amp;[2330200 - Land Rights]"/>
        <member name="[CB - Account].[Account CB - Description].&amp;[2331000 - Structures &amp; Improvements]"/>
        <member name="[CB - Account].[Account CB - Description].&amp;[2331001 - Missing]"/>
        <member name="[CB - Account].[Account CB - Description].&amp;[2331003 - Missing]"/>
        <member name="[CB - Account].[Account CB - Description].&amp;[2331004 - Missing]"/>
        <member name="[CB - Account].[Account CB - Description].&amp;[2331005 - Missing]"/>
        <member name="[CB - Account].[Account CB - Description].&amp;[2331007 - Missing]"/>
        <member name="[CB - Account].[Account CB - Description].&amp;[2331008 - Missing]"/>
        <member name="[CB - Account].[Account CB - Description].&amp;[2331009 - Missing]"/>
        <member name="[CB - Account].[Account CB - Description].&amp;[2331010 - Missing]"/>
        <member name="[CB - Account].[Account CB - Description].&amp;[2331011 - Missing]"/>
        <member name="[CB - Account].[Account CB - Description].&amp;[2331013 - Missing]"/>
        <member name="[CB - Account].[Account CB - Description].&amp;[2331014 - Missing]"/>
        <member name="[CB - Account].[Account CB - Description].&amp;[2331015 - Missing]"/>
        <member name="[CB - Account].[Account CB - Description].&amp;[2331017 - Missing]"/>
        <member name="[CB - Account].[Account CB - Description].&amp;[2331019 - Missing]"/>
        <member name="[CB - Account].[Account CB - Description].&amp;[2331020 - Missing]"/>
        <member name="[CB - Account].[Account CB - Description].&amp;[2331021 - Missing]"/>
        <member name="[CB - Account].[Account CB - Description].&amp;[2331022 - Missing]"/>
        <member name="[CB - Account].[Account CB - Description].&amp;[2331023 - Missing]"/>
        <member name="[CB - Account].[Account CB - Description].&amp;[2331024 - Missing]"/>
        <member name="[CB - Account].[Account CB - Description].&amp;[2331025 - Missing]"/>
        <member name="[CB - Account].[Account CB - Description].&amp;[2331026 - Missing]"/>
        <member name="[CB - Account].[Account CB - Description].&amp;[2331027 - Missing]"/>
        <member name="[CB - Account].[Account CB - Description].&amp;[2331028 - Missing]"/>
        <member name="[CB - Account].[Account CB - Description].&amp;[2331029 - Missing]"/>
        <member name="[CB - Account].[Account CB - Description].&amp;[2331030 - Missing]"/>
        <member name="[CB - Account].[Account CB - Description].&amp;[2331031 - Missing]"/>
        <member name="[CB - Account].[Account CB - Description].&amp;[2331032 - Missing]"/>
        <member name="[CB - Account].[Account CB - Description].&amp;[2331033 - Missing]"/>
        <member name="[CB - Account].[Account CB - Description].&amp;[2331034 - Missing]"/>
        <member name="[CB - Account].[Account CB - Description].&amp;[2331035 - Missing]"/>
        <member name="[CB - Account].[Account CB - Description].&amp;[2331036 - Missing]"/>
        <member name="[CB - Account].[Account CB - Description].&amp;[2332000 - Water Treatment Equipment]"/>
        <member name="[CB - Account].[Account CB - Description].&amp;[2340001 - Missing]"/>
        <member name="[CB - Account].[Account CB - Description].&amp;[2340002 - Missing]"/>
        <member name="[CB - Account].[Account CB - Description].&amp;[2340003 - Missing]"/>
        <member name="[CB - Account].[Account CB - Description].&amp;[2340004 - Missing]"/>
        <member name="[CB - Account].[Account CB - Description].&amp;[2340005 - Missing]"/>
        <member name="[CB - Account].[Account CB - Description].&amp;[2340006 - Missing]"/>
        <member name="[CB - Account].[Account CB - Description].&amp;[2340007 - Missing]"/>
        <member name="[CB - Account].[Account CB - Description].&amp;[2340008 - Missing]"/>
        <member name="[CB - Account].[Account CB - Description].&amp;[2340009 - Missing]"/>
        <member name="[CB - Account].[Account CB - Description].&amp;[2340010 - Missing]"/>
        <member name="[CB - Account].[Account CB - Description].&amp;[2340011 - Missing]"/>
        <member name="[CB - Account].[Account CB - Description].&amp;[2340012 - Missing]"/>
        <member name="[CB - Account].[Account CB - Description].&amp;[2340013 - Missing]"/>
        <member name="[CB - Account].[Account CB - Description].&amp;[2340014 - Missing]"/>
        <member name="[CB - Account].[Account CB - Description].&amp;[2340015 - Missing]"/>
        <member name="[CB - Account].[Account CB - Description].&amp;[2340016 - Missing]"/>
        <member name="[CB - Account].[Account CB - Description].&amp;[2340017 - Missing]"/>
        <member name="[CB - Account].[Account CB - Description].&amp;[2340018 - Missing]"/>
        <member name="[CB - Account].[Account CB - Description].&amp;[2340019 - Missing]"/>
        <member name="[CB - Account].[Account CB - Description].&amp;[2340020 - Missing]"/>
        <member name="[CB - Account].[Account CB - Description].&amp;[2340021 - Missing]"/>
        <member name="[CB - Account].[Account CB - Description].&amp;[2340023 - Missing]"/>
        <member name="[CB - Account].[Account CB - Description].&amp;[2340026 - Missing]"/>
        <member name="[CB - Account].[Account CB - Description].&amp;[2340028 - Missing]"/>
        <member name="[CB - Account].[Account CB - Description].&amp;[2340031 - Missing]"/>
        <member name="[CB - Account].[Account CB - Description].&amp;[2340032 - Missing]"/>
        <member name="[CB - Account].[Account CB - Description].&amp;[2340036 - Missing]"/>
        <member name="[CB - Account].[Account CB - Description].&amp;[2340039 - Missing]"/>
        <member name="[CB - Account].[Account CB - Description].&amp;[2340040 - Missing]"/>
        <member name="[CB - Account].[Account CB - Description].&amp;[2340042 - Missing]"/>
        <member name="[CB - Account].[Account CB - Description].&amp;[2340045 - Missing]"/>
        <member name="[CB - Account].[Account CB - Description].&amp;[2340047 - Missing]"/>
        <member name="[CB - Account].[Account CB - Description].&amp;[2340048 - Missing]"/>
        <member name="[CB - Account].[Account CB - Description].&amp;[2340051 - Missing]"/>
        <member name="[CB - Account].[Account CB - Description].&amp;[2340052 - Missing]"/>
        <member name="[CB - Account].[Account CB - Description].&amp;[2340060 - Missing]"/>
        <member name="[CB - Account].[Account CB - Description].&amp;[2340063 - Missing]"/>
        <member name="[CB - Account].[Account CB - Description].&amp;[2340066 - Missing]"/>
        <member name="[CB - Account].[Account CB - Description].&amp;[2340069 - Missing]"/>
        <member name="[CB - Account].[Account CB - Description].&amp;[2340078 - Missing]"/>
        <member name="[CB - Account].[Account CB - Description].&amp;[2340079 - Missing]"/>
        <member name="[CB - Account].[Account CB - Description].&amp;[2340081 - Missing]"/>
        <member name="[CB - Account].[Account CB - Description].&amp;[2340082 - Missing]"/>
        <member name="[CB - Account].[Account CB - Description].&amp;[2340083 - Missing]"/>
        <member name="[CB - Account].[Account CB - Description].&amp;[2340084 - Missing]"/>
        <member name="[CB - Account].[Account CB - Description].&amp;[2340085 - Missing]"/>
        <member name="[CB - Account].[Account CB - Description].&amp;[2340086 - Missing]"/>
        <member name="[CB - Account].[Account CB - Description].&amp;[2340087 - Missing]"/>
        <member name="[CB - Account].[Account CB - Description].&amp;[2340088 - Missing]"/>
        <member name="[CB - Account].[Account CB - Description].&amp;[2340089 - Missing]"/>
        <member name="[CB - Account].[Account CB - Description].&amp;[2340090 - Missing]"/>
        <member name="[CB - Account].[Account CB - Description].&amp;[2340091 - Missing]"/>
        <member name="[CB - Account].[Account CB - Description].&amp;[2340092 - Missing]"/>
        <member name="[CB - Account].[Account CB - Description].&amp;[2340093 - Missing]"/>
        <member name="[CB - Account].[Account CB - Description].&amp;[2340094 - Missing]"/>
        <member name="[CB - Account].[Account CB - Description].&amp;[2340095 - Missing]"/>
        <member name="[CB - Account].[Account CB - Description].&amp;[2340096 - Missing]"/>
        <member name="[CB - Account].[Account CB - Description].&amp;[2340097 - Missing]"/>
        <member name="[CB - Account].[Account CB - Description].&amp;[2340098 - Missing]"/>
        <member name="[CB - Account].[Account CB - Description].&amp;[2340099 - Missing]"/>
        <member name="[CB - Account].[Account CB - Description].&amp;[2340100 - Land In Fee]"/>
        <member name="[CB - Account].[Account CB - Description].&amp;[2340101 - Missing]"/>
        <member name="[CB - Account].[Account CB - Description].&amp;[2340102 - Missing]"/>
        <member name="[CB - Account].[Account CB - Description].&amp;[2340104 - Missing]"/>
        <member name="[CB - Account].[Account CB - Description].&amp;[2340106 - Missing]"/>
        <member name="[CB - Account].[Account CB - Description].&amp;[2340107 - Missing]"/>
        <member name="[CB - Account].[Account CB - Description].&amp;[2340109 - Missing]"/>
        <member name="[CB - Account].[Account CB - Description].&amp;[2340111 - Missing]"/>
        <member name="[CB - Account].[Account CB - Description].&amp;[2340112 - Missing]"/>
        <member name="[CB - Account].[Account CB - Description].&amp;[2340116 - Missing]"/>
        <member name="[CB - Account].[Account CB - Description].&amp;[2340118 - Missing]"/>
        <member name="[CB - Account].[Account CB - Description].&amp;[2340122 - Missing]"/>
        <member name="[CB - Account].[Account CB - Description].&amp;[2340124 - Missing]"/>
        <member name="[CB - Account].[Account CB - Description].&amp;[2340127 - Missing]"/>
        <member name="[CB - Account].[Account CB - Description].&amp;[2340128 - Missing]"/>
        <member name="[CB - Account].[Account CB - Description].&amp;[2340129 - Missing]"/>
        <member name="[CB - Account].[Account CB - Description].&amp;[2340130 - Missing]"/>
        <member name="[CB - Account].[Account CB - Description].&amp;[2340131 - Missing]"/>
        <member name="[CB - Account].[Account CB - Description].&amp;[2340133 - Missing]"/>
        <member name="[CB - Account].[Account CB - Description].&amp;[2340200 - Rights Of Way]"/>
        <member name="[CB - Account].[Account CB - Description].&amp;[2340210 - Missing]"/>
        <member name="[CB - Account].[Account CB - Description].&amp;[2340211 - Missing]"/>
        <member name="[CB - Account].[Account CB - Description].&amp;[2340212 - Missing]"/>
        <member name="[CB - Account].[Account CB - Description].&amp;[2340213 - Missing]"/>
        <member name="[CB - Account].[Account CB - Description].&amp;[2340217 - Missing]"/>
        <member name="[CB - Account].[Account CB - Description].&amp;[2340218 - Missing]"/>
        <member name="[CB - Account].[Account CB - Description].&amp;[2340219 - Missing]"/>
        <member name="[CB - Account].[Account CB - Description].&amp;[2340220 - Missing]"/>
        <member name="[CB - Account].[Account CB - Description].&amp;[2340221 - Missing]"/>
        <member name="[CB - Account].[Account CB - Description].&amp;[2340222 - Missing]"/>
        <member name="[CB - Account].[Account CB - Description].&amp;[2340223 - Missing]"/>
        <member name="[CB - Account].[Account CB - Description].&amp;[2340224 - Missing]"/>
        <member name="[CB - Account].[Account CB - Description].&amp;[2340225 - Missing]"/>
        <member name="[CB - Account].[Account CB - Description].&amp;[2340232 - Missing]"/>
        <member name="[CB - Account].[Account CB - Description].&amp;[2340235 - Missing]"/>
        <member name="[CB - Account].[Account CB - Description].&amp;[2340236 - Missing]"/>
        <member name="[CB - Account].[Account CB - Description].&amp;[2340239 - Missing]"/>
        <member name="[CB - Account].[Account CB - Description].&amp;[2340240 - Missing]"/>
        <member name="[CB - Account].[Account CB - Description].&amp;[2340241 - Missing]"/>
        <member name="[CB - Account].[Account CB - Description].&amp;[2340242 - Missing]"/>
        <member name="[CB - Account].[Account CB - Description].&amp;[2340243 - Missing]"/>
        <member name="[CB - Account].[Account CB - Description].&amp;[2340244 - Missing]"/>
        <member name="[CB - Account].[Account CB - Description].&amp;[2340248 - Missing]"/>
        <member name="[CB - Account].[Account CB - Description].&amp;[2340250 - Missing]"/>
        <member name="[CB - Account].[Account CB - Description].&amp;[2340251 - Missing]"/>
        <member name="[CB - Account].[Account CB - Description].&amp;[2340254 - Missing]"/>
        <member name="[CB - Account].[Account CB - Description].&amp;[2340255 - Missing]"/>
        <member name="[CB - Account].[Account CB - Description].&amp;[2340256 - Missing]"/>
        <member name="[CB - Account].[Account CB - Description].&amp;[2340257 - Missing]"/>
        <member name="[CB - Account].[Account CB - Description].&amp;[2340258 - Missing]"/>
        <member name="[CB - Account].[Account CB - Description].&amp;[2340260 - Missing]"/>
        <member name="[CB - Account].[Account CB - Description].&amp;[2340261 - Missing]"/>
        <member name="[CB - Account].[Account CB - Description].&amp;[2340262 - Missing]"/>
        <member name="[CB - Account].[Account CB - Description].&amp;[2340263 - Missing]"/>
        <member name="[CB - Account].[Account CB - Description].&amp;[2340264 - Missing]"/>
        <member name="[CB - Account].[Account CB - Description].&amp;[2340265 - Missing]"/>
        <member name="[CB - Account].[Account CB - Description].&amp;[2340266 - Missing]"/>
        <member name="[CB - Account].[Account CB - Description].&amp;[2340267 - Missing]"/>
        <member name="[CB - Account].[Account CB - Description].&amp;[2340269 - Missing]"/>
        <member name="[CB - Account].[Account CB - Description].&amp;[2340270 - Missing]"/>
        <member name="[CB - Account].[Account CB - Description].&amp;[2340271 - Missing]"/>
        <member name="[CB - Account].[Account CB - Description].&amp;[2340272 - Missing]"/>
        <member name="[CB - Account].[Account CB - Description].&amp;[2340274 - Missing]"/>
        <member name="[CB - Account].[Account CB - Description].&amp;[2340275 - Missing]"/>
        <member name="[CB - Account].[Account CB - Description].&amp;[2340276 - Missing]"/>
        <member name="[CB - Account].[Account CB - Description].&amp;[2340277 - Missing]"/>
        <member name="[CB - Account].[Account CB - Description].&amp;[2340278 - Missing]"/>
        <member name="[CB - Account].[Account CB - Description].&amp;[2340279 - Missing]"/>
        <member name="[CB - Account].[Account CB - Description].&amp;[2340280 - Missing]"/>
        <member name="[CB - Account].[Account CB - Description].&amp;[2341000 - Structures And Improvements]"/>
        <member name="[CB - Account].[Account CB - Description].&amp;[2342000 - Dist Reservoirs &amp; Standpipes]"/>
        <member name="[CB - Account].[Account CB - Description].&amp;[2343100 - Transmission Mains]"/>
        <member name="[CB - Account].[Account CB - Description].&amp;[2343200 - Distribution Mains]"/>
        <member name="[CB - Account].[Account CB - Description].&amp;[2344000 - Fire Mains]"/>
        <member name="[CB - Account].[Account CB - Description].&amp;[2345000 - Services]"/>
        <member name="[CB - Account].[Account CB - Description].&amp;[2346000 - Meters]"/>
        <member name="[CB - Account].[Account CB - Description].&amp;[2347000 - Meter Installations]"/>
        <member name="[CB - Account].[Account CB - Description].&amp;[2348000 - Hydrants]"/>
        <member name="[CB - Account].[Account CB - Description].&amp;[2349000 - Other Transm &amp; Distn Plant]"/>
        <member name="[CB - Account].[Account CB - Description].&amp;[2349001 - Missing]"/>
        <member name="[CB - Account].[Account CB - Description].&amp;[2349100 - Missing]"/>
        <member name="[CB - Account].[Account CB - Description].&amp;[2349101 - Missing]"/>
        <member name="[CB - Account].[Account CB - Description].&amp;[2352510 - CONTRA MTM CURRENT LIAB]"/>
        <member name="[CB - Account].[Account CB - Description].&amp;[2360001 - Missing]"/>
        <member name="[CB - Account].[Account CB - Description].&amp;[2360002 - Missing]"/>
        <member name="[CB - Account].[Account CB - Description].&amp;[2360003 - Missing]"/>
        <member name="[CB - Account].[Account CB - Description].&amp;[2360004 - Missing]"/>
        <member name="[CB - Account].[Account CB - Description].&amp;[2360005 - Missing]"/>
        <member name="[CB - Account].[Account CB - Description].&amp;[2360006 - Missing]"/>
        <member name="[CB - Account].[Account CB - Description].&amp;[2360007 - Missing]"/>
        <member name="[CB - Account].[Account CB - Description].&amp;[2360009 - Missing]"/>
        <member name="[CB - Account].[Account CB - Description].&amp;[2360010 - Missing]"/>
        <member name="[CB - Account].[Account CB - Description].&amp;[2360011 - Missing]"/>
        <member name="[CB - Account].[Account CB - Description].&amp;[2360012 - Missing]"/>
        <member name="[CB - Account].[Account CB - Description].&amp;[2360015 - Missing]"/>
        <member name="[CB - Account].[Account CB - Description].&amp;[2360016 - Missing]"/>
        <member name="[CB - Account].[Account CB - Description].&amp;[2360017 - Missing]"/>
        <member name="[CB - Account].[Account CB - Description].&amp;[2360018 - Missing]"/>
        <member name="[CB - Account].[Account CB - Description].&amp;[2360019 - Missing]"/>
        <member name="[CB - Account].[Account CB - Description].&amp;[2360020 - Missing]"/>
        <member name="[CB - Account].[Account CB - Description].&amp;[2360021 - Missing]"/>
        <member name="[CB - Account].[Account CB - Description].&amp;[2360023 - Missing]"/>
        <member name="[CB - Account].[Account CB - Description].&amp;[2360024 - Missing]"/>
        <member name="[CB - Account].[Account CB - Description].&amp;[2360025 - Missing]"/>
        <member name="[CB - Account].[Account CB - Description].&amp;[2360026 - Missing]"/>
        <member name="[CB - Account].[Account CB - Description].&amp;[2360027 - Missing]"/>
        <member name="[CB - Account].[Account CB - Description].&amp;[2360030 - Missing]"/>
        <member name="[CB - Account].[Account CB - Description].&amp;[2360031 - Missing]"/>
        <member name="[CB - Account].[Account CB - Description].&amp;[2360034 - Missing]"/>
        <member name="[CB - Account].[Account CB - Description].&amp;[2360036 - Missing]"/>
        <member name="[CB - Account].[Account CB - Description].&amp;[2360037 - Missing]"/>
        <member name="[CB - Account].[Account CB - Description].&amp;[2360038 - Missing]"/>
        <member name="[CB - Account].[Account CB - Description].&amp;[2360039 - Missing]"/>
        <member name="[CB - Account].[Account CB - Description].&amp;[2360040 - Missing]"/>
        <member name="[CB - Account].[Account CB - Description].&amp;[2360041 - Missing]"/>
        <member name="[CB - Account].[Account CB - Description].&amp;[2360042 - Missing]"/>
        <member name="[CB - Account].[Account CB - Description].&amp;[2360043 - Missing]"/>
        <member name="[CB - Account].[Account CB - Description].&amp;[2360044 - Missing]"/>
        <member name="[CB - Account].[Account CB - Description].&amp;[2360045 - Missing]"/>
        <member name="[CB - Account].[Account CB - Description].&amp;[2360046 - Missing]"/>
        <member name="[CB - Account].[Account CB - Description].&amp;[2360047 - Missing]"/>
        <member name="[CB - Account].[Account CB - Description].&amp;[2360048 - Missing]"/>
        <member name="[CB - Account].[Account CB - Description].&amp;[2360050 - Missing]"/>
        <member name="[CB - Account].[Account CB - Description].&amp;[2360052 - Missing]"/>
        <member name="[CB - Account].[Account CB - Description].&amp;[2360053 - Missing]"/>
        <member name="[CB - Account].[Account CB - Description].&amp;[2360054 - Missing]"/>
        <member name="[CB - Account].[Account CB - Description].&amp;[2360055 - Missing]"/>
        <member name="[CB - Account].[Account CB - Description].&amp;[2360056 - Missing]"/>
        <member name="[CB - Account].[Account CB - Description].&amp;[2360057 - Missing]"/>
        <member name="[CB - Account].[Account CB - Description].&amp;[2360059 - Missing]"/>
        <member name="[CB - Account].[Account CB - Description].&amp;[2360060 - Missing]"/>
        <member name="[CB - Account].[Account CB - Description].&amp;[2360062 - Missing]"/>
        <member name="[CB - Account].[Account CB - Description].&amp;[2360063 - Missing]"/>
        <member name="[CB - Account].[Account CB - Description].&amp;[2360065 - Missing]"/>
        <member name="[CB - Account].[Account CB - Description].&amp;[2360066 - Missing]"/>
        <member name="[CB - Account].[Account CB - Description].&amp;[2360069 - Missing]"/>
        <member name="[CB - Account].[Account CB - Description].&amp;[2360071 - Missing]"/>
        <member name="[CB - Account].[Account CB - Description].&amp;[2360072 - Missing]"/>
        <member name="[CB - Account].[Account CB - Description].&amp;[2360073 - Missing]"/>
        <member name="[CB - Account].[Account CB - Description].&amp;[2360074 - Missing]"/>
        <member name="[CB - Account].[Account CB - Description].&amp;[2360075 - Missing]"/>
        <member name="[CB - Account].[Account CB - Description].&amp;[2360076 - Missing]"/>
        <member name="[CB - Account].[Account CB - Description].&amp;[2360077 - Missing]"/>
        <member name="[CB - Account].[Account CB - Description].&amp;[2360080 - Missing]"/>
        <member name="[CB - Account].[Account CB - Description].&amp;[2360085 - Missing]"/>
        <member name="[CB - Account].[Account CB - Description].&amp;[2360086 - Missing]"/>
        <member name="[CB - Account].[Account CB - Description].&amp;[2360087 - Missing]"/>
        <member name="[CB - Account].[Account CB - Description].&amp;[2360088 - Missing]"/>
        <member name="[CB - Account].[Account CB - Description].&amp;[2360089 - Missing]"/>
        <member name="[CB - Account].[Account CB - Description].&amp;[2360090 - Missing]"/>
        <member name="[CB - Account].[Account CB - Description].&amp;[2360091 - Missing]"/>
        <member name="[CB - Account].[Account CB - Description].&amp;[2360092 - Missing]"/>
        <member name="[CB - Account].[Account CB - Description].&amp;[2360093 - Missing]"/>
        <member name="[CB - Account].[Account CB - Description].&amp;[2360094 - Missing]"/>
        <member name="[CB - Account].[Account CB - Description].&amp;[2360095 - Missing]"/>
        <member name="[CB - Account].[Account CB - Description].&amp;[2360096 - Missing]"/>
        <member name="[CB - Account].[Account CB - Description].&amp;[2360097 - Missing]"/>
        <member name="[CB - Account].[Account CB - Description].&amp;[2360098 - Missing]"/>
        <member name="[CB - Account].[Account CB - Description].&amp;[2360099 - Missing]"/>
        <member name="[CB - Account].[Account CB - Description].&amp;[2360100 - Missing]"/>
        <member name="[CB - Account].[Account CB - Description].&amp;[2360101 - Missing]"/>
        <member name="[CB - Account].[Account CB - Description].&amp;[2360105 - Missing]"/>
        <member name="[CB - Account].[Account CB - Description].&amp;[2360106 - Missing]"/>
        <member name="[CB - Account].[Account CB - Description].&amp;[2360108 - Missing]"/>
        <member name="[CB - Account].[Account CB - Description].&amp;[2360109 - Missing]"/>
        <member name="[CB - Account].[Account CB - Description].&amp;[2360110 - Missing]"/>
        <member name="[CB - Account].[Account CB - Description].&amp;[2360111 - Missing]"/>
        <member name="[CB - Account].[Account CB - Description].&amp;[2360112 - Missing]"/>
        <member name="[CB - Account].[Account CB - Description].&amp;[2360116 - Missing]"/>
        <member name="[CB - Account].[Account CB - Description].&amp;[2360117 - Missing]"/>
        <member name="[CB - Account].[Account CB - Description].&amp;[2360118 - Missing]"/>
        <member name="[CB - Account].[Account CB - Description].&amp;[2360119 - Missing]"/>
        <member name="[CB - Account].[Account CB - Description].&amp;[2360120 - Missing]"/>
        <member name="[CB - Account].[Account CB - Description].&amp;[2360122 - Missing]"/>
        <member name="[CB - Account].[Account CB - Description].&amp;[2360126 - Missing]"/>
        <member name="[CB - Account].[Account CB - Description].&amp;[2360127 - Missing]"/>
        <member name="[CB - Account].[Account CB - Description].&amp;[2360128 - Missing]"/>
        <member name="[CB - Account].[Account CB - Description].&amp;[2360130 - Missing]"/>
        <member name="[CB - Account].[Account CB - Description].&amp;[2360131 - Missing]"/>
        <member name="[CB - Account].[Account CB - Description].&amp;[2360133 - Missing]"/>
        <member name="[CB - Account].[Account CB - Description].&amp;[2360134 - Missing]"/>
        <member name="[CB - Account].[Account CB - Description].&amp;[2360135 - Missing]"/>
        <member name="[CB - Account].[Account CB - Description].&amp;[2360136 - Missing]"/>
        <member name="[CB - Account].[Account CB - Description].&amp;[2360137 - Missing]"/>
        <member name="[CB - Account].[Account CB - Description].&amp;[2360138 - Missing]"/>
        <member name="[CB - Account].[Account CB - Description].&amp;[2360139 - Missing]"/>
        <member name="[CB - Account].[Account CB - Description].&amp;[2360140 - Missing]"/>
        <member name="[CB - Account].[Account CB - Description].&amp;[2360141 - Missing]"/>
        <member name="[CB - Account].[Account CB - Description].&amp;[2360142 - Missing]"/>
        <member name="[CB - Account].[Account CB - Description].&amp;[2360143 - Missing]"/>
        <member name="[CB - Account].[Account CB - Description].&amp;[2360146 - Missing]"/>
        <member name="[CB - Account].[Account CB - Description].&amp;[2360147 - Missing]"/>
        <member name="[CB - Account].[Account CB - Description].&amp;[2360148 - Missing]"/>
        <member name="[CB - Account].[Account CB - Description].&amp;[2360149 - Missing]"/>
        <member name="[CB - Account].[Account CB - Description].&amp;[2360150 - Missing]"/>
        <member name="[CB - Account].[Account CB - Description].&amp;[2360151 - Missing]"/>
        <member name="[CB - Account].[Account CB - Description].&amp;[2360153 - Missing]"/>
        <member name="[CB - Account].[Account CB - Description].&amp;[2360154 - Missing]"/>
        <member name="[CB - Account].[Account CB - Description].&amp;[2360155 - Missing]"/>
        <member name="[CB - Account].[Account CB - Description].&amp;[2360156 - Missing]"/>
        <member name="[CB - Account].[Account CB - Description].&amp;[2360157 - Missing]"/>
        <member name="[CB - Account].[Account CB - Description].&amp;[2360159 - Missing]"/>
        <member name="[CB - Account].[Account CB - Description].&amp;[2360160 - Missing]"/>
        <member name="[CB - Account].[Account CB - Description].&amp;[2360161 - Missing]"/>
        <member name="[CB - Account].[Account CB - Description].&amp;[2360162 - Missing]"/>
        <member name="[CB - Account].[Account CB - Description].&amp;[2360163 - Missing]"/>
        <member name="[CB - Account].[Account CB - Description].&amp;[2360165 - Missing]"/>
        <member name="[CB - Account].[Account CB - Description].&amp;[2360169 - Missing]"/>
        <member name="[CB - Account].[Account CB - Description].&amp;[2360170 - Missing]"/>
        <member name="[CB - Account].[Account CB - Description].&amp;[2360171 - Missing]"/>
        <member name="[CB - Account].[Account CB - Description].&amp;[2360172 - Missing]"/>
        <member name="[CB - Account].[Account CB - Description].&amp;[2360173 - Missing]"/>
        <member name="[CB - Account].[Account CB - Description].&amp;[2360174 - Missing]"/>
        <member name="[CB - Account].[Account CB - Description].&amp;[2360175 - Missing]"/>
        <member name="[CB - Account].[Account CB - Description].&amp;[2360176 - Missing]"/>
        <member name="[CB - Account].[Account CB - Description].&amp;[2360177 - Missing]"/>
        <member name="[CB - Account].[Account CB - Description].&amp;[2360178 - Missing]"/>
        <member name="[CB - Account].[Account CB - Description].&amp;[2360179 - Missing]"/>
        <member name="[CB - Account].[Account CB - Description].&amp;[2360180 - Missing]"/>
        <member name="[CB - Account].[Account CB - Description].&amp;[2360181 - Missing]"/>
        <member name="[CB - Account].[Account CB - Description].&amp;[2360182 - Missing]"/>
        <member name="[CB - Account].[Account CB - Description].&amp;[2360183 - Missing]"/>
        <member name="[CB - Account].[Account CB - Description].&amp;[2360184 - Missing]"/>
        <member name="[CB - Account].[Account CB - Description].&amp;[2360185 - Missing]"/>
        <member name="[CB - Account].[Account CB - Description].&amp;[2360186 - Missing]"/>
        <member name="[CB - Account].[Account CB - Description].&amp;[2360187 - Missing]"/>
        <member name="[CB - Account].[Account CB - Description].&amp;[2360191 - Missing]"/>
        <member name="[CB - Account].[Account CB - Description].&amp;[2360193 - Missing]"/>
        <member name="[CB - Account].[Account CB - Description].&amp;[2360197 - Missing]"/>
        <member name="[CB - Account].[Account CB - Description].&amp;[2360198 - Missing]"/>
        <member name="[CB - Account].[Account CB - Description].&amp;[2360199 - Missing]"/>
        <member name="[CB - Account].[Account CB - Description].&amp;[2360200 - Missing]"/>
        <member name="[CB - Account].[Account CB - Description].&amp;[2360201 - Missing]"/>
        <member name="[CB - Account].[Account CB - Description].&amp;[2360202 - Missing]"/>
        <member name="[CB - Account].[Account CB - Description].&amp;[2360203 - Missing]"/>
        <member name="[CB - Account].[Account CB - Description].&amp;[2360204 - Missing]"/>
        <member name="[CB - Account].[Account CB - Description].&amp;[2360205 - Missing]"/>
        <member name="[CB - Account].[Account CB - Description].&amp;[2360206 - Missing]"/>
        <member name="[CB - Account].[Account CB - Description].&amp;[2360207 - Missing]"/>
        <member name="[CB - Account].[Account CB - Description].&amp;[2360208 - Missing]"/>
        <member name="[CB - Account].[Account CB - Description].&amp;[2360216 - Missing]"/>
        <member name="[CB - Account].[Account CB - Description].&amp;[2360217 - Missing]"/>
        <member name="[CB - Account].[Account CB - Description].&amp;[2360218 - Missing]"/>
        <member name="[CB - Account].[Account CB - Description].&amp;[2360219 - Missing]"/>
        <member name="[CB - Account].[Account CB - Description].&amp;[2360220 - Missing]"/>
        <member name="[CB - Account].[Account CB - Description].&amp;[2360221 - Missing]"/>
        <member name="[CB - Account].[Account CB - Description].&amp;[2360222 - Missing]"/>
        <member name="[CB - Account].[Account CB - Description].&amp;[2360223 - Missing]"/>
        <member name="[CB - Account].[Account CB - Description].&amp;[2360224 - Missing]"/>
        <member name="[CB - Account].[Account CB - Description].&amp;[2360225 - Missing]"/>
        <member name="[CB - Account].[Account CB - Description].&amp;[2360226 - Missing]"/>
        <member name="[CB - Account].[Account CB - Description].&amp;[2360227 - Missing]"/>
        <member name="[CB - Account].[Account CB - Description].&amp;[2360233 - Missing]"/>
        <member name="[CB - Account].[Account CB - Description].&amp;[2360234 - Missing]"/>
        <member name="[CB - Account].[Account CB - Description].&amp;[2360236 - Missing]"/>
        <member name="[CB - Account].[Account CB - Description].&amp;[2360240 - Missing]"/>
        <member name="[CB - Account].[Account CB - Description].&amp;[2360242 - Missing]"/>
        <member name="[CB - Account].[Account CB - Description].&amp;[2360243 - Missing]"/>
        <member name="[CB - Account].[Account CB - Description].&amp;[2360245 - Missing]"/>
        <member name="[CB - Account].[Account CB - Description].&amp;[2360247 - Missing]"/>
        <member name="[CB - Account].[Account CB - Description].&amp;[2360252 - Missing]"/>
        <member name="[CB - Account].[Account CB - Description].&amp;[2360257 - Missing]"/>
        <member name="[CB - Account].[Account CB - Description].&amp;[2360258 - Missing]"/>
        <member name="[CB - Account].[Account CB - Description].&amp;[2360259 - Missing]"/>
        <member name="[CB - Account].[Account CB - Description].&amp;[2370003 - Missing]"/>
        <member name="[CB - Account].[Account CB - Description].&amp;[2370007 - Missing]"/>
        <member name="[CB - Account].[Account CB - Description].&amp;[2370008 - Missing]"/>
        <member name="[CB - Account].[Account CB - Description].&amp;[2370009 - Missing]"/>
        <member name="[CB - Account].[Account CB - Description].&amp;[2370010 - Missing]"/>
        <member name="[CB - Account].[Account CB - Description].&amp;[2370011 - Missing]"/>
        <member name="[CB - Account].[Account CB - Description].&amp;[2370014 - Missing]"/>
        <member name="[CB - Account].[Account CB - Description].&amp;[2370015 - Missing]"/>
        <member name="[CB - Account].[Account CB - Description].&amp;[2370017 - Missing]"/>
        <member name="[CB - Account].[Account CB - Description].&amp;[2370018 - Missing]"/>
        <member name="[CB - Account].[Account CB - Description].&amp;[2370019 - Missing]"/>
        <member name="[CB - Account].[Account CB - Description].&amp;[2370020 - Missing]"/>
        <member name="[CB - Account].[Account CB - Description].&amp;[2370021 - Missing]"/>
        <member name="[CB - Account].[Account CB - Description].&amp;[2370022 - Missing]"/>
        <member name="[CB - Account].[Account CB - Description].&amp;[2370023 - Missing]"/>
        <member name="[CB - Account].[Account CB - Description].&amp;[2370024 - Missing]"/>
        <member name="[CB - Account].[Account CB - Description].&amp;[2370025 - Missing]"/>
        <member name="[CB - Account].[Account CB - Description].&amp;[2370026 - Missing]"/>
        <member name="[CB - Account].[Account CB - Description].&amp;[2370027 - Missing]"/>
        <member name="[CB - Account].[Account CB - Description].&amp;[2370028 - Missing]"/>
        <member name="[CB - Account].[Account CB - Description].&amp;[2370029 - Missing]"/>
        <member name="[CB - Account].[Account CB - Description].&amp;[2370030 - Missing]"/>
        <member name="[CB - Account].[Account CB - Description].&amp;[2370031 - Missing]"/>
        <member name="[CB - Account].[Account CB - Description].&amp;[2370032 - Missing]"/>
        <member name="[CB - Account].[Account CB - Description].&amp;[2370033 - Missing]"/>
        <member name="[CB - Account].[Account CB - Description].&amp;[2370038 - Missing]"/>
        <member name="[CB - Account].[Account CB - Description].&amp;[2370039 - Missing]"/>
        <member name="[CB - Account].[Account CB - Description].&amp;[2370040 - Missing]"/>
        <member name="[CB - Account].[Account CB - Description].&amp;[2370041 - Missing]"/>
        <member name="[CB - Account].[Account CB - Description].&amp;[2370043 - Missing]"/>
        <member name="[CB - Account].[Account CB - Description].&amp;[2370044 - Missing]"/>
        <member name="[CB - Account].[Account CB - Description].&amp;[2370045 - Missing]"/>
        <member name="[CB - Account].[Account CB - Description].&amp;[2370046 - Missing]"/>
        <member name="[CB - Account].[Account CB - Description].&amp;[2370049 - Missing]"/>
        <member name="[CB - Account].[Account CB - Description].&amp;[2370051 - Missing]"/>
        <member name="[CB - Account].[Account CB - Description].&amp;[2370052 - Missing]"/>
        <member name="[CB - Account].[Account CB - Description].&amp;[2370053 - Missing]"/>
        <member name="[CB - Account].[Account CB - Description].&amp;[2370054 - Missing]"/>
        <member name="[CB - Account].[Account CB - Description].&amp;[2370055 - Missing]"/>
        <member name="[CB - Account].[Account CB - Description].&amp;[2370056 - Missing]"/>
        <member name="[CB - Account].[Account CB - Description].&amp;[2370057 - Missing]"/>
        <member name="[CB - Account].[Account CB - Description].&amp;[2370058 - Missing]"/>
        <member name="[CB - Account].[Account CB - Description].&amp;[2370059 - Missing]"/>
        <member name="[CB - Account].[Account CB - Description].&amp;[2370060 - Missing]"/>
        <member name="[CB - Account].[Account CB - Description].&amp;[2370061 - Missing]"/>
        <member name="[CB - Account].[Account CB - Description].&amp;[2370063 - Missing]"/>
        <member name="[CB - Account].[Account CB - Description].&amp;[2370064 - Missing]"/>
        <member name="[CB - Account].[Account CB - Description].&amp;[2370065 - Missing]"/>
        <member name="[CB - Account].[Account CB - Description].&amp;[2370066 - Missing]"/>
        <member name="[CB - Account].[Account CB - Description].&amp;[2370067 - Missing]"/>
        <member name="[CB - Account].[Account CB - Description].&amp;[2370068 - Missing]"/>
        <member name="[CB - Account].[Account CB - Description].&amp;[2370070 - Missing]"/>
        <member name="[CB - Account].[Account CB - Description].&amp;[2370071 - Missing]"/>
        <member name="[CB - Account].[Account CB - Description].&amp;[2370072 - Missing]"/>
        <member name="[CB - Account].[Account CB - Description].&amp;[2370075 - Missing]"/>
        <member name="[CB - Account].[Account CB - Description].&amp;[2370076 - Missing]"/>
        <member name="[CB - Account].[Account CB - Description].&amp;[2370077 - Missing]"/>
        <member name="[CB - Account].[Account CB - Description].&amp;[2370078 - Missing]"/>
        <member name="[CB - Account].[Account CB - Description].&amp;[2370079 - Missing]"/>
        <member name="[CB - Account].[Account CB - Description].&amp;[2370081 - Missing]"/>
        <member name="[CB - Account].[Account CB - Description].&amp;[2370082 - Missing]"/>
        <member name="[CB - Account].[Account CB - Description].&amp;[2370083 - Missing]"/>
        <member name="[CB - Account].[Account CB - Description].&amp;[2370090 - Missing]"/>
        <member name="[CB - Account].[Account CB - Description].&amp;[2370091 - Missing]"/>
        <member name="[CB - Account].[Account CB - Description].&amp;[2370092 - Missing]"/>
        <member name="[CB - Account].[Account CB - Description].&amp;[2370093 - Missing]"/>
        <member name="[CB - Account].[Account CB - Description].&amp;[2370094 - Missing]"/>
        <member name="[CB - Account].[Account CB - Description].&amp;[2370095 - Missing]"/>
        <member name="[CB - Account].[Account CB - Description].&amp;[2380001 - Missing]"/>
        <member name="[CB - Account].[Account CB - Description].&amp;[2380002 - Missing]"/>
        <member name="[CB - Account].[Account CB - Description].&amp;[2380005 - Missing]"/>
        <member name="[CB - Account].[Account CB - Description].&amp;[2389100 - Land In Fee]"/>
        <member name="[CB - Account].[Account CB - Description].&amp;[2389200 - Land Rights]"/>
        <member name="[CB - Account].[Account CB - Description].&amp;[2390000 - Structures &amp; Improvements]"/>
        <member name="[CB - Account].[Account CB - Description].&amp;[2391000 - Office Furniture &amp; Equipment]"/>
        <member name="[CB - Account].[Account CB - Description].&amp;[2392000 - Transportation Equipment]"/>
        <member name="[CB - Account].[Account CB - Description].&amp;[2393000 - Stores Equipment]"/>
        <member name="[CB - Account].[Account CB - Description].&amp;[2394000 - Tools, Shop And Garage Equip]"/>
        <member name="[CB - Account].[Account CB - Description].&amp;[2395000 - Laboratory Equipment]"/>
        <member name="[CB - Account].[Account CB - Description].&amp;[2396000 - Power Operated Equipment]"/>
        <member name="[CB - Account].[Account CB - Description].&amp;[2397000 - Communication Equipment]"/>
        <member name="[CB - Account].[Account CB - Description].&amp;[2398000 - Miscellaneous Equipment]"/>
        <member name="[CB - Account].[Account CB - Description].&amp;[2410001 - Missing]"/>
        <member name="[CB - Account].[Account CB - Description].&amp;[2410002 - Missing]"/>
        <member name="[CB - Account].[Account CB - Description].&amp;[2410003 - Missing]"/>
        <member name="[CB - Account].[Account CB - Description].&amp;[2410004 - Missing]"/>
        <member name="[CB - Account].[Account CB - Description].&amp;[2410005 - Missing]"/>
        <member name="[CB - Account].[Account CB - Description].&amp;[2410006 - Missing]"/>
        <member name="[CB - Account].[Account CB - Description].&amp;[2410007 - Missing]"/>
        <member name="[CB - Account].[Account CB - Description].&amp;[2410008 - Missing]"/>
        <member name="[CB - Account].[Account CB - Description].&amp;[2410009 - Missing]"/>
        <member name="[CB - Account].[Account CB - Description].&amp;[2410010 - Missing]"/>
        <member name="[CB - Account].[Account CB - Description].&amp;[2410011 - Missing]"/>
        <member name="[CB - Account].[Account CB - Description].&amp;[2410016 - Missing]"/>
        <member name="[CB - Account].[Account CB - Description].&amp;[2410017 - Missing]"/>
        <member name="[CB - Account].[Account CB - Description].&amp;[2410018 - Missing]"/>
        <member name="[CB - Account].[Account CB - Description].&amp;[2410019 - Missing]"/>
        <member name="[CB - Account].[Account CB - Description].&amp;[2420000 - COLLATERAL LIAB CONTRA]"/>
        <member name="[CB - Account].[Account CB - Description].&amp;[2420002 - Missing]"/>
        <member name="[CB - Account].[Account CB - Description].&amp;[2420003 - Missing]"/>
        <member name="[CB - Account].[Account CB - Description].&amp;[2420004 - Missing]"/>
        <member name="[CB - Account].[Account CB - Description].&amp;[2420005 - Missing]"/>
        <member name="[CB - Account].[Account CB - Description].&amp;[2420008 - Missing]"/>
        <member name="[CB - Account].[Account CB - Description].&amp;[2420009 - Missing]"/>
        <member name="[CB - Account].[Account CB - Description].&amp;[2420010 - Missing]"/>
        <member name="[CB - Account].[Account CB - Description].&amp;[2420011 - Missing]"/>
        <member name="[CB - Account].[Account CB - Description].&amp;[2420012 - Missing]"/>
        <member name="[CB - Account].[Account CB - Description].&amp;[2420013 - Missing]"/>
        <member name="[CB - Account].[Account CB - Description].&amp;[2420014 - Missing]"/>
        <member name="[CB - Account].[Account CB - Description].&amp;[2420015 - Missing]"/>
        <member name="[CB - Account].[Account CB - Description].&amp;[2420016 - Missing]"/>
        <member name="[CB - Account].[Account CB - Description].&amp;[2420017 - Missing]"/>
        <member name="[CB - Account].[Account CB - Description].&amp;[2420018 - Missing]"/>
        <member name="[CB - Account].[Account CB - Description].&amp;[2420020 - Missing]"/>
        <member name="[CB - Account].[Account CB - Description].&amp;[2420021 - Missing]"/>
        <member name="[CB - Account].[Account CB - Description].&amp;[2420022 - Missing]"/>
        <member name="[CB - Account].[Account CB - Description].&amp;[2420023 - Missing]"/>
        <member name="[CB - Account].[Account CB - Description].&amp;[2420024 - Missing]"/>
        <member name="[CB - Account].[Account CB - Description].&amp;[2420026 - Missing]"/>
        <member name="[CB - Account].[Account CB - Description].&amp;[2420028 - Missing]"/>
        <member name="[CB - Account].[Account CB - Description].&amp;[2420032 - Missing]"/>
        <member name="[CB - Account].[Account CB - Description].&amp;[2420033 - Missing]"/>
        <member name="[CB - Account].[Account CB - Description].&amp;[2420034 - Missing]"/>
        <member name="[CB - Account].[Account CB - Description].&amp;[2420035 - Missing]"/>
        <member name="[CB - Account].[Account CB - Description].&amp;[2420036 - Missing]"/>
        <member name="[CB - Account].[Account CB - Description].&amp;[2420037 - Missing]"/>
        <member name="[CB - Account].[Account CB - Description].&amp;[2420038 - Missing]"/>
        <member name="[CB - Account].[Account CB - Description].&amp;[2420040 - Missing]"/>
        <member name="[CB - Account].[Account CB - Description].&amp;[2420042 - Missing]"/>
        <member name="[CB - Account].[Account CB - Description].&amp;[2420043 - Missing]"/>
        <member name="[CB - Account].[Account CB - Description].&amp;[2420052 - Missing]"/>
        <member name="[CB - Account].[Account CB - Description].&amp;[2420059 - Missing]"/>
        <member name="[CB - Account].[Account CB - Description].&amp;[2420061 - Missing]"/>
        <member name="[CB - Account].[Account CB - Description].&amp;[2420062 - Missing]"/>
        <member name="[CB - Account].[Account CB - Description].&amp;[2420064 - Missing]"/>
        <member name="[CB - Account].[Account CB - Description].&amp;[2420065 - Missing]"/>
        <member name="[CB - Account].[Account CB - Description].&amp;[2420066 - Missing]"/>
        <member name="[CB - Account].[Account CB - Description].&amp;[2420067 - Missing]"/>
        <member name="[CB - Account].[Account CB - Description].&amp;[2420068 - Missing]"/>
        <member name="[CB - Account].[Account CB - Description].&amp;[2426500 - Contra Other Cur Liabilities]"/>
        <member name="[CB - Account].[Account CB - Description].&amp;[2430001 - Missing]"/>
        <member name="[CB - Account].[Account CB - Description].&amp;[2530000 - Contra Deferred Credit]"/>
        <member name="[CB - Account].[Account CB - Description].&amp;[2530001 - Missing]"/>
        <member name="[CB - Account].[Account CB - Description].&amp;[2530002 - Missing]"/>
        <member name="[CB - Account].[Account CB - Description].&amp;[2530003 - Missing]"/>
        <member name="[CB - Account].[Account CB - Description].&amp;[2530004 - Missing]"/>
        <member name="[CB - Account].[Account CB - Description].&amp;[2530005 - Missing]"/>
        <member name="[CB - Account].[Account CB - Description].&amp;[2530006 - Missing]"/>
        <member name="[CB - Account].[Account CB - Description].&amp;[2530007 - Missing]"/>
        <member name="[CB - Account].[Account CB - Description].&amp;[2530008 - Missing]"/>
        <member name="[CB - Account].[Account CB - Description].&amp;[2530009 - Missing]"/>
        <member name="[CB - Account].[Account CB - Description].&amp;[2530013 - Missing]"/>
        <member name="[CB - Account].[Account CB - Description].&amp;[2530016 - Missing]"/>
        <member name="[CB - Account].[Account CB - Description].&amp;[2530017 - Missing]"/>
        <member name="[CB - Account].[Account CB - Description].&amp;[2530018 - Missing]"/>
        <member name="[CB - Account].[Account CB - Description].&amp;[2530019 - Missing]"/>
        <member name="[CB - Account].[Account CB - Description].&amp;[2530021 - Missing]"/>
        <member name="[CB - Account].[Account CB - Description].&amp;[2530024 - Missing]"/>
        <member name="[CB - Account].[Account CB - Description].&amp;[2530026 - Missing]"/>
        <member name="[CB - Account].[Account CB - Description].&amp;[2530027 - Missing]"/>
        <member name="[CB - Account].[Account CB - Description].&amp;[2530028 - Missing]"/>
        <member name="[CB - Account].[Account CB - Description].&amp;[2530029 - Missing]"/>
        <member name="[CB - Account].[Account CB - Description].&amp;[2530030 - Missing]"/>
        <member name="[CB - Account].[Account CB - Description].&amp;[2530032 - Missing]"/>
        <member name="[CB - Account].[Account CB - Description].&amp;[2530033 - Missing]"/>
        <member name="[CB - Account].[Account CB - Description].&amp;[2530034 - Missing]"/>
        <member name="[CB - Account].[Account CB - Description].&amp;[2530035 - Missing]"/>
        <member name="[CB - Account].[Account CB - Description].&amp;[2530037 - Missing]"/>
        <member name="[CB - Account].[Account CB - Description].&amp;[2530039 - Missing]"/>
        <member name="[CB - Account].[Account CB - Description].&amp;[2530043 - Missing]"/>
        <member name="[CB - Account].[Account CB - Description].&amp;[2530044 - Missing]"/>
        <member name="[CB - Account].[Account CB - Description].&amp;[2530045 - Missing]"/>
        <member name="[CB - Account].[Account CB - Description].&amp;[2530046 - Missing]"/>
        <member name="[CB - Account].[Account CB - Description].&amp;[2530047 - Missing]"/>
        <member name="[CB - Account].[Account CB - Description].&amp;[2530048 - Missing]"/>
        <member name="[CB - Account].[Account CB - Description].&amp;[2530050 - Missing]"/>
        <member name="[CB - Account].[Account CB - Description].&amp;[2530052 - Missing]"/>
        <member name="[CB - Account].[Account CB - Description].&amp;[2530053 - Missing]"/>
        <member name="[CB - Account].[Account CB - Description].&amp;[2530054 - Missing]"/>
        <member name="[CB - Account].[Account CB - Description].&amp;[2530058 - Missing]"/>
        <member name="[CB - Account].[Account CB - Description].&amp;[2530059 - Missing]"/>
        <member name="[CB - Account].[Account CB - Description].&amp;[2530060 - Missing]"/>
        <member name="[CB - Account].[Account CB - Description].&amp;[2530061 - Missing]"/>
        <member name="[CB - Account].[Account CB - Description].&amp;[2530062 - Missing]"/>
        <member name="[CB - Account].[Account CB - Description].&amp;[2530063 - Missing]"/>
        <member name="[CB - Account].[Account CB - Description].&amp;[2530064 - Missing]"/>
        <member name="[CB - Account].[Account CB - Description].&amp;[2530065 - Missing]"/>
        <member name="[CB - Account].[Account CB - Description].&amp;[2530066 - Missing]"/>
        <member name="[CB - Account].[Account CB - Description].&amp;[2530067 - Missing]"/>
        <member name="[CB - Account].[Account CB - Description].&amp;[2530068 - Missing]"/>
        <member name="[CB - Account].[Account CB - Description].&amp;[2530069 - Missing]"/>
        <member name="[CB - Account].[Account CB - Description].&amp;[2530070 - Missing]"/>
        <member name="[CB - Account].[Account CB - Description].&amp;[2530071 - Missing]"/>
        <member name="[CB - Account].[Account CB - Description].&amp;[2530072 - Missing]"/>
        <member name="[CB - Account].[Account CB - Description].&amp;[2530074 - Missing]"/>
        <member name="[CB - Account].[Account CB - Description].&amp;[2530075 - Missing]"/>
        <member name="[CB - Account].[Account CB - Description].&amp;[2530076 - Missing]"/>
        <member name="[CB - Account].[Account CB - Description].&amp;[2530077 - Missing]"/>
        <member name="[CB - Account].[Account CB - Description].&amp;[2530078 - Missing]"/>
        <member name="[CB - Account].[Account CB - Description].&amp;[2530079 - Missing]"/>
        <member name="[CB - Account].[Account CB - Description].&amp;[2530080 - Missing]"/>
        <member name="[CB - Account].[Account CB - Description].&amp;[2530081 - Missing]"/>
        <member name="[CB - Account].[Account CB - Description].&amp;[2530082 - Missing]"/>
        <member name="[CB - Account].[Account CB - Description].&amp;[2530083 - Missing]"/>
        <member name="[CB - Account].[Account CB - Description].&amp;[2530084 - Missing]"/>
        <member name="[CB - Account].[Account CB - Description].&amp;[2530087 - Missing]"/>
        <member name="[CB - Account].[Account CB - Description].&amp;[2530088 - Missing]"/>
        <member name="[CB - Account].[Account CB - Description].&amp;[2530089 - Missing]"/>
        <member name="[CB - Account].[Account CB - Description].&amp;[2530090 - Missing]"/>
        <member name="[CB - Account].[Account CB - Description].&amp;[2530091 - Missing]"/>
        <member name="[CB - Account].[Account CB - Description].&amp;[2530092 - Missing]"/>
        <member name="[CB - Account].[Account CB - Description].&amp;[2530093 - Missing]"/>
        <member name="[CB - Account].[Account CB - Description].&amp;[2530094 - Missing]"/>
        <member name="[CB - Account].[Account CB - Description].&amp;[2530095 - Missing]"/>
        <member name="[CB - Account].[Account CB - Description].&amp;[2530096 - Missing]"/>
        <member name="[CB - Account].[Account CB - Description].&amp;[2530097 - Missing]"/>
        <member name="[CB - Account].[Account CB - Description].&amp;[2530098 - Missing]"/>
        <member name="[CB - Account].[Account CB - Description].&amp;[2530099 - Missing]"/>
        <member name="[CB - Account].[Account CB - Description].&amp;[2530100 - Missing]"/>
        <member name="[CB - Account].[Account CB - Description].&amp;[2530101 - Missing]"/>
        <member name="[CB - Account].[Account CB - Description].&amp;[2530102 - Missing]"/>
        <member name="[CB - Account].[Account CB - Description].&amp;[2530103 - Missing]"/>
        <member name="[CB - Account].[Account CB - Description].&amp;[2530104 - Missing]"/>
        <member name="[CB - Account].[Account CB - Description].&amp;[2530105 - Missing]"/>
        <member name="[CB - Account].[Account CB - Description].&amp;[2530106 - Missing]"/>
        <member name="[CB - Account].[Account CB - Description].&amp;[2530107 - Missing]"/>
        <member name="[CB - Account].[Account CB - Description].&amp;[2530108 - Missing]"/>
        <member name="[CB - Account].[Account CB - Description].&amp;[2530109 - Missing]"/>
        <member name="[CB - Account].[Account CB - Description].&amp;[2530110 - Missing]"/>
        <member name="[CB - Account].[Account CB - Description].&amp;[2530111 - Missing]"/>
        <member name="[CB - Account].[Account CB - Description].&amp;[2530112 - Missing]"/>
        <member name="[CB - Account].[Account CB - Description].&amp;[2530113 - Missing]"/>
        <member name="[CB - Account].[Account CB - Description].&amp;[2530114 - Missing]"/>
        <member name="[CB - Account].[Account CB - Description].&amp;[2530115 - Missing]"/>
        <member name="[CB - Account].[Account CB - Description].&amp;[2530116 - Missing]"/>
        <member name="[CB - Account].[Account CB - Description].&amp;[2530117 - Missing]"/>
        <member name="[CB - Account].[Account CB - Description].&amp;[2530118 - Missing]"/>
        <member name="[CB - Account].[Account CB - Description].&amp;[2530119 - Missing]"/>
        <member name="[CB - Account].[Account CB - Description].&amp;[2530121 - Missing]"/>
        <member name="[CB - Account].[Account CB - Description].&amp;[2530122 - Missing]"/>
        <member name="[CB - Account].[Account CB - Description].&amp;[2530123 - Missing]"/>
        <member name="[CB - Account].[Account CB - Description].&amp;[2530127 - Missing]"/>
        <member name="[CB - Account].[Account CB - Description].&amp;[2530128 - Missing]"/>
        <member name="[CB - Account].[Account CB - Description].&amp;[2530129 - Missing]"/>
        <member name="[CB - Account].[Account CB - Description].&amp;[2530130 - Missing]"/>
        <member name="[CB - Account].[Account CB - Description].&amp;[2530131 - Missing]"/>
        <member name="[CB - Account].[Account CB - Description].&amp;[2530132 - Missing]"/>
        <member name="[CB - Account].[Account CB - Description].&amp;[2530133 - Missing]"/>
        <member name="[CB - Account].[Account CB - Description].&amp;[2530134 - Missing]"/>
        <member name="[CB - Account].[Account CB - Description].&amp;[2530141 - Missing]"/>
        <member name="[CB - Account].[Account CB - Description].&amp;[2530145 - Missing]"/>
        <member name="[CB - Account].[Account CB - Description].&amp;[2530146 - Missing]"/>
        <member name="[CB - Account].[Account CB - Description].&amp;[2530147 - Missing]"/>
        <member name="[CB - Account].[Account CB - Description].&amp;[2530148 - Missing]"/>
        <member name="[CB - Account].[Account CB - Description].&amp;[2530150 - Missing]"/>
        <member name="[CB - Account].[Account CB - Description].&amp;[2530164 - Missing]"/>
        <member name="[CB - Account].[Account CB - Description].&amp;[2530165 - Missing]"/>
        <member name="[CB - Account].[Account CB - Description].&amp;[2530167 - Missing]"/>
        <member name="[CB - Account].[Account CB - Description].&amp;[2530168 - Missing]"/>
        <member name="[CB - Account].[Account CB - Description].&amp;[2530172 - Missing]"/>
        <member name="[CB - Account].[Account CB - Description].&amp;[2530173 - Missing]"/>
        <member name="[CB - Account].[Account CB - Description].&amp;[2530174 - Missing]"/>
        <member name="[CB - Account].[Account CB - Description].&amp;[2530176 - Missing]"/>
        <member name="[CB - Account].[Account CB - Description].&amp;[2530177 - Missing]"/>
        <member name="[CB - Account].[Account CB - Description].&amp;[2530178 - Missing]"/>
        <member name="[CB - Account].[Account CB - Description].&amp;[2530179 - Missing]"/>
        <member name="[CB - Account].[Account CB - Description].&amp;[2530180 - Missing]"/>
        <member name="[CB - Account].[Account CB - Description].&amp;[2530181 - Missing]"/>
        <member name="[CB - Account].[Account CB - Description].&amp;[2530182 - Missing]"/>
        <member name="[CB - Account].[Account CB - Description].&amp;[2530183 - Missing]"/>
        <member name="[CB - Account].[Account CB - Description].&amp;[2530184 - Missing]"/>
        <member name="[CB - Account].[Account CB - Description].&amp;[2530186 - Missing]"/>
        <member name="[CB - Account].[Account CB - Description].&amp;[2530187 - Missing]"/>
        <member name="[CB - Account].[Account CB - Description].&amp;[2530188 - Missing]"/>
        <member name="[CB - Account].[Account CB - Description].&amp;[2530189 - Missing]"/>
        <member name="[CB - Account].[Account CB - Description].&amp;[2530191 - Missing]"/>
        <member name="[CB - Account].[Account CB - Description].&amp;[2530192 - Missing]"/>
        <member name="[CB - Account].[Account CB - Description].&amp;[2530193 - Missing]"/>
        <member name="[CB - Account].[Account CB - Description].&amp;[2530194 - Missing]"/>
        <member name="[CB - Account].[Account CB - Description].&amp;[2530196 - Missing]"/>
        <member name="[CB - Account].[Account CB - Description].&amp;[2530197 - Missing]"/>
        <member name="[CB - Account].[Account CB - Description].&amp;[2530198 - Missing]"/>
        <member name="[CB - Account].[Account CB - Description].&amp;[2530199 - Missing]"/>
        <member name="[CB - Account].[Account CB - Description].&amp;[2530200 - Missing]"/>
        <member name="[CB - Account].[Account CB - Description].&amp;[2530201 - Missing]"/>
        <member name="[CB - Account].[Account CB - Description].&amp;[2530202 - Missing]"/>
        <member name="[CB - Account].[Account CB - Description].&amp;[2530203 - Missing]"/>
        <member name="[CB - Account].[Account CB - Description].&amp;[2530204 - Missing]"/>
        <member name="[CB - Account].[Account CB - Description].&amp;[2530205 - Missing]"/>
        <member name="[CB - Account].[Account CB - Description].&amp;[2530206 - Missing]"/>
        <member name="[CB - Account].[Account CB - Description].&amp;[2530207 - Missing]"/>
        <member name="[CB - Account].[Account CB - Description].&amp;[2530208 - Missing]"/>
        <member name="[CB - Account].[Account CB - Description].&amp;[2530209 - Missing]"/>
        <member name="[CB - Account].[Account CB - Description].&amp;[2530210 - Missing]"/>
        <member name="[CB - Account].[Account CB - Description].&amp;[2530213 - Missing]"/>
        <member name="[CB - Account].[Account CB - Description].&amp;[2530214 - Missing]"/>
        <member name="[CB - Account].[Account CB - Description].&amp;[2531001 - Def Credit - I/U Elim Diff]"/>
        <member name="[CB - Account].[Account CB - Description].&amp;[2531002 - Missing]"/>
        <member name="[CB - Account].[Account CB - Description].&amp;[2531003 - Defr Cr-Minority Interest Equt]"/>
        <member name="[CB - Account].[Account CB - Description].&amp;[2531004 - Def Minority Interest Credit]"/>
        <member name="[CB - Account].[Account CB - Description].&amp;[2531005 - Def Cr Cur Earnings Dif]"/>
        <member name="[CB - Account].[Account CB - Description].&amp;[2531006 - Def Cr Inter Elim Dif]"/>
        <member name="[CB - Account].[Account CB - Description].&amp;[2531007 - Def Cr IC Bal Sheet Elim Dif]"/>
        <member name="[CB - Account].[Account CB - Description].&amp;[2531008 - Def Cr FASB Bal Sheet Elim Dif]"/>
        <member name="[CB - Account].[Account CB - Description].&amp;[2531009 - Def Cr DEI Bal Sheet Elim Dif]"/>
        <member name="[CB - Account].[Account CB - Description].&amp;[2531010 - Def Cr Invest/Equity Elim Dif]"/>
        <member name="[CB - Account].[Account CB - Description].&amp;[2531011 - Defr Cr - Lease Elim Diff]"/>
        <member name="[CB - Account].[Account CB - Description].&amp;[2531017 - Def Cr IC Inc Stmnt Elim Dif]"/>
        <member name="[CB - Account].[Account CB - Description].&amp;[2531018 - Def Cr FASB Inc Stmnt Elim Dif]"/>
        <member name="[CB - Account].[Account CB - Description].&amp;[2531019 - Def Cr DEI Inc Stmnt Elim Dif]"/>
        <member name="[CB - Account].[Account CB - Description].&amp;[2540000 - Contra Notes Payable-Long Term]"/>
        <member name="[CB - Account].[Account CB - Description].&amp;[2540001 - Missing]"/>
        <member name="[CB - Account].[Account CB - Description].&amp;[2540002 - Missing]"/>
        <member name="[CB - Account].[Account CB - Description].&amp;[2540003 - Missing]"/>
        <member name="[CB - Account].[Account CB - Description].&amp;[2540005 - Missing]"/>
        <member name="[CB - Account].[Account CB - Description].&amp;[2540006 - Missing]"/>
        <member name="[CB - Account].[Account CB - Description].&amp;[2540007 - Missing]"/>
        <member name="[CB - Account].[Account CB - Description].&amp;[2540009 - Missing]"/>
        <member name="[CB - Account].[Account CB - Description].&amp;[2540010 - Missing]"/>
        <member name="[CB - Account].[Account CB - Description].&amp;[2540011 - Missing]"/>
        <member name="[CB - Account].[Account CB - Description].&amp;[2540014 - Missing]"/>
        <member name="[CB - Account].[Account CB - Description].&amp;[2540016 - Missing]"/>
        <member name="[CB - Account].[Account CB - Description].&amp;[2540017 - Missing]"/>
        <member name="[CB - Account].[Account CB - Description].&amp;[2540018 - Missing]"/>
        <member name="[CB - Account].[Account CB - Description].&amp;[2540019 - Missing]"/>
        <member name="[CB - Account].[Account CB - Description].&amp;[2540020 - Missing]"/>
        <member name="[CB - Account].[Account CB - Description].&amp;[2540021 - Missing]"/>
        <member name="[CB - Account].[Account CB - Description].&amp;[2540022 - Missing]"/>
        <member name="[CB - Account].[Account CB - Description].&amp;[2540023 - Missing]"/>
        <member name="[CB - Account].[Account CB - Description].&amp;[2540024 - Missing]"/>
        <member name="[CB - Account].[Account CB - Description].&amp;[2540025 - Missing]"/>
        <member name="[CB - Account].[Account CB - Description].&amp;[2540026 - Missing]"/>
        <member name="[CB - Account].[Account CB - Description].&amp;[2540027 - Missing]"/>
        <member name="[CB - Account].[Account CB - Description].&amp;[2540029 - Missing]"/>
        <member name="[CB - Account].[Account CB - Description].&amp;[2550001 - Missing]"/>
        <member name="[CB - Account].[Account CB - Description].&amp;[2550002 - Missing]"/>
        <member name="[CB - Account].[Account CB - Description].&amp;[2601000 - Metered Sales]"/>
        <member name="[CB - Account].[Account CB - Description].&amp;[2602000 - Private Fire Protection]"/>
        <member name="[CB - Account].[Account CB - Description].&amp;[2603000 - Municipal Fire Protection]"/>
        <member name="[CB - Account].[Account CB - Description].&amp;[2604000 - Interdepartmental Sales]"/>
        <member name="[CB - Account].[Account CB - Description].&amp;[2605000 - Sales For Resale]"/>
        <member name="[CB - Account].[Account CB - Description].&amp;[2615000 - Miscellaneous Revenues]"/>
        <member name="[CB - Account].[Account CB - Description].&amp;[2616000 - Late Payment Charge-1]"/>
        <member name="[CB - Account].[Account CB - Description].&amp;[2617000 - Wells &amp; Springs]"/>
        <member name="[CB - Account].[Account CB - Description].&amp;[2618000 - Laboratory Testing Fees]"/>
        <member name="[CB - Account].[Account CB - Description].&amp;[2660000 - Missing]"/>
        <member name="[CB - Account].[Account CB - Description].&amp;[2660001 - Missing]"/>
        <member name="[CB - Account].[Account CB - Description].&amp;[2661010 - CONTRA MTM NONCURRENT LIAB]"/>
        <member name="[CB - Account].[Account CB - Description].&amp;[2701000 - Purchased Water]"/>
        <member name="[CB - Account].[Account CB - Description].&amp;[2710000 - Pumping Supervision/Engineer]"/>
        <member name="[CB - Account].[Account CB - Description].&amp;[2711000 - Electric Power For Pumping]"/>
        <member name="[CB - Account].[Account CB - Description].&amp;[2712000 - Pumping Labor And Expenses]"/>
        <member name="[CB - Account].[Account CB - Description].&amp;[2713000 - Miscellaneous Pumping Expense]"/>
        <member name="[CB - Account].[Account CB - Description].&amp;[2720000 - Water Treatment Labor/Expenses]"/>
        <member name="[CB - Account].[Account CB - Description].&amp;[2721000 - Misc Water Treatment Expenses]"/>
        <member name="[CB - Account].[Account CB - Description].&amp;[2730000 - Supervision And Engineering]"/>
        <member name="[CB - Account].[Account CB - Description].&amp;[2731000 - Storage Tanks/Standpipe Exp]"/>
        <member name="[CB - Account].[Account CB - Description].&amp;[2732000 - Meter Expenses]"/>
        <member name="[CB - Account].[Account CB - Description].&amp;[2733000 - Customer Installation Expenses]"/>
        <member name="[CB - Account].[Account CB - Description].&amp;[2734000 - Misc Transm/Distrib Expenses]"/>
        <member name="[CB - Account].[Account CB - Description].&amp;[2740000 - Meter Reading]"/>
        <member name="[CB - Account].[Account CB - Description].&amp;[2741000 - Customers Records]"/>
        <member name="[CB - Account].[Account CB - Description].&amp;[2742000 - Collecting]"/>
        <member name="[CB - Account].[Account CB - Description].&amp;[2743000 - Uncollectible Accounts]"/>
        <member name="[CB - Account].[Account CB - Description].&amp;[2744000 - Customer Records Reimbursement]"/>
        <member name="[CB - Account].[Account CB - Description].&amp;[2745000 - Collecting Reimbursement]"/>
        <member name="[CB - Account].[Account CB - Description].&amp;[2750000 - Salaries And Expenses]"/>
        <member name="[CB - Account].[Account CB - Description].&amp;[2751000 - Office Supplies &amp; Expenses]"/>
        <member name="[CB - Account].[Account CB - Description].&amp;[2752000 - Insurance]"/>
        <member name="[CB - Account].[Account CB - Description].&amp;[2753000 - Injuries And Damages]"/>
        <member name="[CB - Account].[Account CB - Description].&amp;[2754000 - Employees Retirement Plan Cost]"/>
        <member name="[CB - Account].[Account CB - Description].&amp;[2755000 - Misc General Expense]"/>
        <member name="[CB - Account].[Account CB - Description].&amp;[2756000 - System General Exp Allocated]"/>
        <member name="[CB - Account].[Account CB - Description].&amp;[2757000 - Rent]"/>
        <member name="[CB - Account].[Account CB - Description].&amp;[2760000 - Source Of Supply Facilities]"/>
        <member name="[CB - Account].[Account CB - Description].&amp;[2770000 - Pumping Struc &amp; Improvements]"/>
        <member name="[CB - Account].[Account CB - Description].&amp;[2771000 - Pumping Equipment]"/>
        <member name="[CB - Account].[Account CB - Description].&amp;[2780000 - Water Treatment Equipment]"/>
        <member name="[CB - Account].[Account CB - Description].&amp;[2790000 - Distn Reservoirs,Tanks,Stdpipe]"/>
        <member name="[CB - Account].[Account CB - Description].&amp;[2791000 - Mains]"/>
        <member name="[CB - Account].[Account CB - Description].&amp;[2792000 - Services]"/>
        <member name="[CB - Account].[Account CB - Description].&amp;[2793000 - Meters]"/>
        <member name="[CB - Account].[Account CB - Description].&amp;[2794000 - Hydrants]"/>
        <member name="[CB - Account].[Account CB - Description].&amp;[2795000 - Misc Transm &amp; Distrib Plant]"/>
        <member name="[CB - Account].[Account CB - Description].&amp;[2820001 - Missing]"/>
        <member name="[CB - Account].[Account CB - Description].&amp;[2820002 - Missing]"/>
        <member name="[CB - Account].[Account CB - Description].&amp;[2820003 - Missing]"/>
        <member name="[CB - Account].[Account CB - Description].&amp;[2820004 - Missing]"/>
        <member name="[CB - Account].[Account CB - Description].&amp;[2820005 - Missing]"/>
        <member name="[CB - Account].[Account CB - Description].&amp;[2820006 - Missing]"/>
        <member name="[CB - Account].[Account CB - Description].&amp;[2820007 - Missing]"/>
        <member name="[CB - Account].[Account CB - Description].&amp;[2820008 - Missing]"/>
        <member name="[CB - Account].[Account CB - Description].&amp;[2830001 - Missing]"/>
        <member name="[CB - Account].[Account CB - Description].&amp;[2830002 - Missing]"/>
        <member name="[CB - Account].[Account CB - Description].&amp;[2830003 - Missing]"/>
        <member name="[CB - Account].[Account CB - Description].&amp;[2830004 - Missing]"/>
        <member name="[CB - Account].[Account CB - Description].&amp;[2830006 - Missing]"/>
        <member name="[CB - Account].[Account CB - Description].&amp;[2830007 - Missing]"/>
        <member name="[CB - Account].[Account CB - Description].&amp;[2830010 - Missing]"/>
        <member name="[CB - Account].[Account CB - Description].&amp;[2830012 - Missing]"/>
        <member name="[CB - Account].[Account CB - Description].&amp;[2830015 - Missing]"/>
        <member name="[CB - Account].[Account CB - Description].&amp;[2830016 - Missing]"/>
        <member name="[CB - Account].[Account CB - Description].&amp;[2830017 - Missing]"/>
        <member name="[CB - Account].[Account CB - Description].&amp;[2830018 - Missing]"/>
        <member name="[CB - Account].[Account CB - Description].&amp;[2830019 - Missing]"/>
        <member name="[CB - Account].[Account CB - Description].&amp;[2830021 - Missing]"/>
        <member name="[CB - Account].[Account CB - Description].&amp;[2830024 - Missing]"/>
        <member name="[CB - Account].[Account CB - Description].&amp;[2830025 - Missing]"/>
        <member name="[CB - Account].[Account CB - Description].&amp;[2830026 - Missing]"/>
        <member name="[CB - Account].[Account CB - Description].&amp;[2830027 - Missing]"/>
        <member name="[CB - Account].[Account CB - Description].&amp;[2830028 - Missing]"/>
        <member name="[CB - Account].[Account CB - Description].&amp;[2830030 - Missing]"/>
        <member name="[CB - Account].[Account CB - Description].&amp;[2830031 - Missing]"/>
        <member name="[CB - Account].[Account CB - Description].&amp;[2830032 - Missing]"/>
        <member name="[CB - Account].[Account CB - Description].&amp;[3341000 - Inactive]"/>
        <member name="[CB - Account].[Account CB - Description].&amp;[3411000 - Missing]"/>
        <member name="[CB - Account].[Account CB - Description].&amp;[3601000 - Inactive]"/>
        <member name="[CB - Account].[Account CB - Description].&amp;[3602000 - Inactive]"/>
        <member name="[CB - Account].[Account CB - Description].&amp;[3603000 - Inactive]"/>
        <member name="[CB - Account].[Account CB - Description].&amp;[3604000 - Inactive]"/>
        <member name="[CB - Account].[Account CB - Description].&amp;[3605000 - Inactive]"/>
        <member name="[CB - Account].[Account CB - Description].&amp;[3606000 - Inactive]"/>
        <member name="[CB - Account].[Account CB - Description].&amp;[3607000 - Inactive]"/>
        <member name="[CB - Account].[Account CB - Description].&amp;[3608000 - Inactive]"/>
        <member name="[CB - Account].[Account CB - Description].&amp;[3609000 - Inactive]"/>
        <member name="[CB - Account].[Account CB - Description].&amp;[3610000 - Inactive]"/>
        <member name="[CB - Account].[Account CB - Description].&amp;[3611000 - Inactive]"/>
        <member name="[CB - Account].[Account CB - Description].&amp;[3612000 - Inactive]"/>
        <member name="[CB - Account].[Account CB - Description].&amp;[3613000 - Inactive]"/>
        <member name="[CB - Account].[Account CB - Description].&amp;[3614000 - Inactive]"/>
        <member name="[CB - Account].[Account CB - Description].&amp;[3615000 - Inactive]"/>
        <member name="[CB - Account].[Account CB - Description].&amp;[3616000 - Inactive]"/>
        <member name="[CB - Account].[Account CB - Description].&amp;[3617000 - Inactive]"/>
        <member name="[CB - Account].[Account CB - Description].&amp;[3618000 - Inactive]"/>
        <member name="[CB - Account].[Account CB - Description].&amp;[3619000 - Inactive]"/>
        <member name="[CB - Account].[Account CB - Description].&amp;[3620000 - Inactive]"/>
        <member name="[CB - Account].[Account CB - Description].&amp;[3701000 - Inactive]"/>
        <member name="[CB - Account].[Account CB - Description].&amp;[3702000 - Inactive]"/>
        <member name="[CB - Account].[Account CB - Description].&amp;[3703100 - Inactive]"/>
        <member name="[CB - Account].[Account CB - Description].&amp;[3703200 - Inactive]"/>
        <member name="[CB - Account].[Account CB - Description].&amp;[3703300 - Inactive]"/>
        <member name="[CB - Account].[Account CB - Description].&amp;[3703400 - Inactive]"/>
        <member name="[CB - Account].[Account CB - Description].&amp;[3703500 - Inactive]"/>
        <member name="[CB - Account].[Account CB - Description].&amp;[3703600 - Inactive]"/>
        <member name="[CB - Account].[Account CB - Description].&amp;[3703700 - Inactive]"/>
        <member name="[CB - Account].[Account CB - Description].&amp;[3704000 - Inactive]"/>
        <member name="[CB - Account].[Account CB - Description].&amp;[3705000 - Inactive]"/>
        <member name="[CB - Account].[Account CB - Description].&amp;[3706000 - Inactive]"/>
        <member name="[CB - Account].[Account CB - Description].&amp;[3707000 - Inactive]"/>
        <member name="[CB - Account].[Account CB - Description].&amp;[3708100 - Inactive]"/>
        <member name="[CB - Account].[Account CB - Description].&amp;[3708200 - Inactive]"/>
        <member name="[CB - Account].[Account CB - Description].&amp;[3708300 - Inactive]"/>
        <member name="[CB - Account].[Account CB - Description].&amp;[3708330 - Inactive]"/>
        <member name="[CB - Account].[Account CB - Description].&amp;[3708400 - Inactive]"/>
        <member name="[CB - Account].[Account CB - Description].&amp;[3708500 - Inactive]"/>
        <member name="[CB - Account].[Account CB - Description].&amp;[3708600 - Inactive]"/>
        <member name="[CB - Account].[Account CB - Description].&amp;[3708660 - Inactive]"/>
        <member name="[CB - Account].[Account CB - Description].&amp;[3708700 - Inactive]"/>
        <member name="[CB - Account].[Account CB - Description].&amp;[3721000 - Inactive]"/>
        <member name="[CB - Account].[Account CB - Description].&amp;[3722110 - Inactive]"/>
        <member name="[CB - Account].[Account CB - Description].&amp;[3722120 - Inactive]"/>
        <member name="[CB - Account].[Account CB - Description].&amp;[3722130 - Inactive]"/>
        <member name="[CB - Account].[Account CB - Description].&amp;[3722200 - Inactive]"/>
        <member name="[CB - Account].[Account CB - Description].&amp;[3722300 - Inactive]"/>
        <member name="[CB - Account].[Account CB - Description].&amp;[3722400 - Inactive]"/>
        <member name="[CB - Account].[Account CB - Description].&amp;[3722440 - Inactive]"/>
        <member name="[CB - Account].[Account CB - Description].&amp;[3722500 - Inactive]"/>
        <member name="[CB - Account].[Account CB - Description].&amp;[3722600 - Inactive]"/>
        <member name="[CB - Account].[Account CB - Description].&amp;[3722700 - Inactive]"/>
        <member name="[CB - Account].[Account CB - Description].&amp;[3722800 - Inactive]"/>
        <member name="[CB - Account].[Account CB - Description].&amp;[3722880 - Inactive]"/>
        <member name="[CB - Account].[Account CB - Description].&amp;[3722900 - Inactive]"/>
        <member name="[CB - Account].[Account CB - Description].&amp;[3724000 - Inactive]"/>
        <member name="[CB - Account].[Account CB - Description].&amp;[3726000 - Inactive]"/>
        <member name="[CB - Account].[Account CB - Description].&amp;[3731000 - Inactive]"/>
        <member name="[CB - Account].[Account CB - Description].&amp;[3732000 - Inactive]"/>
        <member name="[CB - Account].[Account CB - Description].&amp;[3741000 - Inactive]"/>
        <member name="[CB - Account].[Account CB - Description].&amp;[3742000 - Inactive]"/>
        <member name="[CB - Account].[Account CB - Description].&amp;[3743000 - Inactive]"/>
        <member name="[CB - Account].[Account CB - Description].&amp;[3751000 - Inactive]"/>
        <member name="[CB - Account].[Account CB - Description].&amp;[3752000 - Inactive]"/>
        <member name="[CB - Account].[Account CB - Description].&amp;[3753000 - Inactive]"/>
        <member name="[CB - Account].[Account CB - Description].&amp;[3761000 - Inactive]"/>
        <member name="[CB - Account].[Account CB - Description].&amp;[3762000 - Inactive]"/>
        <member name="[CB - Account].[Account CB - Description].&amp;[3763000 - Inactive]"/>
        <member name="[CB - Account].[Account CB - Description].&amp;[3764000 - Inactive]"/>
        <member name="[CB - Account].[Account CB - Description].&amp;[3765000 - Inactive]"/>
        <member name="[CB - Account].[Account CB - Description].&amp;[3766000 - Inactive]"/>
        <member name="[CB - Account].[Account CB - Description].&amp;[3771000 - Inactive]"/>
        <member name="[CB - Account].[Account CB - Description].&amp;[3772000 - Inactive]"/>
        <member name="[CB - Account].[Account CB - Description].&amp;[391001 - Missing]"/>
        <member name="[CB - Account].[Account CB - Description].&amp;[4002001 - Missing]"/>
        <member name="[CB - Account].[Account CB - Description].&amp;[4002002 - Missing]"/>
        <member name="[CB - Account].[Account CB - Description].&amp;[4002003 - Missing]"/>
        <member name="[CB - Account].[Account CB - Description].&amp;[4002004 - Missing]"/>
        <member name="[CB - Account].[Account CB - Description].&amp;[4002005 - Missing]"/>
        <member name="[CB - Account].[Account CB - Description].&amp;[4002006 - Missing]"/>
        <member name="[CB - Account].[Account CB - Description].&amp;[4002007 - Missing]"/>
        <member name="[CB - Account].[Account CB - Description].&amp;[4002008 - Missing]"/>
        <member name="[CB - Account].[Account CB - Description].&amp;[4002009 - Missing]"/>
        <member name="[CB - Account].[Account CB - Description].&amp;[4002010 - Missing]"/>
        <member name="[CB - Account].[Account CB - Description].&amp;[4002011 - Missing]"/>
        <member name="[CB - Account].[Account CB - Description].&amp;[4002013 - Missing]"/>
        <member name="[CB - Account].[Account CB - Description].&amp;[4002014 - Missing]"/>
        <member name="[CB - Account].[Account CB - Description].&amp;[4002016 - Missing]"/>
        <member name="[CB - Account].[Account CB - Description].&amp;[4002017 - Missing]"/>
        <member name="[CB - Account].[Account CB - Description].&amp;[4002018 - Missing]"/>
        <member name="[CB - Account].[Account CB - Description].&amp;[4002019 - Missing]"/>
        <member name="[CB - Account].[Account CB - Description].&amp;[4002020 - Missing]"/>
        <member name="[CB - Account].[Account CB - Description].&amp;[4002021 - Missing]"/>
        <member name="[CB - Account].[Account CB - Description].&amp;[4002022 - Missing]"/>
        <member name="[CB - Account].[Account CB - Description].&amp;[4010001 - Missing]"/>
        <member name="[CB - Account].[Account CB - Description].&amp;[4010002 - Missing]"/>
        <member name="[CB - Account].[Account CB - Description].&amp;[4011001 - Missing]"/>
        <member name="[CB - Account].[Account CB - Description].&amp;[4011002 - Missing]"/>
        <member name="[CB - Account].[Account CB - Description].&amp;[4012001 - Missing]"/>
        <member name="[CB - Account].[Account CB - Description].&amp;[4012002 - Missing]"/>
        <member name="[CB - Account].[Account CB - Description].&amp;[4012003 - Missing]"/>
        <member name="[CB - Account].[Account CB - Description].&amp;[4012004 - Missing]"/>
        <member name="[CB - Account].[Account CB - Description].&amp;[4012005 - Missing]"/>
        <member name="[CB - Account].[Account CB - Description].&amp;[4012006 - Missing]"/>
        <member name="[CB - Account].[Account CB - Description].&amp;[4013001 - Missing]"/>
        <member name="[CB - Account].[Account CB - Description].&amp;[4013004 - Missing]"/>
        <member name="[CB - Account].[Account CB - Description].&amp;[4013005 - Missing]"/>
        <member name="[CB - Account].[Account CB - Description].&amp;[4013006 - Missing]"/>
        <member name="[CB - Account].[Account CB - Description].&amp;[4013007 - Missing]"/>
        <member name="[CB - Account].[Account CB - Description].&amp;[4013008 - Missing]"/>
        <member name="[CB - Account].[Account CB - Description].&amp;[4013009 - Missing]"/>
        <member name="[CB - Account].[Account CB - Description].&amp;[4013010 - Missing]"/>
        <member name="[CB - Account].[Account CB - Description].&amp;[4013011 - Missing]"/>
        <member name="[CB - Account].[Account CB - Description].&amp;[4013013 - Missing]"/>
        <member name="[CB - Account].[Account CB - Description].&amp;[4013014 - Missing]"/>
        <member name="[CB - Account].[Account CB - Description].&amp;[4013015 - Missing]"/>
        <member name="[CB - Account].[Account CB - Description].&amp;[4013016 - Missing]"/>
        <member name="[CB - Account].[Account CB - Description].&amp;[4013017 - Missing]"/>
        <member name="[CB - Account].[Account CB - Description].&amp;[4013019 - Missing]"/>
        <member name="[CB - Account].[Account CB - Description].&amp;[4013020 - Missing]"/>
        <member name="[CB - Account].[Account CB - Description].&amp;[4013021 - Missing]"/>
        <member name="[CB - Account].[Account CB - Description].&amp;[4013022 - Missing]"/>
        <member name="[CB - Account].[Account CB - Description].&amp;[4013023 - Missing]"/>
        <member name="[CB - Account].[Account CB - Description].&amp;[4030001 - Missing]"/>
        <member name="[CB - Account].[Account CB - Description].&amp;[4030003 - Missing]"/>
        <member name="[CB - Account].[Account CB - Description].&amp;[4030004 - Missing]"/>
        <member name="[CB - Account].[Account CB - Description].&amp;[4030005 - Missing]"/>
        <member name="[CB - Account].[Account CB - Description].&amp;[4030006 - Missing]"/>
        <member name="[CB - Account].[Account CB - Description].&amp;[4030007 - Missing]"/>
        <member name="[CB - Account].[Account CB - Description].&amp;[4030008 - Missing]"/>
        <member name="[CB - Account].[Account CB - Description].&amp;[4030009 - Missing]"/>
        <member name="[CB - Account].[Account CB - Description].&amp;[4030010 - Missing]"/>
        <member name="[CB - Account].[Account CB - Description].&amp;[4030016 - Missing]"/>
        <member name="[CB - Account].[Account CB - Description].&amp;[4030017 - Missing]"/>
        <member name="[CB - Account].[Account CB - Description].&amp;[4030018 - Missing]"/>
        <member name="[CB - Account].[Account CB - Description].&amp;[4030019 - Missing]"/>
        <member name="[CB - Account].[Account CB - Description].&amp;[4030020 - Missing]"/>
        <member name="[CB - Account].[Account CB - Description].&amp;[4041001 - Missing]"/>
        <member name="[CB - Account].[Account CB - Description].&amp;[4042001 - Missing]"/>
        <member name="[CB - Account].[Account CB - Description].&amp;[4043001 - Missing]"/>
        <member name="[CB - Account].[Account CB - Description].&amp;[4043002 - Missing]"/>
        <member name="[CB - Account].[Account CB - Description].&amp;[4050001 - Missing]"/>
        <member name="[CB - Account].[Account CB - Description].&amp;[4060001 - Missing]"/>
        <member name="[CB - Account].[Account CB - Description].&amp;[4060002 - Missing]"/>
        <member name="[CB - Account].[Account CB - Description].&amp;[4060003 - Missing]"/>
        <member name="[CB - Account].[Account CB - Description].&amp;[4073001 - Missing]"/>
        <member name="[CB - Account].[Account CB - Description].&amp;[4073003 - Missing]"/>
        <member name="[CB - Account].[Account CB - Description].&amp;[4073004 - Missing]"/>
        <member name="[CB - Account].[Account CB - Description].&amp;[4073005 - Missing]"/>
        <member name="[CB - Account].[Account CB - Description].&amp;[4073006 - Missing]"/>
        <member name="[CB - Account].[Account CB - Description].&amp;[4073007 - Missing]"/>
        <member name="[CB - Account].[Account CB - Description].&amp;[4073008 - Missing]"/>
        <member name="[CB - Account].[Account CB - Description].&amp;[4073009 - Missing]"/>
        <member name="[CB - Account].[Account CB - Description].&amp;[4073010 - Missing]"/>
        <member name="[CB - Account].[Account CB - Description].&amp;[4073011 - Missing]"/>
        <member name="[CB - Account].[Account CB - Description].&amp;[4073013 - Missing]"/>
        <member name="[CB - Account].[Account CB - Description].&amp;[4073015 - Missing]"/>
        <member name="[CB - Account].[Account CB - Description].&amp;[4073016 - Missing]"/>
        <member name="[CB - Account].[Account CB - Description].&amp;[4073017 - Missing]"/>
        <member name="[CB - Account].[Account CB - Description].&amp;[4073019 - Missing]"/>
        <member name="[CB - Account].[Account CB - Description].&amp;[4073020 - Missing]"/>
        <member name="[CB - Account].[Account CB - Description].&amp;[4073021 - Missing]"/>
        <member name="[CB - Account].[Account CB - Description].&amp;[4073022 - Missing]"/>
        <member name="[CB - Account].[Account CB - Description].&amp;[4073023 - Missing]"/>
        <member name="[CB - Account].[Account CB - Description].&amp;[4073024 - Missing]"/>
        <member name="[CB - Account].[Account CB - Description].&amp;[4073025 - Missing]"/>
        <member name="[CB - Account].[Account CB - Description].&amp;[4073026 - Missing]"/>
        <member name="[CB - Account].[Account CB - Description].&amp;[4073027 - Missing]"/>
        <member name="[CB - Account].[Account CB - Description].&amp;[4074001 - Missing]"/>
        <member name="[CB - Account].[Account CB - Description].&amp;[4074003 - Missing]"/>
        <member name="[CB - Account].[Account CB - Description].&amp;[4074004 - Missing]"/>
        <member name="[CB - Account].[Account CB - Description].&amp;[4074006 - Missing]"/>
        <member name="[CB - Account].[Account CB - Description].&amp;[4074007 - Missing]"/>
        <member name="[CB - Account].[Account CB - Description].&amp;[4074008 - Missing]"/>
        <member name="[CB - Account].[Account CB - Description].&amp;[4080001 - Missing]"/>
        <member name="[CB - Account].[Account CB - Description].&amp;[4081001 - Missing]"/>
        <member name="[CB - Account].[Account CB - Description].&amp;[4081003 - Missing]"/>
        <member name="[CB - Account].[Account CB - Description].&amp;[4082001 - Missing]"/>
        <member name="[CB - Account].[Account CB - Description].&amp;[4089600 - Missing]"/>
        <member name="[CB - Account].[Account CB - Description].&amp;[4091001 - Missing]"/>
        <member name="[CB - Account].[Account CB - Description].&amp;[4091003 - Missing]"/>
        <member name="[CB - Account].[Account CB - Description].&amp;[4091004 - Missing]"/>
        <member name="[CB - Account].[Account CB - Description].&amp;[4091005 - Missing]"/>
        <member name="[CB - Account].[Account CB - Description].&amp;[4091006 - Missing]"/>
        <member name="[CB - Account].[Account CB - Description].&amp;[4091007 - Missing]"/>
        <member name="[CB - Account].[Account CB - Description].&amp;[4091009 - Missing]"/>
        <member name="[CB - Account].[Account CB - Description].&amp;[4091010 - Missing]"/>
        <member name="[CB - Account].[Account CB - Description].&amp;[4092001 - Missing]"/>
        <member name="[CB - Account].[Account CB - Description].&amp;[4092002 - Missing]"/>
        <member name="[CB - Account].[Account CB - Description].&amp;[4092004 - Missing]"/>
        <member name="[CB - Account].[Account CB - Description].&amp;[4092005 - Missing]"/>
        <member name="[CB - Account].[Account CB - Description].&amp;[4092006 - Missing]"/>
        <member name="[CB - Account].[Account CB - Description].&amp;[4092007 - Missing]"/>
        <member name="[CB - Account].[Account CB - Description].&amp;[4092008 - Missing]"/>
        <member name="[CB - Account].[Account CB - Description].&amp;[4100000 - Contra Gas Sales]"/>
        <member name="[CB - Account].[Account CB - Description].&amp;[4101001 - Missing]"/>
        <member name="[CB - Account].[Account CB - Description].&amp;[4101002 - Missing]"/>
        <member name="[CB - Account].[Account CB - Description].&amp;[4101004 - Missing]"/>
        <member name="[CB - Account].[Account CB - Description].&amp;[4101005 - Missing]"/>
        <member name="[CB - Account].[Account CB - Description].&amp;[4101006 - Missing]"/>
        <member name="[CB - Account].[Account CB - Description].&amp;[4101007 - Missing]"/>
        <member name="[CB - Account].[Account CB - Description].&amp;[4101009 - Missing]"/>
        <member name="[CB - Account].[Account CB - Description].&amp;[4101016 - Missing]"/>
        <member name="[CB - Account].[Account CB - Description].&amp;[4101017 - Missing]"/>
        <member name="[CB - Account].[Account CB - Description].&amp;[4101018 - Missing]"/>
        <member name="[CB - Account].[Account CB - Description].&amp;[4102001 - Missing]"/>
        <member name="[CB - Account].[Account CB - Description].&amp;[4102002 - Missing]"/>
        <member name="[CB - Account].[Account CB - Description].&amp;[4102003 - Missing]"/>
        <member name="[CB - Account].[Account CB - Description].&amp;[4102004 - Missing]"/>
        <member name="[CB - Account].[Account CB - Description].&amp;[4110001 - Missing]"/>
        <member name="[CB - Account].[Account CB - Description].&amp;[4111001 - Missing]"/>
        <member name="[CB - Account].[Account CB - Description].&amp;[4111002 - Missing]"/>
        <member name="[CB - Account].[Account CB - Description].&amp;[4111003 - Missing]"/>
        <member name="[CB - Account].[Account CB - Description].&amp;[4111005 - Missing]"/>
        <member name="[CB - Account].[Account CB - Description].&amp;[4111006 - Missing]"/>
        <member name="[CB - Account].[Account CB - Description].&amp;[4112001 - Missing]"/>
        <member name="[CB - Account].[Account CB - Description].&amp;[4112002 - Missing]"/>
        <member name="[CB - Account].[Account CB - Description].&amp;[4114002 - Missing]"/>
        <member name="[CB - Account].[Account CB - Description].&amp;[4150000 - Contra TM Gas Sales]"/>
        <member name="[CB - Account].[Account CB - Description].&amp;[4151000 - Missing]"/>
        <member name="[CB - Account].[Account CB - Description].&amp;[4151001 - Missing]"/>
        <member name="[CB - Account].[Account CB - Description].&amp;[4160000 - Commodity Revenue Contra Acct]"/>
        <member name="[CB - Account].[Account CB - Description].&amp;[4165000 - Derivative Contra Revenue]"/>
        <member name="[CB - Account].[Account CB - Description].&amp;[4170001 - Missing]"/>
        <member name="[CB - Account].[Account CB - Description].&amp;[4170002 - Missing]"/>
        <member name="[CB - Account].[Account CB - Description].&amp;[4170003 - Missing]"/>
        <member name="[CB - Account].[Account CB - Description].&amp;[4170004 - Missing]"/>
        <member name="[CB - Account].[Account CB - Description].&amp;[4170005 - Missing]"/>
        <member name="[CB - Account].[Account CB - Description].&amp;[4170006 - Missing]"/>
        <member name="[CB - Account].[Account CB - Description].&amp;[4170007 - Missing]"/>
        <member name="[CB - Account].[Account CB - Description].&amp;[4170008 - Missing]"/>
        <member name="[CB - Account].[Account CB - Description].&amp;[4170009 - Missing]"/>
        <member name="[CB - Account].[Account CB - Description].&amp;[4170010 - Missing]"/>
        <member name="[CB - Account].[Account CB - Description].&amp;[4170011 - Missing]"/>
        <member name="[CB - Account].[Account CB - Description].&amp;[4170012 - Missing]"/>
        <member name="[CB - Account].[Account CB - Description].&amp;[4170013 - Missing]"/>
        <member name="[CB - Account].[Account CB - Description].&amp;[4170018 - Missing]"/>
        <member name="[CB - Account].[Account CB - Description].&amp;[4170086 - Missing]"/>
        <member name="[CB - Account].[Account CB - Description].&amp;[4170087 - Missing]"/>
        <member name="[CB - Account].[Account CB - Description].&amp;[4170101 - Missing]"/>
        <member name="[CB - Account].[Account CB - Description].&amp;[4170102 - Missing]"/>
        <member name="[CB - Account].[Account CB - Description].&amp;[4170103 - Missing]"/>
        <member name="[CB - Account].[Account CB - Description].&amp;[4170104 - Missing]"/>
        <member name="[CB - Account].[Account CB - Description].&amp;[4170105 - Missing]"/>
        <member name="[CB - Account].[Account CB - Description].&amp;[4170106 - Missing]"/>
        <member name="[CB - Account].[Account CB - Description].&amp;[4170108 - Missing]"/>
        <member name="[CB - Account].[Account CB - Description].&amp;[4170109 - Missing]"/>
        <member name="[CB - Account].[Account CB - Description].&amp;[4170110 - Missing]"/>
        <member name="[CB - Account].[Account CB - Description].&amp;[4170111 - Missing]"/>
        <member name="[CB - Account].[Account CB - Description].&amp;[4170112 - Missing]"/>
        <member name="[CB - Account].[Account CB - Description].&amp;[4170113 - Missing]"/>
        <member name="[CB - Account].[Account CB - Description].&amp;[4170114 - Missing]"/>
        <member name="[CB - Account].[Account CB - Description].&amp;[4170115 - Missing]"/>
        <member name="[CB - Account].[Account CB - Description].&amp;[4170116 - Missing]"/>
        <member name="[CB - Account].[Account CB - Description].&amp;[4170117 - Missing]"/>
        <member name="[CB - Account].[Account CB - Description].&amp;[4170118 - Missing]"/>
        <member name="[CB - Account].[Account CB - Description].&amp;[4170119 - Missing]"/>
        <member name="[CB - Account].[Account CB - Description].&amp;[4170120 - Missing]"/>
        <member name="[CB - Account].[Account CB - Description].&amp;[4170123 - Missing]"/>
        <member name="[CB - Account].[Account CB - Description].&amp;[4170126 - Missing]"/>
        <member name="[CB - Account].[Account CB - Description].&amp;[4171001 - Missing]"/>
        <member name="[CB - Account].[Account CB - Description].&amp;[4171003 - Missing]"/>
        <member name="[CB - Account].[Account CB - Description].&amp;[4171900 - Missing]"/>
        <member name="[CB - Account].[Account CB - Description].&amp;[4173002 - Missing]"/>
        <member name="[CB - Account].[Account CB - Description].&amp;[4180001 - Missing]"/>
        <member name="[CB - Account].[Account CB - Description].&amp;[4180002 - Missing]"/>
        <member name="[CB - Account].[Account CB - Description].&amp;[4181001 - Missing]"/>
        <member name="[CB - Account].[Account CB - Description].&amp;[4181002 - Missing]"/>
        <member name="[CB - Account].[Account CB - Description].&amp;[4181005 - Missing]"/>
        <member name="[CB - Account].[Account CB - Description].&amp;[4181007 - Missing]"/>
        <member name="[CB - Account].[Account CB - Description].&amp;[4181014 - Missing]"/>
        <member name="[CB - Account].[Account CB - Description].&amp;[4181016 - Missing]"/>
        <member name="[CB - Account].[Account CB - Description].&amp;[4181044 - Missing]"/>
        <member name="[CB - Account].[Account CB - Description].&amp;[4181045 - Missing]"/>
        <member name="[CB - Account].[Account CB - Description].&amp;[4181092 - Missing]"/>
        <member name="[CB - Account].[Account CB - Description].&amp;[4181093 - Missing]"/>
        <member name="[CB - Account].[Account CB - Description].&amp;[4181095 - Missing]"/>
        <member name="[CB - Account].[Account CB - Description].&amp;[4181099 - Missing]"/>
        <member name="[CB - Account].[Account CB - Description].&amp;[4181100 - Current Sub Earnings - Contra]"/>
        <member name="[CB - Account].[Account CB - Description].&amp;[4181101 - Missing]"/>
        <member name="[CB - Account].[Account CB - Description].&amp;[4181102 - Current NPL Earnings]"/>
        <member name="[CB - Account].[Account CB - Description].&amp;[4181109 - Missing]"/>
        <member name="[CB - Account].[Account CB - Description].&amp;[4181110 - Missing]"/>
        <member name="[CB - Account].[Account CB - Description].&amp;[4181111 - Missing]"/>
        <member name="[CB - Account].[Account CB - Description].&amp;[4181112 - Missing]"/>
        <member name="[CB - Account].[Account CB - Description].&amp;[4181113 - Missing]"/>
        <member name="[CB - Account].[Account CB - Description].&amp;[4181114 - Missing]"/>
        <member name="[CB - Account].[Account CB - Description].&amp;[4181115 - Missing]"/>
        <member name="[CB - Account].[Account CB - Description].&amp;[4181116 - Missing]"/>
        <member name="[CB - Account].[Account CB - Description].&amp;[4181117 - Missing]"/>
        <member name="[CB - Account].[Account CB - Description].&amp;[4181119 - Missing]"/>
        <member name="[CB - Account].[Account CB - Description].&amp;[4181120 - Missing]"/>
        <member name="[CB - Account].[Account CB - Description].&amp;[4181121 - Missing]"/>
        <member name="[CB - Account].[Account CB - Description].&amp;[4181122 - Missing]"/>
        <member name="[CB - Account].[Account CB - Description].&amp;[4181123 - Missing]"/>
        <member name="[CB - Account].[Account CB - Description].&amp;[4181124 - Missing]"/>
        <member name="[CB - Account].[Account CB - Description].&amp;[4181500 - Missing]"/>
        <member name="[CB - Account].[Account CB - Description].&amp;[4181501 - Missing]"/>
        <member name="[CB - Account].[Account CB - Description].&amp;[4181502 - Missing]"/>
        <member name="[CB - Account].[Account CB - Description].&amp;[4181503 - Missing]"/>
        <member name="[CB - Account].[Account CB - Description].&amp;[4181504 - Missing]"/>
        <member name="[CB - Account].[Account CB - Description].&amp;[4181505 - Missing]"/>
        <member name="[CB - Account].[Account CB - Description].&amp;[4181506 - Missing]"/>
        <member name="[CB - Account].[Account CB - Description].&amp;[4181507 - Missing]"/>
        <member name="[CB - Account].[Account CB - Description].&amp;[4181508 - Missing]"/>
        <member name="[CB - Account].[Account CB - Description].&amp;[4181509 - Missing]"/>
        <member name="[CB - Account].[Account CB - Description].&amp;[4181510 - Missing]"/>
        <member name="[CB - Account].[Account CB - Description].&amp;[4181511 - Missing]"/>
        <member name="[CB - Account].[Account CB - Description].&amp;[4181512 - Missing]"/>
        <member name="[CB - Account].[Account CB - Description].&amp;[4181513 - Missing]"/>
        <member name="[CB - Account].[Account CB - Description].&amp;[4181514 - Missing]"/>
        <member name="[CB - Account].[Account CB - Description].&amp;[4181515 - Missing]"/>
        <member name="[CB - Account].[Account CB - Description].&amp;[4181517 - Missing]"/>
        <member name="[CB - Account].[Account CB - Description].&amp;[4181518 - Missing]"/>
        <member name="[CB - Account].[Account CB - Description].&amp;[4181519 - Missing]"/>
        <member name="[CB - Account].[Account CB - Description].&amp;[4181520 - Missing]"/>
        <member name="[CB - Account].[Account CB - Description].&amp;[4181521 - Missing]"/>
        <member name="[CB - Account].[Account CB - Description].&amp;[4181522 - Missing]"/>
        <member name="[CB - Account].[Account CB - Description].&amp;[4181523 - Missing]"/>
        <member name="[CB - Account].[Account CB - Description].&amp;[4181524 - Missing]"/>
        <member name="[CB - Account].[Account CB - Description].&amp;[4181525 - Missing]"/>
        <member name="[CB - Account].[Account CB - Description].&amp;[4181526 - Missing]"/>
        <member name="[CB - Account].[Account CB - Description].&amp;[4181527 - Missing]"/>
        <member name="[CB - Account].[Account CB - Description].&amp;[4181528 - Missing]"/>
        <member name="[CB - Account].[Account CB - Description].&amp;[4181530 - Missing]"/>
        <member name="[CB - Account].[Account CB - Description].&amp;[4181531 - Missing]"/>
        <member name="[CB - Account].[Account CB - Description].&amp;[4181532 - Missing]"/>
        <member name="[CB - Account].[Account CB - Description].&amp;[4181534 - Missing]"/>
        <member name="[CB - Account].[Account CB - Description].&amp;[4190001 - Missing]"/>
        <member name="[CB - Account].[Account CB - Description].&amp;[4190004 - Missing]"/>
        <member name="[CB - Account].[Account CB - Description].&amp;[4190005 - Missing]"/>
        <member name="[CB - Account].[Account CB - Description].&amp;[4190006 - Missing]"/>
        <member name="[CB - Account].[Account CB - Description].&amp;[4190007 - Missing]"/>
        <member name="[CB - Account].[Account CB - Description].&amp;[4190008 - Missing]"/>
        <member name="[CB - Account].[Account CB - Description].&amp;[4190009 - Missing]"/>
        <member name="[CB - Account].[Account CB - Description].&amp;[4190010 - Missing]"/>
        <member name="[CB - Account].[Account CB - Description].&amp;[4190011 - Missing]"/>
        <member name="[CB - Account].[Account CB - Description].&amp;[4190012 - Missing]"/>
        <member name="[CB - Account].[Account CB - Description].&amp;[4190013 - Missing]"/>
        <member name="[CB - Account].[Account CB - Description].&amp;[4190014 - Missing]"/>
        <member name="[CB - Account].[Account CB - Description].&amp;[4190015 - Missing]"/>
        <member name="[CB - Account].[Account CB - Description].&amp;[4190017 - Missing]"/>
        <member name="[CB - Account].[Account CB - Description].&amp;[4190018 - Missing]"/>
        <member name="[CB - Account].[Account CB - Description].&amp;[4190020 - Missing]"/>
        <member name="[CB - Account].[Account CB - Description].&amp;[4190021 - Missing]"/>
        <member name="[CB - Account].[Account CB - Description].&amp;[4190022 - Missing]"/>
        <member name="[CB - Account].[Account CB - Description].&amp;[4190023 - Missing]"/>
        <member name="[CB - Account].[Account CB - Description].&amp;[4190027 - Missing]"/>
        <member name="[CB - Account].[Account CB - Description].&amp;[4190034 - Missing]"/>
        <member name="[CB - Account].[Account CB - Description].&amp;[4190035 - Missing]"/>
        <member name="[CB - Account].[Account CB - Description].&amp;[4190036 - Missing]"/>
        <member name="[CB - Account].[Account CB - Description].&amp;[4190037 - Missing]"/>
        <member name="[CB - Account].[Account CB - Description].&amp;[4190038 - Missing]"/>
        <member name="[CB - Account].[Account CB - Description].&amp;[4190039 - Missing]"/>
        <member name="[CB - Account].[Account CB - Description].&amp;[4190040 - Missing]"/>
        <member name="[CB - Account].[Account CB - Description].&amp;[4190041 - Missing]"/>
        <member name="[CB - Account].[Account CB - Description].&amp;[4190042 - Missing]"/>
        <member name="[CB - Account].[Account CB - Description].&amp;[4190043 - Missing]"/>
        <member name="[CB - Account].[Account CB - Description].&amp;[4190045 - Missing]"/>
        <member name="[CB - Account].[Account CB - Description].&amp;[4190047 - Missing]"/>
        <member name="[CB - Account].[Account CB - Description].&amp;[4190048 - Missing]"/>
        <member name="[CB - Account].[Account CB - Description].&amp;[4190051 - Missing]"/>
        <member name="[CB - Account].[Account CB - Description].&amp;[4190055 - Missing]"/>
        <member name="[CB - Account].[Account CB - Description].&amp;[4190058 - Missing]"/>
        <member name="[CB - Account].[Account CB - Description].&amp;[4190059 - Missing]"/>
        <member name="[CB - Account].[Account CB - Description].&amp;[4190060 - Missing]"/>
        <member name="[CB - Account].[Account CB - Description].&amp;[4190061 - Missing]"/>
        <member name="[CB - Account].[Account CB - Description].&amp;[4190063 - Missing]"/>
        <member name="[CB - Account].[Account CB - Description].&amp;[4190064 - Missing]"/>
        <member name="[CB - Account].[Account CB - Description].&amp;[4190065 - Missing]"/>
        <member name="[CB - Account].[Account CB - Description].&amp;[4190066 - Missing]"/>
        <member name="[CB - Account].[Account CB - Description].&amp;[4190067 - Missing]"/>
        <member name="[CB - Account].[Account CB - Description].&amp;[4190068 - Missing]"/>
        <member name="[CB - Account].[Account CB - Description].&amp;[4190069 - Missing]"/>
        <member name="[CB - Account].[Account CB - Description].&amp;[4190070 - Missing]"/>
        <member name="[CB - Account].[Account CB - Description].&amp;[4190071 - Missing]"/>
        <member name="[CB - Account].[Account CB - Description].&amp;[4190072 - Missing]"/>
        <member name="[CB - Account].[Account CB - Description].&amp;[4190073 - Missing]"/>
        <member name="[CB - Account].[Account CB - Description].&amp;[4190074 - Missing]"/>
        <member name="[CB - Account].[Account CB - Description].&amp;[4190075 - Missing]"/>
        <member name="[CB - Account].[Account CB - Description].&amp;[4190076 - Missing]"/>
        <member name="[CB - Account].[Account CB - Description].&amp;[4190077 - Missing]"/>
        <member name="[CB - Account].[Account CB - Description].&amp;[4190078 - Missing]"/>
        <member name="[CB - Account].[Account CB - Description].&amp;[4190079 - Missing]"/>
        <member name="[CB - Account].[Account CB - Description].&amp;[4190080 - Missing]"/>
        <member name="[CB - Account].[Account CB - Description].&amp;[4190081 - Missing]"/>
        <member name="[CB - Account].[Account CB - Description].&amp;[4190082 - Missing]"/>
        <member name="[CB - Account].[Account CB - Description].&amp;[4190084 - Missing]"/>
        <member name="[CB - Account].[Account CB - Description].&amp;[4190085 - Missing]"/>
        <member name="[CB - Account].[Account CB - Description].&amp;[4190086 - Missing]"/>
        <member name="[CB - Account].[Account CB - Description].&amp;[4190088 - Missing]"/>
        <member name="[CB - Account].[Account CB - Description].&amp;[4190089 - Missing]"/>
        <member name="[CB - Account].[Account CB - Description].&amp;[4190090 - Missing]"/>
        <member name="[CB - Account].[Account CB - Description].&amp;[4190091 - Missing]"/>
        <member name="[CB - Account].[Account CB - Description].&amp;[4190092 - Missing]"/>
        <member name="[CB - Account].[Account CB - Description].&amp;[4190093 - Missing]"/>
        <member name="[CB - Account].[Account CB - Description].&amp;[4190095 - Missing]"/>
        <member name="[CB - Account].[Account CB - Description].&amp;[4190097 - Missing]"/>
        <member name="[CB - Account].[Account CB - Description].&amp;[4190098 - Missing]"/>
        <member name="[CB - Account].[Account CB - Description].&amp;[4190100 - Missing]"/>
        <member name="[CB - Account].[Account CB - Description].&amp;[4190111 - Missing]"/>
        <member name="[CB - Account].[Account CB - Description].&amp;[4190112 - Missing]"/>
        <member name="[CB - Account].[Account CB - Description].&amp;[4190113 - Missing]"/>
        <member name="[CB - Account].[Account CB - Description].&amp;[4190114 - Missing]"/>
        <member name="[CB - Account].[Account CB - Description].&amp;[4191001 - Missing]"/>
        <member name="[CB - Account].[Account CB - Description].&amp;[4191003 - Missing]"/>
        <member name="[CB - Account].[Account CB - Description].&amp;[4191005 - Missing]"/>
        <member name="[CB - Account].[Account CB - Description].&amp;[4191006 - Missing]"/>
        <member name="[CB - Account].[Account CB - Description].&amp;[4191007 - Missing]"/>
        <member name="[CB - Account].[Account CB - Description].&amp;[4191009 - Missing]"/>
        <member name="[CB - Account].[Account CB - Description].&amp;[4191010 - Missing]"/>
        <member name="[CB - Account].[Account CB - Description].&amp;[4191011 - Missing]"/>
        <member name="[CB - Account].[Account CB - Description].&amp;[4191012 - Missing]"/>
        <member name="[CB - Account].[Account CB - Description].&amp;[419891 - Missing]"/>
        <member name="[CB - Account].[Account CB - Description].&amp;[4200000 - Contra Transportation Revenues]"/>
        <member name="[CB - Account].[Account CB - Description].&amp;[4200001 - Missing]"/>
        <member name="[CB - Account].[Account CB - Description].&amp;[4200005 - Contra Transportaion Revenues]"/>
        <member name="[CB - Account].[Account CB - Description].&amp;[4210000 - Contra Nonoper Income]"/>
        <member name="[CB - Account].[Account CB - Description].&amp;[4210001 - Missing]"/>
        <member name="[CB - Account].[Account CB - Description].&amp;[4210003 - Missing]"/>
        <member name="[CB - Account].[Account CB - Description].&amp;[4210005 - Missing]"/>
        <member name="[CB - Account].[Account CB - Description].&amp;[4210006 - Missing]"/>
        <member name="[CB - Account].[Account CB - Description].&amp;[4210007 - Missing]"/>
        <member name="[CB - Account].[Account CB - Description].&amp;[4210008 - Missing]"/>
        <member name="[CB - Account].[Account CB - Description].&amp;[4211001 - Missing]"/>
        <member name="[CB - Account].[Account CB - Description].&amp;[4211002 - Missing]"/>
        <member name="[CB - Account].[Account CB - Description].&amp;[4211003 - Missing]"/>
        <member name="[CB - Account].[Account CB - Description].&amp;[4212001 - Missing]"/>
        <member name="[CB - Account].[Account CB - Description].&amp;[4212002 - Missing]"/>
        <member name="[CB - Account].[Account CB - Description].&amp;[4212005 - Missing]"/>
        <member name="[CB - Account].[Account CB - Description].&amp;[4212006 - Missing]"/>
        <member name="[CB - Account].[Account CB - Description].&amp;[4219009 - Missing]"/>
        <member name="[CB - Account].[Account CB - Description].&amp;[4250001 - Missing]"/>
        <member name="[CB - Account].[Account CB - Description].&amp;[4250002 - Missing]"/>
        <member name="[CB - Account].[Account CB - Description].&amp;[4250003 - Missing]"/>
        <member name="[CB - Account].[Account CB - Description].&amp;[4250004 - Missing]"/>
        <member name="[CB - Account].[Account CB - Description].&amp;[4250005 - Missing]"/>
        <member name="[CB - Account].[Account CB - Description].&amp;[4250006 - Missing]"/>
        <member name="[CB - Account].[Account CB - Description].&amp;[4250007 - Missing]"/>
        <member name="[CB - Account].[Account CB - Description].&amp;[4250008 - Missing]"/>
        <member name="[CB - Account].[Account CB - Description].&amp;[4250011 - Missing]"/>
        <member name="[CB - Account].[Account CB - Description].&amp;[4250012 - Missing]"/>
        <member name="[CB - Account].[Account CB - Description].&amp;[4250016 - Missing]"/>
        <member name="[CB - Account].[Account CB - Description].&amp;[4250022 - Missing]"/>
        <member name="[CB - Account].[Account CB - Description].&amp;[4250023 - Missing]"/>
        <member name="[CB - Account].[Account CB - Description].&amp;[4250024 - Missing]"/>
        <member name="[CB - Account].[Account CB - Description].&amp;[4250028 - Missing]"/>
        <member name="[CB - Account].[Account CB - Description].&amp;[4250037 - Missing]"/>
        <member name="[CB - Account].[Account CB - Description].&amp;[4250038 - Missing]"/>
        <member name="[CB - Account].[Account CB - Description].&amp;[4250039 - Missing]"/>
        <member name="[CB - Account].[Account CB - Description].&amp;[4250040 - Missing]"/>
        <member name="[CB - Account].[Account CB - Description].&amp;[4261001 - Missing]"/>
        <member name="[CB - Account].[Account CB - Description].&amp;[4261002 - Missing]"/>
        <member name="[CB - Account].[Account CB - Description].&amp;[4261003 - Missing]"/>
        <member name="[CB - Account].[Account CB - Description].&amp;[4261004 - Missing]"/>
        <member name="[CB - Account].[Account CB - Description].&amp;[4261005 - Missing]"/>
        <member name="[CB - Account].[Account CB - Description].&amp;[4261006 - Missing]"/>
        <member name="[CB - Account].[Account CB - Description].&amp;[4261007 - Missing]"/>
        <member name="[CB - Account].[Account CB - Description].&amp;[4261008 - Missing]"/>
        <member name="[CB - Account].[Account CB - Description].&amp;[4261009 - Missing]"/>
        <member name="[CB - Account].[Account CB - Description].&amp;[4261010 - Missing]"/>
        <member name="[CB - Account].[Account CB - Description].&amp;[4261011 - Missing]"/>
        <member name="[CB - Account].[Account CB - Description].&amp;[4261012 - Missing]"/>
        <member name="[CB - Account].[Account CB - Description].&amp;[4261013 - Missing]"/>
        <member name="[CB - Account].[Account CB - Description].&amp;[4262001 - Missing]"/>
        <member name="[CB - Account].[Account CB - Description].&amp;[4262002 - Missing]"/>
        <member name="[CB - Account].[Account CB - Description].&amp;[4262003 - Missing]"/>
        <member name="[CB - Account].[Account CB - Description].&amp;[4262004 - Missing]"/>
        <member name="[CB - Account].[Account CB - Description].&amp;[4262005 - Missing]"/>
        <member name="[CB - Account].[Account CB - Description].&amp;[4262006 - Missing]"/>
        <member name="[CB - Account].[Account CB - Description].&amp;[4262007 - Missing]"/>
        <member name="[CB - Account].[Account CB - Description].&amp;[4262008 - Missing]"/>
        <member name="[CB - Account].[Account CB - Description].&amp;[4262009 - Missing]"/>
        <member name="[CB - Account].[Account CB - Description].&amp;[4262010 - Missing]"/>
        <member name="[CB - Account].[Account CB - Description].&amp;[4262011 - Missing]"/>
        <member name="[CB - Account].[Account CB - Description].&amp;[4262012 - Missing]"/>
        <member name="[CB - Account].[Account CB - Description].&amp;[4262013 - Missing]"/>
        <member name="[CB - Account].[Account CB - Description].&amp;[4262014 - Missing]"/>
        <member name="[CB - Account].[Account CB - Description].&amp;[4262015 - Missing]"/>
        <member name="[CB - Account].[Account CB - Description].&amp;[4263001 - Missing]"/>
        <member name="[CB - Account].[Account CB - Description].&amp;[4264001 - Missing]"/>
        <member name="[CB - Account].[Account CB - Description].&amp;[4265001 - Missing]"/>
        <member name="[CB - Account].[Account CB - Description].&amp;[4265002 - Missing]"/>
        <member name="[CB - Account].[Account CB - Description].&amp;[4265003 - Missing]"/>
        <member name="[CB - Account].[Account CB - Description].&amp;[4265004 - Missing]"/>
        <member name="[CB - Account].[Account CB - Description].&amp;[4265007 - Missing]"/>
        <member name="[CB - Account].[Account CB - Description].&amp;[4265011 - Missing]"/>
        <member name="[CB - Account].[Account CB - Description].&amp;[4265012 - Missing]"/>
        <member name="[CB - Account].[Account CB - Description].&amp;[4265013 - Missing]"/>
        <member name="[CB - Account].[Account CB - Description].&amp;[4265016 - Minority_Interest_Expense]"/>
        <member name="[CB - Account].[Account CB - Description].&amp;[4265021 - Missing]"/>
        <member name="[CB - Account].[Account CB - Description].&amp;[4265023 - Missing]"/>
        <member name="[CB - Account].[Account CB - Description].&amp;[4270001 - Missing]"/>
        <member name="[CB - Account].[Account CB - Description].&amp;[4270002 - Missing]"/>
        <member name="[CB - Account].[Account CB - Description].&amp;[4270008 - Missing]"/>
        <member name="[CB - Account].[Account CB - Description].&amp;[4270009 - Missing]"/>
        <member name="[CB - Account].[Account CB - Description].&amp;[4270010 - Missing]"/>
        <member name="[CB - Account].[Account CB - Description].&amp;[4270011 - Missing]"/>
        <member name="[CB - Account].[Account CB - Description].&amp;[4270012 - Missing]"/>
        <member name="[CB - Account].[Account CB - Description].&amp;[4270013 - Missing]"/>
        <member name="[CB - Account].[Account CB - Description].&amp;[4270014 - Missing]"/>
        <member name="[CB - Account].[Account CB - Description].&amp;[4270015 - Missing]"/>
        <member name="[CB - Account].[Account CB - Description].&amp;[4270016 - Missing]"/>
        <member name="[CB - Account].[Account CB - Description].&amp;[4270017 - Missing]"/>
        <member name="[CB - Account].[Account CB - Description].&amp;[4270018 - Missing]"/>
        <member name="[CB - Account].[Account CB - Description].&amp;[4270019 - Missing]"/>
        <member name="[CB - Account].[Account CB - Description].&amp;[4270020 - Missing]"/>
        <member name="[CB - Account].[Account CB - Description].&amp;[4270021 - Missing]"/>
        <member name="[CB - Account].[Account CB - Description].&amp;[4270022 - Missing]"/>
        <member name="[CB - Account].[Account CB - Description].&amp;[4270024 - Missing]"/>
        <member name="[CB - Account].[Account CB - Description].&amp;[4270026 - Missing]"/>
        <member name="[CB - Account].[Account CB - Description].&amp;[4270027 - Missing]"/>
        <member name="[CB - Account].[Account CB - Description].&amp;[4270029 - Missing]"/>
        <member name="[CB - Account].[Account CB - Description].&amp;[4270030 - Missing]"/>
        <member name="[CB - Account].[Account CB - Description].&amp;[4270031 - Missing]"/>
        <member name="[CB - Account].[Account CB - Description].&amp;[4270032 - Missing]"/>
        <member name="[CB - Account].[Account CB - Description].&amp;[4270033 - Missing]"/>
        <member name="[CB - Account].[Account CB - Description].&amp;[4270037 - Missing]"/>
        <member name="[CB - Account].[Account CB - Description].&amp;[4270038 - Missing]"/>
        <member name="[CB - Account].[Account CB - Description].&amp;[4270039 - Missing]"/>
        <member name="[CB - Account].[Account CB - Description].&amp;[4270040 - Missing]"/>
        <member name="[CB - Account].[Account CB - Description].&amp;[4270041 - Missing]"/>
        <member name="[CB - Account].[Account CB - Description].&amp;[4270043 - Missing]"/>
        <member name="[CB - Account].[Account CB - Description].&amp;[4270044 - Missing]"/>
        <member name="[CB - Account].[Account CB - Description].&amp;[4270046 - Missing]"/>
        <member name="[CB - Account].[Account CB - Description].&amp;[4270047 - Missing]"/>
        <member name="[CB - Account].[Account CB - Description].&amp;[4270048 - Missing]"/>
        <member name="[CB - Account].[Account CB - Description].&amp;[4270049 - Missing]"/>
        <member name="[CB - Account].[Account CB - Description].&amp;[4270050 - Missing]"/>
        <member name="[CB - Account].[Account CB - Description].&amp;[4270051 - Missing]"/>
        <member name="[CB - Account].[Account CB - Description].&amp;[4270052 - Missing]"/>
        <member name="[CB - Account].[Account CB - Description].&amp;[4270053 - Missing]"/>
        <member name="[CB - Account].[Account CB - Description].&amp;[4270054 - Missing]"/>
        <member name="[CB - Account].[Account CB - Description].&amp;[4270055 - Missing]"/>
        <member name="[CB - Account].[Account CB - Description].&amp;[4270056 - Missing]"/>
        <member name="[CB - Account].[Account CB - Description].&amp;[4270057 - Missing]"/>
        <member name="[CB - Account].[Account CB - Description].&amp;[4270058 - Missing]"/>
        <member name="[CB - Account].[Account CB - Description].&amp;[4270059 - Missing]"/>
        <member name="[CB - Account].[Account CB - Description].&amp;[4270062 - Missing]"/>
        <member name="[CB - Account].[Account CB - Description].&amp;[4270063 - Missing]"/>
        <member name="[CB - Account].[Account CB - Description].&amp;[4270064 - Missing]"/>
        <member name="[CB - Account].[Account CB - Description].&amp;[4280002 - Missing]"/>
        <member name="[CB - Account].[Account CB - Description].&amp;[4280013 - Missing]"/>
        <member name="[CB - Account].[Account CB - Description].&amp;[4280014 - Missing]"/>
        <member name="[CB - Account].[Account CB - Description].&amp;[4280015 - Missing]"/>
        <member name="[CB - Account].[Account CB - Description].&amp;[4280016 - Missing]"/>
        <member name="[CB - Account].[Account CB - Description].&amp;[4280017 - Missing]"/>
        <member name="[CB - Account].[Account CB - Description].&amp;[4280019 - Missing]"/>
        <member name="[CB - Account].[Account CB - Description].&amp;[4280021 - Missing]"/>
        <member name="[CB - Account].[Account CB - Description].&amp;[4280022 - Missing]"/>
        <member name="[CB - Account].[Account CB - Description].&amp;[4280024 - Missing]"/>
        <member name="[CB - Account].[Account CB - Description].&amp;[4280025 - Missing]"/>
        <member name="[CB - Account].[Account CB - Description].&amp;[4280026 - Missing]"/>
        <member name="[CB - Account].[Account CB - Description].&amp;[4280027 - Missing]"/>
        <member name="[CB - Account].[Account CB - Description].&amp;[4280028 - Missing]"/>
        <member name="[CB - Account].[Account CB - Description].&amp;[4280029 - Missing]"/>
        <member name="[CB - Account].[Account CB - Description].&amp;[4280030 - Missing]"/>
        <member name="[CB - Account].[Account CB - Description].&amp;[4280031 - Missing]"/>
        <member name="[CB - Account].[Account CB - Description].&amp;[4280035 - Missing]"/>
        <member name="[CB - Account].[Account CB - Description].&amp;[4280036 - Missing]"/>
        <member name="[CB - Account].[Account CB - Description].&amp;[4280037 - Missing]"/>
        <member name="[CB - Account].[Account CB - Description].&amp;[4280038 - Missing]"/>
        <member name="[CB - Account].[Account CB - Description].&amp;[4280039 - Missing]"/>
        <member name="[CB - Account].[Account CB - Description].&amp;[4280040 - Missing]"/>
        <member name="[CB - Account].[Account CB - Description].&amp;[4280042 - Missing]"/>
        <member name="[CB - Account].[Account CB - Description].&amp;[4280044 - Missing]"/>
        <member name="[CB - Account].[Account CB - Description].&amp;[4280046 - Missing]"/>
        <member name="[CB - Account].[Account CB - Description].&amp;[4280048 - Missing]"/>
        <member name="[CB - Account].[Account CB - Description].&amp;[4280049 - Missing]"/>
        <member name="[CB - Account].[Account CB - Description].&amp;[4280050 - Missing]"/>
        <member name="[CB - Account].[Account CB - Description].&amp;[4280051 - Missing]"/>
        <member name="[CB - Account].[Account CB - Description].&amp;[4280052 - Missing]"/>
        <member name="[CB - Account].[Account CB - Description].&amp;[4280053 - Missing]"/>
        <member name="[CB - Account].[Account CB - Description].&amp;[4280054 - Missing]"/>
        <member name="[CB - Account].[Account CB - Description].&amp;[4280055 - Missing]"/>
        <member name="[CB - Account].[Account CB - Description].&amp;[4280056 - Missing]"/>
        <member name="[CB - Account].[Account CB - Description].&amp;[4280057 - Missing]"/>
        <member name="[CB - Account].[Account CB - Description].&amp;[4280058 - Missing]"/>
        <member name="[CB - Account].[Account CB - Description].&amp;[4280059 - Missing]"/>
        <member name="[CB - Account].[Account CB - Description].&amp;[4280060 - Missing]"/>
        <member name="[CB - Account].[Account CB - Description].&amp;[4280061 - Missing]"/>
        <member name="[CB - Account].[Account CB - Description].&amp;[4280062 - Missing]"/>
        <member name="[CB - Account].[Account CB - Description].&amp;[4280063 - Missing]"/>
        <member name="[CB - Account].[Account CB - Description].&amp;[4280064 - Missing]"/>
        <member name="[CB - Account].[Account CB - Description].&amp;[4280065 - Missing]"/>
        <member name="[CB - Account].[Account CB - Description].&amp;[4280066 - Missing]"/>
        <member name="[CB - Account].[Account CB - Description].&amp;[4280067 - Missing]"/>
        <member name="[CB - Account].[Account CB - Description].&amp;[4280068 - Missing]"/>
        <member name="[CB - Account].[Account CB - Description].&amp;[4280069 - Missing]"/>
        <member name="[CB - Account].[Account CB - Description].&amp;[4280070 - Missing]"/>
        <member name="[CB - Account].[Account CB - Description].&amp;[4280071 - Missing]"/>
        <member name="[CB - Account].[Account CB - Description].&amp;[4280072 - Missing]"/>
        <member name="[CB - Account].[Account CB - Description].&amp;[4280073 - Missing]"/>
        <member name="[CB - Account].[Account CB - Description].&amp;[4281001 - Missing]"/>
        <member name="[CB - Account].[Account CB - Description].&amp;[4281002 - Missing]"/>
        <member name="[CB - Account].[Account CB - Description].&amp;[4281003 - Missing]"/>
        <member name="[CB - Account].[Account CB - Description].&amp;[4281004 - Missing]"/>
        <member name="[CB - Account].[Account CB - Description].&amp;[4281005 - Missing]"/>
        <member name="[CB - Account].[Account CB - Description].&amp;[4281006 - Missing]"/>
        <member name="[CB - Account].[Account CB - Description].&amp;[4281007 - Missing]"/>
        <member name="[CB - Account].[Account CB - Description].&amp;[4281008 - Missing]"/>
        <member name="[CB - Account].[Account CB - Description].&amp;[4281011 - Missing]"/>
        <member name="[CB - Account].[Account CB - Description].&amp;[4281012 - Missing]"/>
        <member name="[CB - Account].[Account CB - Description].&amp;[4281015 - Missing]"/>
        <member name="[CB - Account].[Account CB - Description].&amp;[4281016 - Missing]"/>
        <member name="[CB - Account].[Account CB - Description].&amp;[4290001 - Missing]"/>
        <member name="[CB - Account].[Account CB - Description].&amp;[4290002 - Missing]"/>
        <member name="[CB - Account].[Account CB - Description].&amp;[4290003 - Missing]"/>
        <member name="[CB - Account].[Account CB - Description].&amp;[4300001 - Missing]"/>
        <member name="[CB - Account].[Account CB - Description].&amp;[4300003 - Missing]"/>
        <member name="[CB - Account].[Account CB - Description].&amp;[4300005 - Missing]"/>
        <member name="[CB - Account].[Account CB - Description].&amp;[4300006 - Missing]"/>
        <member name="[CB - Account].[Account CB - Description].&amp;[4300007 - Missing]"/>
        <member name="[CB - Account].[Account CB - Description].&amp;[4300008 - Missing]"/>
        <member name="[CB - Account].[Account CB - Description].&amp;[4300009 - Missing]"/>
        <member name="[CB - Account].[Account CB - Description].&amp;[4300010 - Missing]"/>
        <member name="[CB - Account].[Account CB - Description].&amp;[4300011 - Missing]"/>
        <member name="[CB - Account].[Account CB - Description].&amp;[4300012 - Missing]"/>
        <member name="[CB - Account].[Account CB - Description].&amp;[4300013 - Missing]"/>
        <member name="[CB - Account].[Account CB - Description].&amp;[4300022 - Missing]"/>
        <member name="[CB - Account].[Account CB - Description].&amp;[4300023 - Missing]"/>
        <member name="[CB - Account].[Account CB - Description].&amp;[4300024 - Missing]"/>
        <member name="[CB - Account].[Account CB - Description].&amp;[4300026 - Missing]"/>
        <member name="[CB - Account].[Account CB - Description].&amp;[4300027 - Missing]"/>
        <member name="[CB - Account].[Account CB - Description].&amp;[4300028 - Missing]"/>
        <member name="[CB - Account].[Account CB - Description].&amp;[4300029 - Missing]"/>
        <member name="[CB - Account].[Account CB - Description].&amp;[4300030 - Missing]"/>
        <member name="[CB - Account].[Account CB - Description].&amp;[4300031 - Missing]"/>
        <member name="[CB - Account].[Account CB - Description].&amp;[4300032 - Missing]"/>
        <member name="[CB - Account].[Account CB - Description].&amp;[4300033 - Missing]"/>
        <member name="[CB - Account].[Account CB - Description].&amp;[4300034 - Missing]"/>
        <member name="[CB - Account].[Account CB - Description].&amp;[4300035 - Missing]"/>
        <member name="[CB - Account].[Account CB - Description].&amp;[4300036 - Missing]"/>
        <member name="[CB - Account].[Account CB - Description].&amp;[4300037 - Missing]"/>
        <member name="[CB - Account].[Account CB - Description].&amp;[4300040 - Missing]"/>
        <member name="[CB - Account].[Account CB - Description].&amp;[4300041 - Missing]"/>
        <member name="[CB - Account].[Account CB - Description].&amp;[4300042 - Missing]"/>
        <member name="[CB - Account].[Account CB - Description].&amp;[4300043 - Missing]"/>
        <member name="[CB - Account].[Account CB - Description].&amp;[4300044 - Missing]"/>
        <member name="[CB - Account].[Account CB - Description].&amp;[4300045 - Missing]"/>
        <member name="[CB - Account].[Account CB - Description].&amp;[4300046 - Missing]"/>
        <member name="[CB - Account].[Account CB - Description].&amp;[4300047 - Missing]"/>
        <member name="[CB - Account].[Account CB - Description].&amp;[4300048 - Missing]"/>
        <member name="[CB - Account].[Account CB - Description].&amp;[4300049 - Missing]"/>
        <member name="[CB - Account].[Account CB - Description].&amp;[4300050 - Missing]"/>
        <member name="[CB - Account].[Account CB - Description].&amp;[4300051 - Missing]"/>
        <member name="[CB - Account].[Account CB - Description].&amp;[4300052 - Missing]"/>
        <member name="[CB - Account].[Account CB - Description].&amp;[4300053 - Missing]"/>
        <member name="[CB - Account].[Account CB - Description].&amp;[4300054 - Missing]"/>
        <member name="[CB - Account].[Account CB - Description].&amp;[4300055 - Missing]"/>
        <member name="[CB - Account].[Account CB - Description].&amp;[4300056 - Missing]"/>
        <member name="[CB - Account].[Account CB - Description].&amp;[4300058 - Missing]"/>
        <member name="[CB - Account].[Account CB - Description].&amp;[4300059 - Missing]"/>
        <member name="[CB - Account].[Account CB - Description].&amp;[4300060 - Missing]"/>
        <member name="[CB - Account].[Account CB - Description].&amp;[4300061 - Missing]"/>
        <member name="[CB - Account].[Account CB - Description].&amp;[4300062 - Missing]"/>
        <member name="[CB - Account].[Account CB - Description].&amp;[4300063 - Missing]"/>
        <member name="[CB - Account].[Account CB - Description].&amp;[4300067 - Missing]"/>
        <member name="[CB - Account].[Account CB - Description].&amp;[4300068 - Missing]"/>
        <member name="[CB - Account].[Account CB - Description].&amp;[4300069 - Missing]"/>
        <member name="[CB - Account].[Account CB - Description].&amp;[4300072 - Missing]"/>
        <member name="[CB - Account].[Account CB - Description].&amp;[4300073 - Missing]"/>
        <member name="[CB - Account].[Account CB - Description].&amp;[4300074 - Missing]"/>
        <member name="[CB - Account].[Account CB - Description].&amp;[4300075 - Missing]"/>
        <member name="[CB - Account].[Account CB - Description].&amp;[4300077 - Missing]"/>
        <member name="[CB - Account].[Account CB - Description].&amp;[4300079 - Missing]"/>
        <member name="[CB - Account].[Account CB - Description].&amp;[4310004 - Missing]"/>
        <member name="[CB - Account].[Account CB - Description].&amp;[4310005 - Missing]"/>
        <member name="[CB - Account].[Account CB - Description].&amp;[4310012 - Missing]"/>
        <member name="[CB - Account].[Account CB - Description].&amp;[4310013 - Missing]"/>
        <member name="[CB - Account].[Account CB - Description].&amp;[4310015 - Missing]"/>
        <member name="[CB - Account].[Account CB - Description].&amp;[4310016 - Missing]"/>
        <member name="[CB - Account].[Account CB - Description].&amp;[4310018 - Missing]"/>
        <member name="[CB - Account].[Account CB - Description].&amp;[4310023 - Missing]"/>
        <member name="[CB - Account].[Account CB - Description].&amp;[4310024 - Missing]"/>
        <member name="[CB - Account].[Account CB - Description].&amp;[4310025 - Missing]"/>
        <member name="[CB - Account].[Account CB - Description].&amp;[4310026 - Missing]"/>
        <member name="[CB - Account].[Account CB - Description].&amp;[4310027 - Missing]"/>
        <member name="[CB - Account].[Account CB - Description].&amp;[4310028 - Missing]"/>
        <member name="[CB - Account].[Account CB - Description].&amp;[4310029 - Missing]"/>
        <member name="[CB - Account].[Account CB - Description].&amp;[4310030 - Missing]"/>
        <member name="[CB - Account].[Account CB - Description].&amp;[4310031 - Missing]"/>
        <member name="[CB - Account].[Account CB - Description].&amp;[4310032 - Missing]"/>
        <member name="[CB - Account].[Account CB - Description].&amp;[4310033 - Missing]"/>
        <member name="[CB - Account].[Account CB - Description].&amp;[4320001 - Missing]"/>
        <member name="[CB - Account].[Account CB - Description].&amp;[4320002 - Missing]"/>
        <member name="[CB - Account].[Account CB - Description].&amp;[4330001 - Missing]"/>
        <member name="[CB - Account].[Account CB - Description].&amp;[4330003 - Missing]"/>
        <member name="[CB - Account].[Account CB - Description].&amp;[4340001 - Missing]"/>
        <member name="[CB - Account].[Account CB - Description].&amp;[4360000 - Missing]"/>
        <member name="[CB - Account].[Account CB - Description].&amp;[4380001 - Missing]"/>
        <member name="[CB - Account].[Account CB - Description].&amp;[4380002 - Missing]"/>
        <member name="[CB - Account].[Account CB - Description].&amp;[4390002 - OCI_Rollup_Acct]"/>
        <member name="[CB - Account].[Account CB - Description].&amp;[4390003 - Missing]"/>
        <member name="[CB - Account].[Account CB - Description].&amp;[4400000 - Contra Storage Revenues]"/>
        <member name="[CB - Account].[Account CB - Description].&amp;[4470001 - Missing]"/>
        <member name="[CB - Account].[Account CB - Description].&amp;[4470002 - Missing]"/>
        <member name="[CB - Account].[Account CB - Description].&amp;[4470003 - Missing]"/>
        <member name="[CB - Account].[Account CB - Description].&amp;[4470005 - Missing]"/>
        <member name="[CB - Account].[Account CB - Description].&amp;[4470006 - Missing]"/>
        <member name="[CB - Account].[Account CB - Description].&amp;[4470008 - Missing]"/>
        <member name="[CB - Account].[Account CB - Description].&amp;[4470009 - Missing]"/>
        <member name="[CB - Account].[Account CB - Description].&amp;[4470010 - Missing]"/>
        <member name="[CB - Account].[Account CB - Description].&amp;[4470011 - Missing]"/>
        <member name="[CB - Account].[Account CB - Description].&amp;[4470012 - Missing]"/>
        <member name="[CB - Account].[Account CB - Description].&amp;[4470014 - Missing]"/>
        <member name="[CB - Account].[Account CB - Description].&amp;[4470016 - Missing]"/>
        <member name="[CB - Account].[Account CB - Description].&amp;[4470018 - Missing]"/>
        <member name="[CB - Account].[Account CB - Description].&amp;[4470019 - Missing]"/>
        <member name="[CB - Account].[Account CB - Description].&amp;[4470020 - Missing]"/>
        <member name="[CB - Account].[Account CB - Description].&amp;[4470021 - Missing]"/>
        <member name="[CB - Account].[Account CB - Description].&amp;[4470022 - Missing]"/>
        <member name="[CB - Account].[Account CB - Description].&amp;[4470023 - Missing]"/>
        <member name="[CB - Account].[Account CB - Description].&amp;[4470024 - Missing]"/>
        <member name="[CB - Account].[Account CB - Description].&amp;[4470025 - Missing]"/>
        <member name="[CB - Account].[Account CB - Description].&amp;[4470026 - Missing]"/>
        <member name="[CB - Account].[Account CB - Description].&amp;[4490001 - Missing]"/>
        <member name="[CB - Account].[Account CB - Description].&amp;[4490002 - Missing]"/>
        <member name="[CB - Account].[Account CB - Description].&amp;[4500000 - Contra Electric Sales]"/>
        <member name="[CB - Account].[Account CB - Description].&amp;[4510001 - Missing]"/>
        <member name="[CB - Account].[Account CB - Description].&amp;[4550000 - Contra TM Electric Sales]"/>
        <member name="[CB - Account].[Account CB - Description].&amp;[4569100 - Missing]"/>
        <member name="[CB - Account].[Account CB - Description].&amp;[4600000 - Contra Operating Revenues]"/>
        <member name="[CB - Account].[Account CB - Description].&amp;[4600001 - Contra Operating Revenue - Reg]"/>
        <member name="[CB - Account].[Account CB - Description].&amp;[4660000 - Commodity Purchase Contra Acct]"/>
        <member name="[CB - Account].[Account CB - Description].&amp;[4665000 - Derivative Contra Purchase]"/>
        <member name="[CB - Account].[Account CB - Description].&amp;[4700000 - Contra Liquid Sales]"/>
        <member name="[CB - Account].[Account CB - Description].&amp;[4710000 - Missing]"/>
        <member name="[CB - Account].[Account CB - Description].&amp;[4710001 - Missing]"/>
        <member name="[CB - Account].[Account CB - Description].&amp;[4750000 - Contra LPG Sale]"/>
        <member name="[CB - Account].[Account CB - Description].&amp;[4800000 - Contra Refined Product Sale]"/>
        <member name="[CB - Account].[Account CB - Description].&amp;[4810011 - Missing]"/>
        <member name="[CB - Account].[Account CB - Description].&amp;[4830001 - Missing]"/>
        <member name="[CB - Account].[Account CB - Description].&amp;[4830002 - Missing]"/>
        <member name="[CB - Account].[Account CB - Description].&amp;[4830003 - Missing]"/>
        <member name="[CB - Account].[Account CB - Description].&amp;[4830004 - Missing]"/>
        <member name="[CB - Account].[Account CB - Description].&amp;[4830005 - Missing]"/>
        <member name="[CB - Account].[Account CB - Description].&amp;[4830006 - Missing]"/>
        <member name="[CB - Account].[Account CB - Description].&amp;[4830007 - Missing]"/>
        <member name="[CB - Account].[Account CB - Description].&amp;[4830008 - Missing]"/>
        <member name="[CB - Account].[Account CB - Description].&amp;[4830010 - Missing]"/>
        <member name="[CB - Account].[Account CB - Description].&amp;[4830011 - Missing]"/>
        <member name="[CB - Account].[Account CB - Description].&amp;[4830012 - Missing]"/>
        <member name="[CB - Account].[Account CB - Description].&amp;[4830013 - Missing]"/>
        <member name="[CB - Account].[Account CB - Description].&amp;[4830015 - Missing]"/>
        <member name="[CB - Account].[Account CB - Description].&amp;[4830016 - Missing]"/>
        <member name="[CB - Account].[Account CB - Description].&amp;[4830017 - Missing]"/>
        <member name="[CB - Account].[Account CB - Description].&amp;[4830018 - Missing]"/>
        <member name="[CB - Account].[Account CB - Description].&amp;[4830020 - Missing]"/>
        <member name="[CB - Account].[Account CB - Description].&amp;[4830022 - Missing]"/>
        <member name="[CB - Account].[Account CB - Description].&amp;[4830023 - Missing]"/>
        <member name="[CB - Account].[Account CB - Description].&amp;[4830024 - Missing]"/>
        <member name="[CB - Account].[Account CB - Description].&amp;[4830032 - Missing]"/>
        <member name="[CB - Account].[Account CB - Description].&amp;[4830033 - Missing]"/>
        <member name="[CB - Account].[Account CB - Description].&amp;[4830035 - Missing]"/>
        <member name="[CB - Account].[Account CB - Description].&amp;[4830037 - Missing]"/>
        <member name="[CB - Account].[Account CB - Description].&amp;[4830040 - Missing]"/>
        <member name="[CB - Account].[Account CB - Description].&amp;[4830041 - Missing]"/>
        <member name="[CB - Account].[Account CB - Description].&amp;[4830042 - Missing]"/>
        <member name="[CB - Account].[Account CB - Description].&amp;[4830044 - Missing]"/>
        <member name="[CB - Account].[Account CB - Description].&amp;[4850000 - Contra Crude Oil Sales]"/>
        <member name="[CB - Account].[Account CB - Description].&amp;[4870001 - Missing]"/>
        <member name="[CB - Account].[Account CB - Description].&amp;[4880001 - Missing]"/>
        <member name="[CB - Account].[Account CB - Description].&amp;[4880003 - Missing]"/>
        <member name="[CB - Account].[Account CB - Description].&amp;[4880004 - Missing]"/>
        <member name="[CB - Account].[Account CB - Description].&amp;[4880005 - Missing]"/>
        <member name="[CB - Account].[Account CB - Description].&amp;[4880006 - Missing]"/>
        <member name="[CB - Account].[Account CB - Description].&amp;[4880007 - Missing]"/>
        <member name="[CB - Account].[Account CB - Description].&amp;[4880008 - Missing]"/>
        <member name="[CB - Account].[Account CB - Description].&amp;[4880010 - Missing]"/>
        <member name="[CB - Account].[Account CB - Description].&amp;[4880011 - Missing]"/>
        <member name="[CB - Account].[Account CB - Description].&amp;[4880012 - Missing]"/>
        <member name="[CB - Account].[Account CB - Description].&amp;[4880013 - Missing]"/>
        <member name="[CB - Account].[Account CB - Description].&amp;[4880014 - Missing]"/>
        <member name="[CB - Account].[Account CB - Description].&amp;[4880015 - Missing]"/>
        <member name="[CB - Account].[Account CB - Description].&amp;[4880016 - Missing]"/>
        <member name="[CB - Account].[Account CB - Description].&amp;[4880017 - Missing]"/>
        <member name="[CB - Account].[Account CB - Description].&amp;[4880018 - Missing]"/>
        <member name="[CB - Account].[Account CB - Description].&amp;[4880019 - Missing]"/>
        <member name="[CB - Account].[Account CB - Description].&amp;[4880020 - Missing]"/>
        <member name="[CB - Account].[Account CB - Description].&amp;[4890001 - Missing]"/>
        <member name="[CB - Account].[Account CB - Description].&amp;[4891001 - Missing]"/>
        <member name="[CB - Account].[Account CB - Description].&amp;[4891006 - Missing]"/>
        <member name="[CB - Account].[Account CB - Description].&amp;[4891018 - Missing]"/>
        <member name="[CB - Account].[Account CB - Description].&amp;[4891020 - Missing]"/>
        <member name="[CB - Account].[Account CB - Description].&amp;[4892001 - Missing]"/>
        <member name="[CB - Account].[Account CB - Description].&amp;[4892002 - Missing]"/>
        <member name="[CB - Account].[Account CB - Description].&amp;[4892003 - Missing]"/>
        <member name="[CB - Account].[Account CB - Description].&amp;[4892004 - Missing]"/>
        <member name="[CB - Account].[Account CB - Description].&amp;[4892006 - Missing]"/>
        <member name="[CB - Account].[Account CB - Description].&amp;[4892009 - Missing]"/>
        <member name="[CB - Account].[Account CB - Description].&amp;[4892010 - Missing]"/>
        <member name="[CB - Account].[Account CB - Description].&amp;[4892011 - Missing]"/>
        <member name="[CB - Account].[Account CB - Description].&amp;[4892012 - Missing]"/>
        <member name="[CB - Account].[Account CB - Description].&amp;[4892015 - Missing]"/>
        <member name="[CB - Account].[Account CB - Description].&amp;[4892017 - Missing]"/>
        <member name="[CB - Account].[Account CB - Description].&amp;[4892019 - Missing]"/>
        <member name="[CB - Account].[Account CB - Description].&amp;[4892090 - Missing]"/>
        <member name="[CB - Account].[Account CB - Description].&amp;[4892091 - Missing]"/>
        <member name="[CB - Account].[Account CB - Description].&amp;[4892092 - Missing]"/>
        <member name="[CB - Account].[Account CB - Description].&amp;[4892098 - Missing]"/>
        <member name="[CB - Account].[Account CB - Description].&amp;[4892099 - Missing]"/>
        <member name="[CB - Account].[Account CB - Description].&amp;[4892100 - Missing]"/>
        <member name="[CB - Account].[Account CB - Description].&amp;[4892101 - Missing]"/>
        <member name="[CB - Account].[Account CB - Description].&amp;[4892102 - Missing]"/>
        <member name="[CB - Account].[Account CB - Description].&amp;[4892103 - Missing]"/>
        <member name="[CB - Account].[Account CB - Description].&amp;[4892105 - Missing]"/>
        <member name="[CB - Account].[Account CB - Description].&amp;[4892106 - Missing]"/>
        <member name="[CB - Account].[Account CB - Description].&amp;[4892108 - Missing]"/>
        <member name="[CB - Account].[Account CB - Description].&amp;[4892109 - Missing]"/>
        <member name="[CB - Account].[Account CB - Description].&amp;[4892110 - Missing]"/>
        <member name="[CB - Account].[Account CB - Description].&amp;[4892111 - Revenue-Tran_ne Rates-I/C]"/>
        <member name="[CB - Account].[Account CB - Description].&amp;[4892112 - Missing]"/>
        <member name="[CB - Account].[Account CB - Description].&amp;[4893001 - Missing]"/>
        <member name="[CB - Account].[Account CB - Description].&amp;[4893002 - Missing]"/>
        <member name="[CB - Account].[Account CB - Description].&amp;[4893003 - Missing]"/>
        <member name="[CB - Account].[Account CB - Description].&amp;[4894001 - Missing]"/>
        <member name="[CB - Account].[Account CB - Description].&amp;[4894002 - Missing]"/>
        <member name="[CB - Account].[Account CB - Description].&amp;[4894006 - Missing]"/>
        <member name="[CB - Account].[Account CB - Description].&amp;[4894014 - Missing]"/>
        <member name="[CB - Account].[Account CB - Description].&amp;[4894049 - Missing]"/>
        <member name="[CB - Account].[Account CB - Description].&amp;[4894060 - Missing]"/>
        <member name="[CB - Account].[Account CB - Description].&amp;[4900010 - Missing]"/>
        <member name="[CB - Account].[Account CB - Description].&amp;[4900015 - Missing]"/>
        <member name="[CB - Account].[Account CB - Description].&amp;[4900016 - Missing]"/>
        <member name="[CB - Account].[Account CB - Description].&amp;[4900018 - Missing]"/>
        <member name="[CB - Account].[Account CB - Description].&amp;[4910001 - Missing]"/>
        <member name="[CB - Account].[Account CB - Description].&amp;[4910002 - Missing]"/>
        <member name="[CB - Account].[Account CB - Description].&amp;[4910003 - Missing]"/>
        <member name="[CB - Account].[Account CB - Description].&amp;[4910004 - Missing]"/>
        <member name="[CB - Account].[Account CB - Description].&amp;[4910015 - Missing]"/>
        <member name="[CB - Account].[Account CB - Description].&amp;[4910016 - Missing]"/>
        <member name="[CB - Account].[Account CB - Description].&amp;[4910017 - Missing]"/>
        <member name="[CB - Account].[Account CB - Description].&amp;[4910018 - Missing]"/>
        <member name="[CB - Account].[Account CB - Description].&amp;[4920001 - Missing]"/>
        <member name="[CB - Account].[Account CB - Description].&amp;[4920002 - Missing]"/>
        <member name="[CB - Account].[Account CB - Description].&amp;[4920003 - Missing]"/>
        <member name="[CB - Account].[Account CB - Description].&amp;[4920004 - Missing]"/>
        <member name="[CB - Account].[Account CB - Description].&amp;[4920006 - Missing]"/>
        <member name="[CB - Account].[Account CB - Description].&amp;[4920007 - Missing]"/>
        <member name="[CB - Account].[Account CB - Description].&amp;[4920008 - Missing]"/>
        <member name="[CB - Account].[Account CB - Description].&amp;[4930001 - Missing]"/>
        <member name="[CB - Account].[Account CB - Description].&amp;[4930002 - Missing]"/>
        <member name="[CB - Account].[Account CB - Description].&amp;[4930003 - Missing]"/>
        <member name="[CB - Account].[Account CB - Description].&amp;[4940001 - Missing]"/>
        <member name="[CB - Account].[Account CB - Description].&amp;[4940002 - Missing]"/>
        <member name="[CB - Account].[Account CB - Description].&amp;[4940003 - Missing]"/>
        <member name="[CB - Account].[Account CB - Description].&amp;[4940004 - Missing]"/>
        <member name="[CB - Account].[Account CB - Description].&amp;[4940005 - Missing]"/>
        <member name="[CB - Account].[Account CB - Description].&amp;[4940006 - Missing]"/>
        <member name="[CB - Account].[Account CB - Description].&amp;[4940007 - Missing]"/>
        <member name="[CB - Account].[Account CB - Description].&amp;[4940008 - Missing]"/>
        <member name="[CB - Account].[Account CB - Description].&amp;[4940009 - Missing]"/>
        <member name="[CB - Account].[Account CB - Description].&amp;[4940010 - Missing]"/>
        <member name="[CB - Account].[Account CB - Description].&amp;[4940011 - Missing]"/>
        <member name="[CB - Account].[Account CB - Description].&amp;[4940012 - Missing]"/>
        <member name="[CB - Account].[Account CB - Description].&amp;[4940013 - Missing]"/>
        <member name="[CB - Account].[Account CB - Description].&amp;[4940014 - Missing]"/>
        <member name="[CB - Account].[Account CB - Description].&amp;[4940015 - Missing]"/>
        <member name="[CB - Account].[Account CB - Description].&amp;[4940016 - Missing]"/>
        <member name="[CB - Account].[Account CB - Description].&amp;[4940017 - Missing]"/>
        <member name="[CB - Account].[Account CB - Description].&amp;[4940019 - Missing]"/>
        <member name="[CB - Account].[Account CB - Description].&amp;[4940020 - Missing]"/>
        <member name="[CB - Account].[Account CB - Description].&amp;[4940023 - Missing]"/>
        <member name="[CB - Account].[Account CB - Description].&amp;[4940024 - Missing]"/>
        <member name="[CB - Account].[Account CB - Description].&amp;[4940025 - Missing]"/>
        <member name="[CB - Account].[Account CB - Description].&amp;[4940027 - Missing]"/>
        <member name="[CB - Account].[Account CB - Description].&amp;[4940028 - Missing]"/>
        <member name="[CB - Account].[Account CB - Description].&amp;[4940029 - Missing]"/>
        <member name="[CB - Account].[Account CB - Description].&amp;[4940030 - Missing]"/>
        <member name="[CB - Account].[Account CB - Description].&amp;[4940031 - Missing]"/>
        <member name="[CB - Account].[Account CB - Description].&amp;[4940032 - Missing]"/>
        <member name="[CB - Account].[Account CB - Description].&amp;[4940035 - Missing]"/>
        <member name="[CB - Account].[Account CB - Description].&amp;[4940038 - Missing]"/>
        <member name="[CB - Account].[Account CB - Description].&amp;[4940039 - Missing]"/>
        <member name="[CB - Account].[Account CB - Description].&amp;[4940041 - Missing]"/>
        <member name="[CB - Account].[Account CB - Description].&amp;[4940043 - Missing]"/>
        <member name="[CB - Account].[Account CB - Description].&amp;[4940046 - Missing]"/>
        <member name="[CB - Account].[Account CB - Description].&amp;[4940047 - Missing]"/>
        <member name="[CB - Account].[Account CB - Description].&amp;[4940048 - Missing]"/>
        <member name="[CB - Account].[Account CB - Description].&amp;[4940049 - Missing]"/>
        <member name="[CB - Account].[Account CB - Description].&amp;[4940051 - Missing]"/>
        <member name="[CB - Account].[Account CB - Description].&amp;[4940055 - Missing]"/>
        <member name="[CB - Account].[Account CB - Description].&amp;[4940058 - Missing]"/>
        <member name="[CB - Account].[Account CB - Description].&amp;[4940060 - Missing]"/>
        <member name="[CB - Account].[Account CB - Description].&amp;[4940065 - Missing]"/>
        <member name="[CB - Account].[Account CB - Description].&amp;[4940066 - Missing]"/>
        <member name="[CB - Account].[Account CB - Description].&amp;[4940067 - Missing]"/>
        <member name="[CB - Account].[Account CB - Description].&amp;[4940068 - Missing]"/>
        <member name="[CB - Account].[Account CB - Description].&amp;[4940069 - Missing]"/>
        <member name="[CB - Account].[Account CB - Description].&amp;[4940071 - Missing]"/>
        <member name="[CB - Account].[Account CB - Description].&amp;[4940072 - Missing]"/>
        <member name="[CB - Account].[Account CB - Description].&amp;[4940075 - Missing]"/>
        <member name="[CB - Account].[Account CB - Description].&amp;[4940111 - Missing]"/>
        <member name="[CB - Account].[Account CB - Description].&amp;[4940112 - Missing]"/>
        <member name="[CB - Account].[Account CB - Description].&amp;[4940113 - Missing]"/>
        <member name="[CB - Account].[Account CB - Description].&amp;[4940114 - Missing]"/>
        <member name="[CB - Account].[Account CB - Description].&amp;[4940115 - Missing]"/>
        <member name="[CB - Account].[Account CB - Description].&amp;[4940116 - Missing]"/>
        <member name="[CB - Account].[Account CB - Description].&amp;[4940117 - Missing]"/>
        <member name="[CB - Account].[Account CB - Description].&amp;[4940118 - Missing]"/>
        <member name="[CB - Account].[Account CB - Description].&amp;[4940119 - Missing]"/>
        <member name="[CB - Account].[Account CB - Description].&amp;[4940120 - Missing]"/>
        <member name="[CB - Account].[Account CB - Description].&amp;[4940121 - Missing]"/>
        <member name="[CB - Account].[Account CB - Description].&amp;[4940122 - Missing]"/>
        <member name="[CB - Account].[Account CB - Description].&amp;[4940123 - Missing]"/>
        <member name="[CB - Account].[Account CB - Description].&amp;[4940124 - Missing]"/>
        <member name="[CB - Account].[Account CB - Description].&amp;[4940125 - Missing]"/>
        <member name="[CB - Account].[Account CB - Description].&amp;[4940126 - Missing]"/>
        <member name="[CB - Account].[Account CB - Description].&amp;[4940127 - Missing]"/>
        <member name="[CB - Account].[Account CB - Description].&amp;[4940128 - Missing]"/>
        <member name="[CB - Account].[Account CB - Description].&amp;[4940129 - Missing]"/>
        <member name="[CB - Account].[Account CB - Description].&amp;[4940130 - Missing]"/>
        <member name="[CB - Account].[Account CB - Description].&amp;[4940131 - Missing]"/>
        <member name="[CB - Account].[Account CB - Description].&amp;[4940133 - Missing]"/>
        <member name="[CB - Account].[Account CB - Description].&amp;[4940134 - Missing]"/>
        <member name="[CB - Account].[Account CB - Description].&amp;[4940135 - Missing]"/>
        <member name="[CB - Account].[Account CB - Description].&amp;[4950003 - Missing]"/>
        <member name="[CB - Account].[Account CB - Description].&amp;[4950006 - Missing]"/>
        <member name="[CB - Account].[Account CB - Description].&amp;[4950013 - Missing]"/>
        <member name="[CB - Account].[Account CB - Description].&amp;[4950014 - Missing]"/>
        <member name="[CB - Account].[Account CB - Description].&amp;[4950017 - Missing]"/>
        <member name="[CB - Account].[Account CB - Description].&amp;[4950019 - Missing]"/>
        <member name="[CB - Account].[Account CB - Description].&amp;[4950022 - Missing]"/>
        <member name="[CB - Account].[Account CB - Description].&amp;[4950025 - Missing]"/>
        <member name="[CB - Account].[Account CB - Description].&amp;[4950055 - Missing]"/>
        <member name="[CB - Account].[Account CB - Description].&amp;[4950056 - Missing]"/>
        <member name="[CB - Account].[Account CB - Description].&amp;[4950057 - Missing]"/>
        <member name="[CB - Account].[Account CB - Description].&amp;[4950058 - Missing]"/>
        <member name="[CB - Account].[Account CB - Description].&amp;[4950059 - Missing]"/>
        <member name="[CB - Account].[Account CB - Description].&amp;[4950060 - Missing]"/>
        <member name="[CB - Account].[Account CB - Description].&amp;[4950061 - Missing]"/>
        <member name="[CB - Account].[Account CB - Description].&amp;[4950062 - Missing]"/>
        <member name="[CB - Account].[Account CB - Description].&amp;[4950063 - Missing]"/>
        <member name="[CB - Account].[Account CB - Description].&amp;[4950064 - Missing]"/>
        <member name="[CB - Account].[Account CB - Description].&amp;[4950065 - Missing]"/>
        <member name="[CB - Account].[Account CB - Description].&amp;[4950066 - Missing]"/>
        <member name="[CB - Account].[Account CB - Description].&amp;[4950067 - Missing]"/>
        <member name="[CB - Account].[Account CB - Description].&amp;[4950068 - Missing]"/>
        <member name="[CB - Account].[Account CB - Description].&amp;[4950069 - Missing]"/>
        <member name="[CB - Account].[Account CB - Description].&amp;[4950070 - Missing]"/>
        <member name="[CB - Account].[Account CB - Description].&amp;[4950072 - Missing]"/>
        <member name="[CB - Account].[Account CB - Description].&amp;[4950074 - Missing]"/>
        <member name="[CB - Account].[Account CB - Description].&amp;[4950075 - Missing]"/>
        <member name="[CB - Account].[Account CB - Description].&amp;[4950076 - Missing]"/>
        <member name="[CB - Account].[Account CB - Description].&amp;[4950077 - Missing]"/>
        <member name="[CB - Account].[Account CB - Description].&amp;[4950078 - Missing]"/>
        <member name="[CB - Account].[Account CB - Description].&amp;[4950079 - Missing]"/>
        <member name="[CB - Account].[Account CB - Description].&amp;[4950084 - Missing]"/>
        <member name="[CB - Account].[Account CB - Description].&amp;[4950085 - Missing]"/>
        <member name="[CB - Account].[Account CB - Description].&amp;[4950086 - Missing]"/>
        <member name="[CB - Account].[Account CB - Description].&amp;[4950087 - Missing]"/>
        <member name="[CB - Account].[Account CB - Description].&amp;[4950088 - Missing]"/>
        <member name="[CB - Account].[Account CB - Description].&amp;[4950091 - Missing]"/>
        <member name="[CB - Account].[Account CB - Description].&amp;[4950092 - Missing]"/>
        <member name="[CB - Account].[Account CB - Description].&amp;[4950094 - Missing]"/>
        <member name="[CB - Account].[Account CB - Description].&amp;[4950096 - Missing]"/>
        <member name="[CB - Account].[Account CB - Description].&amp;[4950100 - Missing]"/>
        <member name="[CB - Account].[Account CB - Description].&amp;[4950103 - Missing]"/>
        <member name="[CB - Account].[Account CB - Description].&amp;[4950104 - Missing]"/>
        <member name="[CB - Account].[Account CB - Description].&amp;[4950105 - Missing]"/>
        <member name="[CB - Account].[Account CB - Description].&amp;[4950106 - Missing]"/>
        <member name="[CB - Account].[Account CB - Description].&amp;[4950107 - Missing]"/>
        <member name="[CB - Account].[Account CB - Description].&amp;[4950108 - Missing]"/>
        <member name="[CB - Account].[Account CB - Description].&amp;[4950109 - Missing]"/>
        <member name="[CB - Account].[Account CB - Description].&amp;[4950110 - Missing]"/>
        <member name="[CB - Account].[Account CB - Description].&amp;[4950111 - Missing]"/>
        <member name="[CB - Account].[Account CB - Description].&amp;[4950113 - Missing]"/>
        <member name="[CB - Account].[Account CB - Description].&amp;[4950114 - Missing]"/>
        <member name="[CB - Account].[Account CB - Description].&amp;[4950115 - Missing]"/>
        <member name="[CB - Account].[Account CB - Description].&amp;[4960001 - Missing]"/>
        <member name="[CB - Account].[Account CB - Description].&amp;[4960002 - Missing]"/>
        <member name="[CB - Account].[Account CB - Description].&amp;[4960004 - Missing]"/>
        <member name="[CB - Account].[Account CB - Description].&amp;[5010001 - Missing]"/>
        <member name="[CB - Account].[Account CB - Description].&amp;[5010002 - Missing]"/>
        <member name="[CB - Account].[Account CB - Description].&amp;[5010005 - Missing]"/>
        <member name="[CB - Account].[Account CB - Description].&amp;[502040 - Missing]"/>
        <member name="[CB - Account].[Account CB - Description].&amp;[506000 - Missing]"/>
        <member name="[CB - Account].[Account CB - Description].&amp;[5100000 - Contra Gas Purchases]"/>
        <member name="[CB - Account].[Account CB - Description].&amp;[5110001 - Missing]"/>
        <member name="[CB - Account].[Account CB - Description].&amp;[5151000 - Contra Cost of Sales]"/>
        <member name="[CB - Account].[Account CB - Description].&amp;[5151110 - Missing]"/>
        <member name="[CB - Account].[Account CB - Description].&amp;[5151111 - Missing]"/>
        <member name="[CB - Account].[Account CB - Description].&amp;[5160000 - Contra Power Purchases]"/>
        <member name="[CB - Account].[Account CB - Description].&amp;[5200000 - Contra Operating Expenses]"/>
        <member name="[CB - Account].[Account CB - Description].&amp;[530000 - Missing]"/>
        <member name="[CB - Account].[Account CB - Description].&amp;[5550003 - Missing]"/>
        <member name="[CB - Account].[Account CB - Description].&amp;[557000 - Missing]"/>
        <member name="[CB - Account].[Account CB - Description].&amp;[5600010 - Missing]"/>
        <member name="[CB - Account].[Account CB - Description].&amp;[561100 - Missing]"/>
        <member name="[CB - Account].[Account CB - Description].&amp;[561200 - Missing]"/>
        <member name="[CB - Account].[Account CB - Description].&amp;[562000 - Missing]"/>
        <member name="[CB - Account].[Account CB - Description].&amp;[563000 - Missing]"/>
        <member name="[CB - Account].[Account CB - Description].&amp;[5650001 - Missing]"/>
        <member name="[CB - Account].[Account CB - Description].&amp;[566000 - Missing]"/>
        <member name="[CB - Account].[Account CB - Description].&amp;[569000 - Missing]"/>
        <member name="[CB - Account].[Account CB - Description].&amp;[570200 - Missing]"/>
        <member name="[CB - Account].[Account CB - Description].&amp;[571000 - Missing]"/>
        <member name="[CB - Account].[Account CB - Description].&amp;[572000 - Missing]"/>
        <member name="[CB - Account].[Account CB - Description].&amp;[573000 - Missing]"/>
        <member name="[CB - Account].[Account CB - Description].&amp;[5750000 - Contra LPG Purchases]"/>
        <member name="[CB - Account].[Account CB - Description].&amp;[580000 - Missing]"/>
        <member name="[CB - Account].[Account CB - Description].&amp;[5800000 - Contra Refined Product Purch]"/>
        <member name="[CB - Account].[Account CB - Description].&amp;[582100 - Missing]"/>
        <member name="[CB - Account].[Account CB - Description].&amp;[5850000 - Contra Crude Oil Purchase]"/>
        <member name="[CB - Account].[Account CB - Description].&amp;[588100 - Missing]"/>
        <member name="[CB - Account].[Account CB - Description].&amp;[591000 - Missing]"/>
        <member name="[CB - Account].[Account CB - Description].&amp;[598100 - Missing]"/>
        <member name="[CB - Account].[Account CB - Description].&amp;[599001 - Missing]"/>
        <member name="[CB - Account].[Account CB - Description].&amp;[599002 - Missing]"/>
        <member name="[CB - Account].[Account CB - Description].&amp;[599003 - Missing]"/>
        <member name="[CB - Account].[Account CB - Description].&amp;[599006 - Missing]"/>
        <member name="[CB - Account].[Account CB - Description].&amp;[599008 - Missing]"/>
        <member name="[CB - Account].[Account CB - Description].&amp;[599009 - Missing]"/>
        <member name="[CB - Account].[Account CB - Description].&amp;[599014 - Missing]"/>
        <member name="[CB - Account].[Account CB - Description].&amp;[599015 - Missing]"/>
        <member name="[CB - Account].[Account CB - Description].&amp;[599020 - Missing]"/>
        <member name="[CB - Account].[Account CB - Description].&amp;[7100000 - Missing]"/>
        <member name="[CB - Account].[Account CB - Description].&amp;[7100001 - Missing]"/>
        <member name="[CB - Account].[Account CB - Description].&amp;[7330000 - Contra Interest Income]"/>
        <member name="[CB - Account].[Account CB - Description].&amp;[7410000 - Contra Nonoper Expense]"/>
        <member name="[CB - Account].[Account CB - Description].&amp;[7500001 - Missing]"/>
        <member name="[CB - Account].[Account CB - Description].&amp;[7520001 - Missing]"/>
        <member name="[CB - Account].[Account CB - Description].&amp;[7530001 - Missing]"/>
        <member name="[CB - Account].[Account CB - Description].&amp;[7540001 - Missing]"/>
        <member name="[CB - Account].[Account CB - Description].&amp;[7550001 - Missing]"/>
        <member name="[CB - Account].[Account CB - Description].&amp;[7560001 - Missing]"/>
        <member name="[CB - Account].[Account CB - Description].&amp;[7570001 - Missing]"/>
        <member name="[CB - Account].[Account CB - Description].&amp;[7580001 - Missing]"/>
        <member name="[CB - Account].[Account CB - Description].&amp;[7590001 - Missing]"/>
        <member name="[CB - Account].[Account CB - Description].&amp;[7600001 - Missing]"/>
        <member name="[CB - Account].[Account CB - Description].&amp;[7610001 - Missing]"/>
        <member name="[CB - Account].[Account CB - Description].&amp;[7620001 - Missing]"/>
        <member name="[CB - Account].[Account CB - Description].&amp;[7640001 - Missing]"/>
        <member name="[CB - Account].[Account CB - Description].&amp;[7660001 - Missing]"/>
        <member name="[CB - Account].[Account CB - Description].&amp;[7700001 - Missing]"/>
        <member name="[CB - Account].[Account CB - Description].&amp;[7710001 - Missing]"/>
        <member name="[CB - Account].[Account CB - Description].&amp;[7720001 - Missing]"/>
        <member name="[CB - Account].[Account CB - Description].&amp;[7730001 - Missing]"/>
        <member name="[CB - Account].[Account CB - Description].&amp;[7740001 - Missing]"/>
        <member name="[CB - Account].[Account CB - Description].&amp;[7750001 - Missing]"/>
        <member name="[CB - Account].[Account CB - Description].&amp;[7760001 - Missing]"/>
        <member name="[CB - Account].[Account CB - Description].&amp;[7760002 - Missing]"/>
        <member name="[CB - Account].[Account CB - Description].&amp;[7760004 - Missing]"/>
        <member name="[CB - Account].[Account CB - Description].&amp;[7760005 - Missing]"/>
        <member name="[CB - Account].[Account CB - Description].&amp;[7770001 - Missing]"/>
        <member name="[CB - Account].[Account CB - Description].&amp;[7850001 - Missing]"/>
        <member name="[CB - Account].[Account CB - Description].&amp;[7860001 - Missing]"/>
        <member name="[CB - Account].[Account CB - Description].&amp;[7890001 - Missing]"/>
        <member name="[CB - Account].[Account CB - Description].&amp;[8000001 - Missing]"/>
        <member name="[CB - Account].[Account CB - Description].&amp;[8000002 - Missing]"/>
        <member name="[CB - Account].[Account CB - Description].&amp;[8000003 - Missing]"/>
        <member name="[CB - Account].[Account CB - Description].&amp;[8000005 - Missing]"/>
        <member name="[CB - Account].[Account CB - Description].&amp;[8000007 - Missing]"/>
        <member name="[CB - Account].[Account CB - Description].&amp;[8000008 - Missing]"/>
        <member name="[CB - Account].[Account CB - Description].&amp;[8000009 - Missing]"/>
        <member name="[CB - Account].[Account CB - Description].&amp;[8000010 - Missing]"/>
        <member name="[CB - Account].[Account CB - Description].&amp;[8000011 - Missing]"/>
        <member name="[CB - Account].[Account CB - Description].&amp;[8000012 - Missing]"/>
        <member name="[CB - Account].[Account CB - Description].&amp;[8000013 - Missing]"/>
        <member name="[CB - Account].[Account CB - Description].&amp;[8000014 - Missing]"/>
        <member name="[CB - Account].[Account CB - Description].&amp;[8000015 - Missing]"/>
        <member name="[CB - Account].[Account CB - Description].&amp;[8010002 - Missing]"/>
        <member name="[CB - Account].[Account CB - Description].&amp;[8010003 - Missing]"/>
        <member name="[CB - Account].[Account CB - Description].&amp;[8010005 - Missing]"/>
        <member name="[CB - Account].[Account CB - Description].&amp;[8010006 - Missing]"/>
        <member name="[CB - Account].[Account CB - Description].&amp;[8010007 - Missing]"/>
        <member name="[CB - Account].[Account CB - Description].&amp;[8010008 - Missing]"/>
        <member name="[CB - Account].[Account CB - Description].&amp;[8010009 - Missing]"/>
        <member name="[CB - Account].[Account CB - Description].&amp;[8010010 - Missing]"/>
        <member name="[CB - Account].[Account CB - Description].&amp;[8010011 - Missing]"/>
        <member name="[CB - Account].[Account CB - Description].&amp;[8010018 - Missing]"/>
        <member name="[CB - Account].[Account CB - Description].&amp;[8010027 - Missing]"/>
        <member name="[CB - Account].[Account CB - Description].&amp;[8010034 - Missing]"/>
        <member name="[CB - Account].[Account CB - Description].&amp;[8010036 - Missing]"/>
        <member name="[CB - Account].[Account CB - Description].&amp;[8010040 - Missing]"/>
        <member name="[CB - Account].[Account CB - Description].&amp;[8010045 - Missing]"/>
        <member name="[CB - Account].[Account CB - Description].&amp;[8010048 - Missing]"/>
        <member name="[CB - Account].[Account CB - Description].&amp;[8010050 - Missing]"/>
        <member name="[CB - Account].[Account CB - Description].&amp;[8010051 - Missing]"/>
        <member name="[CB - Account].[Account CB - Description].&amp;[8010058 - Missing]"/>
        <member name="[CB - Account].[Account CB - Description].&amp;[8010059 - Missing]"/>
        <member name="[CB - Account].[Account CB - Description].&amp;[8010062 - Missing]"/>
        <member name="[CB - Account].[Account CB - Description].&amp;[8010063 - Missing]"/>
        <member name="[CB - Account].[Account CB - Description].&amp;[8010064 - Missing]"/>
        <member name="[CB - Account].[Account CB - Description].&amp;[8010065 - Missing]"/>
        <member name="[CB - Account].[Account CB - Description].&amp;[8010066 - Missing]"/>
        <member name="[CB - Account].[Account CB - Description].&amp;[8010067 - Missing]"/>
        <member name="[CB - Account].[Account CB - Description].&amp;[8010068 - Missing]"/>
        <member name="[CB - Account].[Account CB - Description].&amp;[8010069 - Missing]"/>
        <member name="[CB - Account].[Account CB - Description].&amp;[8010070 - Missing]"/>
        <member name="[CB - Account].[Account CB - Description].&amp;[8010071 - Missing]"/>
        <member name="[CB - Account].[Account CB - Description].&amp;[8010072 - Missing]"/>
        <member name="[CB - Account].[Account CB - Description].&amp;[8010076 - Missing]"/>
        <member name="[CB - Account].[Account CB - Description].&amp;[8010077 - Missing]"/>
        <member name="[CB - Account].[Account CB - Description].&amp;[8010079 - Missing]"/>
        <member name="[CB - Account].[Account CB - Description].&amp;[8010080 - Missing]"/>
        <member name="[CB - Account].[Account CB - Description].&amp;[8010081 - Missing]"/>
        <member name="[CB - Account].[Account CB - Description].&amp;[8020001 - Missing]"/>
        <member name="[CB - Account].[Account CB - Description].&amp;[8020002 - Missing]"/>
        <member name="[CB - Account].[Account CB - Description].&amp;[8020003 - Missing]"/>
        <member name="[CB - Account].[Account CB - Description].&amp;[8030001 - Missing]"/>
        <member name="[CB - Account].[Account CB - Description].&amp;[8030055 - Missing]"/>
        <member name="[CB - Account].[Account CB - Description].&amp;[8030072 - Missing]"/>
        <member name="[CB - Account].[Account CB - Description].&amp;[8030075 - Missing]"/>
        <member name="[CB - Account].[Account CB - Description].&amp;[8041001 - Missing]"/>
        <member name="[CB - Account].[Account CB - Description].&amp;[8041002 - Missing]"/>
        <member name="[CB - Account].[Account CB - Description].&amp;[8041003 - Missing]"/>
        <member name="[CB - Account].[Account CB - Description].&amp;[8041004 - Missing]"/>
        <member name="[CB - Account].[Account CB - Description].&amp;[8041005 - Missing]"/>
        <member name="[CB - Account].[Account CB - Description].&amp;[8050001 - Missing]"/>
        <member name="[CB - Account].[Account CB - Description].&amp;[8050003 - Missing]"/>
        <member name="[CB - Account].[Account CB - Description].&amp;[8051002 - Missing]"/>
        <member name="[CB - Account].[Account CB - Description].&amp;[8060002 - Missing]"/>
        <member name="[CB - Account].[Account CB - Description].&amp;[8060003 - Missing]"/>
        <member name="[CB - Account].[Account CB - Description].&amp;[8060004 - Missing]"/>
        <member name="[CB - Account].[Account CB - Description].&amp;[8060005 - Missing]"/>
        <member name="[CB - Account].[Account CB - Description].&amp;[8060011 - Missing]"/>
        <member name="[CB - Account].[Account CB - Description].&amp;[8060013 - Missing]"/>
        <member name="[CB - Account].[Account CB - Description].&amp;[8060014 - Missing]"/>
        <member name="[CB - Account].[Account CB - Description].&amp;[8072001 - Missing]"/>
        <member name="[CB - Account].[Account CB - Description].&amp;[8081001 - Missing]"/>
        <member name="[CB - Account].[Account CB - Description].&amp;[8081002 - Missing]"/>
        <member name="[CB - Account].[Account CB - Description].&amp;[8081008 - Missing]"/>
        <member name="[CB - Account].[Account CB - Description].&amp;[8081009 - Missing]"/>
        <member name="[CB - Account].[Account CB - Description].&amp;[8082001 - Missing]"/>
        <member name="[CB - Account].[Account CB - Description].&amp;[8082002 - Missing]"/>
        <member name="[CB - Account].[Account CB - Description].&amp;[8091001 - Missing]"/>
        <member name="[CB - Account].[Account CB - Description].&amp;[8092002 - Missing]"/>
        <member name="[CB - Account].[Account CB - Description].&amp;[8100001 - Missing]"/>
        <member name="[CB - Account].[Account CB - Description].&amp;[8100002 - Missing]"/>
        <member name="[CB - Account].[Account CB - Description].&amp;[8100003 - Missing]"/>
        <member name="[CB - Account].[Account CB - Description].&amp;[8110001 - Missing]"/>
        <member name="[CB - Account].[Account CB - Description].&amp;[8110002 - Missing]"/>
        <member name="[CB - Account].[Account CB - Description].&amp;[8120001 - Missing]"/>
        <member name="[CB - Account].[Account CB - Description].&amp;[8120002 - Missing]"/>
        <member name="[CB - Account].[Account CB - Description].&amp;[8120003 - Missing]"/>
        <member name="[CB - Account].[Account CB - Description].&amp;[8120004 - Missing]"/>
        <member name="[CB - Account].[Account CB - Description].&amp;[8120006 - Missing]"/>
        <member name="[CB - Account].[Account CB - Description].&amp;[8121001 - Missing]"/>
        <member name="[CB - Account].[Account CB - Description].&amp;[8130001 - Missing]"/>
        <member name="[CB - Account].[Account CB - Description].&amp;[8130013 - Missing]"/>
        <member name="[CB - Account].[Account CB - Description].&amp;[8130031 - Missing]"/>
        <member name="[CB - Account].[Account CB - Description].&amp;[8130033 - Missing]"/>
        <member name="[CB - Account].[Account CB - Description].&amp;[8130037 - Missing]"/>
        <member name="[CB - Account].[Account CB - Description].&amp;[8130038 - Missing]"/>
        <member name="[CB - Account].[Account CB - Description].&amp;[8130039 - Missing]"/>
        <member name="[CB - Account].[Account CB - Description].&amp;[8130040 - Missing]"/>
        <member name="[CB - Account].[Account CB - Description].&amp;[8130045 - Missing]"/>
        <member name="[CB - Account].[Account CB - Description].&amp;[8130051 - Missing]"/>
        <member name="[CB - Account].[Account CB - Description].&amp;[8130052 - Missing]"/>
        <member name="[CB - Account].[Account CB - Description].&amp;[8140001 - Missing]"/>
        <member name="[CB - Account].[Account CB - Description].&amp;[8150001 - Missing]"/>
        <member name="[CB - Account].[Account CB - Description].&amp;[8160001 - Missing]"/>
        <member name="[CB - Account].[Account CB - Description].&amp;[8170001 - Missing]"/>
        <member name="[CB - Account].[Account CB - Description].&amp;[8180001 - Missing]"/>
        <member name="[CB - Account].[Account CB - Description].&amp;[8190001 - Missing]"/>
        <member name="[CB - Account].[Account CB - Description].&amp;[8200001 - Missing]"/>
        <member name="[CB - Account].[Account CB - Description].&amp;[8210001 - Missing]"/>
        <member name="[CB - Account].[Account CB - Description].&amp;[8211001 - Missing]"/>
        <member name="[CB - Account].[Account CB - Description].&amp;[8220001 - Missing]"/>
        <member name="[CB - Account].[Account CB - Description].&amp;[8230001 - Missing]"/>
        <member name="[CB - Account].[Account CB - Description].&amp;[8240001 - Missing]"/>
        <member name="[CB - Account].[Account CB - Description].&amp;[8240004 - Missing]"/>
        <member name="[CB - Account].[Account CB - Description].&amp;[8240005 - Missing]"/>
        <member name="[CB - Account].[Account CB - Description].&amp;[8240006 - Missing]"/>
        <member name="[CB - Account].[Account CB - Description].&amp;[8240011 - Missing]"/>
        <member name="[CB - Account].[Account CB - Description].&amp;[8250001 - Missing]"/>
        <member name="[CB - Account].[Account CB - Description].&amp;[8260001 - Missing]"/>
        <member name="[CB - Account].[Account CB - Description].&amp;[8300001 - Missing]"/>
        <member name="[CB - Account].[Account CB - Description].&amp;[8310001 - Missing]"/>
        <member name="[CB - Account].[Account CB - Description].&amp;[8320001 - Missing]"/>
        <member name="[CB - Account].[Account CB - Description].&amp;[8330001 - Missing]"/>
        <member name="[CB - Account].[Account CB - Description].&amp;[8340001 - Missing]"/>
        <member name="[CB - Account].[Account CB - Description].&amp;[8350001 - Missing]"/>
        <member name="[CB - Account].[Account CB - Description].&amp;[8360001 - Missing]"/>
        <member name="[CB - Account].[Account CB - Description].&amp;[8370001 - Missing]"/>
        <member name="[CB - Account].[Account CB - Description].&amp;[8400001 - Missing]"/>
        <member name="[CB - Account].[Account CB - Description].&amp;[8410001 - Missing]"/>
        <member name="[CB - Account].[Account CB - Description].&amp;[8420001 - Missing]"/>
        <member name="[CB - Account].[Account CB - Description].&amp;[8422001 - Missing]"/>
        <member name="[CB - Account].[Account CB - Description].&amp;[8430000 - Contra Interest Expense]"/>
        <member name="[CB - Account].[Account CB - Description].&amp;[8431001 - Missing]"/>
        <member name="[CB - Account].[Account CB - Description].&amp;[8432001 - Missing]"/>
        <member name="[CB - Account].[Account CB - Description].&amp;[8433001 - Missing]"/>
        <member name="[CB - Account].[Account CB - Description].&amp;[8441001 - Missing]"/>
        <member name="[CB - Account].[Account CB - Description].&amp;[8441002 - Missing]"/>
        <member name="[CB - Account].[Account CB - Description].&amp;[8441003 - Missing]"/>
        <member name="[CB - Account].[Account CB - Description].&amp;[8442001 - Missing]"/>
        <member name="[CB - Account].[Account CB - Description].&amp;[8444001 - Missing]"/>
        <member name="[CB - Account].[Account CB - Description].&amp;[8444002 - Missing]"/>
        <member name="[CB - Account].[Account CB - Description].&amp;[8444003 - Missing]"/>
        <member name="[CB - Account].[Account CB - Description].&amp;[8447001 - Missing]"/>
        <member name="[CB - Account].[Account CB - Description].&amp;[8451001 - Missing]"/>
        <member name="[CB - Account].[Account CB - Description].&amp;[8451002 - Missing]"/>
        <member name="[CB - Account].[Account CB - Description].&amp;[8452001 - Missing]"/>
        <member name="[CB - Account].[Account CB - Description].&amp;[8452002 - Missing]"/>
        <member name="[CB - Account].[Account CB - Description].&amp;[8452003 - Missing]"/>
        <member name="[CB - Account].[Account CB - Description].&amp;[8452004 - Missing]"/>
        <member name="[CB - Account].[Account CB - Description].&amp;[8453001 - Missing]"/>
        <member name="[CB - Account].[Account CB - Description].&amp;[8453002 - Missing]"/>
        <member name="[CB - Account].[Account CB - Description].&amp;[8461001 - Missing]"/>
        <member name="[CB - Account].[Account CB - Description].&amp;[8462001 - Missing]"/>
        <member name="[CB - Account].[Account CB - Description].&amp;[8471001 - Missing]"/>
        <member name="[CB - Account].[Account CB - Description].&amp;[8472001 - Missing]"/>
        <member name="[CB - Account].[Account CB - Description].&amp;[8473001 - Missing]"/>
        <member name="[CB - Account].[Account CB - Description].&amp;[8477001 - Missing]"/>
        <member name="[CB - Account].[Account CB - Description].&amp;[8478001 - Missing]"/>
        <member name="[CB - Account].[Account CB - Description].&amp;[8500001 - Missing]"/>
        <member name="[CB - Account].[Account CB - Description].&amp;[8510001 - Missing]"/>
        <member name="[CB - Account].[Account CB - Description].&amp;[8520001 - Missing]"/>
        <member name="[CB - Account].[Account CB - Description].&amp;[8530001 - Missing]"/>
        <member name="[CB - Account].[Account CB - Description].&amp;[8540001 - Missing]"/>
        <member name="[CB - Account].[Account CB - Description].&amp;[8550001 - Missing]"/>
        <member name="[CB - Account].[Account CB - Description].&amp;[8560001 - Missing]"/>
        <member name="[CB - Account].[Account CB - Description].&amp;[8560002 - Missing]"/>
        <member name="[CB - Account].[Account CB - Description].&amp;[8570001 - Missing]"/>
        <member name="[CB - Account].[Account CB - Description].&amp;[8580001 - Missing]"/>
        <member name="[CB - Account].[Account CB - Description].&amp;[8580006 - Missing]"/>
        <member name="[CB - Account].[Account CB - Description].&amp;[8580007 - Missing]"/>
        <member name="[CB - Account].[Account CB - Description].&amp;[8580009 - Missing]"/>
        <member name="[CB - Account].[Account CB - Description].&amp;[8580010 - Missing]"/>
        <member name="[CB - Account].[Account CB - Description].&amp;[8580012 - Missing]"/>
        <member name="[CB - Account].[Account CB - Description].&amp;[8580013 - Missing]"/>
        <member name="[CB - Account].[Account CB - Description].&amp;[8580014 - Missing]"/>
        <member name="[CB - Account].[Account CB - Description].&amp;[8580016 - Missing]"/>
        <member name="[CB - Account].[Account CB - Description].&amp;[8590001 - Missing]"/>
        <member name="[CB - Account].[Account CB - Description].&amp;[8600001 - Missing]"/>
        <member name="[CB - Account].[Account CB - Description].&amp;[8610001 - Missing]"/>
        <member name="[CB - Account].[Account CB - Description].&amp;[8614001 - Missing]"/>
        <member name="[CB - Account].[Account CB - Description].&amp;[8620001 - Missing]"/>
        <member name="[CB - Account].[Account CB - Description].&amp;[8630001 - Missing]"/>
        <member name="[CB - Account].[Account CB - Description].&amp;[8640001 - Missing]"/>
        <member name="[CB - Account].[Account CB - Description].&amp;[8650001 - Missing]"/>
        <member name="[CB - Account].[Account CB - Description].&amp;[8660001 - Missing]"/>
        <member name="[CB - Account].[Account CB - Description].&amp;[8670001 - Missing]"/>
        <member name="[CB - Account].[Account CB - Description].&amp;[878000 - Missing]"/>
        <member name="[CB - Account].[Account CB - Description].&amp;[879000 - Missing]"/>
        <member name="[CB - Account].[Account CB - Description].&amp;[9010001 - Missing]"/>
        <member name="[CB - Account].[Account CB - Description].&amp;[9020001 - Missing]"/>
        <member name="[CB - Account].[Account CB - Description].&amp;[9030001 - Missing]"/>
        <member name="[CB - Account].[Account CB - Description].&amp;[9040001 - Missing]"/>
        <member name="[CB - Account].[Account CB - Description].&amp;[9100001 - Missing]"/>
        <member name="[CB - Account].[Account CB - Description].&amp;[910100 - Missing]"/>
        <member name="[CB - Account].[Account CB - Description].&amp;[9120001 - Missing]"/>
        <member name="[CB - Account].[Account CB - Description].&amp;[9120003 - Missing]"/>
        <member name="[CB - Account].[Account CB - Description].&amp;[9120004 - Missing]"/>
        <member name="[CB - Account].[Account CB - Description].&amp;[9120005 - Missing]"/>
        <member name="[CB - Account].[Account CB - Description].&amp;[9130001 - Missing]"/>
        <member name="[CB - Account].[Account CB - Description].&amp;[920000 - Missing]"/>
        <member name="[CB - Account].[Account CB - Description].&amp;[9200001 - Missing]"/>
        <member name="[CB - Account].[Account CB - Description].&amp;[9200002 - Missing]"/>
        <member name="[CB - Account].[Account CB - Description].&amp;[9209800 - Missing]"/>
        <member name="[CB - Account].[Account CB - Description].&amp;[9209900 - Missing]"/>
        <member name="[CB - Account].[Account CB - Description].&amp;[9210001 - Missing]"/>
        <member name="[CB - Account].[Account CB - Description].&amp;[9210002 - Missing]"/>
        <member name="[CB - Account].[Account CB - Description].&amp;[921100 - Missing]"/>
        <member name="[CB - Account].[Account CB - Description].&amp;[921200 - Missing]"/>
        <member name="[CB - Account].[Account CB - Description].&amp;[921400 - Missing]"/>
        <member name="[CB - Account].[Account CB - Description].&amp;[921980 - Missing]"/>
        <member name="[CB - Account].[Account CB - Description].&amp;[9219800 - Missing]"/>
        <member name="[CB - Account].[Account CB - Description].&amp;[9219900 - Missing]"/>
        <member name="[CB - Account].[Account CB - Description].&amp;[9220001 - Missing]"/>
        <member name="[CB - Account].[Account CB - Description].&amp;[9225000 - Missing]"/>
        <member name="[CB - Account].[Account CB - Description].&amp;[9230001 - Missing]"/>
        <member name="[CB - Account].[Account CB - Description].&amp;[9240001 - Missing]"/>
        <member name="[CB - Account].[Account CB - Description].&amp;[9250001 - Missing]"/>
        <member name="[CB - Account].[Account CB - Description].&amp;[9260001 - Missing]"/>
        <member name="[CB - Account].[Account CB - Description].&amp;[9260002 - Missing]"/>
        <member name="[CB - Account].[Account CB - Description].&amp;[9266000 - Missing]"/>
        <member name="[CB - Account].[Account CB - Description].&amp;[9280001 - Missing]"/>
        <member name="[CB - Account].[Account CB - Description].&amp;[928009 - Missing]"/>
        <member name="[CB - Account].[Account CB - Description].&amp;[928011 - Missing]"/>
        <member name="[CB - Account].[Account CB - Description].&amp;[928017 - Missing]"/>
        <member name="[CB - Account].[Account CB - Description].&amp;[928019 - Missing]"/>
        <member name="[CB - Account].[Account CB - Description].&amp;[928020 - Missing]"/>
        <member name="[CB - Account].[Account CB - Description].&amp;[928021 - Missing]"/>
        <member name="[CB - Account].[Account CB - Description].&amp;[928022 - Missing]"/>
        <member name="[CB - Account].[Account CB - Description].&amp;[928024 - Missing]"/>
        <member name="[CB - Account].[Account CB - Description].&amp;[928026 - Missing]"/>
        <member name="[CB - Account].[Account CB - Description].&amp;[928027 - Missing]"/>
        <member name="[CB - Account].[Account CB - Description].&amp;[928028 - Missing]"/>
        <member name="[CB - Account].[Account CB - Description].&amp;[928039 - Missing]"/>
        <member name="[CB - Account].[Account CB - Description].&amp;[928041 - Missing]"/>
        <member name="[CB - Account].[Account CB - Description].&amp;[928046 - Missing]"/>
        <member name="[CB - Account].[Account CB - Description].&amp;[929010 - Missing]"/>
        <member name="[CB - Account].[Account CB - Description].&amp;[9301000 - Contra Insurance Expense]"/>
        <member name="[CB - Account].[Account CB - Description].&amp;[9301001 - Missing]"/>
        <member name="[CB - Account].[Account CB - Description].&amp;[9302001 - Missing]"/>
        <member name="[CB - Account].[Account CB - Description].&amp;[9302002 - Missing]"/>
        <member name="[CB - Account].[Account CB - Description].&amp;[9302004 - Missing]"/>
        <member name="[CB - Account].[Account CB - Description].&amp;[9302005 - Missing]"/>
        <member name="[CB - Account].[Account CB - Description].&amp;[930600 - Missing]"/>
        <member name="[CB - Account].[Account CB - Description].&amp;[9310001 - Missing]"/>
        <member name="[CB - Account].[Account CB - Description].&amp;[9310002 - Missing]"/>
        <member name="[CB - Account].[Account CB - Description].&amp;[9310004 - Missing]"/>
        <member name="[CB - Account].[Account CB - Description].&amp;[9310005 - Missing]"/>
        <member name="[CB - Account].[Account CB - Description].&amp;[9310007 - Missing]"/>
        <member name="[CB - Account].[Account CB - Description].&amp;[9320001 - Missing]"/>
        <member name="[CB - Account].[Account CB - Description].&amp;[9350001 - Missing]"/>
        <member name="[CB - Account].[Account CB - Description].&amp;[9350002 - Missing]"/>
        <member name="[CB - Account].[Account CB - Description].&amp;[935100 - Missing]"/>
        <member name="[CB - Account].[Account CB - Description].&amp;[9640001 - Missing]"/>
        <member name="[CB - Account].[Account CB - Description].&amp;[9880001 - Missing]"/>
        <member name="[CB - Account].[Account CB - Description].&amp;[9880002 - Missing]"/>
        <member name="[CB - Account].[Account CB - Description].&amp;[9880003 - Missing]"/>
        <member name="[CB - Account].[Account CB - Description].&amp;[9880006 - Missing]"/>
        <member name="[CB - Account].[Account CB - Description].&amp;[9880007 - Missing]"/>
        <member name="[CB - Account].[Account CB - Description].&amp;[9880008 - Missing]"/>
        <member name="[CB - Account].[Account CB - Description].&amp;[9880009 - Missing]"/>
        <member name="[CB - Account].[Account CB - Description].&amp;[9880104 - Missing]"/>
        <member name="[CB - Account].[Account CB - Description].&amp;[9880105 - Missing]"/>
        <member name="[CB - Account].[Account CB - Description].&amp;[9880106 - Missing]"/>
        <member name="[CB - Account].[Account CB - Description].&amp;[9880107 - Missing]"/>
        <member name="[CB - Account].[Account CB - Description].&amp;[9880108 - Missing]"/>
        <member name="[CB - Account].[Account CB - Description].&amp;[9880201 - Missing]"/>
        <member name="[CB - Account].[Account CB - Description].&amp;[9880202 - Missing]"/>
        <member name="[CB - Account].[Account CB - Description].&amp;[9880301 - Missing]"/>
        <member name="[CB - Account].[Account CB - Description].&amp;[9880400 - Missing]"/>
        <member name="[CB - Account].[Account CB - Description].&amp;[9880401 - Missing]"/>
        <member name="[CB - Account].[Account CB - Description].&amp;[9880402 - Missing]"/>
        <member name="[CB - Account].[Account CB - Description].&amp;[9880403 - Missing]"/>
        <member name="[CB - Account].[Account CB - Description].&amp;[9888888 - Missing]"/>
        <member name="[CB - Account].[Account CB - Description].&amp;[99810 - Missing]"/>
        <member name="[CB - Account].[Account CB - Description].&amp;[9999001 - Missing]"/>
        <member name="[CB - Account].[Account CB - Description].&amp;[9999002 - Missing]"/>
        <member name="[CB - Account].[Account CB - Description].&amp;[9999990 - 12/95]"/>
        <member name="[CB - Account].[Account CB - Description].&amp;[CAPITAL - Missing]"/>
        <member name="[CB - Account].[Account CB - Description].&amp;[DF00100 - Cash - Wells Account]"/>
        <member name="[CB - Account].[Account CB - Description].&amp;[DF00110 - Cash - JP Morgan STW]"/>
        <member name="[CB - Account].[Account CB - Description].&amp;[DF00120 - Cash - TD Investment Account]"/>
        <member name="[CB - Account].[Account CB - Description].&amp;[DF00130 - Prepaid Expenses]"/>
        <member name="[CB - Account].[Account CB - Description].&amp;[DF00140 - Long-Term Investments]"/>
        <member name="[CB - Account].[Account CB - Description].&amp;[DF00150 - Cash - FFTC]"/>
        <member name="[CB - Account].[Account CB - Description].&amp;[DF00200 - Taxes Due]"/>
        <member name="[CB - Account].[Account CB - Description].&amp;[DF00400 - Donor Advised Fund]"/>
        <member name="[CB - Account].[Account CB - Description].&amp;[DF00410 - Net Assets]"/>
        <member name="[CB - Account].[Account CB - Description].&amp;[DF00420 - Contributions / Gifts Received]"/>
        <member name="[CB - Account].[Account CB - Description].&amp;[DF00430 - Interest Income]"/>
        <member name="[CB - Account].[Account CB - Description].&amp;[DF00440 - Net Investment Earnings]"/>
        <member name="[CB - Account].[Account CB - Description].&amp;[DF00800 - Contributions / Grands Paid]"/>
        <member name="[CB - Account].[Account CB - Description].&amp;[DF00810 - Accounting Fees]"/>
        <member name="[CB - Account].[Account CB - Description].&amp;[DF00820 - Bank Fees]"/>
        <member name="[CB - Account].[Account CB - Description].&amp;[DF00830 - Fund Administration Fees]"/>
        <member name="[CB - Account].[Account CB - Description].&amp;[DF00840 - Duke Foundation Taxes]"/>
        <member name="[CB - Account].[Account CB - Description].&amp;[IC12330 - Intc A/R -Rollup Settlement]"/>
        <member name="[CB - Account].[Account CB - Description].&amp;[IC12331 - Interc A/R Cash Settlement]"/>
        <member name="[CB - Account].[Account CB - Description].&amp;[IC12510 - Intco Notes Receivable-Current]"/>
        <member name="[CB - Account].[Account CB - Description].&amp;[IC12600 - Intco Interest Receivable]"/>
        <member name="[CB - Account].[Account CB - Description].&amp;[IC13100 - Intco Cash]"/>
        <member name="[CB - Account].[Account CB - Description].&amp;[IC14600 - INTERCOMPANY COLLATERAL ASSETS]"/>
        <member name="[CB - Account].[Account CB - Description].&amp;[IC15030 - Intercompany Advances]"/>
        <member name="[CB - Account].[Account CB - Description].&amp;[IC15060 - IC Notes Recievable - LT]"/>
        <member name="[CB - Account].[Account CB - Description].&amp;[IC16500 - Other Current Assets CONS]"/>
        <member name="[CB - Account].[Account CB - Description].&amp;[IC18630 - Intercompany Deferred Debit]"/>
        <member name="[CB - Account].[Account CB - Description].&amp;[IC21070 - Intco A/P Rollup Settlement]"/>
        <member name="[CB - Account].[Account CB - Description].&amp;[IC21071 - IC A/P Cash Settlement]"/>
        <member name="[CB - Account].[Account CB - Description].&amp;[IC22040 - Intco Notes Payable-Current]"/>
        <member name="[CB - Account].[Account CB - Description].&amp;[IC23020 - Accrued IC Interest Payable]"/>
        <member name="[CB - Account].[Account CB - Description].&amp;[IC24200 - INTERCO COLLATERAL LIAB]"/>
        <member name="[CB - Account].[Account CB - Description].&amp;[IC24265 - Other Current Liab CONS]"/>
        <member name="[CB - Account].[Account CB - Description].&amp;[IC25300 - Intercompany Deferred Credit]"/>
        <member name="[CB - Account].[Account CB - Description].&amp;[IC25400 - IC Notes Payable Long Term]"/>
        <member name="[CB - Account].[Account CB - Description].&amp;[IC41000 - Intc Natural Gas Sales]"/>
        <member name="[CB - Account].[Account CB - Description].&amp;[IC41500 - Intercompany TM Gas Sales]"/>
        <member name="[CB - Account].[Account CB - Description].&amp;[IC42000 - IC Transportation Revenues]"/>
        <member name="[CB - Account].[Account CB - Description].&amp;[IC42001 - IC Transportation Revenue]"/>
        <member name="[CB - Account].[Account CB - Description].&amp;[IC42002 - IC Transportation Revenues Non]"/>
        <member name="[CB - Account].[Account CB - Description].&amp;[IC42100 - Intercompany Nonoper Income]"/>
        <member name="[CB - Account].[Account CB - Description].&amp;[IC44000 - Intercompany Storage Revenues]"/>
        <member name="[CB - Account].[Account CB - Description].&amp;[IC44001 - IC Storage Revenues]"/>
        <member name="[CB - Account].[Account CB - Description].&amp;[IC44002 - InterCo Storage Rev Non Reg Ga]"/>
        <member name="[CB - Account].[Account CB - Description].&amp;[IC45000 - Intercompany Electric Sales]"/>
        <member name="[CB - Account].[Account CB - Description].&amp;[IC45001 - IC Electric Sales - Reg Elect]"/>
        <member name="[CB - Account].[Account CB - Description].&amp;[IC45500 - IC Energy Sales]"/>
        <member name="[CB - Account].[Account CB - Description].&amp;[IC46000 - Intercompany Operating Revenue]"/>
        <member name="[CB - Account].[Account CB - Description].&amp;[IC46001 - IC Operating Revenue - Reg Ele]"/>
        <member name="[CB - Account].[Account CB - Description].&amp;[IC46002 - IC operating Revenue-Reg Gas]"/>
        <member name="[CB - Account].[Account CB - Description].&amp;[IC46006 - INTERCO INSUR PREMIUMS EARNED]"/>
        <member name="[CB - Account].[Account CB - Description].&amp;[IC47000 - Intercompany Liquid Sales]"/>
        <member name="[CB - Account].[Account CB - Description].&amp;[IC47001 - Intercompany Liquid Sales  - R]"/>
        <member name="[CB - Account].[Account CB - Description].&amp;[IC47510 - Cons LPG Sales]"/>
        <member name="[CB - Account].[Account CB - Description].&amp;[IC48000 - Interco Refined Product Sales]"/>
        <member name="[CB - Account].[Account CB - Description].&amp;[IC48500 - Interco Crude Oil Sales]"/>
        <member name="[CB - Account].[Account CB - Description].&amp;[IC48900 - IC Distribution Revenue]"/>
        <member name="[CB - Account].[Account CB - Description].&amp;[IC51000 - Intercompany Gas Purchases]"/>
        <member name="[CB - Account].[Account CB - Description].&amp;[IC51510 - Intercompany Cost of Sales]"/>
        <member name="[CB - Account].[Account CB - Description].&amp;[IC51600 - Intercompany Power Purchases]"/>
        <member name="[CB - Account].[Account CB - Description].&amp;[IC52000 - Intercompany Operating Expense]"/>
        <member name="[CB - Account].[Account CB - Description].&amp;[IC57510 - Cons LPG Purchases]"/>
        <member name="[CB - Account].[Account CB - Description].&amp;[IC58000 - Interco Refine Prdct Purchase]"/>
        <member name="[CB - Account].[Account CB - Description].&amp;[IC58500 - Interco Crude Oil Purch]"/>
        <member name="[CB - Account].[Account CB - Description].&amp;[IC73300 - Intercompany Interest Income]"/>
        <member name="[CB - Account].[Account CB - Description].&amp;[IC74100 - Intercompany Nonoper Expense]"/>
        <member name="[CB - Account].[Account CB - Description].&amp;[IC84300 - Intercompany Interest Expense]"/>
        <member name="[CB - Account].[Account CB - Description].&amp;[IC92406 - INTERCO INSUR EXPENSE]"/>
        <member name="[CB - Account].[Account CB - Description].&amp;[O&amp;M - Missing]"/>
        <member name="[CB - Account].[Account CB - Description].&amp;[S019M05 - OPTCating Margin]"/>
        <member name="[CB - Account].[Account CB - Description].&amp;[S019M06 - GWH Sales - Bundled]"/>
        <member name="[CB - Account].[Account CB - Description].&amp;[S019M07 - Wheeled Revenues]"/>
        <member name="[CB - Account].[Account CB - Description].&amp;[S019M08 - ELECTRIC TRANSMISSION CASH FLO]"/>
        <member name="[CB - Account].[Account CB - Description].&amp;[S019M09 - ELECTRIC TRANMISSION BUS. EXP]"/>
        <member name="[CB - Account].[Account CB - Description].&amp;[S019M10 - ELECTRIC TRANS. OTHER INV]"/>
        <member name="[CB - Account].[Account CB - Description].&amp;[S019Q05 - OPTCating Margin]"/>
        <member name="[CB - Account].[Account CB - Description].&amp;[S019Q06 - GWH Sales - Bundled]"/>
        <member name="[CB - Account].[Account CB - Description].&amp;[S019Q07 - Wheeled Revenues]"/>
        <member name="[CB - Account].[Account CB - Description].&amp;[S311M03 - DUKE WATER OPERATIONS]"/>
        <member name="[CB - Account].[Account CB - Description].&amp;[S311M06 - DUKE WATER OPERATIONS]"/>
        <member name="[CB - Account].[Account CB - Description].&amp;[S311M09 - DUKE WATER OPERATIONS]"/>
        <member name="[CB - Account].[Account CB - Description].&amp;[S311M15 - DUKE WATER OPERATIONS]"/>
        <member name="[CB - Account].[Account CB - Description].&amp;[S311Q15 - DUKE WATER OPERATIONS]"/>
        <member name="[CB - Account].[Account CB - Description].&amp;[S311Y12 - DUKE WATER OPERATIONS]"/>
        <member name="[CB - Account].[Account CB - Description].&amp;[S311Y15 - DUKE WATER OPERATIONS]"/>
        <member name="[CB - Account].[Account CB - Description].&amp;[SBUSEXP - BUSINESS EXPANSION]"/>
        <member name="[CB - Account].[Account CB - Description].&amp;[SCASHFL - CASH FLOW]"/>
        <member name="[CB - Account].[Account CB - Description].&amp;[SGWHSLS - GWH SALES]"/>
        <member name="[CB - Account].[Account CB - Description].&amp;[SMOPMGN - MONTHLY OPERATING MARGIN]"/>
        <member name="[CB - Account].[Account CB - Description].&amp;[SOINVST - OTHER INVESTMENTS]"/>
        <member name="[CB - Account].[Account CB - Description].&amp;[SQOPMGN - QUARTERLY OPERATING MARGIN]"/>
        <member name="[CB - Account].[Account CB - Description].&amp;[STBTUTH - TBTU THROUGHPUT]"/>
        <member name="[CB - Account].[Account CB - Description].&amp;[STROCEE - TOTAL ROCE]"/>
        <member name="[CB - Account].[Account CB - Description].&amp;[SWHEELR - WHEELED RESERVES]"/>
        <member name="[CB - Account].[Account CB - Description].&amp;[SYOPMGN - YEARLY OPERATING MARGIN]"/>
        <member name="[CB - Account].[Account CB - Description].&amp;[SYROCEE - ROCE]"/>
        <member name="[CB - Account].[Account CB - Description].&amp;[WKF0001 - Budget Workforce Default Value]"/>
        <member name="[CB - Account].[Account CB - Description].[All].UNKNOWNMEMBER"/>
        <member name="[CB - Account].[Account CB - Description].&amp;[0417107 - Administrative Expenses]"/>
        <member name="[CB - Account].[Account CB - Description].&amp;[0500100 - Fossil Oper Superv&amp;Engineer-Re]"/>
        <member name="[CB - Account].[Account CB - Description].&amp;[0507000 - Steam Power Gen-Op Rents]"/>
        <member name="[CB - Account].[Account CB - Description].&amp;[0554220 - Solar: Maint Misc Gen Plt]"/>
        <member name="[CB - Account].[Account CB - Description].&amp;[0598100 - Main Misc Dist Plt-Other-Dist]"/>
        <member name="[CB - Account].[Account CB - Description].&amp;[0880000 - Gas Distribution-Other Expense]"/>
        <member name="[CB - Account].[Account CB - Description].&amp;[0912200 - EV Employee Incentive]"/>
        <member name="[CB - Account].[Account CB - Description].&amp;[0923100 - Outside Svcs Cont -Proj Supt -]"/>
        <member name="[CB - Account].[Account CB - Description].&amp;[0926420 - Employees' Tuition Refund]"/>
        <member name="[CB - Account].[Account CB - Description].&amp;[0932000 - Maintenance Of Gen Plant-Gas]"/>
        <member name="[CB - Account].[Account CB - Description].&amp;[0501180 - Sale Of Fly Ash-Revenues]"/>
        <member name="[CB - Account].[Account CB - Description].&amp;[0535000 - Supervsn and Engrng-Hydro Oper]"/>
        <member name="[CB - Account].[Account CB - Description].&amp;[0552220 - Solar: Maint of Structures]"/>
        <member name="[CB - Account].[Account CB - Description].&amp;[0569100 - Maint of Computer Hardware]"/>
        <member name="[CB - Account].[Account CB - Description].&amp;[0591000 - Maintenance Of Structures-Dist]"/>
        <member name="[CB - Account].[Account CB - Description].&amp;[0912100 - Demonstration &amp; Sell-Proj Supt]"/>
        <member name="[CB - Account].[Account CB - Description].&amp;[0928030 - Professional Fees Consultant]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  <member name="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>
      <mps count="37">
        <mp field="29"/>
        <mp field="30"/>
        <mp field="31"/>
        <mp field="32"/>
        <mp field="33"/>
        <mp field="34"/>
        <mp field="35"/>
        <mp field="36"/>
        <mp field="37"/>
        <mp field="38"/>
        <mp field="39"/>
        <mp field="40"/>
        <mp field="41"/>
        <mp field="42"/>
        <mp field="43"/>
        <mp field="44"/>
        <mp field="45"/>
        <mp field="46"/>
        <mp field="47"/>
        <mp field="48"/>
        <mp field="49"/>
        <mp field="50"/>
        <mp field="51"/>
        <mp field="52"/>
        <mp field="53"/>
        <mp field="54"/>
        <mp field="55"/>
        <mp field="56"/>
        <mp field="57"/>
        <mp field="58"/>
        <mp field="59"/>
        <mp field="60"/>
        <mp field="61"/>
        <mp field="62"/>
        <mp field="63"/>
        <mp field="64"/>
        <mp field="65"/>
      </mp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1">
        <mp field="69"/>
      </mps>
      <members count="29" level="1">
        <member name="[CB - Responsibility Center HIER].[Responsibility Center Level 02 Name - Description].&amp;[2022-01-01T00:00:00]&amp;[RESP_CENTER_ALLOC]&amp;[  - NO RESP CENTER]&amp;[  - NO RESP CENTER]"/>
        <member name="[CB - Responsibility Center HIER].[Responsibility Center Level 02 Name - Description].&amp;[2022-01-01T00:00:00]&amp;[RESP_CENTER_RPTG]&amp;[  - NO RESP CENTER]&amp;[  - NO RESP CENTER]"/>
        <member name="[CB - Responsibility Center HIER].[Responsibility Center Level 02 Name - Description].&amp;[2023-01-01T00:00:00]&amp;[RESP_CENTER_RPTG (FY)]&amp;[  (FY) - NO RESP CENTER]&amp;[  (FY) - NO RESP CENTER]"/>
        <member name=""/>
        <member name=""/>
        <member name=""/>
        <member name=""/>
        <member name="[CB - Responsibility Center HIER].[Responsibility Center Level 02 Name - Description].&amp;[2022-01-01T00:00:00]&amp;[RESP_CENTER_ALLOC]&amp;[ALL_RESP_FROMS - All Responsibility Center From]&amp;[513_DEGS_ST_BERNARD - DEGS ST Bernard]"/>
        <member name="[CB - Responsibility Center HIER].[Responsibility Center Level 02 Name - Description].&amp;[2022-01-01T00:00:00]&amp;[RESP_CENTER_ALLOC]&amp;[ALL_RESP_FROMS - All Responsibility Center From]&amp;[517_DEGS_NARROWS - DEGS Narrows]"/>
        <member name="[CB - Responsibility Center HIER].[Responsibility Center Level 02 Name - Description].&amp;[2022-01-01T00:00:00]&amp;[RESP_CENTER_ALLOC]&amp;[ALL_RESP_FROMS - All Responsibility Center From]&amp;[520_DEGS_HOLDING_CO - DEGS Holding Co]"/>
        <member name="[CB - Responsibility Center HIER].[Responsibility Center Level 02 Name - Description].&amp;[2022-01-01T00:00:00]&amp;[RESP_CENTER_ALLOC]&amp;[ALL_RESP_FROMS - All Responsibility Center From]&amp;[527_DEGS_PHILADELPHI - DEGS Philadelphia]"/>
        <member name=""/>
        <member name="[CB - Responsibility Center HIER].[Responsibility Center Level 02 Name - Description].&amp;[2022-01-01T00:00:00]&amp;[RESP_CENTER_ALLOC]&amp;[ALL_RESP_FROMS - All Responsibility Center From]&amp;[531_CSGP_SE_TEXAS - CSGP SE Texas]"/>
        <member name="[CB - Responsibility Center HIER].[Responsibility Center Level 02 Name - Description].&amp;[2022-01-01T00:00:00]&amp;[RESP_CENTER_ALLOC]&amp;[ALL_RESP_FROMS - All Responsibility Center From]&amp;[534_DEGS_TUSCOLA - DEGS Tuscola]"/>
        <member name=""/>
        <member name="[CB - Responsibility Center HIER].[Responsibility Center Level 02 Name - Description].&amp;[2022-01-01T00:00:00]&amp;[RESP_CENTER_ALLOC]&amp;[ALL_RESP_FROMS - All Responsibility Center From]&amp;[600_DEI - Duke Energy International Tota]"/>
        <member name="[CB - Responsibility Center HIER].[Responsibility Center Level 02 Name - Description].&amp;[2022-01-01T00:00:00]&amp;[RESP_CENTER_ALLOC]&amp;[ALL_RESP_FROMS - All Responsibility Center From]&amp;[610_DENA_OPERATIONS - DENA Operations]"/>
        <member name="[CB - Responsibility Center HIER].[Responsibility Center Level 02 Name - Description].&amp;[2022-01-01T00:00:00]&amp;[RESP_CENTER_ALLOC]&amp;[ALL_RESP_FROMS - All Responsibility Center From]&amp;[800_PE_SERVICE_CO - Progress Energy Service Co]"/>
        <member name=""/>
        <member name=""/>
        <member name="[CB - Responsibility Center HIER].[Responsibility Center Level 02 Name - Description].&amp;[2023-01-01T00:00:00]&amp;[RESP_CENTER_RPTG (FY)]&amp;[ALL_RESP_FROMS (FY) - All Responsibility Center From]&amp;[CORP (FY) - Corporate Departments]"/>
        <member name="[CB - Responsibility Center HIER].[Responsibility Center Level 02 Name - Description].&amp;[2022-01-01T00:00:00]&amp;[RESP_CENTER_ALLOC]&amp;[ALL_RESP_FROMS - All Responsibility Center From]&amp;[GASCO - DISCONTINUED_OPERATIONS]"/>
        <member name="[CB - Responsibility Center HIER].[Responsibility Center Level 02 Name - Description].&amp;[2022-01-01T00:00:00]&amp;[RESP_CENTER_ALLOC]&amp;[ALL_RESP_FROMS - All Responsibility Center From]&amp;[IN00 - RESP: Inactive OR Not_Used]"/>
        <member name="[CB - Responsibility Center HIER].[Responsibility Center Level 02 Name - Description].&amp;[2022-01-01T00:00:00]&amp;[RESP_CENTER_ALLOC]&amp;[ALL_RESP_FROMS - All Responsibility Center From]&amp;[MOVE ME - Move Me Node]"/>
        <member name="[CB - Responsibility Center HIER].[Responsibility Center Level 02 Name - Description].&amp;[2023-01-01T00:00:00]&amp;[RESP_CENTER_RPTG (FY)]&amp;[ALL_RESP_FROMS (FY) - All Responsibility Center From]&amp;[NON_CORP (FY) - Non-Corporate Departments]"/>
        <member name="[CB - Responsibility Center HIER].[Responsibility Center Level 02 Name - Description].&amp;[2022-01-01T00:00:00]&amp;[RESP_CENTER_ALLOC]&amp;[ALL_RESP_FROMS - All Responsibility Center From]&amp;[OTHER - Other]"/>
        <member name="[CB - Responsibility Center HIER].[Responsibility Center Level 02 Name - Description].&amp;[2022-01-01T00:00:00]&amp;[RESP_CENTER_ALLOC]&amp;[ALL_RESP_FROMS - All Responsibility Center From]&amp;[PE_OTHER - Progress Other Non-Utility]"/>
        <member name=""/>
        <member name="[CB - Responsibility Center HIER].[Responsibility Center Level 02 Name - Description].[All].UNKNOWNMEMBER"/>
      </members>
    </pivotHierarchy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/>
    <pivotHierarchy multipleItemSelectionAllowed="1">
      <mps count="3">
        <mp field="9"/>
        <mp field="10"/>
        <mp field="11"/>
      </mps>
      <members count="1" level="1">
        <member name="[GL Scenario].[GL Scenario].&amp;[1]"/>
      </members>
    </pivotHierarchy>
    <pivotHierarchy/>
    <pivotHierarchy/>
    <pivotHierarchy/>
    <pivotHierarchy/>
    <pivotHierarchy/>
    <pivotHierarchy/>
    <pivotHierarchy/>
    <pivotHierarchy/>
    <pivotHierarchy multipleItemSelectionAllowed="1">
      <mps count="4">
        <mp field="6"/>
        <mp field="7"/>
        <mp field="14"/>
        <mp field="15"/>
      </mps>
    </pivotHierarchy>
    <pivotHierarchy/>
    <pivotHierarchy/>
    <pivotHierarchy/>
    <pivotHierarchy/>
    <pivotHierarchy/>
    <pivotHierarchy/>
    <pivotHierarchy/>
    <pivotHierarchy/>
    <pivotHierarchy showInFieldList="0"/>
    <pivotHierarchy/>
    <pivotHierarchy showInFieldList="0"/>
    <pivotHierarchy/>
    <pivotHierarchy/>
    <pivotHierarchy/>
    <pivotHierarchy/>
    <pivotHierarchy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  <pivotHierarchy dragToRow="0" dragToCol="0" dragToPage="0" dragToData="1"/>
  </pivotHierarchies>
  <pivotTableStyleInfo name="PivotStyleLight16" showRowHeaders="1" showColHeaders="1" showRowStripes="0" showColStripes="0" showLastColumn="1"/>
  <rowHierarchiesUsage count="2">
    <rowHierarchyUsage hierarchyUsage="537"/>
    <rowHierarchyUsage hierarchyUsage="139"/>
  </rowHierarchiesUsage>
  <colHierarchiesUsage count="1">
    <colHierarchyUsage hierarchyUsage="579"/>
  </colHierarchiesUsage>
  <extLst>
    <ext xmlns:x14="http://schemas.microsoft.com/office/spreadsheetml/2009/9/main" uri="{962EF5D1-5CA2-4c93-8EF4-DBF5C05439D2}">
      <x14:pivotTableDefinition xmlns:xm="http://schemas.microsoft.com/office/excel/2006/main" calculatedMembersInFilters="1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ivotTable" Target="../pivotTables/pivotTable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pivotTable" Target="../pivotTables/pivot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D8F8DB-2053-4305-9A09-C61B74929C15}">
  <sheetPr>
    <pageSetUpPr fitToPage="1"/>
  </sheetPr>
  <dimension ref="A1:P7640"/>
  <sheetViews>
    <sheetView tabSelected="1" view="pageLayout" topLeftCell="A35" zoomScaleNormal="75" workbookViewId="0">
      <selection activeCell="P383" sqref="P383"/>
    </sheetView>
  </sheetViews>
  <sheetFormatPr defaultRowHeight="15" x14ac:dyDescent="0.25"/>
  <cols>
    <col min="1" max="1" width="47.140625" bestFit="1" customWidth="1"/>
    <col min="2" max="2" width="41.7109375" bestFit="1" customWidth="1"/>
    <col min="3" max="4" width="20.85546875" style="1" bestFit="1" customWidth="1"/>
    <col min="5" max="14" width="20.85546875" bestFit="1" customWidth="1"/>
    <col min="15" max="16" width="13.85546875" bestFit="1" customWidth="1"/>
    <col min="17" max="26" width="20.85546875" bestFit="1" customWidth="1"/>
    <col min="27" max="27" width="23.7109375" bestFit="1" customWidth="1"/>
    <col min="28" max="28" width="24.7109375" bestFit="1" customWidth="1"/>
    <col min="29" max="29" width="23.5703125" bestFit="1" customWidth="1"/>
    <col min="30" max="30" width="24.28515625" bestFit="1" customWidth="1"/>
  </cols>
  <sheetData>
    <row r="1" spans="1:15" ht="15.75" hidden="1" x14ac:dyDescent="0.25">
      <c r="I1" s="2" t="s">
        <v>0</v>
      </c>
      <c r="J1" s="3">
        <v>44873</v>
      </c>
    </row>
    <row r="2" spans="1:15" x14ac:dyDescent="0.25">
      <c r="K2" s="4"/>
    </row>
    <row r="4" spans="1:15" x14ac:dyDescent="0.25">
      <c r="A4" s="10" t="s">
        <v>212</v>
      </c>
    </row>
    <row r="5" spans="1:15" x14ac:dyDescent="0.25">
      <c r="A5" s="10" t="s">
        <v>213</v>
      </c>
    </row>
    <row r="6" spans="1:15" x14ac:dyDescent="0.25">
      <c r="A6" s="10" t="s">
        <v>214</v>
      </c>
    </row>
    <row r="8" spans="1:15" s="5" customFormat="1" x14ac:dyDescent="0.25">
      <c r="A8"/>
      <c r="B8"/>
      <c r="C8"/>
      <c r="D8"/>
      <c r="E8"/>
      <c r="F8"/>
      <c r="G8"/>
      <c r="H8"/>
      <c r="I8"/>
      <c r="J8"/>
      <c r="K8"/>
    </row>
    <row r="9" spans="1:15" x14ac:dyDescent="0.25">
      <c r="C9"/>
      <c r="D9"/>
    </row>
    <row r="10" spans="1:15" hidden="1" x14ac:dyDescent="0.25">
      <c r="D10"/>
    </row>
    <row r="11" spans="1:15" hidden="1" x14ac:dyDescent="0.25">
      <c r="C11"/>
      <c r="D11"/>
    </row>
    <row r="12" spans="1:15" hidden="1" x14ac:dyDescent="0.25">
      <c r="C12"/>
      <c r="D12"/>
    </row>
    <row r="13" spans="1:15" hidden="1" x14ac:dyDescent="0.25">
      <c r="A13" s="7" t="s">
        <v>1</v>
      </c>
      <c r="B13" t="s" vm="6">
        <v>162</v>
      </c>
      <c r="C13"/>
      <c r="D13"/>
      <c r="L13" s="6"/>
      <c r="M13" s="6"/>
      <c r="N13" s="6"/>
      <c r="O13" s="6"/>
    </row>
    <row r="14" spans="1:15" hidden="1" x14ac:dyDescent="0.25">
      <c r="A14" s="7" t="s">
        <v>2</v>
      </c>
      <c r="B14" t="s" vm="5">
        <v>16</v>
      </c>
      <c r="C14"/>
      <c r="D14"/>
    </row>
    <row r="15" spans="1:15" hidden="1" x14ac:dyDescent="0.25">
      <c r="A15" s="7" t="s">
        <v>4</v>
      </c>
      <c r="B15" t="s" vm="1">
        <v>5</v>
      </c>
      <c r="C15"/>
      <c r="D15"/>
    </row>
    <row r="16" spans="1:15" ht="15" hidden="1" customHeight="1" x14ac:dyDescent="0.25">
      <c r="A16" s="8" t="s">
        <v>6</v>
      </c>
      <c r="B16" t="s" vm="3">
        <v>7</v>
      </c>
      <c r="C16"/>
      <c r="D16"/>
    </row>
    <row r="17" spans="1:16" hidden="1" x14ac:dyDescent="0.25">
      <c r="A17" s="7" t="s">
        <v>3</v>
      </c>
      <c r="B17" t="s" vm="4">
        <v>7</v>
      </c>
      <c r="C17"/>
      <c r="D17"/>
    </row>
    <row r="18" spans="1:16" hidden="1" x14ac:dyDescent="0.25">
      <c r="A18" s="7" t="s">
        <v>15</v>
      </c>
      <c r="B18" t="s" vm="2">
        <v>16</v>
      </c>
      <c r="C18"/>
      <c r="D18"/>
    </row>
    <row r="19" spans="1:16" hidden="1" x14ac:dyDescent="0.25">
      <c r="C19"/>
      <c r="D19"/>
    </row>
    <row r="20" spans="1:16" hidden="1" x14ac:dyDescent="0.25">
      <c r="A20" s="7" t="s">
        <v>234</v>
      </c>
      <c r="C20" s="7" t="s">
        <v>8</v>
      </c>
      <c r="D20" s="7" t="s">
        <v>9</v>
      </c>
      <c r="E20" s="7" t="s">
        <v>10</v>
      </c>
    </row>
    <row r="21" spans="1:16" hidden="1" x14ac:dyDescent="0.25">
      <c r="C21" t="s">
        <v>14</v>
      </c>
      <c r="D21"/>
      <c r="O21" t="s">
        <v>169</v>
      </c>
      <c r="P21" t="s">
        <v>11</v>
      </c>
    </row>
    <row r="22" spans="1:16" hidden="1" x14ac:dyDescent="0.25">
      <c r="C22" t="s">
        <v>170</v>
      </c>
      <c r="D22"/>
      <c r="F22" t="s">
        <v>171</v>
      </c>
      <c r="I22" t="s">
        <v>172</v>
      </c>
      <c r="L22" t="s">
        <v>173</v>
      </c>
    </row>
    <row r="23" spans="1:16" x14ac:dyDescent="0.25">
      <c r="A23" s="7" t="s">
        <v>163</v>
      </c>
      <c r="B23" s="7" t="s">
        <v>12</v>
      </c>
      <c r="C23" t="s">
        <v>177</v>
      </c>
      <c r="D23" t="s">
        <v>178</v>
      </c>
      <c r="E23" t="s">
        <v>179</v>
      </c>
      <c r="F23" t="s">
        <v>180</v>
      </c>
      <c r="G23" t="s">
        <v>181</v>
      </c>
      <c r="H23" t="s">
        <v>182</v>
      </c>
      <c r="I23" t="s">
        <v>183</v>
      </c>
      <c r="J23" t="s">
        <v>184</v>
      </c>
      <c r="K23" t="s">
        <v>185</v>
      </c>
      <c r="L23" t="s">
        <v>174</v>
      </c>
      <c r="M23" t="s">
        <v>175</v>
      </c>
      <c r="N23" t="s">
        <v>176</v>
      </c>
    </row>
    <row r="24" spans="1:16" x14ac:dyDescent="0.25">
      <c r="A24" t="s">
        <v>161</v>
      </c>
      <c r="B24" s="9" t="s">
        <v>17</v>
      </c>
      <c r="C24" s="11">
        <v>34573.11</v>
      </c>
      <c r="D24" s="11">
        <v>-8551.65</v>
      </c>
      <c r="E24" s="11">
        <v>33212.35</v>
      </c>
      <c r="F24" s="11">
        <v>10457.030000000001</v>
      </c>
      <c r="G24" s="11">
        <v>11657.45</v>
      </c>
      <c r="H24" s="11">
        <v>11757.79</v>
      </c>
      <c r="I24" s="11">
        <v>15238.97</v>
      </c>
      <c r="J24" s="11">
        <v>12133.16</v>
      </c>
      <c r="K24" s="11">
        <v>6948.49</v>
      </c>
      <c r="L24" s="11">
        <v>6896.01</v>
      </c>
      <c r="M24" s="11">
        <v>6547.95</v>
      </c>
      <c r="N24" s="11">
        <v>8997.8799999999992</v>
      </c>
      <c r="O24" s="11">
        <v>149868.54</v>
      </c>
      <c r="P24" s="11">
        <v>149868.54</v>
      </c>
    </row>
    <row r="25" spans="1:16" x14ac:dyDescent="0.25">
      <c r="B25" s="9" t="s">
        <v>19</v>
      </c>
      <c r="C25" s="11">
        <v>58370.05</v>
      </c>
      <c r="D25" s="11">
        <v>-6527.18</v>
      </c>
      <c r="E25" s="11">
        <v>0</v>
      </c>
      <c r="F25" s="11">
        <v>2719.49</v>
      </c>
      <c r="G25" s="11"/>
      <c r="H25" s="11"/>
      <c r="I25" s="11">
        <v>4380.59</v>
      </c>
      <c r="J25" s="11">
        <v>262.83999999999997</v>
      </c>
      <c r="K25" s="11"/>
      <c r="L25" s="11"/>
      <c r="M25" s="11"/>
      <c r="N25" s="11">
        <v>633695.59</v>
      </c>
      <c r="O25" s="11">
        <v>692901.38</v>
      </c>
      <c r="P25" s="11">
        <v>692901.38</v>
      </c>
    </row>
    <row r="26" spans="1:16" x14ac:dyDescent="0.25">
      <c r="B26" s="9" t="s">
        <v>21</v>
      </c>
      <c r="C26" s="11">
        <v>26970.94</v>
      </c>
      <c r="D26" s="11">
        <v>22084.83</v>
      </c>
      <c r="E26" s="11">
        <v>15941.03</v>
      </c>
      <c r="F26" s="11">
        <v>14452.4</v>
      </c>
      <c r="G26" s="11">
        <v>4553.12</v>
      </c>
      <c r="H26" s="11">
        <v>2724.89</v>
      </c>
      <c r="I26" s="11">
        <v>28551.53</v>
      </c>
      <c r="J26" s="11">
        <v>16373.25</v>
      </c>
      <c r="K26" s="11">
        <v>11820.83</v>
      </c>
      <c r="L26" s="11">
        <v>17738.07</v>
      </c>
      <c r="M26" s="11">
        <v>14903.21</v>
      </c>
      <c r="N26" s="11">
        <v>17625.28</v>
      </c>
      <c r="O26" s="11">
        <v>193739.38</v>
      </c>
      <c r="P26" s="11">
        <v>193739.38</v>
      </c>
    </row>
    <row r="27" spans="1:16" x14ac:dyDescent="0.25">
      <c r="B27" s="9" t="s">
        <v>22</v>
      </c>
      <c r="C27" s="11">
        <v>40203.74</v>
      </c>
      <c r="D27" s="11">
        <v>26654.19</v>
      </c>
      <c r="E27" s="11">
        <v>26815.32</v>
      </c>
      <c r="F27" s="11"/>
      <c r="G27" s="11"/>
      <c r="H27" s="11">
        <v>32106.53</v>
      </c>
      <c r="I27" s="11">
        <v>48665.38</v>
      </c>
      <c r="J27" s="11">
        <v>52715.06</v>
      </c>
      <c r="K27" s="11">
        <v>29308.34</v>
      </c>
      <c r="L27" s="11"/>
      <c r="M27" s="11">
        <v>6444.2</v>
      </c>
      <c r="N27" s="11">
        <v>58488.69</v>
      </c>
      <c r="O27" s="11">
        <v>321401.45</v>
      </c>
      <c r="P27" s="11">
        <v>321401.45</v>
      </c>
    </row>
    <row r="28" spans="1:16" x14ac:dyDescent="0.25">
      <c r="B28" s="9" t="s">
        <v>13</v>
      </c>
      <c r="C28" s="11">
        <v>999131.89</v>
      </c>
      <c r="D28" s="11">
        <v>618352.75</v>
      </c>
      <c r="E28" s="11">
        <v>891959.58</v>
      </c>
      <c r="F28" s="11">
        <v>46229.47</v>
      </c>
      <c r="G28" s="11">
        <v>70.22</v>
      </c>
      <c r="H28" s="11">
        <v>1204657.05</v>
      </c>
      <c r="I28" s="11">
        <v>1559954.08</v>
      </c>
      <c r="J28" s="11">
        <v>1399445.06</v>
      </c>
      <c r="K28" s="11">
        <v>978456.98</v>
      </c>
      <c r="L28" s="11">
        <v>6548.6</v>
      </c>
      <c r="M28" s="11">
        <v>237427.93</v>
      </c>
      <c r="N28" s="11">
        <v>1809247.77</v>
      </c>
      <c r="O28" s="11">
        <v>9751481.3800000008</v>
      </c>
      <c r="P28" s="11">
        <v>9751481.3800000008</v>
      </c>
    </row>
    <row r="29" spans="1:16" x14ac:dyDescent="0.25">
      <c r="B29" s="9" t="s">
        <v>23</v>
      </c>
      <c r="C29" s="11">
        <v>75466.990000000005</v>
      </c>
      <c r="D29" s="11">
        <v>87906.86</v>
      </c>
      <c r="E29" s="11">
        <v>-14388.72</v>
      </c>
      <c r="F29" s="11">
        <v>15493.83</v>
      </c>
      <c r="G29" s="11">
        <v>12310.55</v>
      </c>
      <c r="H29" s="11">
        <v>54534.61</v>
      </c>
      <c r="I29" s="11">
        <v>174487.22</v>
      </c>
      <c r="J29" s="11">
        <v>-34577.93</v>
      </c>
      <c r="K29" s="11">
        <v>257078.47</v>
      </c>
      <c r="L29" s="11">
        <v>15664.79</v>
      </c>
      <c r="M29" s="11">
        <v>46968.15</v>
      </c>
      <c r="N29" s="11">
        <v>3800761.44</v>
      </c>
      <c r="O29" s="11">
        <v>4491706.26</v>
      </c>
      <c r="P29" s="11">
        <v>4491706.26</v>
      </c>
    </row>
    <row r="30" spans="1:16" x14ac:dyDescent="0.25">
      <c r="B30" s="9" t="s">
        <v>24</v>
      </c>
      <c r="C30" s="11">
        <v>974.21</v>
      </c>
      <c r="D30" s="11"/>
      <c r="E30" s="11">
        <v>1477.46</v>
      </c>
      <c r="F30" s="11">
        <v>2111.16</v>
      </c>
      <c r="G30" s="11">
        <v>3849.61</v>
      </c>
      <c r="H30" s="11">
        <v>-689.6</v>
      </c>
      <c r="I30" s="11">
        <v>6977.1</v>
      </c>
      <c r="J30" s="11">
        <v>98.87</v>
      </c>
      <c r="K30" s="11">
        <v>1168.82</v>
      </c>
      <c r="L30" s="11">
        <v>221.86</v>
      </c>
      <c r="M30" s="11">
        <v>990.47</v>
      </c>
      <c r="N30" s="11">
        <v>3462.1</v>
      </c>
      <c r="O30" s="11">
        <v>20642.060000000001</v>
      </c>
      <c r="P30" s="11">
        <v>20642.060000000001</v>
      </c>
    </row>
    <row r="31" spans="1:16" x14ac:dyDescent="0.25">
      <c r="B31" s="9" t="s">
        <v>25</v>
      </c>
      <c r="C31" s="11">
        <v>863.48</v>
      </c>
      <c r="D31" s="11">
        <v>3285.27</v>
      </c>
      <c r="E31" s="11">
        <v>25725.48</v>
      </c>
      <c r="F31" s="11"/>
      <c r="G31" s="11">
        <v>8978.33</v>
      </c>
      <c r="H31" s="11">
        <v>2933.89</v>
      </c>
      <c r="I31" s="11">
        <v>1123.8699999999999</v>
      </c>
      <c r="J31" s="11">
        <v>10079.76</v>
      </c>
      <c r="K31" s="11">
        <v>7272.34</v>
      </c>
      <c r="L31" s="11"/>
      <c r="M31" s="11">
        <v>3392.42</v>
      </c>
      <c r="N31" s="11">
        <v>857241.57</v>
      </c>
      <c r="O31" s="11">
        <v>920896.41</v>
      </c>
      <c r="P31" s="11">
        <v>920896.41</v>
      </c>
    </row>
    <row r="32" spans="1:16" x14ac:dyDescent="0.25">
      <c r="B32" s="9" t="s">
        <v>26</v>
      </c>
      <c r="C32" s="11">
        <v>193860.17</v>
      </c>
      <c r="D32" s="11">
        <v>22129.67</v>
      </c>
      <c r="E32" s="11">
        <v>68450.73</v>
      </c>
      <c r="F32" s="11">
        <v>47167.26</v>
      </c>
      <c r="G32" s="11">
        <v>24530.31</v>
      </c>
      <c r="H32" s="11">
        <v>41356.74</v>
      </c>
      <c r="I32" s="11">
        <v>28480.01</v>
      </c>
      <c r="J32" s="11">
        <v>11288.78</v>
      </c>
      <c r="K32" s="11">
        <v>42713.2</v>
      </c>
      <c r="L32" s="11">
        <v>67742.460000000006</v>
      </c>
      <c r="M32" s="11">
        <v>41800.1</v>
      </c>
      <c r="N32" s="11">
        <v>582943.04</v>
      </c>
      <c r="O32" s="11">
        <v>1172462.47</v>
      </c>
      <c r="P32" s="11">
        <v>1172462.47</v>
      </c>
    </row>
    <row r="33" spans="2:16" x14ac:dyDescent="0.25">
      <c r="B33" s="9" t="s">
        <v>28</v>
      </c>
      <c r="C33" s="11">
        <v>1851.46</v>
      </c>
      <c r="D33" s="11">
        <v>1495.24</v>
      </c>
      <c r="E33" s="11">
        <v>2533.91</v>
      </c>
      <c r="F33" s="11">
        <v>3397.57</v>
      </c>
      <c r="G33" s="11">
        <v>2379.23</v>
      </c>
      <c r="H33" s="11">
        <v>1507.8</v>
      </c>
      <c r="I33" s="11">
        <v>2169.4699999999998</v>
      </c>
      <c r="J33" s="11">
        <v>3020.32</v>
      </c>
      <c r="K33" s="11">
        <v>1643.17</v>
      </c>
      <c r="L33" s="11">
        <v>1334.07</v>
      </c>
      <c r="M33" s="11">
        <v>603.6</v>
      </c>
      <c r="N33" s="11">
        <v>1204.1500000000001</v>
      </c>
      <c r="O33" s="11">
        <v>23139.99</v>
      </c>
      <c r="P33" s="11">
        <v>23139.99</v>
      </c>
    </row>
    <row r="34" spans="2:16" x14ac:dyDescent="0.25">
      <c r="B34" s="9" t="s">
        <v>29</v>
      </c>
      <c r="C34" s="11">
        <v>0</v>
      </c>
      <c r="D34" s="11">
        <v>0</v>
      </c>
      <c r="E34" s="11">
        <v>0</v>
      </c>
      <c r="F34" s="11">
        <v>0</v>
      </c>
      <c r="G34" s="11">
        <v>0</v>
      </c>
      <c r="H34" s="11">
        <v>0</v>
      </c>
      <c r="I34" s="11">
        <v>0</v>
      </c>
      <c r="J34" s="11">
        <v>0</v>
      </c>
      <c r="K34" s="11">
        <v>0</v>
      </c>
      <c r="L34" s="11">
        <v>0</v>
      </c>
      <c r="M34" s="11">
        <v>0</v>
      </c>
      <c r="N34" s="11">
        <v>0</v>
      </c>
      <c r="O34" s="11">
        <v>0</v>
      </c>
      <c r="P34" s="11">
        <v>0</v>
      </c>
    </row>
    <row r="35" spans="2:16" x14ac:dyDescent="0.25">
      <c r="B35" s="9" t="s">
        <v>30</v>
      </c>
      <c r="C35" s="11">
        <v>259495.81</v>
      </c>
      <c r="D35" s="11">
        <v>163681.47</v>
      </c>
      <c r="E35" s="11">
        <v>196301.19</v>
      </c>
      <c r="F35" s="11">
        <v>186105.06</v>
      </c>
      <c r="G35" s="11">
        <v>327171.90999999997</v>
      </c>
      <c r="H35" s="11">
        <v>145907.44</v>
      </c>
      <c r="I35" s="11">
        <v>266145.8</v>
      </c>
      <c r="J35" s="11">
        <v>150409.57999999999</v>
      </c>
      <c r="K35" s="11">
        <v>268128.5</v>
      </c>
      <c r="L35" s="11">
        <v>446134.96</v>
      </c>
      <c r="M35" s="11">
        <v>239041.59</v>
      </c>
      <c r="N35" s="11">
        <v>606612.56999999995</v>
      </c>
      <c r="O35" s="11">
        <v>3255135.88</v>
      </c>
      <c r="P35" s="11">
        <v>3255135.88</v>
      </c>
    </row>
    <row r="36" spans="2:16" x14ac:dyDescent="0.25">
      <c r="B36" s="9" t="s">
        <v>31</v>
      </c>
      <c r="C36" s="11">
        <v>1119947.29</v>
      </c>
      <c r="D36" s="11">
        <v>725983.86</v>
      </c>
      <c r="E36" s="11">
        <v>896114</v>
      </c>
      <c r="F36" s="11">
        <v>475816.08</v>
      </c>
      <c r="G36" s="11">
        <v>954071.94</v>
      </c>
      <c r="H36" s="11">
        <v>1017596.83</v>
      </c>
      <c r="I36" s="11">
        <v>560478.63199999998</v>
      </c>
      <c r="J36" s="11">
        <v>492777.25</v>
      </c>
      <c r="K36" s="11">
        <v>1215722.58</v>
      </c>
      <c r="L36" s="11">
        <v>2868631.16</v>
      </c>
      <c r="M36" s="11">
        <v>1101341.01</v>
      </c>
      <c r="N36" s="11">
        <v>-1893161.36</v>
      </c>
      <c r="O36" s="11">
        <v>9535319.2719999999</v>
      </c>
      <c r="P36" s="11">
        <v>9535319.2719999999</v>
      </c>
    </row>
    <row r="37" spans="2:16" x14ac:dyDescent="0.25">
      <c r="B37" s="9" t="s">
        <v>32</v>
      </c>
      <c r="C37" s="11">
        <v>79864.66</v>
      </c>
      <c r="D37" s="11">
        <v>28969.63</v>
      </c>
      <c r="E37" s="11">
        <v>-7340.7</v>
      </c>
      <c r="F37" s="11">
        <v>22084.36</v>
      </c>
      <c r="G37" s="11">
        <v>43503.89</v>
      </c>
      <c r="H37" s="11">
        <v>76955.77</v>
      </c>
      <c r="I37" s="11">
        <v>154465.54999999999</v>
      </c>
      <c r="J37" s="11">
        <v>142397.49</v>
      </c>
      <c r="K37" s="11">
        <v>88707.39</v>
      </c>
      <c r="L37" s="11">
        <v>413966.3</v>
      </c>
      <c r="M37" s="11">
        <v>299876.92</v>
      </c>
      <c r="N37" s="11">
        <v>211336.77</v>
      </c>
      <c r="O37" s="11">
        <v>1554788.03</v>
      </c>
      <c r="P37" s="11">
        <v>1554788.03</v>
      </c>
    </row>
    <row r="38" spans="2:16" x14ac:dyDescent="0.25">
      <c r="B38" s="9" t="s">
        <v>33</v>
      </c>
      <c r="C38" s="11">
        <v>314430.55</v>
      </c>
      <c r="D38" s="11">
        <v>258626.42</v>
      </c>
      <c r="E38" s="11">
        <v>268144.90999999997</v>
      </c>
      <c r="F38" s="11">
        <v>343295.9</v>
      </c>
      <c r="G38" s="11">
        <v>253072.62</v>
      </c>
      <c r="H38" s="11">
        <v>192814.8</v>
      </c>
      <c r="I38" s="11">
        <v>371502.19</v>
      </c>
      <c r="J38" s="11">
        <v>234100.78</v>
      </c>
      <c r="K38" s="11">
        <v>459552.8</v>
      </c>
      <c r="L38" s="11">
        <v>427468.3</v>
      </c>
      <c r="M38" s="11">
        <v>338654.88</v>
      </c>
      <c r="N38" s="11">
        <v>-1197863.68</v>
      </c>
      <c r="O38" s="11">
        <v>2263800.4700000002</v>
      </c>
      <c r="P38" s="11">
        <v>2263800.4700000002</v>
      </c>
    </row>
    <row r="39" spans="2:16" x14ac:dyDescent="0.25">
      <c r="B39" s="9" t="s">
        <v>34</v>
      </c>
      <c r="C39" s="11">
        <v>0</v>
      </c>
      <c r="D39" s="11">
        <v>0</v>
      </c>
      <c r="E39" s="11"/>
      <c r="F39" s="11"/>
      <c r="G39" s="11">
        <v>0</v>
      </c>
      <c r="H39" s="11"/>
      <c r="I39" s="11"/>
      <c r="J39" s="11"/>
      <c r="K39" s="11">
        <v>0</v>
      </c>
      <c r="L39" s="11"/>
      <c r="M39" s="11"/>
      <c r="N39" s="11"/>
      <c r="O39" s="11">
        <v>0</v>
      </c>
      <c r="P39" s="11">
        <v>0</v>
      </c>
    </row>
    <row r="40" spans="2:16" x14ac:dyDescent="0.25">
      <c r="B40" s="9" t="s">
        <v>35</v>
      </c>
      <c r="C40" s="11">
        <v>-0.98</v>
      </c>
      <c r="D40" s="11"/>
      <c r="E40" s="11">
        <v>0.98</v>
      </c>
      <c r="F40" s="11"/>
      <c r="G40" s="11"/>
      <c r="H40" s="11"/>
      <c r="I40" s="11"/>
      <c r="J40" s="11"/>
      <c r="K40" s="11"/>
      <c r="L40" s="11"/>
      <c r="M40" s="11"/>
      <c r="N40" s="11"/>
      <c r="O40" s="11">
        <v>0</v>
      </c>
      <c r="P40" s="11">
        <v>0</v>
      </c>
    </row>
    <row r="41" spans="2:16" x14ac:dyDescent="0.25">
      <c r="B41" s="9" t="s">
        <v>36</v>
      </c>
      <c r="C41" s="11"/>
      <c r="D41" s="11">
        <v>-1.37</v>
      </c>
      <c r="E41" s="11">
        <v>1.37</v>
      </c>
      <c r="F41" s="11"/>
      <c r="G41" s="11"/>
      <c r="H41" s="11"/>
      <c r="I41" s="11"/>
      <c r="J41" s="11"/>
      <c r="K41" s="11"/>
      <c r="L41" s="11"/>
      <c r="M41" s="11"/>
      <c r="N41" s="11"/>
      <c r="O41" s="11">
        <v>0</v>
      </c>
      <c r="P41" s="11">
        <v>0</v>
      </c>
    </row>
    <row r="42" spans="2:16" x14ac:dyDescent="0.25">
      <c r="B42" s="9" t="s">
        <v>37</v>
      </c>
      <c r="C42" s="11"/>
      <c r="D42" s="11">
        <v>0</v>
      </c>
      <c r="E42" s="11"/>
      <c r="F42" s="11">
        <v>0</v>
      </c>
      <c r="G42" s="11">
        <v>0</v>
      </c>
      <c r="H42" s="11">
        <v>0</v>
      </c>
      <c r="I42" s="11"/>
      <c r="J42" s="11"/>
      <c r="K42" s="11"/>
      <c r="L42" s="11"/>
      <c r="M42" s="11"/>
      <c r="N42" s="11">
        <v>0</v>
      </c>
      <c r="O42" s="11">
        <v>0</v>
      </c>
      <c r="P42" s="11">
        <v>0</v>
      </c>
    </row>
    <row r="43" spans="2:16" x14ac:dyDescent="0.25">
      <c r="B43" s="9" t="s">
        <v>38</v>
      </c>
      <c r="C43" s="11"/>
      <c r="D43" s="11">
        <v>0</v>
      </c>
      <c r="E43" s="11"/>
      <c r="F43" s="11">
        <v>0</v>
      </c>
      <c r="G43" s="11">
        <v>0</v>
      </c>
      <c r="H43" s="11">
        <v>0</v>
      </c>
      <c r="I43" s="11"/>
      <c r="J43" s="11"/>
      <c r="K43" s="11"/>
      <c r="L43" s="11"/>
      <c r="M43" s="11"/>
      <c r="N43" s="11">
        <v>0</v>
      </c>
      <c r="O43" s="11">
        <v>0</v>
      </c>
      <c r="P43" s="11">
        <v>0</v>
      </c>
    </row>
    <row r="44" spans="2:16" x14ac:dyDescent="0.25">
      <c r="B44" s="9" t="s">
        <v>39</v>
      </c>
      <c r="C44" s="11"/>
      <c r="D44" s="11">
        <v>0</v>
      </c>
      <c r="E44" s="11"/>
      <c r="F44" s="11"/>
      <c r="G44" s="11"/>
      <c r="H44" s="11">
        <v>0</v>
      </c>
      <c r="I44" s="11"/>
      <c r="J44" s="11"/>
      <c r="K44" s="11"/>
      <c r="L44" s="11"/>
      <c r="M44" s="11"/>
      <c r="N44" s="11"/>
      <c r="O44" s="11">
        <v>0</v>
      </c>
      <c r="P44" s="11">
        <v>0</v>
      </c>
    </row>
    <row r="45" spans="2:16" x14ac:dyDescent="0.25">
      <c r="B45" s="9" t="s">
        <v>41</v>
      </c>
      <c r="C45" s="11">
        <v>14363.51</v>
      </c>
      <c r="D45" s="11">
        <v>8548.0300000000007</v>
      </c>
      <c r="E45" s="11">
        <v>5394.48</v>
      </c>
      <c r="F45" s="11">
        <v>5261.94</v>
      </c>
      <c r="G45" s="11">
        <v>4887.88</v>
      </c>
      <c r="H45" s="11">
        <v>4514.45</v>
      </c>
      <c r="I45" s="11">
        <v>11049.28</v>
      </c>
      <c r="J45" s="11">
        <v>6136.11</v>
      </c>
      <c r="K45" s="11">
        <v>3742.64</v>
      </c>
      <c r="L45" s="11">
        <v>4895.49</v>
      </c>
      <c r="M45" s="11">
        <v>6003.33</v>
      </c>
      <c r="N45" s="11">
        <v>10654.6</v>
      </c>
      <c r="O45" s="11">
        <v>85451.74</v>
      </c>
      <c r="P45" s="11">
        <v>85451.74</v>
      </c>
    </row>
    <row r="46" spans="2:16" x14ac:dyDescent="0.25">
      <c r="B46" s="9" t="s">
        <v>42</v>
      </c>
      <c r="C46" s="11">
        <v>0</v>
      </c>
      <c r="D46" s="11">
        <v>0</v>
      </c>
      <c r="E46" s="11">
        <v>0</v>
      </c>
      <c r="F46" s="11">
        <v>0</v>
      </c>
      <c r="G46" s="11">
        <v>0</v>
      </c>
      <c r="H46" s="11">
        <v>0</v>
      </c>
      <c r="I46" s="11">
        <v>0</v>
      </c>
      <c r="J46" s="11">
        <v>0</v>
      </c>
      <c r="K46" s="11">
        <v>0</v>
      </c>
      <c r="L46" s="11">
        <v>0</v>
      </c>
      <c r="M46" s="11">
        <v>0</v>
      </c>
      <c r="N46" s="11">
        <v>0</v>
      </c>
      <c r="O46" s="11">
        <v>0</v>
      </c>
      <c r="P46" s="11">
        <v>0</v>
      </c>
    </row>
    <row r="47" spans="2:16" x14ac:dyDescent="0.25">
      <c r="B47" s="9" t="s">
        <v>43</v>
      </c>
      <c r="C47" s="11">
        <v>0</v>
      </c>
      <c r="D47" s="11">
        <v>0</v>
      </c>
      <c r="E47" s="11">
        <v>0</v>
      </c>
      <c r="F47" s="11">
        <v>0</v>
      </c>
      <c r="G47" s="11">
        <v>0</v>
      </c>
      <c r="H47" s="11">
        <v>0</v>
      </c>
      <c r="I47" s="11">
        <v>0</v>
      </c>
      <c r="J47" s="11">
        <v>0</v>
      </c>
      <c r="K47" s="11">
        <v>0</v>
      </c>
      <c r="L47" s="11">
        <v>0</v>
      </c>
      <c r="M47" s="11">
        <v>0</v>
      </c>
      <c r="N47" s="11">
        <v>0</v>
      </c>
      <c r="O47" s="11">
        <v>0</v>
      </c>
      <c r="P47" s="11">
        <v>0</v>
      </c>
    </row>
    <row r="48" spans="2:16" x14ac:dyDescent="0.25">
      <c r="B48" s="9" t="s">
        <v>44</v>
      </c>
      <c r="C48" s="11">
        <v>3239</v>
      </c>
      <c r="D48" s="11">
        <v>2086.0100000000002</v>
      </c>
      <c r="E48" s="11">
        <v>1502.32</v>
      </c>
      <c r="F48" s="11">
        <v>166.46</v>
      </c>
      <c r="G48" s="11">
        <v>923.2</v>
      </c>
      <c r="H48" s="11">
        <v>5151.01</v>
      </c>
      <c r="I48" s="11">
        <v>18561.79</v>
      </c>
      <c r="J48" s="11">
        <v>7666.33</v>
      </c>
      <c r="K48" s="11">
        <v>3439.84</v>
      </c>
      <c r="L48" s="11">
        <v>8958.19</v>
      </c>
      <c r="M48" s="11">
        <v>659.14</v>
      </c>
      <c r="N48" s="11">
        <v>12521.44</v>
      </c>
      <c r="O48" s="11">
        <v>64874.73</v>
      </c>
      <c r="P48" s="11">
        <v>64874.73</v>
      </c>
    </row>
    <row r="49" spans="2:16" x14ac:dyDescent="0.25">
      <c r="B49" s="9" t="s">
        <v>45</v>
      </c>
      <c r="C49" s="11">
        <v>57437.42</v>
      </c>
      <c r="D49" s="11">
        <v>39288.910000000003</v>
      </c>
      <c r="E49" s="11">
        <v>36487.86</v>
      </c>
      <c r="F49" s="11">
        <v>42702.87</v>
      </c>
      <c r="G49" s="11">
        <v>42863.98</v>
      </c>
      <c r="H49" s="11">
        <v>29533.84</v>
      </c>
      <c r="I49" s="11">
        <v>55338.720000000001</v>
      </c>
      <c r="J49" s="11">
        <v>40545.22</v>
      </c>
      <c r="K49" s="11">
        <v>89973.34</v>
      </c>
      <c r="L49" s="11">
        <v>54356.91</v>
      </c>
      <c r="M49" s="11">
        <v>56491.94</v>
      </c>
      <c r="N49" s="11">
        <v>65666.58</v>
      </c>
      <c r="O49" s="11">
        <v>610687.59</v>
      </c>
      <c r="P49" s="11">
        <v>610687.59</v>
      </c>
    </row>
    <row r="50" spans="2:16" x14ac:dyDescent="0.25">
      <c r="B50" s="9" t="s">
        <v>46</v>
      </c>
      <c r="C50" s="11">
        <v>140.88999999999999</v>
      </c>
      <c r="D50" s="11">
        <v>109.31</v>
      </c>
      <c r="E50" s="11">
        <v>248.16</v>
      </c>
      <c r="F50" s="11">
        <v>217.41</v>
      </c>
      <c r="G50" s="11">
        <v>201.07</v>
      </c>
      <c r="H50" s="11">
        <v>174.22</v>
      </c>
      <c r="I50" s="11">
        <v>232.19</v>
      </c>
      <c r="J50" s="11">
        <v>346.28</v>
      </c>
      <c r="K50" s="11">
        <v>295.95</v>
      </c>
      <c r="L50" s="11">
        <v>234.74</v>
      </c>
      <c r="M50" s="11">
        <v>131.93</v>
      </c>
      <c r="N50" s="11">
        <v>67.52</v>
      </c>
      <c r="O50" s="11">
        <v>2399.67</v>
      </c>
      <c r="P50" s="11">
        <v>2399.67</v>
      </c>
    </row>
    <row r="51" spans="2:16" x14ac:dyDescent="0.25">
      <c r="B51" s="9" t="s">
        <v>47</v>
      </c>
      <c r="C51" s="11">
        <v>7695.96</v>
      </c>
      <c r="D51" s="11">
        <v>14353.19</v>
      </c>
      <c r="E51" s="11">
        <v>9413.06</v>
      </c>
      <c r="F51" s="11">
        <v>17057.689999999999</v>
      </c>
      <c r="G51" s="11">
        <v>18859.48</v>
      </c>
      <c r="H51" s="11">
        <v>30977.79</v>
      </c>
      <c r="I51" s="11">
        <v>11433.49</v>
      </c>
      <c r="J51" s="11">
        <v>8517.99</v>
      </c>
      <c r="K51" s="11">
        <v>17570.46</v>
      </c>
      <c r="L51" s="11">
        <v>122095.08</v>
      </c>
      <c r="M51" s="11">
        <v>-50388.68</v>
      </c>
      <c r="N51" s="11">
        <v>-56862.59</v>
      </c>
      <c r="O51" s="11">
        <v>150722.92000000001</v>
      </c>
      <c r="P51" s="11">
        <v>150722.92000000001</v>
      </c>
    </row>
    <row r="52" spans="2:16" x14ac:dyDescent="0.25">
      <c r="B52" s="9" t="s">
        <v>48</v>
      </c>
      <c r="C52" s="11"/>
      <c r="D52" s="11"/>
      <c r="E52" s="11"/>
      <c r="F52" s="11">
        <v>3705.06</v>
      </c>
      <c r="G52" s="11">
        <v>8299.2199999999993</v>
      </c>
      <c r="H52" s="11">
        <v>3378.18</v>
      </c>
      <c r="I52" s="11">
        <v>6710.38</v>
      </c>
      <c r="J52" s="11"/>
      <c r="K52" s="11">
        <v>11141.79</v>
      </c>
      <c r="L52" s="11">
        <v>10771.45</v>
      </c>
      <c r="M52" s="11">
        <v>3841.75</v>
      </c>
      <c r="N52" s="11"/>
      <c r="O52" s="11">
        <v>47847.83</v>
      </c>
      <c r="P52" s="11">
        <v>47847.83</v>
      </c>
    </row>
    <row r="53" spans="2:16" x14ac:dyDescent="0.25">
      <c r="B53" s="9" t="s">
        <v>49</v>
      </c>
      <c r="C53" s="11">
        <v>48722.35</v>
      </c>
      <c r="D53" s="11">
        <v>54073.84</v>
      </c>
      <c r="E53" s="11">
        <v>68951.009999999995</v>
      </c>
      <c r="F53" s="11">
        <v>20744.2</v>
      </c>
      <c r="G53" s="11">
        <v>43282.29</v>
      </c>
      <c r="H53" s="11">
        <v>5359.59</v>
      </c>
      <c r="I53" s="11">
        <v>42340.21</v>
      </c>
      <c r="J53" s="11">
        <v>6316.63</v>
      </c>
      <c r="K53" s="11">
        <v>277282.46000000002</v>
      </c>
      <c r="L53" s="11">
        <v>8368.18</v>
      </c>
      <c r="M53" s="11">
        <v>279063.33</v>
      </c>
      <c r="N53" s="11">
        <v>173321.63</v>
      </c>
      <c r="O53" s="11">
        <v>1027825.72</v>
      </c>
      <c r="P53" s="11">
        <v>1027825.72</v>
      </c>
    </row>
    <row r="54" spans="2:16" x14ac:dyDescent="0.25">
      <c r="B54" s="9" t="s">
        <v>50</v>
      </c>
      <c r="C54" s="11">
        <v>13687.1</v>
      </c>
      <c r="D54" s="11">
        <v>27713.47</v>
      </c>
      <c r="E54" s="11">
        <v>27722.05</v>
      </c>
      <c r="F54" s="11">
        <v>9188.19</v>
      </c>
      <c r="G54" s="11">
        <v>11874.3</v>
      </c>
      <c r="H54" s="11">
        <v>16950.2</v>
      </c>
      <c r="I54" s="11">
        <v>15406.07</v>
      </c>
      <c r="J54" s="11">
        <v>23868.47</v>
      </c>
      <c r="K54" s="11">
        <v>62515.55</v>
      </c>
      <c r="L54" s="11">
        <v>22201.73</v>
      </c>
      <c r="M54" s="11">
        <v>37439.269999999997</v>
      </c>
      <c r="N54" s="11">
        <v>8553.69</v>
      </c>
      <c r="O54" s="11">
        <v>277120.09000000003</v>
      </c>
      <c r="P54" s="11">
        <v>277120.09000000003</v>
      </c>
    </row>
    <row r="55" spans="2:16" x14ac:dyDescent="0.25">
      <c r="B55" s="9" t="s">
        <v>51</v>
      </c>
      <c r="C55" s="11"/>
      <c r="D55" s="11"/>
      <c r="E55" s="11"/>
      <c r="F55" s="11"/>
      <c r="G55" s="11">
        <v>1964.6</v>
      </c>
      <c r="H55" s="11"/>
      <c r="I55" s="11"/>
      <c r="J55" s="11"/>
      <c r="K55" s="11"/>
      <c r="L55" s="11"/>
      <c r="M55" s="11"/>
      <c r="N55" s="11"/>
      <c r="O55" s="11">
        <v>1964.6</v>
      </c>
      <c r="P55" s="11">
        <v>1964.6</v>
      </c>
    </row>
    <row r="56" spans="2:16" x14ac:dyDescent="0.25">
      <c r="B56" s="9" t="s">
        <v>53</v>
      </c>
      <c r="C56" s="11">
        <v>2640.6</v>
      </c>
      <c r="D56" s="11">
        <v>-7765.41</v>
      </c>
      <c r="E56" s="11">
        <v>26850.959999999999</v>
      </c>
      <c r="F56" s="11">
        <v>-808.33</v>
      </c>
      <c r="G56" s="11">
        <v>1281.08</v>
      </c>
      <c r="H56" s="11">
        <v>1.68</v>
      </c>
      <c r="I56" s="11">
        <v>4008.33</v>
      </c>
      <c r="J56" s="11">
        <v>15503.24</v>
      </c>
      <c r="K56" s="11">
        <v>9211.5400000000009</v>
      </c>
      <c r="L56" s="11">
        <v>11446.49</v>
      </c>
      <c r="M56" s="11">
        <v>-114260.67</v>
      </c>
      <c r="N56" s="11">
        <v>1226454.29</v>
      </c>
      <c r="O56" s="11">
        <v>1174563.8</v>
      </c>
      <c r="P56" s="11">
        <v>1174563.8</v>
      </c>
    </row>
    <row r="57" spans="2:16" x14ac:dyDescent="0.25">
      <c r="B57" s="9" t="s">
        <v>54</v>
      </c>
      <c r="C57" s="11">
        <v>4063.15</v>
      </c>
      <c r="D57" s="11">
        <v>4110</v>
      </c>
      <c r="E57" s="11">
        <v>4110</v>
      </c>
      <c r="F57" s="11"/>
      <c r="G57" s="11">
        <v>8223.7000000000007</v>
      </c>
      <c r="H57" s="11">
        <v>4176.3</v>
      </c>
      <c r="I57" s="11">
        <v>4235.55</v>
      </c>
      <c r="J57" s="11">
        <v>4683.97</v>
      </c>
      <c r="K57" s="11">
        <v>5496.33</v>
      </c>
      <c r="L57" s="11">
        <v>5683.09</v>
      </c>
      <c r="M57" s="11">
        <v>4893.4799999999996</v>
      </c>
      <c r="N57" s="11">
        <v>4825.58</v>
      </c>
      <c r="O57" s="11">
        <v>54501.15</v>
      </c>
      <c r="P57" s="11">
        <v>54501.15</v>
      </c>
    </row>
    <row r="58" spans="2:16" x14ac:dyDescent="0.25">
      <c r="B58" s="9" t="s">
        <v>57</v>
      </c>
      <c r="C58" s="11"/>
      <c r="D58" s="11"/>
      <c r="E58" s="11"/>
      <c r="F58" s="11"/>
      <c r="G58" s="11"/>
      <c r="H58" s="11"/>
      <c r="I58" s="11">
        <v>57.29</v>
      </c>
      <c r="J58" s="11"/>
      <c r="K58" s="11"/>
      <c r="L58" s="11"/>
      <c r="M58" s="11">
        <v>41.26</v>
      </c>
      <c r="N58" s="11">
        <v>-6.88</v>
      </c>
      <c r="O58" s="11">
        <v>91.67</v>
      </c>
      <c r="P58" s="11">
        <v>91.67</v>
      </c>
    </row>
    <row r="59" spans="2:16" x14ac:dyDescent="0.25">
      <c r="B59" s="9" t="s">
        <v>58</v>
      </c>
      <c r="C59" s="11"/>
      <c r="D59" s="11"/>
      <c r="E59" s="11"/>
      <c r="F59" s="11"/>
      <c r="G59" s="11"/>
      <c r="H59" s="11"/>
      <c r="I59" s="11">
        <v>200.51</v>
      </c>
      <c r="J59" s="11"/>
      <c r="K59" s="11"/>
      <c r="L59" s="11"/>
      <c r="M59" s="11">
        <v>144.37</v>
      </c>
      <c r="N59" s="11">
        <v>-24.06</v>
      </c>
      <c r="O59" s="11">
        <v>320.82</v>
      </c>
      <c r="P59" s="11">
        <v>320.82</v>
      </c>
    </row>
    <row r="60" spans="2:16" x14ac:dyDescent="0.25">
      <c r="B60" s="9" t="s">
        <v>59</v>
      </c>
      <c r="C60" s="11"/>
      <c r="D60" s="11"/>
      <c r="E60" s="11"/>
      <c r="F60" s="11"/>
      <c r="G60" s="11"/>
      <c r="H60" s="11"/>
      <c r="I60" s="11">
        <v>28.64</v>
      </c>
      <c r="J60" s="11"/>
      <c r="K60" s="11"/>
      <c r="L60" s="11"/>
      <c r="M60" s="11">
        <v>20.62</v>
      </c>
      <c r="N60" s="11">
        <v>-3.44</v>
      </c>
      <c r="O60" s="11">
        <v>45.82</v>
      </c>
      <c r="P60" s="11">
        <v>45.82</v>
      </c>
    </row>
    <row r="61" spans="2:16" x14ac:dyDescent="0.25">
      <c r="B61" s="9" t="s">
        <v>60</v>
      </c>
      <c r="C61" s="11">
        <v>44022.55</v>
      </c>
      <c r="D61" s="11">
        <v>129111.88</v>
      </c>
      <c r="E61" s="11">
        <v>111501.81</v>
      </c>
      <c r="F61" s="11">
        <v>127687.2</v>
      </c>
      <c r="G61" s="11">
        <v>127544.02</v>
      </c>
      <c r="H61" s="11">
        <v>127096.36</v>
      </c>
      <c r="I61" s="11">
        <v>125433.27</v>
      </c>
      <c r="J61" s="11">
        <v>126674.75</v>
      </c>
      <c r="K61" s="11">
        <v>127872.58</v>
      </c>
      <c r="L61" s="11">
        <v>126994.22</v>
      </c>
      <c r="M61" s="11">
        <v>106680.46</v>
      </c>
      <c r="N61" s="11">
        <v>148196.59</v>
      </c>
      <c r="O61" s="11">
        <v>1428815.69</v>
      </c>
      <c r="P61" s="11">
        <v>1428815.69</v>
      </c>
    </row>
    <row r="62" spans="2:16" x14ac:dyDescent="0.25">
      <c r="B62" s="9" t="s">
        <v>61</v>
      </c>
      <c r="C62" s="11"/>
      <c r="D62" s="11"/>
      <c r="E62" s="11"/>
      <c r="F62" s="11"/>
      <c r="G62" s="11"/>
      <c r="H62" s="11"/>
      <c r="I62" s="11"/>
      <c r="J62" s="11"/>
      <c r="K62" s="11"/>
      <c r="L62" s="11"/>
      <c r="M62" s="11"/>
      <c r="N62" s="11">
        <v>-68293</v>
      </c>
      <c r="O62" s="11">
        <v>-68293</v>
      </c>
      <c r="P62" s="11">
        <v>-68293</v>
      </c>
    </row>
    <row r="63" spans="2:16" x14ac:dyDescent="0.25">
      <c r="B63" s="9" t="s">
        <v>62</v>
      </c>
      <c r="C63" s="11">
        <v>1553.23</v>
      </c>
      <c r="D63" s="11">
        <v>3355.7</v>
      </c>
      <c r="E63" s="11">
        <v>1334.86</v>
      </c>
      <c r="F63" s="11">
        <v>839.95</v>
      </c>
      <c r="G63" s="11">
        <v>1538.64</v>
      </c>
      <c r="H63" s="11">
        <v>512.74</v>
      </c>
      <c r="I63" s="11">
        <v>2951.06</v>
      </c>
      <c r="J63" s="11">
        <v>2768.53</v>
      </c>
      <c r="K63" s="11">
        <v>697.79</v>
      </c>
      <c r="L63" s="11">
        <v>125.62</v>
      </c>
      <c r="M63" s="11">
        <v>8123.53</v>
      </c>
      <c r="N63" s="11">
        <v>682.63</v>
      </c>
      <c r="O63" s="11">
        <v>24484.28</v>
      </c>
      <c r="P63" s="11">
        <v>24484.28</v>
      </c>
    </row>
    <row r="64" spans="2:16" x14ac:dyDescent="0.25">
      <c r="B64" s="9" t="s">
        <v>63</v>
      </c>
      <c r="C64" s="11"/>
      <c r="D64" s="11">
        <v>126.35</v>
      </c>
      <c r="E64" s="11">
        <v>672.88</v>
      </c>
      <c r="F64" s="11"/>
      <c r="G64" s="11">
        <v>22325.16</v>
      </c>
      <c r="H64" s="11">
        <v>47.17</v>
      </c>
      <c r="I64" s="11"/>
      <c r="J64" s="11"/>
      <c r="K64" s="11"/>
      <c r="L64" s="11"/>
      <c r="M64" s="11">
        <v>733.26</v>
      </c>
      <c r="N64" s="11">
        <v>17.93</v>
      </c>
      <c r="O64" s="11">
        <v>23922.75</v>
      </c>
      <c r="P64" s="11">
        <v>23922.75</v>
      </c>
    </row>
    <row r="65" spans="2:16" x14ac:dyDescent="0.25">
      <c r="B65" s="9" t="s">
        <v>64</v>
      </c>
      <c r="C65" s="11"/>
      <c r="D65" s="11"/>
      <c r="E65" s="11">
        <v>142500</v>
      </c>
      <c r="F65" s="11"/>
      <c r="G65" s="11"/>
      <c r="H65" s="11">
        <v>142500</v>
      </c>
      <c r="I65" s="11"/>
      <c r="J65" s="11"/>
      <c r="K65" s="11">
        <v>142500</v>
      </c>
      <c r="L65" s="11"/>
      <c r="M65" s="11"/>
      <c r="N65" s="11"/>
      <c r="O65" s="11">
        <v>427500</v>
      </c>
      <c r="P65" s="11">
        <v>427500</v>
      </c>
    </row>
    <row r="66" spans="2:16" x14ac:dyDescent="0.25">
      <c r="B66" s="9" t="s">
        <v>65</v>
      </c>
      <c r="C66" s="11">
        <v>25.51</v>
      </c>
      <c r="D66" s="11">
        <v>624.70000000000005</v>
      </c>
      <c r="E66" s="11">
        <v>771.84</v>
      </c>
      <c r="F66" s="11">
        <v>691.51</v>
      </c>
      <c r="G66" s="11">
        <v>89.72</v>
      </c>
      <c r="H66" s="11">
        <v>21.18</v>
      </c>
      <c r="I66" s="11">
        <v>419.37</v>
      </c>
      <c r="J66" s="11">
        <v>250.42</v>
      </c>
      <c r="K66" s="11">
        <v>167.57</v>
      </c>
      <c r="L66" s="11">
        <v>65.69</v>
      </c>
      <c r="M66" s="11">
        <v>168</v>
      </c>
      <c r="N66" s="11">
        <v>-49.82</v>
      </c>
      <c r="O66" s="11">
        <v>3245.69</v>
      </c>
      <c r="P66" s="11">
        <v>3245.69</v>
      </c>
    </row>
    <row r="67" spans="2:16" x14ac:dyDescent="0.25">
      <c r="B67" s="9" t="s">
        <v>66</v>
      </c>
      <c r="C67" s="11"/>
      <c r="D67" s="11"/>
      <c r="E67" s="11"/>
      <c r="F67" s="11"/>
      <c r="G67" s="11"/>
      <c r="H67" s="11"/>
      <c r="I67" s="11"/>
      <c r="J67" s="11"/>
      <c r="K67" s="11">
        <v>4.49</v>
      </c>
      <c r="L67" s="11"/>
      <c r="M67" s="11"/>
      <c r="N67" s="11"/>
      <c r="O67" s="11">
        <v>4.49</v>
      </c>
      <c r="P67" s="11">
        <v>4.49</v>
      </c>
    </row>
    <row r="68" spans="2:16" x14ac:dyDescent="0.25">
      <c r="B68" s="9" t="s">
        <v>67</v>
      </c>
      <c r="C68" s="11">
        <v>110.95</v>
      </c>
      <c r="D68" s="11">
        <v>84.42</v>
      </c>
      <c r="E68" s="11">
        <v>280.79000000000002</v>
      </c>
      <c r="F68" s="11">
        <v>78.400000000000006</v>
      </c>
      <c r="G68" s="11">
        <v>118.4</v>
      </c>
      <c r="H68" s="11">
        <v>63.19</v>
      </c>
      <c r="I68" s="11">
        <v>181.76</v>
      </c>
      <c r="J68" s="11">
        <v>306.36</v>
      </c>
      <c r="K68" s="11">
        <v>304.66000000000003</v>
      </c>
      <c r="L68" s="11">
        <v>27.73</v>
      </c>
      <c r="M68" s="11">
        <v>71.86</v>
      </c>
      <c r="N68" s="11">
        <v>76.81</v>
      </c>
      <c r="O68" s="11">
        <v>1705.33</v>
      </c>
      <c r="P68" s="11">
        <v>1705.33</v>
      </c>
    </row>
    <row r="69" spans="2:16" x14ac:dyDescent="0.25">
      <c r="B69" s="9" t="s">
        <v>69</v>
      </c>
      <c r="C69" s="11">
        <v>-1.04</v>
      </c>
      <c r="D69" s="11">
        <v>-1.57</v>
      </c>
      <c r="E69" s="11"/>
      <c r="F69" s="11"/>
      <c r="G69" s="11"/>
      <c r="H69" s="11">
        <v>4318.1899999999996</v>
      </c>
      <c r="I69" s="11"/>
      <c r="J69" s="11"/>
      <c r="K69" s="11">
        <v>-44.32</v>
      </c>
      <c r="L69" s="11"/>
      <c r="M69" s="11">
        <v>44.32</v>
      </c>
      <c r="N69" s="11"/>
      <c r="O69" s="11">
        <v>4315.58</v>
      </c>
      <c r="P69" s="11">
        <v>4315.58</v>
      </c>
    </row>
    <row r="70" spans="2:16" x14ac:dyDescent="0.25">
      <c r="B70" s="9" t="s">
        <v>70</v>
      </c>
      <c r="C70" s="11">
        <v>685.54</v>
      </c>
      <c r="D70" s="11">
        <v>898.36</v>
      </c>
      <c r="E70" s="11">
        <v>802.66</v>
      </c>
      <c r="F70" s="11">
        <v>317.63</v>
      </c>
      <c r="G70" s="11">
        <v>1096.56</v>
      </c>
      <c r="H70" s="11">
        <v>98.15</v>
      </c>
      <c r="I70" s="11">
        <v>38.17</v>
      </c>
      <c r="J70" s="11">
        <v>2515.17</v>
      </c>
      <c r="K70" s="11">
        <v>1055.81</v>
      </c>
      <c r="L70" s="11">
        <v>69330.759999999995</v>
      </c>
      <c r="M70" s="11">
        <v>1314.77</v>
      </c>
      <c r="N70" s="11">
        <v>14.11</v>
      </c>
      <c r="O70" s="11">
        <v>78167.69</v>
      </c>
      <c r="P70" s="11">
        <v>78167.69</v>
      </c>
    </row>
    <row r="71" spans="2:16" x14ac:dyDescent="0.25">
      <c r="B71" s="9" t="s">
        <v>71</v>
      </c>
      <c r="C71" s="11">
        <v>755.67</v>
      </c>
      <c r="D71" s="11">
        <v>1324.34</v>
      </c>
      <c r="E71" s="11">
        <v>17.010000000000002</v>
      </c>
      <c r="F71" s="11">
        <v>110.43</v>
      </c>
      <c r="G71" s="11">
        <v>1171.03</v>
      </c>
      <c r="H71" s="11">
        <v>1198.4000000000001</v>
      </c>
      <c r="I71" s="11">
        <v>902.5</v>
      </c>
      <c r="J71" s="11">
        <v>517.6</v>
      </c>
      <c r="K71" s="11">
        <v>453.82</v>
      </c>
      <c r="L71" s="11">
        <v>156.84</v>
      </c>
      <c r="M71" s="11">
        <v>737.82</v>
      </c>
      <c r="N71" s="11">
        <v>3314.97</v>
      </c>
      <c r="O71" s="11">
        <v>10660.43</v>
      </c>
      <c r="P71" s="11">
        <v>10660.43</v>
      </c>
    </row>
    <row r="72" spans="2:16" x14ac:dyDescent="0.25">
      <c r="B72" s="9" t="s">
        <v>72</v>
      </c>
      <c r="C72" s="11">
        <v>64870.51</v>
      </c>
      <c r="D72" s="11">
        <v>-30830.44</v>
      </c>
      <c r="E72" s="11">
        <v>56702.8</v>
      </c>
      <c r="F72" s="11">
        <v>38311.83</v>
      </c>
      <c r="G72" s="11">
        <v>7874.98</v>
      </c>
      <c r="H72" s="11">
        <v>7283.45</v>
      </c>
      <c r="I72" s="11">
        <v>17144.169999999998</v>
      </c>
      <c r="J72" s="11">
        <v>5699.22</v>
      </c>
      <c r="K72" s="11">
        <v>13730.04</v>
      </c>
      <c r="L72" s="11">
        <v>7957.93</v>
      </c>
      <c r="M72" s="11">
        <v>15687.93</v>
      </c>
      <c r="N72" s="11">
        <v>-5019.04</v>
      </c>
      <c r="O72" s="11">
        <v>199413.38</v>
      </c>
      <c r="P72" s="11">
        <v>199413.38</v>
      </c>
    </row>
    <row r="73" spans="2:16" x14ac:dyDescent="0.25">
      <c r="B73" s="9" t="s">
        <v>74</v>
      </c>
      <c r="C73" s="11">
        <v>530.47</v>
      </c>
      <c r="D73" s="11">
        <v>4662.1000000000004</v>
      </c>
      <c r="E73" s="11">
        <v>607.85</v>
      </c>
      <c r="F73" s="11">
        <v>1026.71</v>
      </c>
      <c r="G73" s="11">
        <v>1489.18</v>
      </c>
      <c r="H73" s="11">
        <v>1749.58</v>
      </c>
      <c r="I73" s="11">
        <v>1988.11</v>
      </c>
      <c r="J73" s="11">
        <v>2538.1799999999998</v>
      </c>
      <c r="K73" s="11">
        <v>3936.39</v>
      </c>
      <c r="L73" s="11">
        <v>109.27</v>
      </c>
      <c r="M73" s="11">
        <v>1563.25</v>
      </c>
      <c r="N73" s="11"/>
      <c r="O73" s="11">
        <v>20201.09</v>
      </c>
      <c r="P73" s="11">
        <v>20201.09</v>
      </c>
    </row>
    <row r="74" spans="2:16" x14ac:dyDescent="0.25">
      <c r="B74" s="9" t="s">
        <v>75</v>
      </c>
      <c r="C74" s="11"/>
      <c r="D74" s="11"/>
      <c r="E74" s="11"/>
      <c r="F74" s="11">
        <v>-0.56000000000000005</v>
      </c>
      <c r="G74" s="11">
        <v>-0.56000000000000005</v>
      </c>
      <c r="H74" s="11">
        <v>-0.56000000000000005</v>
      </c>
      <c r="I74" s="11">
        <v>-0.56000000000000005</v>
      </c>
      <c r="J74" s="11">
        <v>-0.56000000000000005</v>
      </c>
      <c r="K74" s="11">
        <v>-0.56000000000000005</v>
      </c>
      <c r="L74" s="11"/>
      <c r="M74" s="11"/>
      <c r="N74" s="11"/>
      <c r="O74" s="11">
        <v>-3.36</v>
      </c>
      <c r="P74" s="11">
        <v>-3.36</v>
      </c>
    </row>
    <row r="75" spans="2:16" x14ac:dyDescent="0.25">
      <c r="B75" s="9" t="s">
        <v>76</v>
      </c>
      <c r="C75" s="11">
        <v>525.54999999999995</v>
      </c>
      <c r="D75" s="11">
        <v>652.54</v>
      </c>
      <c r="E75" s="11">
        <v>539.89</v>
      </c>
      <c r="F75" s="11">
        <v>236.42</v>
      </c>
      <c r="G75" s="11">
        <v>444.74</v>
      </c>
      <c r="H75" s="11">
        <v>557.54999999999995</v>
      </c>
      <c r="I75" s="11">
        <v>221.82</v>
      </c>
      <c r="J75" s="11">
        <v>230.66</v>
      </c>
      <c r="K75" s="11">
        <v>249.57</v>
      </c>
      <c r="L75" s="11">
        <v>304.44</v>
      </c>
      <c r="M75" s="11">
        <v>144.83000000000001</v>
      </c>
      <c r="N75" s="11">
        <v>390.51</v>
      </c>
      <c r="O75" s="11">
        <v>4498.5200000000004</v>
      </c>
      <c r="P75" s="11">
        <v>4498.5200000000004</v>
      </c>
    </row>
    <row r="76" spans="2:16" x14ac:dyDescent="0.25">
      <c r="B76" s="9" t="s">
        <v>77</v>
      </c>
      <c r="C76" s="11">
        <v>176.41</v>
      </c>
      <c r="D76" s="11">
        <v>116.69</v>
      </c>
      <c r="E76" s="11">
        <v>31653.26</v>
      </c>
      <c r="F76" s="11">
        <v>83041.600000000006</v>
      </c>
      <c r="G76" s="11">
        <v>58703.1</v>
      </c>
      <c r="H76" s="11"/>
      <c r="I76" s="11">
        <v>10174.92</v>
      </c>
      <c r="J76" s="11">
        <v>-1364.51</v>
      </c>
      <c r="K76" s="11">
        <v>83522.05</v>
      </c>
      <c r="L76" s="11">
        <v>-16800.57</v>
      </c>
      <c r="M76" s="11">
        <v>-18982.060000000001</v>
      </c>
      <c r="N76" s="11">
        <v>1372.85</v>
      </c>
      <c r="O76" s="11">
        <v>231613.74</v>
      </c>
      <c r="P76" s="11">
        <v>231613.74</v>
      </c>
    </row>
    <row r="77" spans="2:16" x14ac:dyDescent="0.25">
      <c r="B77" s="9" t="s">
        <v>78</v>
      </c>
      <c r="C77" s="11"/>
      <c r="D77" s="11"/>
      <c r="E77" s="11"/>
      <c r="F77" s="11"/>
      <c r="G77" s="11"/>
      <c r="H77" s="11"/>
      <c r="I77" s="11"/>
      <c r="J77" s="11"/>
      <c r="K77" s="11"/>
      <c r="L77" s="11"/>
      <c r="M77" s="11">
        <v>49528.88</v>
      </c>
      <c r="N77" s="11"/>
      <c r="O77" s="11">
        <v>49528.88</v>
      </c>
      <c r="P77" s="11">
        <v>49528.88</v>
      </c>
    </row>
    <row r="78" spans="2:16" x14ac:dyDescent="0.25">
      <c r="B78" s="9" t="s">
        <v>79</v>
      </c>
      <c r="C78" s="11">
        <v>23877.29</v>
      </c>
      <c r="D78" s="11">
        <v>15714.47</v>
      </c>
      <c r="E78" s="11">
        <v>16281.64</v>
      </c>
      <c r="F78" s="11">
        <v>23604.51</v>
      </c>
      <c r="G78" s="11">
        <v>69554.039999999994</v>
      </c>
      <c r="H78" s="11">
        <v>20864.72</v>
      </c>
      <c r="I78" s="11">
        <v>28976.33</v>
      </c>
      <c r="J78" s="11">
        <v>11134.36</v>
      </c>
      <c r="K78" s="11">
        <v>18012.36</v>
      </c>
      <c r="L78" s="11">
        <v>7948.23</v>
      </c>
      <c r="M78" s="11">
        <v>4883.57</v>
      </c>
      <c r="N78" s="11">
        <v>12366.62</v>
      </c>
      <c r="O78" s="11">
        <v>253218.14</v>
      </c>
      <c r="P78" s="11">
        <v>253218.14</v>
      </c>
    </row>
    <row r="79" spans="2:16" x14ac:dyDescent="0.25">
      <c r="B79" s="9" t="s">
        <v>80</v>
      </c>
      <c r="C79" s="11">
        <v>27942.06</v>
      </c>
      <c r="D79" s="11">
        <v>14435.92</v>
      </c>
      <c r="E79" s="11">
        <v>29146.15</v>
      </c>
      <c r="F79" s="11">
        <v>12592.35</v>
      </c>
      <c r="G79" s="11">
        <v>15631.04</v>
      </c>
      <c r="H79" s="11">
        <v>26890.76</v>
      </c>
      <c r="I79" s="11">
        <v>36885.78</v>
      </c>
      <c r="J79" s="11">
        <v>28891.46</v>
      </c>
      <c r="K79" s="11">
        <v>23026.97</v>
      </c>
      <c r="L79" s="11">
        <v>16720.919999999998</v>
      </c>
      <c r="M79" s="11">
        <v>15877.52</v>
      </c>
      <c r="N79" s="11">
        <v>23813.040000000001</v>
      </c>
      <c r="O79" s="11">
        <v>271853.96999999997</v>
      </c>
      <c r="P79" s="11">
        <v>271853.96999999997</v>
      </c>
    </row>
    <row r="80" spans="2:16" x14ac:dyDescent="0.25">
      <c r="B80" s="9" t="s">
        <v>81</v>
      </c>
      <c r="C80" s="11">
        <v>55926.39</v>
      </c>
      <c r="D80" s="11">
        <v>38888.81</v>
      </c>
      <c r="E80" s="11">
        <v>46581.98</v>
      </c>
      <c r="F80" s="11">
        <v>34474.25</v>
      </c>
      <c r="G80" s="11">
        <v>41012.980000000003</v>
      </c>
      <c r="H80" s="11">
        <v>50941.23</v>
      </c>
      <c r="I80" s="11">
        <v>63683.28</v>
      </c>
      <c r="J80" s="11">
        <v>35003.39</v>
      </c>
      <c r="K80" s="11">
        <v>50279.8</v>
      </c>
      <c r="L80" s="11">
        <v>37156.76</v>
      </c>
      <c r="M80" s="11">
        <v>30620.94</v>
      </c>
      <c r="N80" s="11">
        <v>62864.4</v>
      </c>
      <c r="O80" s="11">
        <v>547434.21</v>
      </c>
      <c r="P80" s="11">
        <v>547434.21</v>
      </c>
    </row>
    <row r="81" spans="2:16" x14ac:dyDescent="0.25">
      <c r="B81" s="9" t="s">
        <v>82</v>
      </c>
      <c r="C81" s="11">
        <v>76562.05</v>
      </c>
      <c r="D81" s="11">
        <v>42488.85</v>
      </c>
      <c r="E81" s="11">
        <v>59511.19</v>
      </c>
      <c r="F81" s="11">
        <v>40020.120000000003</v>
      </c>
      <c r="G81" s="11">
        <v>29625.08</v>
      </c>
      <c r="H81" s="11">
        <v>43074.75</v>
      </c>
      <c r="I81" s="11">
        <v>29789.91</v>
      </c>
      <c r="J81" s="11">
        <v>57139.85</v>
      </c>
      <c r="K81" s="11">
        <v>49846.85</v>
      </c>
      <c r="L81" s="11">
        <v>43017.97</v>
      </c>
      <c r="M81" s="11">
        <v>45001.58</v>
      </c>
      <c r="N81" s="11">
        <v>145302.51999999999</v>
      </c>
      <c r="O81" s="11">
        <v>661380.72</v>
      </c>
      <c r="P81" s="11">
        <v>661380.72</v>
      </c>
    </row>
    <row r="82" spans="2:16" x14ac:dyDescent="0.25">
      <c r="B82" s="9" t="s">
        <v>83</v>
      </c>
      <c r="C82" s="11">
        <v>4015.45</v>
      </c>
      <c r="D82" s="11">
        <v>13.75</v>
      </c>
      <c r="E82" s="11">
        <v>-1130</v>
      </c>
      <c r="F82" s="11">
        <v>3896.9</v>
      </c>
      <c r="G82" s="11">
        <v>23981</v>
      </c>
      <c r="H82" s="11">
        <v>-2852</v>
      </c>
      <c r="I82" s="11">
        <v>18315.8</v>
      </c>
      <c r="J82" s="11">
        <v>21781.75</v>
      </c>
      <c r="K82" s="11">
        <v>4118</v>
      </c>
      <c r="L82" s="11">
        <v>2412.8000000000002</v>
      </c>
      <c r="M82" s="11">
        <v>-10518.75</v>
      </c>
      <c r="N82" s="11">
        <v>-42920</v>
      </c>
      <c r="O82" s="11">
        <v>21114.7</v>
      </c>
      <c r="P82" s="11">
        <v>21114.7</v>
      </c>
    </row>
    <row r="83" spans="2:16" x14ac:dyDescent="0.25">
      <c r="B83" s="9" t="s">
        <v>84</v>
      </c>
      <c r="C83" s="11">
        <v>1916.23</v>
      </c>
      <c r="D83" s="11">
        <v>3583.42</v>
      </c>
      <c r="E83" s="11">
        <v>3223.42</v>
      </c>
      <c r="F83" s="11">
        <v>2744.61</v>
      </c>
      <c r="G83" s="11">
        <v>2947.89</v>
      </c>
      <c r="H83" s="11">
        <v>2323.12</v>
      </c>
      <c r="I83" s="11">
        <v>3117.32</v>
      </c>
      <c r="J83" s="11">
        <v>4323.34</v>
      </c>
      <c r="K83" s="11">
        <v>2720.1</v>
      </c>
      <c r="L83" s="11">
        <v>2845.99</v>
      </c>
      <c r="M83" s="11">
        <v>2731.37</v>
      </c>
      <c r="N83" s="11">
        <v>820.38</v>
      </c>
      <c r="O83" s="11">
        <v>33297.19</v>
      </c>
      <c r="P83" s="11">
        <v>33297.19</v>
      </c>
    </row>
    <row r="84" spans="2:16" x14ac:dyDescent="0.25">
      <c r="B84" s="9" t="s">
        <v>85</v>
      </c>
      <c r="C84" s="11">
        <v>148.79</v>
      </c>
      <c r="D84" s="11">
        <v>2516.41</v>
      </c>
      <c r="E84" s="11">
        <v>247.36</v>
      </c>
      <c r="F84" s="11">
        <v>426.46</v>
      </c>
      <c r="G84" s="11">
        <v>463.11</v>
      </c>
      <c r="H84" s="11">
        <v>890.62</v>
      </c>
      <c r="I84" s="11">
        <v>325.06</v>
      </c>
      <c r="J84" s="11">
        <v>14.13</v>
      </c>
      <c r="K84" s="11">
        <v>1027.26</v>
      </c>
      <c r="L84" s="11">
        <v>82.98</v>
      </c>
      <c r="M84" s="11">
        <v>28.66</v>
      </c>
      <c r="N84" s="11">
        <v>156.66999999999999</v>
      </c>
      <c r="O84" s="11">
        <v>6327.51</v>
      </c>
      <c r="P84" s="11">
        <v>6327.51</v>
      </c>
    </row>
    <row r="85" spans="2:16" x14ac:dyDescent="0.25">
      <c r="B85" s="9" t="s">
        <v>86</v>
      </c>
      <c r="C85" s="11">
        <v>867.37</v>
      </c>
      <c r="D85" s="11">
        <v>6972.94</v>
      </c>
      <c r="E85" s="11">
        <v>2411.35</v>
      </c>
      <c r="F85" s="11">
        <v>665.05</v>
      </c>
      <c r="G85" s="11">
        <v>2367.0100000000002</v>
      </c>
      <c r="H85" s="11">
        <v>620.35</v>
      </c>
      <c r="I85" s="11">
        <v>385.94</v>
      </c>
      <c r="J85" s="11">
        <v>387.53</v>
      </c>
      <c r="K85" s="11">
        <v>915.05</v>
      </c>
      <c r="L85" s="11">
        <v>338.39</v>
      </c>
      <c r="M85" s="11">
        <v>1584.65</v>
      </c>
      <c r="N85" s="11">
        <v>1774.07</v>
      </c>
      <c r="O85" s="11">
        <v>19289.7</v>
      </c>
      <c r="P85" s="11">
        <v>19289.7</v>
      </c>
    </row>
    <row r="86" spans="2:16" x14ac:dyDescent="0.25">
      <c r="B86" s="9" t="s">
        <v>87</v>
      </c>
      <c r="C86" s="11">
        <v>277880.59999999998</v>
      </c>
      <c r="D86" s="11">
        <v>110357.25</v>
      </c>
      <c r="E86" s="11">
        <v>44646.09</v>
      </c>
      <c r="F86" s="11">
        <v>538063.44999999995</v>
      </c>
      <c r="G86" s="11">
        <v>42853.04</v>
      </c>
      <c r="H86" s="11">
        <v>221905.57</v>
      </c>
      <c r="I86" s="11">
        <v>69368.73</v>
      </c>
      <c r="J86" s="11">
        <v>139118.34</v>
      </c>
      <c r="K86" s="11">
        <v>95267.98</v>
      </c>
      <c r="L86" s="11">
        <v>144737.12</v>
      </c>
      <c r="M86" s="11">
        <v>192036.02</v>
      </c>
      <c r="N86" s="11">
        <v>155088.09</v>
      </c>
      <c r="O86" s="11">
        <v>2031322.28</v>
      </c>
      <c r="P86" s="11">
        <v>2031322.28</v>
      </c>
    </row>
    <row r="87" spans="2:16" x14ac:dyDescent="0.25">
      <c r="B87" s="9" t="s">
        <v>88</v>
      </c>
      <c r="C87" s="11">
        <v>187455.39</v>
      </c>
      <c r="D87" s="11">
        <v>408669.18</v>
      </c>
      <c r="E87" s="11">
        <v>630890.30000000005</v>
      </c>
      <c r="F87" s="11">
        <v>471580.21</v>
      </c>
      <c r="G87" s="11">
        <v>278964.36</v>
      </c>
      <c r="H87" s="11">
        <v>431384.89</v>
      </c>
      <c r="I87" s="11">
        <v>358444.69</v>
      </c>
      <c r="J87" s="11">
        <v>213686.95</v>
      </c>
      <c r="K87" s="11">
        <v>351976.97</v>
      </c>
      <c r="L87" s="11">
        <v>322108.86</v>
      </c>
      <c r="M87" s="11">
        <v>75242.2</v>
      </c>
      <c r="N87" s="11">
        <v>274590.28999999998</v>
      </c>
      <c r="O87" s="11">
        <v>4004994.29</v>
      </c>
      <c r="P87" s="11">
        <v>4004994.29</v>
      </c>
    </row>
    <row r="88" spans="2:16" x14ac:dyDescent="0.25">
      <c r="B88" s="9" t="s">
        <v>89</v>
      </c>
      <c r="C88" s="11">
        <v>18130.45</v>
      </c>
      <c r="D88" s="11">
        <v>-3354.77</v>
      </c>
      <c r="E88" s="11">
        <v>138976.24</v>
      </c>
      <c r="F88" s="11">
        <v>-81390.53</v>
      </c>
      <c r="G88" s="11">
        <v>14070.29</v>
      </c>
      <c r="H88" s="11">
        <v>12354.01</v>
      </c>
      <c r="I88" s="11">
        <v>17268.61</v>
      </c>
      <c r="J88" s="11">
        <v>13147.12</v>
      </c>
      <c r="K88" s="11">
        <v>20404.810000000001</v>
      </c>
      <c r="L88" s="11">
        <v>9995.94</v>
      </c>
      <c r="M88" s="11">
        <v>-622.39</v>
      </c>
      <c r="N88" s="11">
        <v>11613.99</v>
      </c>
      <c r="O88" s="11">
        <v>170593.77</v>
      </c>
      <c r="P88" s="11">
        <v>170593.77</v>
      </c>
    </row>
    <row r="89" spans="2:16" x14ac:dyDescent="0.25">
      <c r="B89" s="9" t="s">
        <v>90</v>
      </c>
      <c r="C89" s="11">
        <v>455.55</v>
      </c>
      <c r="D89" s="11"/>
      <c r="E89" s="11">
        <v>0</v>
      </c>
      <c r="F89" s="11">
        <v>4725</v>
      </c>
      <c r="G89" s="11">
        <v>3748.51</v>
      </c>
      <c r="H89" s="11"/>
      <c r="I89" s="11"/>
      <c r="J89" s="11"/>
      <c r="K89" s="11">
        <v>3658.85</v>
      </c>
      <c r="L89" s="11"/>
      <c r="M89" s="11">
        <v>1764.07</v>
      </c>
      <c r="N89" s="11">
        <v>6551.87</v>
      </c>
      <c r="O89" s="11">
        <v>20903.849999999999</v>
      </c>
      <c r="P89" s="11">
        <v>20903.849999999999</v>
      </c>
    </row>
    <row r="90" spans="2:16" x14ac:dyDescent="0.25">
      <c r="B90" s="9" t="s">
        <v>91</v>
      </c>
      <c r="C90" s="11">
        <v>3892.58</v>
      </c>
      <c r="D90" s="11">
        <v>2362.85</v>
      </c>
      <c r="E90" s="11">
        <v>30322.09</v>
      </c>
      <c r="F90" s="11">
        <v>13392.43</v>
      </c>
      <c r="G90" s="11">
        <v>20559.75</v>
      </c>
      <c r="H90" s="11">
        <v>15420.01</v>
      </c>
      <c r="I90" s="11">
        <v>17306.7</v>
      </c>
      <c r="J90" s="11">
        <v>17047.14</v>
      </c>
      <c r="K90" s="11">
        <v>5058.96</v>
      </c>
      <c r="L90" s="11">
        <v>34671.31</v>
      </c>
      <c r="M90" s="11">
        <v>19961.13</v>
      </c>
      <c r="N90" s="11">
        <v>16382.64</v>
      </c>
      <c r="O90" s="11">
        <v>196377.59</v>
      </c>
      <c r="P90" s="11">
        <v>196377.59</v>
      </c>
    </row>
    <row r="91" spans="2:16" x14ac:dyDescent="0.25">
      <c r="B91" s="9" t="s">
        <v>92</v>
      </c>
      <c r="C91" s="11">
        <v>8930.35</v>
      </c>
      <c r="D91" s="11">
        <v>5862.17</v>
      </c>
      <c r="E91" s="11">
        <v>5271.53</v>
      </c>
      <c r="F91" s="11"/>
      <c r="G91" s="11">
        <v>17665.669999999998</v>
      </c>
      <c r="H91" s="11">
        <v>19465.61</v>
      </c>
      <c r="I91" s="11">
        <v>2866.08</v>
      </c>
      <c r="J91" s="11"/>
      <c r="K91" s="11"/>
      <c r="L91" s="11"/>
      <c r="M91" s="11"/>
      <c r="N91" s="11"/>
      <c r="O91" s="11">
        <v>60061.41</v>
      </c>
      <c r="P91" s="11">
        <v>60061.41</v>
      </c>
    </row>
    <row r="92" spans="2:16" x14ac:dyDescent="0.25">
      <c r="B92" s="9" t="s">
        <v>95</v>
      </c>
      <c r="C92" s="11"/>
      <c r="D92" s="11"/>
      <c r="E92" s="11"/>
      <c r="F92" s="11">
        <v>91.74</v>
      </c>
      <c r="G92" s="11">
        <v>8.27</v>
      </c>
      <c r="H92" s="11"/>
      <c r="I92" s="11"/>
      <c r="J92" s="11"/>
      <c r="K92" s="11"/>
      <c r="L92" s="11"/>
      <c r="M92" s="11"/>
      <c r="N92" s="11"/>
      <c r="O92" s="11">
        <v>100.01</v>
      </c>
      <c r="P92" s="11">
        <v>100.01</v>
      </c>
    </row>
    <row r="93" spans="2:16" x14ac:dyDescent="0.25">
      <c r="B93" s="9" t="s">
        <v>96</v>
      </c>
      <c r="C93" s="11">
        <v>16871.23</v>
      </c>
      <c r="D93" s="11">
        <v>14090.3</v>
      </c>
      <c r="E93" s="11">
        <v>12100.48</v>
      </c>
      <c r="F93" s="11">
        <v>11352.2</v>
      </c>
      <c r="G93" s="11">
        <v>11972.35</v>
      </c>
      <c r="H93" s="11">
        <v>12029.41</v>
      </c>
      <c r="I93" s="11">
        <v>15260.75</v>
      </c>
      <c r="J93" s="11">
        <v>11627.86</v>
      </c>
      <c r="K93" s="11">
        <v>12105.66</v>
      </c>
      <c r="L93" s="11">
        <v>12163.44</v>
      </c>
      <c r="M93" s="11">
        <v>13522.14</v>
      </c>
      <c r="N93" s="11">
        <v>14123.7</v>
      </c>
      <c r="O93" s="11">
        <v>157219.51999999999</v>
      </c>
      <c r="P93" s="11">
        <v>157219.51999999999</v>
      </c>
    </row>
    <row r="94" spans="2:16" x14ac:dyDescent="0.25">
      <c r="B94" s="9" t="s">
        <v>97</v>
      </c>
      <c r="C94" s="11">
        <v>5460.13</v>
      </c>
      <c r="D94" s="11">
        <v>4529.6499999999996</v>
      </c>
      <c r="E94" s="11">
        <v>4252.53</v>
      </c>
      <c r="F94" s="11">
        <v>466.79</v>
      </c>
      <c r="G94" s="11">
        <v>17633.34</v>
      </c>
      <c r="H94" s="11">
        <v>2981.99</v>
      </c>
      <c r="I94" s="11">
        <v>2837.3</v>
      </c>
      <c r="J94" s="11">
        <v>20.170000000000002</v>
      </c>
      <c r="K94" s="11">
        <v>-25.57</v>
      </c>
      <c r="L94" s="11">
        <v>-28.89</v>
      </c>
      <c r="M94" s="11">
        <v>126.24</v>
      </c>
      <c r="N94" s="11">
        <v>2885.95</v>
      </c>
      <c r="O94" s="11">
        <v>41139.629999999997</v>
      </c>
      <c r="P94" s="11">
        <v>41139.629999999997</v>
      </c>
    </row>
    <row r="95" spans="2:16" x14ac:dyDescent="0.25">
      <c r="B95" s="9" t="s">
        <v>98</v>
      </c>
      <c r="C95" s="11"/>
      <c r="D95" s="11"/>
      <c r="E95" s="11">
        <v>-0.76</v>
      </c>
      <c r="F95" s="11"/>
      <c r="G95" s="11"/>
      <c r="H95" s="11"/>
      <c r="I95" s="11"/>
      <c r="J95" s="11"/>
      <c r="K95" s="11"/>
      <c r="L95" s="11">
        <v>0.76</v>
      </c>
      <c r="M95" s="11">
        <v>0.65</v>
      </c>
      <c r="N95" s="11">
        <v>0.08</v>
      </c>
      <c r="O95" s="11">
        <v>0.73</v>
      </c>
      <c r="P95" s="11">
        <v>0.73</v>
      </c>
    </row>
    <row r="96" spans="2:16" x14ac:dyDescent="0.25">
      <c r="B96" s="9" t="s">
        <v>99</v>
      </c>
      <c r="C96" s="11"/>
      <c r="D96" s="11"/>
      <c r="E96" s="11"/>
      <c r="F96" s="11"/>
      <c r="G96" s="11"/>
      <c r="H96" s="11"/>
      <c r="I96" s="11"/>
      <c r="J96" s="11"/>
      <c r="K96" s="11"/>
      <c r="L96" s="11">
        <v>0.7</v>
      </c>
      <c r="M96" s="11">
        <v>0.62</v>
      </c>
      <c r="N96" s="11">
        <v>7.0000000000000007E-2</v>
      </c>
      <c r="O96" s="11">
        <v>1.39</v>
      </c>
      <c r="P96" s="11">
        <v>1.39</v>
      </c>
    </row>
    <row r="97" spans="2:16" x14ac:dyDescent="0.25">
      <c r="B97" s="9" t="s">
        <v>100</v>
      </c>
      <c r="C97" s="11"/>
      <c r="D97" s="11"/>
      <c r="E97" s="11">
        <v>-0.59</v>
      </c>
      <c r="F97" s="11"/>
      <c r="G97" s="11"/>
      <c r="H97" s="11"/>
      <c r="I97" s="11"/>
      <c r="J97" s="11"/>
      <c r="K97" s="11"/>
      <c r="L97" s="11">
        <v>0.57999999999999996</v>
      </c>
      <c r="M97" s="11">
        <v>0.51</v>
      </c>
      <c r="N97" s="11">
        <v>0.05</v>
      </c>
      <c r="O97" s="11">
        <v>0.55000000000000004</v>
      </c>
      <c r="P97" s="11">
        <v>0.55000000000000004</v>
      </c>
    </row>
    <row r="98" spans="2:16" x14ac:dyDescent="0.25">
      <c r="B98" s="9" t="s">
        <v>102</v>
      </c>
      <c r="C98" s="11">
        <v>-18167.52</v>
      </c>
      <c r="D98" s="11">
        <v>-17506.189999999999</v>
      </c>
      <c r="E98" s="11">
        <v>-14512.63</v>
      </c>
      <c r="F98" s="11">
        <v>-12072.24</v>
      </c>
      <c r="G98" s="11">
        <v>-12397.11</v>
      </c>
      <c r="H98" s="11">
        <v>-13880.2</v>
      </c>
      <c r="I98" s="11">
        <v>-14925.7</v>
      </c>
      <c r="J98" s="11">
        <v>-14747.54</v>
      </c>
      <c r="K98" s="11">
        <v>-13622.67</v>
      </c>
      <c r="L98" s="11">
        <v>-12762.74</v>
      </c>
      <c r="M98" s="11">
        <v>-14545.84</v>
      </c>
      <c r="N98" s="11">
        <v>-18976.36</v>
      </c>
      <c r="O98" s="11">
        <v>-178116.74</v>
      </c>
      <c r="P98" s="11">
        <v>-178116.74</v>
      </c>
    </row>
    <row r="99" spans="2:16" x14ac:dyDescent="0.25">
      <c r="B99" s="9" t="s">
        <v>103</v>
      </c>
      <c r="C99" s="11"/>
      <c r="D99" s="11"/>
      <c r="E99" s="11"/>
      <c r="F99" s="11"/>
      <c r="G99" s="11">
        <v>1161.92</v>
      </c>
      <c r="H99" s="11">
        <v>8826.59</v>
      </c>
      <c r="I99" s="11">
        <v>-303.45999999999998</v>
      </c>
      <c r="J99" s="11">
        <v>-101.19</v>
      </c>
      <c r="K99" s="11">
        <v>-80</v>
      </c>
      <c r="L99" s="11"/>
      <c r="M99" s="11"/>
      <c r="N99" s="11">
        <v>1861.19</v>
      </c>
      <c r="O99" s="11">
        <v>11365.05</v>
      </c>
      <c r="P99" s="11">
        <v>11365.05</v>
      </c>
    </row>
    <row r="100" spans="2:16" x14ac:dyDescent="0.25">
      <c r="B100" s="9" t="s">
        <v>105</v>
      </c>
      <c r="C100" s="11">
        <v>-0.24</v>
      </c>
      <c r="D100" s="11">
        <v>0.12</v>
      </c>
      <c r="E100" s="11">
        <v>-0.12</v>
      </c>
      <c r="F100" s="11"/>
      <c r="G100" s="11">
        <v>-0.12</v>
      </c>
      <c r="H100" s="11">
        <v>-0.12</v>
      </c>
      <c r="I100" s="11">
        <v>-0.12</v>
      </c>
      <c r="J100" s="11">
        <v>-0.12</v>
      </c>
      <c r="K100" s="11">
        <v>-0.12</v>
      </c>
      <c r="L100" s="11"/>
      <c r="M100" s="11">
        <v>-0.12</v>
      </c>
      <c r="N100" s="11">
        <v>-0.22</v>
      </c>
      <c r="O100" s="11">
        <v>-1.18</v>
      </c>
      <c r="P100" s="11">
        <v>-1.18</v>
      </c>
    </row>
    <row r="101" spans="2:16" x14ac:dyDescent="0.25">
      <c r="B101" s="9" t="s">
        <v>107</v>
      </c>
      <c r="C101" s="11">
        <v>-208.69</v>
      </c>
      <c r="D101" s="11">
        <v>-103.79</v>
      </c>
      <c r="E101" s="11">
        <v>-254.32</v>
      </c>
      <c r="F101" s="11">
        <v>-124.91</v>
      </c>
      <c r="G101" s="11">
        <v>-110.35</v>
      </c>
      <c r="H101" s="11">
        <v>-118.99</v>
      </c>
      <c r="I101" s="11">
        <v>-172.67</v>
      </c>
      <c r="J101" s="11">
        <v>-114.47</v>
      </c>
      <c r="K101" s="11">
        <v>-202.95</v>
      </c>
      <c r="L101" s="11">
        <v>-152.5</v>
      </c>
      <c r="M101" s="11">
        <v>-132.61000000000001</v>
      </c>
      <c r="N101" s="11">
        <v>-131.96</v>
      </c>
      <c r="O101" s="11">
        <v>-1828.21</v>
      </c>
      <c r="P101" s="11">
        <v>-1828.21</v>
      </c>
    </row>
    <row r="102" spans="2:16" x14ac:dyDescent="0.25">
      <c r="B102" s="9" t="s">
        <v>108</v>
      </c>
      <c r="C102" s="11">
        <v>-7.15</v>
      </c>
      <c r="D102" s="11">
        <v>0</v>
      </c>
      <c r="E102" s="11">
        <v>-4.5599999999999996</v>
      </c>
      <c r="F102" s="11">
        <v>-3.94</v>
      </c>
      <c r="G102" s="11"/>
      <c r="H102" s="11"/>
      <c r="I102" s="11"/>
      <c r="J102" s="11"/>
      <c r="K102" s="11"/>
      <c r="L102" s="11"/>
      <c r="M102" s="11"/>
      <c r="N102" s="11"/>
      <c r="O102" s="11">
        <v>-15.65</v>
      </c>
      <c r="P102" s="11">
        <v>-15.65</v>
      </c>
    </row>
    <row r="103" spans="2:16" x14ac:dyDescent="0.25">
      <c r="B103" s="9" t="s">
        <v>109</v>
      </c>
      <c r="C103" s="11">
        <v>-0.22</v>
      </c>
      <c r="D103" s="11">
        <v>-1.58</v>
      </c>
      <c r="E103" s="11"/>
      <c r="F103" s="11">
        <v>-0.44</v>
      </c>
      <c r="G103" s="11">
        <v>-0.12</v>
      </c>
      <c r="H103" s="11">
        <v>718.91</v>
      </c>
      <c r="I103" s="11">
        <v>588.20000000000005</v>
      </c>
      <c r="J103" s="11">
        <v>420.12</v>
      </c>
      <c r="K103" s="11">
        <v>505.06</v>
      </c>
      <c r="L103" s="11">
        <v>282.7</v>
      </c>
      <c r="M103" s="11">
        <v>85.44</v>
      </c>
      <c r="N103" s="11">
        <v>129.59</v>
      </c>
      <c r="O103" s="11">
        <v>2727.66</v>
      </c>
      <c r="P103" s="11">
        <v>2727.66</v>
      </c>
    </row>
    <row r="104" spans="2:16" x14ac:dyDescent="0.25">
      <c r="B104" s="9" t="s">
        <v>113</v>
      </c>
      <c r="C104" s="11">
        <v>-209310.61</v>
      </c>
      <c r="D104" s="11">
        <v>-209926.45</v>
      </c>
      <c r="E104" s="11">
        <v>-346506.14</v>
      </c>
      <c r="F104" s="11">
        <v>-79190.710000000006</v>
      </c>
      <c r="G104" s="11">
        <v>-957620.7</v>
      </c>
      <c r="H104" s="11">
        <v>-143876.95000000001</v>
      </c>
      <c r="I104" s="11">
        <v>-374962.82</v>
      </c>
      <c r="J104" s="11">
        <v>-356221.07</v>
      </c>
      <c r="K104" s="11">
        <v>-439490.53</v>
      </c>
      <c r="L104" s="11">
        <v>-325152.63</v>
      </c>
      <c r="M104" s="11">
        <v>-368811.02</v>
      </c>
      <c r="N104" s="11">
        <v>861284.23</v>
      </c>
      <c r="O104" s="11">
        <v>-2949785.4</v>
      </c>
      <c r="P104" s="11">
        <v>-2949785.4</v>
      </c>
    </row>
    <row r="105" spans="2:16" x14ac:dyDescent="0.25">
      <c r="B105" s="9" t="s">
        <v>114</v>
      </c>
      <c r="C105" s="11"/>
      <c r="D105" s="11"/>
      <c r="E105" s="11"/>
      <c r="F105" s="11">
        <v>-604.51</v>
      </c>
      <c r="G105" s="11">
        <v>-598.35</v>
      </c>
      <c r="H105" s="11">
        <v>-587.36</v>
      </c>
      <c r="I105" s="11">
        <v>-876.8</v>
      </c>
      <c r="J105" s="11">
        <v>-590.87</v>
      </c>
      <c r="K105" s="11">
        <v>-597.62</v>
      </c>
      <c r="L105" s="11">
        <v>-635.39</v>
      </c>
      <c r="M105" s="11">
        <v>-628.58000000000004</v>
      </c>
      <c r="N105" s="11">
        <v>-793.66</v>
      </c>
      <c r="O105" s="11">
        <v>-5913.14</v>
      </c>
      <c r="P105" s="11">
        <v>-5913.14</v>
      </c>
    </row>
    <row r="106" spans="2:16" x14ac:dyDescent="0.25">
      <c r="B106" s="9" t="s">
        <v>115</v>
      </c>
      <c r="C106" s="11"/>
      <c r="D106" s="11"/>
      <c r="E106" s="11"/>
      <c r="F106" s="11">
        <v>-1.67</v>
      </c>
      <c r="G106" s="11"/>
      <c r="H106" s="11"/>
      <c r="I106" s="11"/>
      <c r="J106" s="11"/>
      <c r="K106" s="11"/>
      <c r="L106" s="11"/>
      <c r="M106" s="11"/>
      <c r="N106" s="11"/>
      <c r="O106" s="11">
        <v>-1.67</v>
      </c>
      <c r="P106" s="11">
        <v>-1.67</v>
      </c>
    </row>
    <row r="107" spans="2:16" x14ac:dyDescent="0.25">
      <c r="B107" s="9" t="s">
        <v>116</v>
      </c>
      <c r="C107" s="11">
        <v>-7427.91</v>
      </c>
      <c r="D107" s="11">
        <v>-13085.12</v>
      </c>
      <c r="E107" s="11">
        <v>-11547.19</v>
      </c>
      <c r="F107" s="11">
        <v>-6217.88</v>
      </c>
      <c r="G107" s="11">
        <v>-3633.11</v>
      </c>
      <c r="H107" s="11">
        <v>-2330.64</v>
      </c>
      <c r="I107" s="11">
        <v>-3286.59</v>
      </c>
      <c r="J107" s="11">
        <v>-1427.94</v>
      </c>
      <c r="K107" s="11">
        <v>-2006.21</v>
      </c>
      <c r="L107" s="11">
        <v>-5048.49</v>
      </c>
      <c r="M107" s="11">
        <v>-4432.4799999999996</v>
      </c>
      <c r="N107" s="11">
        <v>-4792.8999999999996</v>
      </c>
      <c r="O107" s="11">
        <v>-65236.46</v>
      </c>
      <c r="P107" s="11">
        <v>-65236.46</v>
      </c>
    </row>
    <row r="108" spans="2:16" x14ac:dyDescent="0.25">
      <c r="B108" s="9" t="s">
        <v>117</v>
      </c>
      <c r="C108" s="11"/>
      <c r="D108" s="11"/>
      <c r="E108" s="11"/>
      <c r="F108" s="11"/>
      <c r="G108" s="11">
        <v>-0.12</v>
      </c>
      <c r="H108" s="11"/>
      <c r="I108" s="11"/>
      <c r="J108" s="11"/>
      <c r="K108" s="11"/>
      <c r="L108" s="11"/>
      <c r="M108" s="11"/>
      <c r="N108" s="11"/>
      <c r="O108" s="11">
        <v>-0.12</v>
      </c>
      <c r="P108" s="11">
        <v>-0.12</v>
      </c>
    </row>
    <row r="109" spans="2:16" x14ac:dyDescent="0.25">
      <c r="B109" s="9" t="s">
        <v>118</v>
      </c>
      <c r="C109" s="11"/>
      <c r="D109" s="11"/>
      <c r="E109" s="11">
        <v>-0.2</v>
      </c>
      <c r="F109" s="11">
        <v>-3.95</v>
      </c>
      <c r="G109" s="11">
        <v>-0.2</v>
      </c>
      <c r="H109" s="11">
        <v>-0.2</v>
      </c>
      <c r="I109" s="11">
        <v>-27.41</v>
      </c>
      <c r="J109" s="11"/>
      <c r="K109" s="11">
        <v>-0.39</v>
      </c>
      <c r="L109" s="11">
        <v>-0.2</v>
      </c>
      <c r="M109" s="11">
        <v>-0.2</v>
      </c>
      <c r="N109" s="11">
        <v>-0.32</v>
      </c>
      <c r="O109" s="11">
        <v>-33.07</v>
      </c>
      <c r="P109" s="11">
        <v>-33.07</v>
      </c>
    </row>
    <row r="110" spans="2:16" x14ac:dyDescent="0.25">
      <c r="B110" s="9" t="s">
        <v>119</v>
      </c>
      <c r="C110" s="11">
        <v>-9605.11</v>
      </c>
      <c r="D110" s="11">
        <v>-12971.29</v>
      </c>
      <c r="E110" s="11">
        <v>-18323.72</v>
      </c>
      <c r="F110" s="11">
        <v>-11424.65</v>
      </c>
      <c r="G110" s="11">
        <v>-18987.77</v>
      </c>
      <c r="H110" s="11">
        <v>-14600.01</v>
      </c>
      <c r="I110" s="11">
        <v>-15553.36</v>
      </c>
      <c r="J110" s="11">
        <v>-22078.66</v>
      </c>
      <c r="K110" s="11">
        <v>-15849.23</v>
      </c>
      <c r="L110" s="11">
        <v>-14457.68</v>
      </c>
      <c r="M110" s="11">
        <v>-17086.580000000002</v>
      </c>
      <c r="N110" s="11">
        <v>-15896.08</v>
      </c>
      <c r="O110" s="11">
        <v>-186834.14</v>
      </c>
      <c r="P110" s="11">
        <v>-186834.14</v>
      </c>
    </row>
    <row r="111" spans="2:16" x14ac:dyDescent="0.25">
      <c r="B111" s="9" t="s">
        <v>120</v>
      </c>
      <c r="C111" s="11">
        <v>-9.0500000000000007</v>
      </c>
      <c r="D111" s="11">
        <v>-2.27</v>
      </c>
      <c r="E111" s="11">
        <v>-9.02</v>
      </c>
      <c r="F111" s="11">
        <v>-13.81</v>
      </c>
      <c r="G111" s="11">
        <v>-12.73</v>
      </c>
      <c r="H111" s="11">
        <v>10.55</v>
      </c>
      <c r="I111" s="11">
        <v>-5.85</v>
      </c>
      <c r="J111" s="11">
        <v>-0.22</v>
      </c>
      <c r="K111" s="11">
        <v>-4.74</v>
      </c>
      <c r="L111" s="11">
        <v>-13.82</v>
      </c>
      <c r="M111" s="11">
        <v>-5.68</v>
      </c>
      <c r="N111" s="11">
        <v>-0.22</v>
      </c>
      <c r="O111" s="11">
        <v>-66.86</v>
      </c>
      <c r="P111" s="11">
        <v>-66.86</v>
      </c>
    </row>
    <row r="112" spans="2:16" x14ac:dyDescent="0.25">
      <c r="B112" s="9" t="s">
        <v>121</v>
      </c>
      <c r="C112" s="11">
        <v>-10402.66</v>
      </c>
      <c r="D112" s="11">
        <v>-5474.2</v>
      </c>
      <c r="E112" s="11">
        <v>-4120.13</v>
      </c>
      <c r="F112" s="11">
        <v>-9870.68</v>
      </c>
      <c r="G112" s="11">
        <v>-1185.08</v>
      </c>
      <c r="H112" s="11">
        <v>-26477.02</v>
      </c>
      <c r="I112" s="11">
        <v>-14494.69</v>
      </c>
      <c r="J112" s="11">
        <v>-1084.0999999999999</v>
      </c>
      <c r="K112" s="11">
        <v>-3385.34</v>
      </c>
      <c r="L112" s="11">
        <v>-13325.66</v>
      </c>
      <c r="M112" s="11">
        <v>-1422.25</v>
      </c>
      <c r="N112" s="11">
        <v>-10763.8</v>
      </c>
      <c r="O112" s="11">
        <v>-102005.61</v>
      </c>
      <c r="P112" s="11">
        <v>-102005.61</v>
      </c>
    </row>
    <row r="113" spans="2:16" x14ac:dyDescent="0.25">
      <c r="B113" s="9" t="s">
        <v>122</v>
      </c>
      <c r="C113" s="11">
        <v>-24966.91</v>
      </c>
      <c r="D113" s="11">
        <v>-23978.27</v>
      </c>
      <c r="E113" s="11">
        <v>-25256.92</v>
      </c>
      <c r="F113" s="11">
        <v>-23801.49</v>
      </c>
      <c r="G113" s="11">
        <v>-25713.55</v>
      </c>
      <c r="H113" s="11">
        <v>-14499.21</v>
      </c>
      <c r="I113" s="11">
        <v>-27902.31</v>
      </c>
      <c r="J113" s="11">
        <v>-25872.35</v>
      </c>
      <c r="K113" s="11">
        <v>-27612.16</v>
      </c>
      <c r="L113" s="11">
        <v>-28885.279999999999</v>
      </c>
      <c r="M113" s="11">
        <v>-28165.03</v>
      </c>
      <c r="N113" s="11">
        <v>-28355.07</v>
      </c>
      <c r="O113" s="11">
        <v>-305008.55</v>
      </c>
      <c r="P113" s="11">
        <v>-305008.55</v>
      </c>
    </row>
    <row r="114" spans="2:16" x14ac:dyDescent="0.25">
      <c r="B114" s="9" t="s">
        <v>123</v>
      </c>
      <c r="C114" s="11">
        <v>-0.12</v>
      </c>
      <c r="D114" s="11">
        <v>0</v>
      </c>
      <c r="E114" s="11">
        <v>-17</v>
      </c>
      <c r="F114" s="11"/>
      <c r="G114" s="11"/>
      <c r="H114" s="11">
        <v>-0.34</v>
      </c>
      <c r="I114" s="11"/>
      <c r="J114" s="11"/>
      <c r="K114" s="11">
        <v>-0.34</v>
      </c>
      <c r="L114" s="11"/>
      <c r="M114" s="11"/>
      <c r="N114" s="11">
        <v>-0.44</v>
      </c>
      <c r="O114" s="11">
        <v>-18.239999999999998</v>
      </c>
      <c r="P114" s="11">
        <v>-18.239999999999998</v>
      </c>
    </row>
    <row r="115" spans="2:16" x14ac:dyDescent="0.25">
      <c r="B115" s="9" t="s">
        <v>124</v>
      </c>
      <c r="C115" s="11"/>
      <c r="D115" s="11"/>
      <c r="E115" s="11">
        <v>-0.22</v>
      </c>
      <c r="F115" s="11"/>
      <c r="G115" s="11"/>
      <c r="H115" s="11"/>
      <c r="I115" s="11"/>
      <c r="J115" s="11">
        <v>-2.96</v>
      </c>
      <c r="K115" s="11"/>
      <c r="L115" s="11"/>
      <c r="M115" s="11"/>
      <c r="N115" s="11"/>
      <c r="O115" s="11">
        <v>-3.18</v>
      </c>
      <c r="P115" s="11">
        <v>-3.18</v>
      </c>
    </row>
    <row r="116" spans="2:16" x14ac:dyDescent="0.25">
      <c r="B116" s="9" t="s">
        <v>125</v>
      </c>
      <c r="C116" s="11">
        <v>-32914.400000000001</v>
      </c>
      <c r="D116" s="11">
        <v>-29604.46</v>
      </c>
      <c r="E116" s="11">
        <v>-34800.36</v>
      </c>
      <c r="F116" s="11">
        <v>-38910.22</v>
      </c>
      <c r="G116" s="11">
        <v>-29925.46</v>
      </c>
      <c r="H116" s="11">
        <v>-22253.11</v>
      </c>
      <c r="I116" s="11">
        <v>-35458.07</v>
      </c>
      <c r="J116" s="11">
        <v>-16525.04</v>
      </c>
      <c r="K116" s="11">
        <v>-27177.97</v>
      </c>
      <c r="L116" s="11">
        <v>-32230.3</v>
      </c>
      <c r="M116" s="11">
        <v>-16964.7</v>
      </c>
      <c r="N116" s="11">
        <v>-29207.59</v>
      </c>
      <c r="O116" s="11">
        <v>-345971.68</v>
      </c>
      <c r="P116" s="11">
        <v>-345971.68</v>
      </c>
    </row>
    <row r="117" spans="2:16" x14ac:dyDescent="0.25">
      <c r="B117" s="9" t="s">
        <v>126</v>
      </c>
      <c r="C117" s="11"/>
      <c r="D117" s="11"/>
      <c r="E117" s="11">
        <v>-41.24</v>
      </c>
      <c r="F117" s="11">
        <v>-2.92</v>
      </c>
      <c r="G117" s="11">
        <v>44.16</v>
      </c>
      <c r="H117" s="11"/>
      <c r="I117" s="11"/>
      <c r="J117" s="11"/>
      <c r="K117" s="11"/>
      <c r="L117" s="11"/>
      <c r="M117" s="11"/>
      <c r="N117" s="11"/>
      <c r="O117" s="11">
        <v>0</v>
      </c>
      <c r="P117" s="11">
        <v>0</v>
      </c>
    </row>
    <row r="118" spans="2:16" x14ac:dyDescent="0.25">
      <c r="B118" s="9" t="s">
        <v>128</v>
      </c>
      <c r="C118" s="11">
        <v>-34.229999999999997</v>
      </c>
      <c r="D118" s="11">
        <v>-14.17</v>
      </c>
      <c r="E118" s="11">
        <v>-1.04</v>
      </c>
      <c r="F118" s="11">
        <v>-1.04</v>
      </c>
      <c r="G118" s="11">
        <v>-1.04</v>
      </c>
      <c r="H118" s="11">
        <v>-1.04</v>
      </c>
      <c r="I118" s="11"/>
      <c r="J118" s="11">
        <v>-1.58</v>
      </c>
      <c r="K118" s="11">
        <v>-1.04</v>
      </c>
      <c r="L118" s="11">
        <v>-1.04</v>
      </c>
      <c r="M118" s="11">
        <v>-2.08</v>
      </c>
      <c r="N118" s="11">
        <v>-1.04</v>
      </c>
      <c r="O118" s="11">
        <v>-59.34</v>
      </c>
      <c r="P118" s="11">
        <v>-59.34</v>
      </c>
    </row>
    <row r="119" spans="2:16" x14ac:dyDescent="0.25">
      <c r="B119" s="9" t="s">
        <v>131</v>
      </c>
      <c r="C119" s="11">
        <v>7565</v>
      </c>
      <c r="D119" s="11">
        <v>3978.27</v>
      </c>
      <c r="E119" s="11">
        <v>10000</v>
      </c>
      <c r="F119" s="11">
        <v>607</v>
      </c>
      <c r="G119" s="11">
        <v>330.51</v>
      </c>
      <c r="H119" s="11">
        <v>57</v>
      </c>
      <c r="I119" s="11">
        <v>2077.62</v>
      </c>
      <c r="J119" s="11">
        <v>5870.75</v>
      </c>
      <c r="K119" s="11">
        <v>9066.5</v>
      </c>
      <c r="L119" s="11">
        <v>7170.32</v>
      </c>
      <c r="M119" s="11">
        <v>29562.83</v>
      </c>
      <c r="N119" s="11">
        <v>3349.14</v>
      </c>
      <c r="O119" s="11">
        <v>79634.94</v>
      </c>
      <c r="P119" s="11">
        <v>79634.94</v>
      </c>
    </row>
    <row r="120" spans="2:16" x14ac:dyDescent="0.25">
      <c r="B120" s="9" t="s">
        <v>132</v>
      </c>
      <c r="C120" s="11">
        <v>19885.080000000002</v>
      </c>
      <c r="D120" s="11">
        <v>19885.080000000002</v>
      </c>
      <c r="E120" s="11">
        <v>19885.080000000002</v>
      </c>
      <c r="F120" s="11">
        <v>19885.080000000002</v>
      </c>
      <c r="G120" s="11">
        <v>19885.080000000002</v>
      </c>
      <c r="H120" s="11">
        <v>19885.080000000002</v>
      </c>
      <c r="I120" s="11">
        <v>19885.080000000002</v>
      </c>
      <c r="J120" s="11">
        <v>19885.080000000002</v>
      </c>
      <c r="K120" s="11">
        <v>19885.080000000002</v>
      </c>
      <c r="L120" s="11">
        <v>19885.080000000002</v>
      </c>
      <c r="M120" s="11">
        <v>19885.080000000002</v>
      </c>
      <c r="N120" s="11">
        <v>19885.080000000002</v>
      </c>
      <c r="O120" s="11">
        <v>238620.96</v>
      </c>
      <c r="P120" s="11">
        <v>238620.96</v>
      </c>
    </row>
    <row r="121" spans="2:16" x14ac:dyDescent="0.25">
      <c r="B121" s="9" t="s">
        <v>135</v>
      </c>
      <c r="C121" s="11">
        <v>463.59</v>
      </c>
      <c r="D121" s="11">
        <v>-335.75</v>
      </c>
      <c r="E121" s="11">
        <v>-99.62</v>
      </c>
      <c r="F121" s="11">
        <v>-53.12</v>
      </c>
      <c r="G121" s="11">
        <v>-4.34</v>
      </c>
      <c r="H121" s="11">
        <v>-8.36</v>
      </c>
      <c r="I121" s="11">
        <v>-8858.14</v>
      </c>
      <c r="J121" s="11">
        <v>-5.18</v>
      </c>
      <c r="K121" s="11">
        <v>-21.69</v>
      </c>
      <c r="L121" s="11">
        <v>-27.19</v>
      </c>
      <c r="M121" s="11">
        <v>-7309.43</v>
      </c>
      <c r="N121" s="11">
        <v>-3095.98</v>
      </c>
      <c r="O121" s="11">
        <v>-19355.21</v>
      </c>
      <c r="P121" s="11">
        <v>-19355.21</v>
      </c>
    </row>
    <row r="122" spans="2:16" x14ac:dyDescent="0.25">
      <c r="B122" s="9" t="s">
        <v>138</v>
      </c>
      <c r="C122" s="11">
        <v>-181020.09</v>
      </c>
      <c r="D122" s="11">
        <v>-153785.79</v>
      </c>
      <c r="E122" s="11">
        <v>-307929.24</v>
      </c>
      <c r="F122" s="11">
        <v>-143475.72</v>
      </c>
      <c r="G122" s="11">
        <v>-128150.56</v>
      </c>
      <c r="H122" s="11">
        <v>-93650.76</v>
      </c>
      <c r="I122" s="11">
        <v>-178367.51</v>
      </c>
      <c r="J122" s="11">
        <v>-151498.72</v>
      </c>
      <c r="K122" s="11">
        <v>-138605.51999999999</v>
      </c>
      <c r="L122" s="11">
        <v>-173640.61</v>
      </c>
      <c r="M122" s="11">
        <v>-287262.12</v>
      </c>
      <c r="N122" s="11">
        <v>-198253.88</v>
      </c>
      <c r="O122" s="11">
        <v>-2135640.52</v>
      </c>
      <c r="P122" s="11">
        <v>-2135640.52</v>
      </c>
    </row>
    <row r="123" spans="2:16" x14ac:dyDescent="0.25">
      <c r="B123" s="9" t="s">
        <v>140</v>
      </c>
      <c r="C123" s="11">
        <v>10957</v>
      </c>
      <c r="D123" s="11">
        <v>10957</v>
      </c>
      <c r="E123" s="11">
        <v>10957</v>
      </c>
      <c r="F123" s="11">
        <v>10957</v>
      </c>
      <c r="G123" s="11">
        <v>25420.17</v>
      </c>
      <c r="H123" s="11">
        <v>23966.1</v>
      </c>
      <c r="I123" s="11">
        <v>20023.830000000002</v>
      </c>
      <c r="J123" s="11">
        <v>12595.88</v>
      </c>
      <c r="K123" s="11">
        <v>12711.5</v>
      </c>
      <c r="L123" s="11">
        <v>12227</v>
      </c>
      <c r="M123" s="11">
        <v>12430.3</v>
      </c>
      <c r="N123" s="11">
        <v>12227</v>
      </c>
      <c r="O123" s="11">
        <v>175429.78</v>
      </c>
      <c r="P123" s="11">
        <v>175429.78</v>
      </c>
    </row>
    <row r="124" spans="2:16" x14ac:dyDescent="0.25">
      <c r="B124" s="9" t="s">
        <v>143</v>
      </c>
      <c r="C124" s="11">
        <v>-102705.92</v>
      </c>
      <c r="D124" s="11">
        <v>-87198.87</v>
      </c>
      <c r="E124" s="11">
        <v>-62495.14</v>
      </c>
      <c r="F124" s="11">
        <v>-76030.3</v>
      </c>
      <c r="G124" s="11">
        <v>-56516.51</v>
      </c>
      <c r="H124" s="11">
        <v>-60823.199999999997</v>
      </c>
      <c r="I124" s="11">
        <v>-93939.54</v>
      </c>
      <c r="J124" s="11">
        <v>-88180.49</v>
      </c>
      <c r="K124" s="11">
        <v>-78735.929999999993</v>
      </c>
      <c r="L124" s="11">
        <v>-75857.22</v>
      </c>
      <c r="M124" s="11">
        <v>-80907.199999999997</v>
      </c>
      <c r="N124" s="11">
        <v>-80888.19</v>
      </c>
      <c r="O124" s="11">
        <v>-944278.51</v>
      </c>
      <c r="P124" s="11">
        <v>-944278.51</v>
      </c>
    </row>
    <row r="125" spans="2:16" x14ac:dyDescent="0.25">
      <c r="B125" s="9" t="s">
        <v>145</v>
      </c>
      <c r="C125" s="11">
        <v>39306.910000000003</v>
      </c>
      <c r="D125" s="11">
        <v>33765.51</v>
      </c>
      <c r="E125" s="11">
        <v>34285.71</v>
      </c>
      <c r="F125" s="11">
        <v>33481.949999999997</v>
      </c>
      <c r="G125" s="11">
        <v>32639.87</v>
      </c>
      <c r="H125" s="11">
        <v>28647.48</v>
      </c>
      <c r="I125" s="11">
        <v>32912.160000000003</v>
      </c>
      <c r="J125" s="11">
        <v>25769.41</v>
      </c>
      <c r="K125" s="11">
        <v>40374.660000000003</v>
      </c>
      <c r="L125" s="11">
        <v>30209.68</v>
      </c>
      <c r="M125" s="11">
        <v>31069.040000000001</v>
      </c>
      <c r="N125" s="11">
        <v>218037.33</v>
      </c>
      <c r="O125" s="11">
        <v>580499.71</v>
      </c>
      <c r="P125" s="11">
        <v>580499.71</v>
      </c>
    </row>
    <row r="126" spans="2:16" x14ac:dyDescent="0.25">
      <c r="B126" s="9" t="s">
        <v>146</v>
      </c>
      <c r="C126" s="11">
        <v>-41363.14</v>
      </c>
      <c r="D126" s="11">
        <v>41363.14</v>
      </c>
      <c r="E126" s="11"/>
      <c r="F126" s="11"/>
      <c r="G126" s="11"/>
      <c r="H126" s="11"/>
      <c r="I126" s="11"/>
      <c r="J126" s="11"/>
      <c r="K126" s="11"/>
      <c r="L126" s="11"/>
      <c r="M126" s="11"/>
      <c r="N126" s="11"/>
      <c r="O126" s="11">
        <v>0</v>
      </c>
      <c r="P126" s="11">
        <v>0</v>
      </c>
    </row>
    <row r="127" spans="2:16" x14ac:dyDescent="0.25">
      <c r="B127" s="9" t="s">
        <v>148</v>
      </c>
      <c r="C127" s="11"/>
      <c r="D127" s="11"/>
      <c r="E127" s="11">
        <v>-341.85</v>
      </c>
      <c r="F127" s="11">
        <v>-341.85</v>
      </c>
      <c r="G127" s="11"/>
      <c r="H127" s="11"/>
      <c r="I127" s="11">
        <v>-341.85</v>
      </c>
      <c r="J127" s="11"/>
      <c r="K127" s="11"/>
      <c r="L127" s="11"/>
      <c r="M127" s="11">
        <v>-341.85</v>
      </c>
      <c r="N127" s="11"/>
      <c r="O127" s="11">
        <v>-1367.4</v>
      </c>
      <c r="P127" s="11">
        <v>-1367.4</v>
      </c>
    </row>
    <row r="128" spans="2:16" x14ac:dyDescent="0.25">
      <c r="B128" s="9" t="s">
        <v>150</v>
      </c>
      <c r="C128" s="11">
        <v>-2944.59</v>
      </c>
      <c r="D128" s="11"/>
      <c r="E128" s="11">
        <v>-102.49</v>
      </c>
      <c r="F128" s="11">
        <v>-2512.31</v>
      </c>
      <c r="G128" s="11">
        <v>-14.92</v>
      </c>
      <c r="H128" s="11">
        <v>-142.16999999999999</v>
      </c>
      <c r="I128" s="11">
        <v>2224.79</v>
      </c>
      <c r="J128" s="11">
        <v>-0.32</v>
      </c>
      <c r="K128" s="11">
        <v>0.84</v>
      </c>
      <c r="L128" s="11">
        <v>-72.84</v>
      </c>
      <c r="M128" s="11">
        <v>-3.8</v>
      </c>
      <c r="N128" s="11">
        <v>-70.94</v>
      </c>
      <c r="O128" s="11">
        <v>-3638.75</v>
      </c>
      <c r="P128" s="11">
        <v>-3638.75</v>
      </c>
    </row>
    <row r="129" spans="1:16" x14ac:dyDescent="0.25">
      <c r="B129" s="9" t="s">
        <v>152</v>
      </c>
      <c r="C129" s="11">
        <v>-20.12</v>
      </c>
      <c r="D129" s="11">
        <v>-3.71</v>
      </c>
      <c r="E129" s="11">
        <v>-27.29</v>
      </c>
      <c r="F129" s="11">
        <v>-3.13</v>
      </c>
      <c r="G129" s="11">
        <v>-0.82</v>
      </c>
      <c r="H129" s="11">
        <v>-0.56000000000000005</v>
      </c>
      <c r="I129" s="11">
        <v>-0.57999999999999996</v>
      </c>
      <c r="J129" s="11">
        <v>-0.9</v>
      </c>
      <c r="K129" s="11">
        <v>-0.36</v>
      </c>
      <c r="L129" s="11">
        <v>-0.34</v>
      </c>
      <c r="M129" s="11">
        <v>-2.35</v>
      </c>
      <c r="N129" s="11">
        <v>855.09</v>
      </c>
      <c r="O129" s="11">
        <v>794.93</v>
      </c>
      <c r="P129" s="11">
        <v>794.93</v>
      </c>
    </row>
    <row r="130" spans="1:16" x14ac:dyDescent="0.25">
      <c r="B130" s="9" t="s">
        <v>153</v>
      </c>
      <c r="C130" s="11">
        <v>-4495.3999999999996</v>
      </c>
      <c r="D130" s="11">
        <v>-5025.13</v>
      </c>
      <c r="E130" s="11">
        <v>-5527.21</v>
      </c>
      <c r="F130" s="11">
        <v>-4823.34</v>
      </c>
      <c r="G130" s="11">
        <v>-5106.4399999999996</v>
      </c>
      <c r="H130" s="11">
        <v>-5650.02</v>
      </c>
      <c r="I130" s="11">
        <v>-5528.08</v>
      </c>
      <c r="J130" s="11">
        <v>-5706.96</v>
      </c>
      <c r="K130" s="11">
        <v>-5206.32</v>
      </c>
      <c r="L130" s="11">
        <v>-4521.97</v>
      </c>
      <c r="M130" s="11">
        <v>-4119.6000000000004</v>
      </c>
      <c r="N130" s="11">
        <v>-4902.4399999999996</v>
      </c>
      <c r="O130" s="11">
        <v>-60612.91</v>
      </c>
      <c r="P130" s="11">
        <v>-60612.91</v>
      </c>
    </row>
    <row r="131" spans="1:16" x14ac:dyDescent="0.25">
      <c r="B131" s="9" t="s">
        <v>156</v>
      </c>
      <c r="C131" s="11"/>
      <c r="D131" s="11"/>
      <c r="E131" s="11"/>
      <c r="F131" s="11">
        <v>-0.83</v>
      </c>
      <c r="G131" s="11">
        <v>-0.95</v>
      </c>
      <c r="H131" s="11"/>
      <c r="I131" s="11"/>
      <c r="J131" s="11"/>
      <c r="K131" s="11"/>
      <c r="L131" s="11"/>
      <c r="M131" s="11"/>
      <c r="N131" s="11"/>
      <c r="O131" s="11">
        <v>-1.78</v>
      </c>
      <c r="P131" s="11">
        <v>-1.78</v>
      </c>
    </row>
    <row r="132" spans="1:16" x14ac:dyDescent="0.25">
      <c r="B132" s="9" t="s">
        <v>157</v>
      </c>
      <c r="C132" s="11">
        <v>39.82</v>
      </c>
      <c r="D132" s="11">
        <v>-325.51</v>
      </c>
      <c r="E132" s="11">
        <v>-522.58000000000004</v>
      </c>
      <c r="F132" s="11">
        <v>-91.56</v>
      </c>
      <c r="G132" s="11">
        <v>80.58</v>
      </c>
      <c r="H132" s="11">
        <v>-396.23</v>
      </c>
      <c r="I132" s="11">
        <v>935.27</v>
      </c>
      <c r="J132" s="11">
        <v>-335.97</v>
      </c>
      <c r="K132" s="11">
        <v>504.67</v>
      </c>
      <c r="L132" s="11">
        <v>-616.28</v>
      </c>
      <c r="M132" s="11">
        <v>32.01</v>
      </c>
      <c r="N132" s="11">
        <v>-58.46</v>
      </c>
      <c r="O132" s="11">
        <v>-754.24</v>
      </c>
      <c r="P132" s="11">
        <v>-754.24</v>
      </c>
    </row>
    <row r="133" spans="1:16" x14ac:dyDescent="0.25">
      <c r="A133" t="s">
        <v>166</v>
      </c>
      <c r="C133" s="11">
        <v>3614193.93</v>
      </c>
      <c r="D133" s="11">
        <v>2414470.1800000002</v>
      </c>
      <c r="E133" s="11">
        <v>3198433</v>
      </c>
      <c r="F133" s="11">
        <v>2251965.5699999998</v>
      </c>
      <c r="G133" s="11">
        <v>1443844.62</v>
      </c>
      <c r="H133" s="11">
        <v>3710937.46</v>
      </c>
      <c r="I133" s="11">
        <v>3520151.1120000002</v>
      </c>
      <c r="J133" s="11">
        <v>2677612.31</v>
      </c>
      <c r="K133" s="11">
        <v>4192482.93</v>
      </c>
      <c r="L133" s="11">
        <v>4726176.32</v>
      </c>
      <c r="M133" s="11">
        <v>2381052.2599999998</v>
      </c>
      <c r="N133" s="11">
        <v>8433318.2400000002</v>
      </c>
      <c r="O133" s="11">
        <v>42564637.931999996</v>
      </c>
      <c r="P133" s="11">
        <v>42564637.931999996</v>
      </c>
    </row>
    <row r="134" spans="1:16" x14ac:dyDescent="0.25">
      <c r="A134" t="s">
        <v>160</v>
      </c>
      <c r="B134" s="9" t="s">
        <v>30</v>
      </c>
      <c r="C134" s="11"/>
      <c r="D134" s="11"/>
      <c r="E134" s="11"/>
      <c r="F134" s="11"/>
      <c r="G134" s="11"/>
      <c r="H134" s="11"/>
      <c r="I134" s="11">
        <v>11.5</v>
      </c>
      <c r="J134" s="11"/>
      <c r="K134" s="11"/>
      <c r="L134" s="11"/>
      <c r="M134" s="11"/>
      <c r="N134" s="11"/>
      <c r="O134" s="11">
        <v>11.5</v>
      </c>
      <c r="P134" s="11">
        <v>11.5</v>
      </c>
    </row>
    <row r="135" spans="1:16" x14ac:dyDescent="0.25">
      <c r="B135" s="9" t="s">
        <v>31</v>
      </c>
      <c r="C135" s="11"/>
      <c r="D135" s="11"/>
      <c r="E135" s="11"/>
      <c r="F135" s="11"/>
      <c r="G135" s="11"/>
      <c r="H135" s="11">
        <v>179.73</v>
      </c>
      <c r="I135" s="11"/>
      <c r="J135" s="11"/>
      <c r="K135" s="11"/>
      <c r="L135" s="11">
        <v>11179.76</v>
      </c>
      <c r="M135" s="11">
        <v>8405.31</v>
      </c>
      <c r="N135" s="11"/>
      <c r="O135" s="11">
        <v>19764.8</v>
      </c>
      <c r="P135" s="11">
        <v>19764.8</v>
      </c>
    </row>
    <row r="136" spans="1:16" x14ac:dyDescent="0.25">
      <c r="B136" s="9" t="s">
        <v>32</v>
      </c>
      <c r="C136" s="11">
        <v>1672.99</v>
      </c>
      <c r="D136" s="11">
        <v>720.81</v>
      </c>
      <c r="E136" s="11">
        <v>388.47</v>
      </c>
      <c r="F136" s="11">
        <v>2072.14</v>
      </c>
      <c r="G136" s="11">
        <v>304.97000000000003</v>
      </c>
      <c r="H136" s="11">
        <v>8559.74</v>
      </c>
      <c r="I136" s="11">
        <v>284.64999999999998</v>
      </c>
      <c r="J136" s="11">
        <v>1187.8900000000001</v>
      </c>
      <c r="K136" s="11">
        <v>802.32</v>
      </c>
      <c r="L136" s="11">
        <v>7234.2</v>
      </c>
      <c r="M136" s="11">
        <v>2646.76</v>
      </c>
      <c r="N136" s="11">
        <v>1326.35</v>
      </c>
      <c r="O136" s="11">
        <v>27201.29</v>
      </c>
      <c r="P136" s="11">
        <v>27201.29</v>
      </c>
    </row>
    <row r="137" spans="1:16" x14ac:dyDescent="0.25">
      <c r="B137" s="9" t="s">
        <v>33</v>
      </c>
      <c r="C137" s="11"/>
      <c r="D137" s="11"/>
      <c r="E137" s="11">
        <v>140.55000000000001</v>
      </c>
      <c r="F137" s="11"/>
      <c r="G137" s="11"/>
      <c r="H137" s="11"/>
      <c r="I137" s="11"/>
      <c r="J137" s="11"/>
      <c r="K137" s="11"/>
      <c r="L137" s="11"/>
      <c r="M137" s="11"/>
      <c r="N137" s="11"/>
      <c r="O137" s="11">
        <v>140.55000000000001</v>
      </c>
      <c r="P137" s="11">
        <v>140.55000000000001</v>
      </c>
    </row>
    <row r="138" spans="1:16" x14ac:dyDescent="0.25">
      <c r="B138" s="9" t="s">
        <v>47</v>
      </c>
      <c r="C138" s="11"/>
      <c r="D138" s="11"/>
      <c r="E138" s="11"/>
      <c r="F138" s="11"/>
      <c r="G138" s="11"/>
      <c r="H138" s="11"/>
      <c r="I138" s="11"/>
      <c r="J138" s="11">
        <v>1547.34</v>
      </c>
      <c r="K138" s="11"/>
      <c r="L138" s="11">
        <v>24419.08</v>
      </c>
      <c r="M138" s="11"/>
      <c r="N138" s="11"/>
      <c r="O138" s="11">
        <v>25966.42</v>
      </c>
      <c r="P138" s="11">
        <v>25966.42</v>
      </c>
    </row>
    <row r="139" spans="1:16" x14ac:dyDescent="0.25">
      <c r="B139" s="9" t="s">
        <v>49</v>
      </c>
      <c r="C139" s="11"/>
      <c r="D139" s="11">
        <v>756.44</v>
      </c>
      <c r="E139" s="11">
        <v>9520.9699999999993</v>
      </c>
      <c r="F139" s="11">
        <v>10285.85</v>
      </c>
      <c r="G139" s="11">
        <v>4333.7700000000004</v>
      </c>
      <c r="H139" s="11">
        <v>3768.74</v>
      </c>
      <c r="I139" s="11">
        <v>707.21</v>
      </c>
      <c r="J139" s="11">
        <v>1553.83</v>
      </c>
      <c r="K139" s="11">
        <v>8986</v>
      </c>
      <c r="L139" s="11">
        <v>5840.65</v>
      </c>
      <c r="M139" s="11">
        <v>1734.3</v>
      </c>
      <c r="N139" s="11">
        <v>3399.99</v>
      </c>
      <c r="O139" s="11">
        <v>50887.75</v>
      </c>
      <c r="P139" s="11">
        <v>50887.75</v>
      </c>
    </row>
    <row r="140" spans="1:16" x14ac:dyDescent="0.25">
      <c r="B140" s="9" t="s">
        <v>53</v>
      </c>
      <c r="C140" s="11">
        <v>26449.47</v>
      </c>
      <c r="D140" s="11">
        <v>30647.39</v>
      </c>
      <c r="E140" s="11">
        <v>43186.84</v>
      </c>
      <c r="F140" s="11">
        <v>33124.35</v>
      </c>
      <c r="G140" s="11">
        <v>45785.8</v>
      </c>
      <c r="H140" s="11">
        <v>50691.34</v>
      </c>
      <c r="I140" s="11">
        <v>51601.55</v>
      </c>
      <c r="J140" s="11">
        <v>55371.88</v>
      </c>
      <c r="K140" s="11">
        <v>43676.19</v>
      </c>
      <c r="L140" s="11">
        <v>52240.25</v>
      </c>
      <c r="M140" s="11">
        <v>25785.88</v>
      </c>
      <c r="N140" s="11">
        <v>24222.04</v>
      </c>
      <c r="O140" s="11">
        <v>482782.98</v>
      </c>
      <c r="P140" s="11">
        <v>482782.98</v>
      </c>
    </row>
    <row r="141" spans="1:16" x14ac:dyDescent="0.25">
      <c r="B141" s="9" t="s">
        <v>62</v>
      </c>
      <c r="C141" s="11">
        <v>918.44</v>
      </c>
      <c r="D141" s="11">
        <v>1239.74</v>
      </c>
      <c r="E141" s="11">
        <v>584.75</v>
      </c>
      <c r="F141" s="11">
        <v>652</v>
      </c>
      <c r="G141" s="11">
        <v>272.10000000000002</v>
      </c>
      <c r="H141" s="11">
        <v>136.63</v>
      </c>
      <c r="I141" s="11">
        <v>9218.9599999999991</v>
      </c>
      <c r="J141" s="11">
        <v>804.4</v>
      </c>
      <c r="K141" s="11">
        <v>-8401.42</v>
      </c>
      <c r="L141" s="11">
        <v>388.78</v>
      </c>
      <c r="M141" s="11">
        <v>1005.94</v>
      </c>
      <c r="N141" s="11">
        <v>1686.7</v>
      </c>
      <c r="O141" s="11">
        <v>8507.02</v>
      </c>
      <c r="P141" s="11">
        <v>8507.02</v>
      </c>
    </row>
    <row r="142" spans="1:16" x14ac:dyDescent="0.25">
      <c r="B142" s="9" t="s">
        <v>63</v>
      </c>
      <c r="C142" s="11"/>
      <c r="D142" s="11">
        <v>429</v>
      </c>
      <c r="E142" s="11"/>
      <c r="F142" s="11"/>
      <c r="G142" s="11"/>
      <c r="H142" s="11"/>
      <c r="I142" s="11"/>
      <c r="J142" s="11"/>
      <c r="K142" s="11"/>
      <c r="L142" s="11"/>
      <c r="M142" s="11"/>
      <c r="N142" s="11"/>
      <c r="O142" s="11">
        <v>429</v>
      </c>
      <c r="P142" s="11">
        <v>429</v>
      </c>
    </row>
    <row r="143" spans="1:16" x14ac:dyDescent="0.25">
      <c r="B143" s="9" t="s">
        <v>65</v>
      </c>
      <c r="C143" s="11">
        <v>1.18</v>
      </c>
      <c r="D143" s="11">
        <v>274.14999999999998</v>
      </c>
      <c r="E143" s="11">
        <v>155.87</v>
      </c>
      <c r="F143" s="11">
        <v>-431.2</v>
      </c>
      <c r="G143" s="11"/>
      <c r="H143" s="11">
        <v>97.16</v>
      </c>
      <c r="I143" s="11">
        <v>106.7</v>
      </c>
      <c r="J143" s="11">
        <v>327.82</v>
      </c>
      <c r="K143" s="11">
        <v>262.64</v>
      </c>
      <c r="L143" s="11">
        <v>328.2</v>
      </c>
      <c r="M143" s="11">
        <v>103.81</v>
      </c>
      <c r="N143" s="11">
        <v>439.29</v>
      </c>
      <c r="O143" s="11">
        <v>1665.62</v>
      </c>
      <c r="P143" s="11">
        <v>1665.62</v>
      </c>
    </row>
    <row r="144" spans="1:16" x14ac:dyDescent="0.25">
      <c r="B144" s="9" t="s">
        <v>67</v>
      </c>
      <c r="C144" s="11"/>
      <c r="D144" s="11"/>
      <c r="E144" s="11"/>
      <c r="F144" s="11"/>
      <c r="G144" s="11"/>
      <c r="H144" s="11"/>
      <c r="I144" s="11"/>
      <c r="J144" s="11"/>
      <c r="K144" s="11"/>
      <c r="L144" s="11"/>
      <c r="M144" s="11"/>
      <c r="N144" s="11">
        <v>715.08</v>
      </c>
      <c r="O144" s="11">
        <v>715.08</v>
      </c>
      <c r="P144" s="11">
        <v>715.08</v>
      </c>
    </row>
    <row r="145" spans="2:16" x14ac:dyDescent="0.25">
      <c r="B145" s="9" t="s">
        <v>70</v>
      </c>
      <c r="C145" s="11">
        <v>621.82000000000005</v>
      </c>
      <c r="D145" s="11">
        <v>220.87</v>
      </c>
      <c r="E145" s="11">
        <v>290.56</v>
      </c>
      <c r="F145" s="11">
        <v>828.86</v>
      </c>
      <c r="G145" s="11"/>
      <c r="H145" s="11">
        <v>296.26</v>
      </c>
      <c r="I145" s="11">
        <v>770.02</v>
      </c>
      <c r="J145" s="11">
        <v>5210.92</v>
      </c>
      <c r="K145" s="11">
        <v>3642.21</v>
      </c>
      <c r="L145" s="11"/>
      <c r="M145" s="11">
        <v>943.09</v>
      </c>
      <c r="N145" s="11"/>
      <c r="O145" s="11">
        <v>12824.61</v>
      </c>
      <c r="P145" s="11">
        <v>12824.61</v>
      </c>
    </row>
    <row r="146" spans="2:16" x14ac:dyDescent="0.25">
      <c r="B146" s="9" t="s">
        <v>71</v>
      </c>
      <c r="C146" s="11"/>
      <c r="D146" s="11"/>
      <c r="E146" s="11"/>
      <c r="F146" s="11"/>
      <c r="G146" s="11"/>
      <c r="H146" s="11">
        <v>332.48</v>
      </c>
      <c r="I146" s="11">
        <v>1918.95</v>
      </c>
      <c r="J146" s="11">
        <v>177.1</v>
      </c>
      <c r="K146" s="11"/>
      <c r="L146" s="11"/>
      <c r="M146" s="11">
        <v>100.45</v>
      </c>
      <c r="N146" s="11"/>
      <c r="O146" s="11">
        <v>2528.98</v>
      </c>
      <c r="P146" s="11">
        <v>2528.98</v>
      </c>
    </row>
    <row r="147" spans="2:16" x14ac:dyDescent="0.25">
      <c r="B147" s="9" t="s">
        <v>72</v>
      </c>
      <c r="C147" s="11"/>
      <c r="D147" s="11"/>
      <c r="E147" s="11">
        <v>51371.71</v>
      </c>
      <c r="F147" s="11">
        <v>106622.31</v>
      </c>
      <c r="G147" s="11">
        <v>41957.07</v>
      </c>
      <c r="H147" s="11">
        <v>91900</v>
      </c>
      <c r="I147" s="11">
        <v>13685</v>
      </c>
      <c r="J147" s="11">
        <v>7975.4</v>
      </c>
      <c r="K147" s="11">
        <v>6961.95</v>
      </c>
      <c r="L147" s="11">
        <v>20991.78</v>
      </c>
      <c r="M147" s="11">
        <v>39019.15</v>
      </c>
      <c r="N147" s="11">
        <v>92807.22</v>
      </c>
      <c r="O147" s="11">
        <v>473291.59</v>
      </c>
      <c r="P147" s="11">
        <v>473291.59</v>
      </c>
    </row>
    <row r="148" spans="2:16" x14ac:dyDescent="0.25">
      <c r="B148" s="9" t="s">
        <v>76</v>
      </c>
      <c r="C148" s="11">
        <v>3134.82</v>
      </c>
      <c r="D148" s="11">
        <v>1363.66</v>
      </c>
      <c r="E148" s="11">
        <v>205.78</v>
      </c>
      <c r="F148" s="11"/>
      <c r="G148" s="11">
        <v>226.01</v>
      </c>
      <c r="H148" s="11">
        <v>148.4</v>
      </c>
      <c r="I148" s="11"/>
      <c r="J148" s="11"/>
      <c r="K148" s="11">
        <v>607.46</v>
      </c>
      <c r="L148" s="11">
        <v>1531.38</v>
      </c>
      <c r="M148" s="11"/>
      <c r="N148" s="11"/>
      <c r="O148" s="11">
        <v>7217.51</v>
      </c>
      <c r="P148" s="11">
        <v>7217.51</v>
      </c>
    </row>
    <row r="149" spans="2:16" x14ac:dyDescent="0.25">
      <c r="B149" s="9" t="s">
        <v>77</v>
      </c>
      <c r="C149" s="11">
        <v>264.02999999999997</v>
      </c>
      <c r="D149" s="11">
        <v>0</v>
      </c>
      <c r="E149" s="11"/>
      <c r="F149" s="11">
        <v>423.16</v>
      </c>
      <c r="G149" s="11"/>
      <c r="H149" s="11"/>
      <c r="I149" s="11"/>
      <c r="J149" s="11"/>
      <c r="K149" s="11"/>
      <c r="L149" s="11"/>
      <c r="M149" s="11"/>
      <c r="N149" s="11"/>
      <c r="O149" s="11">
        <v>687.19</v>
      </c>
      <c r="P149" s="11">
        <v>687.19</v>
      </c>
    </row>
    <row r="150" spans="2:16" x14ac:dyDescent="0.25">
      <c r="B150" s="9" t="s">
        <v>80</v>
      </c>
      <c r="C150" s="11">
        <v>3636.15</v>
      </c>
      <c r="D150" s="11">
        <v>13318.74</v>
      </c>
      <c r="E150" s="11">
        <v>8770.51</v>
      </c>
      <c r="F150" s="11">
        <v>3731.03</v>
      </c>
      <c r="G150" s="11">
        <v>7032.02</v>
      </c>
      <c r="H150" s="11">
        <v>6732.43</v>
      </c>
      <c r="I150" s="11">
        <v>13484.6</v>
      </c>
      <c r="J150" s="11">
        <v>11451.52</v>
      </c>
      <c r="K150" s="11">
        <v>10599.33</v>
      </c>
      <c r="L150" s="11">
        <v>9487.2000000000007</v>
      </c>
      <c r="M150" s="11">
        <v>13641.74</v>
      </c>
      <c r="N150" s="11">
        <v>13547.65</v>
      </c>
      <c r="O150" s="11">
        <v>115432.92</v>
      </c>
      <c r="P150" s="11">
        <v>115432.92</v>
      </c>
    </row>
    <row r="151" spans="2:16" x14ac:dyDescent="0.25">
      <c r="B151" s="9" t="s">
        <v>81</v>
      </c>
      <c r="C151" s="11">
        <v>18381.96</v>
      </c>
      <c r="D151" s="11">
        <v>11866.46</v>
      </c>
      <c r="E151" s="11">
        <v>7650.82</v>
      </c>
      <c r="F151" s="11">
        <v>7913.55</v>
      </c>
      <c r="G151" s="11">
        <v>11203.4</v>
      </c>
      <c r="H151" s="11">
        <v>13145.54</v>
      </c>
      <c r="I151" s="11">
        <v>14198.2</v>
      </c>
      <c r="J151" s="11">
        <v>11495.45</v>
      </c>
      <c r="K151" s="11">
        <v>8457.5300000000007</v>
      </c>
      <c r="L151" s="11">
        <v>9888.27</v>
      </c>
      <c r="M151" s="11">
        <v>10098.91</v>
      </c>
      <c r="N151" s="11">
        <v>16901.330000000002</v>
      </c>
      <c r="O151" s="11">
        <v>141201.42000000001</v>
      </c>
      <c r="P151" s="11">
        <v>141201.42000000001</v>
      </c>
    </row>
    <row r="152" spans="2:16" x14ac:dyDescent="0.25">
      <c r="B152" s="9" t="s">
        <v>82</v>
      </c>
      <c r="C152" s="11">
        <v>8377.08</v>
      </c>
      <c r="D152" s="11">
        <v>16955.3</v>
      </c>
      <c r="E152" s="11">
        <v>21124.93</v>
      </c>
      <c r="F152" s="11">
        <v>13095.62</v>
      </c>
      <c r="G152" s="11">
        <v>14281.61</v>
      </c>
      <c r="H152" s="11">
        <v>15775.19</v>
      </c>
      <c r="I152" s="11">
        <v>13458.92</v>
      </c>
      <c r="J152" s="11">
        <v>6468.59</v>
      </c>
      <c r="K152" s="11">
        <v>1146.1300000000001</v>
      </c>
      <c r="L152" s="11">
        <v>1057.95</v>
      </c>
      <c r="M152" s="11">
        <v>6413.99</v>
      </c>
      <c r="N152" s="11">
        <v>5102.25</v>
      </c>
      <c r="O152" s="11">
        <v>123257.56</v>
      </c>
      <c r="P152" s="11">
        <v>123257.56</v>
      </c>
    </row>
    <row r="153" spans="2:16" x14ac:dyDescent="0.25">
      <c r="B153" s="9" t="s">
        <v>84</v>
      </c>
      <c r="C153" s="11">
        <v>286.66000000000003</v>
      </c>
      <c r="D153" s="11">
        <v>3954.79</v>
      </c>
      <c r="E153" s="11"/>
      <c r="F153" s="11"/>
      <c r="G153" s="11">
        <v>0</v>
      </c>
      <c r="H153" s="11">
        <v>-3672.41</v>
      </c>
      <c r="I153" s="11">
        <v>-6540.22</v>
      </c>
      <c r="J153" s="11">
        <v>363.75</v>
      </c>
      <c r="K153" s="11">
        <v>-2895.51</v>
      </c>
      <c r="L153" s="11">
        <v>-2441.2399999999998</v>
      </c>
      <c r="M153" s="11">
        <v>-10016.469999999999</v>
      </c>
      <c r="N153" s="11">
        <v>-2198.4299999999998</v>
      </c>
      <c r="O153" s="11">
        <v>-23159.08</v>
      </c>
      <c r="P153" s="11">
        <v>-23159.08</v>
      </c>
    </row>
    <row r="154" spans="2:16" x14ac:dyDescent="0.25">
      <c r="B154" s="9" t="s">
        <v>85</v>
      </c>
      <c r="C154" s="11"/>
      <c r="D154" s="11">
        <v>836</v>
      </c>
      <c r="E154" s="11"/>
      <c r="F154" s="11">
        <v>4140.2700000000004</v>
      </c>
      <c r="G154" s="11"/>
      <c r="H154" s="11"/>
      <c r="I154" s="11">
        <v>347.42</v>
      </c>
      <c r="J154" s="11"/>
      <c r="K154" s="11">
        <v>3031.49</v>
      </c>
      <c r="L154" s="11">
        <v>398.3</v>
      </c>
      <c r="M154" s="11"/>
      <c r="N154" s="11"/>
      <c r="O154" s="11">
        <v>8753.48</v>
      </c>
      <c r="P154" s="11">
        <v>8753.48</v>
      </c>
    </row>
    <row r="155" spans="2:16" x14ac:dyDescent="0.25">
      <c r="B155" s="9" t="s">
        <v>86</v>
      </c>
      <c r="C155" s="11">
        <v>211.78</v>
      </c>
      <c r="D155" s="11">
        <v>5782.48</v>
      </c>
      <c r="E155" s="11">
        <v>4177.1000000000004</v>
      </c>
      <c r="F155" s="11"/>
      <c r="G155" s="11">
        <v>178.46</v>
      </c>
      <c r="H155" s="11">
        <v>1941.06</v>
      </c>
      <c r="I155" s="11">
        <v>716.21</v>
      </c>
      <c r="J155" s="11"/>
      <c r="K155" s="11">
        <v>73.36</v>
      </c>
      <c r="L155" s="11">
        <v>167.21</v>
      </c>
      <c r="M155" s="11"/>
      <c r="N155" s="11">
        <v>2484.84</v>
      </c>
      <c r="O155" s="11">
        <v>15732.5</v>
      </c>
      <c r="P155" s="11">
        <v>15732.5</v>
      </c>
    </row>
    <row r="156" spans="2:16" x14ac:dyDescent="0.25">
      <c r="B156" s="9" t="s">
        <v>87</v>
      </c>
      <c r="C156" s="11">
        <v>28441.09</v>
      </c>
      <c r="D156" s="11">
        <v>5069.6499999999996</v>
      </c>
      <c r="E156" s="11">
        <v>23841.33</v>
      </c>
      <c r="F156" s="11">
        <v>66493.509999999995</v>
      </c>
      <c r="G156" s="11">
        <v>12322.09</v>
      </c>
      <c r="H156" s="11">
        <v>18265.79</v>
      </c>
      <c r="I156" s="11">
        <v>34690.120000000003</v>
      </c>
      <c r="J156" s="11">
        <v>8401.93</v>
      </c>
      <c r="K156" s="11">
        <v>10166.040000000001</v>
      </c>
      <c r="L156" s="11">
        <v>6212.49</v>
      </c>
      <c r="M156" s="11">
        <v>17018.21</v>
      </c>
      <c r="N156" s="11">
        <v>13227.53</v>
      </c>
      <c r="O156" s="11">
        <v>244149.78</v>
      </c>
      <c r="P156" s="11">
        <v>244149.78</v>
      </c>
    </row>
    <row r="157" spans="2:16" x14ac:dyDescent="0.25">
      <c r="B157" s="9" t="s">
        <v>88</v>
      </c>
      <c r="C157" s="11"/>
      <c r="D157" s="11">
        <v>459.59</v>
      </c>
      <c r="E157" s="11"/>
      <c r="F157" s="11">
        <v>536.73</v>
      </c>
      <c r="G157" s="11"/>
      <c r="H157" s="11"/>
      <c r="I157" s="11"/>
      <c r="J157" s="11"/>
      <c r="K157" s="11"/>
      <c r="L157" s="11"/>
      <c r="M157" s="11"/>
      <c r="N157" s="11"/>
      <c r="O157" s="11">
        <v>996.32</v>
      </c>
      <c r="P157" s="11">
        <v>996.32</v>
      </c>
    </row>
    <row r="158" spans="2:16" x14ac:dyDescent="0.25">
      <c r="B158" s="9" t="s">
        <v>89</v>
      </c>
      <c r="C158" s="11">
        <v>4530.03</v>
      </c>
      <c r="D158" s="11">
        <v>-3384.09</v>
      </c>
      <c r="E158" s="11">
        <v>6943.78</v>
      </c>
      <c r="F158" s="11">
        <v>17098.41</v>
      </c>
      <c r="G158" s="11">
        <v>-14139.64</v>
      </c>
      <c r="H158" s="11">
        <v>288.77</v>
      </c>
      <c r="I158" s="11">
        <v>1199.57</v>
      </c>
      <c r="J158" s="11">
        <v>773.93</v>
      </c>
      <c r="K158" s="11">
        <v>1497.29</v>
      </c>
      <c r="L158" s="11">
        <v>1423.68</v>
      </c>
      <c r="M158" s="11">
        <v>182.92</v>
      </c>
      <c r="N158" s="11">
        <v>1110.24</v>
      </c>
      <c r="O158" s="11">
        <v>17524.89</v>
      </c>
      <c r="P158" s="11">
        <v>17524.89</v>
      </c>
    </row>
    <row r="159" spans="2:16" x14ac:dyDescent="0.25">
      <c r="B159" s="9" t="s">
        <v>91</v>
      </c>
      <c r="C159" s="11">
        <v>196.1</v>
      </c>
      <c r="D159" s="11"/>
      <c r="E159" s="11">
        <v>1343.04</v>
      </c>
      <c r="F159" s="11"/>
      <c r="G159" s="11">
        <v>36.71</v>
      </c>
      <c r="H159" s="11">
        <v>12.19</v>
      </c>
      <c r="I159" s="11">
        <v>38.58</v>
      </c>
      <c r="J159" s="11"/>
      <c r="K159" s="11">
        <v>15.58</v>
      </c>
      <c r="L159" s="11">
        <v>12.65</v>
      </c>
      <c r="M159" s="11">
        <v>-2866.32</v>
      </c>
      <c r="N159" s="11"/>
      <c r="O159" s="11">
        <v>-1211.47</v>
      </c>
      <c r="P159" s="11">
        <v>-1211.47</v>
      </c>
    </row>
    <row r="160" spans="2:16" x14ac:dyDescent="0.25">
      <c r="B160" s="9" t="s">
        <v>92</v>
      </c>
      <c r="C160" s="11">
        <v>17235.080000000002</v>
      </c>
      <c r="D160" s="11">
        <v>15086.68</v>
      </c>
      <c r="E160" s="11">
        <v>14743.5</v>
      </c>
      <c r="F160" s="11">
        <v>13747.09</v>
      </c>
      <c r="G160" s="11">
        <v>17501.759999999998</v>
      </c>
      <c r="H160" s="11">
        <v>18301.169999999998</v>
      </c>
      <c r="I160" s="11">
        <v>23369.759999999998</v>
      </c>
      <c r="J160" s="11">
        <v>18417.05</v>
      </c>
      <c r="K160" s="11">
        <v>16722.46</v>
      </c>
      <c r="L160" s="11">
        <v>17641.46</v>
      </c>
      <c r="M160" s="11">
        <v>19885.560000000001</v>
      </c>
      <c r="N160" s="11">
        <v>24873.07</v>
      </c>
      <c r="O160" s="11">
        <v>217524.64</v>
      </c>
      <c r="P160" s="11">
        <v>217524.64</v>
      </c>
    </row>
    <row r="161" spans="2:16" x14ac:dyDescent="0.25">
      <c r="B161" s="9" t="s">
        <v>93</v>
      </c>
      <c r="C161" s="11"/>
      <c r="D161" s="11"/>
      <c r="E161" s="11"/>
      <c r="F161" s="11"/>
      <c r="G161" s="11"/>
      <c r="H161" s="11"/>
      <c r="I161" s="11"/>
      <c r="J161" s="11"/>
      <c r="K161" s="11"/>
      <c r="L161" s="11"/>
      <c r="M161" s="11"/>
      <c r="N161" s="11">
        <v>7382.19</v>
      </c>
      <c r="O161" s="11">
        <v>7382.19</v>
      </c>
      <c r="P161" s="11">
        <v>7382.19</v>
      </c>
    </row>
    <row r="162" spans="2:16" x14ac:dyDescent="0.25">
      <c r="B162" s="9" t="s">
        <v>94</v>
      </c>
      <c r="C162" s="11"/>
      <c r="D162" s="11"/>
      <c r="E162" s="11">
        <v>-16.77</v>
      </c>
      <c r="F162" s="11"/>
      <c r="G162" s="11"/>
      <c r="H162" s="11"/>
      <c r="I162" s="11"/>
      <c r="J162" s="11"/>
      <c r="K162" s="11"/>
      <c r="L162" s="11"/>
      <c r="M162" s="11"/>
      <c r="N162" s="11"/>
      <c r="O162" s="11">
        <v>-16.77</v>
      </c>
      <c r="P162" s="11">
        <v>-16.77</v>
      </c>
    </row>
    <row r="163" spans="2:16" x14ac:dyDescent="0.25">
      <c r="B163" s="9" t="s">
        <v>95</v>
      </c>
      <c r="C163" s="11">
        <v>2120.2600000000002</v>
      </c>
      <c r="D163" s="11"/>
      <c r="E163" s="11">
        <v>2149.61</v>
      </c>
      <c r="F163" s="11">
        <v>3495.92</v>
      </c>
      <c r="G163" s="11">
        <v>2947.25</v>
      </c>
      <c r="H163" s="11">
        <v>3090.26</v>
      </c>
      <c r="I163" s="11">
        <v>3059.7</v>
      </c>
      <c r="J163" s="11">
        <v>2599.85</v>
      </c>
      <c r="K163" s="11">
        <v>3725.26</v>
      </c>
      <c r="L163" s="11">
        <v>2639.57</v>
      </c>
      <c r="M163" s="11">
        <v>1724.35</v>
      </c>
      <c r="N163" s="11">
        <v>2779.93</v>
      </c>
      <c r="O163" s="11">
        <v>30331.96</v>
      </c>
      <c r="P163" s="11">
        <v>30331.96</v>
      </c>
    </row>
    <row r="164" spans="2:16" x14ac:dyDescent="0.25">
      <c r="B164" s="9" t="s">
        <v>96</v>
      </c>
      <c r="C164" s="11">
        <v>16319.01</v>
      </c>
      <c r="D164" s="11">
        <v>14670.82</v>
      </c>
      <c r="E164" s="11">
        <v>12973.6</v>
      </c>
      <c r="F164" s="11">
        <v>14235.73</v>
      </c>
      <c r="G164" s="11">
        <v>15321.77</v>
      </c>
      <c r="H164" s="11">
        <v>16165.14</v>
      </c>
      <c r="I164" s="11">
        <v>15340.64</v>
      </c>
      <c r="J164" s="11">
        <v>15173.87</v>
      </c>
      <c r="K164" s="11">
        <v>15846.4</v>
      </c>
      <c r="L164" s="11">
        <v>13493.12</v>
      </c>
      <c r="M164" s="11">
        <v>12894.06</v>
      </c>
      <c r="N164" s="11">
        <v>15047.46</v>
      </c>
      <c r="O164" s="11">
        <v>177481.62</v>
      </c>
      <c r="P164" s="11">
        <v>177481.62</v>
      </c>
    </row>
    <row r="165" spans="2:16" x14ac:dyDescent="0.25">
      <c r="B165" s="9" t="s">
        <v>97</v>
      </c>
      <c r="C165" s="11">
        <v>612.26</v>
      </c>
      <c r="D165" s="11">
        <v>366.94</v>
      </c>
      <c r="E165" s="11">
        <v>332.44</v>
      </c>
      <c r="F165" s="11">
        <v>799.13</v>
      </c>
      <c r="G165" s="11">
        <v>327.02999999999997</v>
      </c>
      <c r="H165" s="11">
        <v>327.82</v>
      </c>
      <c r="I165" s="11">
        <v>268.81</v>
      </c>
      <c r="J165" s="11">
        <v>530.28</v>
      </c>
      <c r="K165" s="11">
        <v>301.29000000000002</v>
      </c>
      <c r="L165" s="11">
        <v>646.21</v>
      </c>
      <c r="M165" s="11">
        <v>419.68</v>
      </c>
      <c r="N165" s="11">
        <v>1315.43</v>
      </c>
      <c r="O165" s="11">
        <v>6247.32</v>
      </c>
      <c r="P165" s="11">
        <v>6247.32</v>
      </c>
    </row>
    <row r="166" spans="2:16" x14ac:dyDescent="0.25">
      <c r="B166" s="9" t="s">
        <v>98</v>
      </c>
      <c r="C166" s="11"/>
      <c r="D166" s="11"/>
      <c r="E166" s="11">
        <v>679.3</v>
      </c>
      <c r="F166" s="11"/>
      <c r="G166" s="11"/>
      <c r="H166" s="11">
        <v>55.71</v>
      </c>
      <c r="I166" s="11">
        <v>76.5</v>
      </c>
      <c r="J166" s="11">
        <v>62.43</v>
      </c>
      <c r="K166" s="11">
        <v>69.599999999999994</v>
      </c>
      <c r="L166" s="11">
        <v>154.49</v>
      </c>
      <c r="M166" s="11">
        <v>16.91</v>
      </c>
      <c r="N166" s="11">
        <v>24.14</v>
      </c>
      <c r="O166" s="11">
        <v>1139.08</v>
      </c>
      <c r="P166" s="11">
        <v>1139.08</v>
      </c>
    </row>
    <row r="167" spans="2:16" x14ac:dyDescent="0.25">
      <c r="B167" s="9" t="s">
        <v>99</v>
      </c>
      <c r="C167" s="11">
        <v>0.36</v>
      </c>
      <c r="D167" s="11">
        <v>0.36</v>
      </c>
      <c r="E167" s="11">
        <v>617.33000000000004</v>
      </c>
      <c r="F167" s="11">
        <v>0.71</v>
      </c>
      <c r="G167" s="11"/>
      <c r="H167" s="11">
        <v>53.06</v>
      </c>
      <c r="I167" s="11">
        <v>72.72</v>
      </c>
      <c r="J167" s="11">
        <v>59.41</v>
      </c>
      <c r="K167" s="11">
        <v>66.2</v>
      </c>
      <c r="L167" s="11">
        <v>146.5</v>
      </c>
      <c r="M167" s="11">
        <v>16.329999999999998</v>
      </c>
      <c r="N167" s="11">
        <v>1374.29</v>
      </c>
      <c r="O167" s="11">
        <v>2407.27</v>
      </c>
      <c r="P167" s="11">
        <v>2407.27</v>
      </c>
    </row>
    <row r="168" spans="2:16" x14ac:dyDescent="0.25">
      <c r="B168" s="9" t="s">
        <v>100</v>
      </c>
      <c r="C168" s="11"/>
      <c r="D168" s="11"/>
      <c r="E168" s="11">
        <v>493.57</v>
      </c>
      <c r="F168" s="11"/>
      <c r="G168" s="11"/>
      <c r="H168" s="11">
        <v>42.15</v>
      </c>
      <c r="I168" s="11">
        <v>57.89</v>
      </c>
      <c r="J168" s="11">
        <v>47.24</v>
      </c>
      <c r="K168" s="11">
        <v>52.68</v>
      </c>
      <c r="L168" s="11">
        <v>116.93</v>
      </c>
      <c r="M168" s="11">
        <v>12.79</v>
      </c>
      <c r="N168" s="11">
        <v>18.260000000000002</v>
      </c>
      <c r="O168" s="11">
        <v>841.51</v>
      </c>
      <c r="P168" s="11">
        <v>841.51</v>
      </c>
    </row>
    <row r="169" spans="2:16" x14ac:dyDescent="0.25">
      <c r="B169" s="9" t="s">
        <v>107</v>
      </c>
      <c r="C169" s="11"/>
      <c r="D169" s="11"/>
      <c r="E169" s="11">
        <v>20.87</v>
      </c>
      <c r="F169" s="11"/>
      <c r="G169" s="11">
        <v>-20.87</v>
      </c>
      <c r="H169" s="11"/>
      <c r="I169" s="11"/>
      <c r="J169" s="11"/>
      <c r="K169" s="11"/>
      <c r="L169" s="11"/>
      <c r="M169" s="11"/>
      <c r="N169" s="11"/>
      <c r="O169" s="11">
        <v>0</v>
      </c>
      <c r="P169" s="11">
        <v>0</v>
      </c>
    </row>
    <row r="170" spans="2:16" x14ac:dyDescent="0.25">
      <c r="B170" s="9" t="s">
        <v>109</v>
      </c>
      <c r="C170" s="11">
        <v>24060.21</v>
      </c>
      <c r="D170" s="11">
        <v>24048.39</v>
      </c>
      <c r="E170" s="11">
        <v>24842.94</v>
      </c>
      <c r="F170" s="11">
        <v>24819.919999999998</v>
      </c>
      <c r="G170" s="11">
        <v>24791.13</v>
      </c>
      <c r="H170" s="11">
        <v>24874.959999999999</v>
      </c>
      <c r="I170" s="11">
        <v>25060.19</v>
      </c>
      <c r="J170" s="11">
        <v>25117.439999999999</v>
      </c>
      <c r="K170" s="11">
        <v>25085.69</v>
      </c>
      <c r="L170" s="11">
        <v>24850.97</v>
      </c>
      <c r="M170" s="11">
        <v>23798.3</v>
      </c>
      <c r="N170" s="11">
        <v>22631.87</v>
      </c>
      <c r="O170" s="11">
        <v>293982.01</v>
      </c>
      <c r="P170" s="11">
        <v>293982.01</v>
      </c>
    </row>
    <row r="171" spans="2:16" x14ac:dyDescent="0.25">
      <c r="B171" s="9" t="s">
        <v>113</v>
      </c>
      <c r="C171" s="11">
        <v>-1819.92</v>
      </c>
      <c r="D171" s="11">
        <v>1964.86</v>
      </c>
      <c r="E171" s="11">
        <v>2214.81</v>
      </c>
      <c r="F171" s="11">
        <v>2287.2399999999998</v>
      </c>
      <c r="G171" s="11">
        <v>11093.97</v>
      </c>
      <c r="H171" s="11">
        <v>-4311.8500000000004</v>
      </c>
      <c r="I171" s="11"/>
      <c r="J171" s="11"/>
      <c r="K171" s="11"/>
      <c r="L171" s="11">
        <v>6.41</v>
      </c>
      <c r="M171" s="11">
        <v>-3.18</v>
      </c>
      <c r="N171" s="11">
        <v>-17.899999999999999</v>
      </c>
      <c r="O171" s="11">
        <v>11414.44</v>
      </c>
      <c r="P171" s="11">
        <v>11414.44</v>
      </c>
    </row>
    <row r="172" spans="2:16" x14ac:dyDescent="0.25">
      <c r="B172" s="9" t="s">
        <v>116</v>
      </c>
      <c r="C172" s="11">
        <v>-88.14</v>
      </c>
      <c r="D172" s="11">
        <v>135.49</v>
      </c>
      <c r="E172" s="11">
        <v>59.66</v>
      </c>
      <c r="F172" s="11">
        <v>116.28</v>
      </c>
      <c r="G172" s="11">
        <v>32.869999999999997</v>
      </c>
      <c r="H172" s="11">
        <v>2.44</v>
      </c>
      <c r="I172" s="11">
        <v>21.99</v>
      </c>
      <c r="J172" s="11">
        <v>-313.23</v>
      </c>
      <c r="K172" s="11"/>
      <c r="L172" s="11">
        <v>1.31</v>
      </c>
      <c r="M172" s="11">
        <v>-9.3699999999999992</v>
      </c>
      <c r="N172" s="11">
        <v>18.440000000000001</v>
      </c>
      <c r="O172" s="11">
        <v>-22.26</v>
      </c>
      <c r="P172" s="11">
        <v>-22.26</v>
      </c>
    </row>
    <row r="173" spans="2:16" x14ac:dyDescent="0.25">
      <c r="B173" s="9" t="s">
        <v>119</v>
      </c>
      <c r="C173" s="11"/>
      <c r="D173" s="11">
        <v>18.36</v>
      </c>
      <c r="E173" s="11">
        <v>1637.45</v>
      </c>
      <c r="F173" s="11">
        <v>13.29</v>
      </c>
      <c r="G173" s="11">
        <v>-1587.5</v>
      </c>
      <c r="H173" s="11">
        <v>2.57</v>
      </c>
      <c r="I173" s="11"/>
      <c r="J173" s="11">
        <v>-75.13</v>
      </c>
      <c r="K173" s="11"/>
      <c r="L173" s="11"/>
      <c r="M173" s="11">
        <v>111.75</v>
      </c>
      <c r="N173" s="11"/>
      <c r="O173" s="11">
        <v>120.79</v>
      </c>
      <c r="P173" s="11">
        <v>120.79</v>
      </c>
    </row>
    <row r="174" spans="2:16" x14ac:dyDescent="0.25">
      <c r="B174" s="9" t="s">
        <v>125</v>
      </c>
      <c r="C174" s="11">
        <v>9.5500000000000007</v>
      </c>
      <c r="D174" s="11"/>
      <c r="E174" s="11">
        <v>4.78</v>
      </c>
      <c r="F174" s="11">
        <v>743.27</v>
      </c>
      <c r="G174" s="11">
        <v>178.89</v>
      </c>
      <c r="H174" s="11">
        <v>1776.11</v>
      </c>
      <c r="I174" s="11">
        <v>30.94</v>
      </c>
      <c r="J174" s="11">
        <v>4.78</v>
      </c>
      <c r="K174" s="11">
        <v>2.39</v>
      </c>
      <c r="L174" s="11">
        <v>-508.2</v>
      </c>
      <c r="M174" s="11">
        <v>2.39</v>
      </c>
      <c r="N174" s="11"/>
      <c r="O174" s="11">
        <v>2244.9</v>
      </c>
      <c r="P174" s="11">
        <v>2244.9</v>
      </c>
    </row>
    <row r="175" spans="2:16" x14ac:dyDescent="0.25">
      <c r="B175" s="9" t="s">
        <v>135</v>
      </c>
      <c r="C175" s="11"/>
      <c r="D175" s="11"/>
      <c r="E175" s="11">
        <v>200.05</v>
      </c>
      <c r="F175" s="11"/>
      <c r="G175" s="11"/>
      <c r="H175" s="11"/>
      <c r="I175" s="11"/>
      <c r="J175" s="11"/>
      <c r="K175" s="11"/>
      <c r="L175" s="11">
        <v>78.98</v>
      </c>
      <c r="M175" s="11"/>
      <c r="N175" s="11"/>
      <c r="O175" s="11">
        <v>279.02999999999997</v>
      </c>
      <c r="P175" s="11">
        <v>279.02999999999997</v>
      </c>
    </row>
    <row r="176" spans="2:16" x14ac:dyDescent="0.25">
      <c r="B176" s="9" t="s">
        <v>138</v>
      </c>
      <c r="C176" s="11">
        <v>23876.720000000001</v>
      </c>
      <c r="D176" s="11">
        <v>20711.04</v>
      </c>
      <c r="E176" s="11">
        <v>25583.57</v>
      </c>
      <c r="F176" s="11">
        <v>30938.33</v>
      </c>
      <c r="G176" s="11">
        <v>23848.27</v>
      </c>
      <c r="H176" s="11">
        <v>20253.3</v>
      </c>
      <c r="I176" s="11">
        <v>25173.39</v>
      </c>
      <c r="J176" s="11">
        <v>20757.55</v>
      </c>
      <c r="K176" s="11">
        <v>20163.22</v>
      </c>
      <c r="L176" s="11">
        <v>20775.52</v>
      </c>
      <c r="M176" s="11">
        <v>32929.699999999997</v>
      </c>
      <c r="N176" s="11">
        <v>60807.53</v>
      </c>
      <c r="O176" s="11">
        <v>325818.14</v>
      </c>
      <c r="P176" s="11">
        <v>325818.14</v>
      </c>
    </row>
    <row r="177" spans="1:16" x14ac:dyDescent="0.25">
      <c r="B177" s="9" t="s">
        <v>141</v>
      </c>
      <c r="C177" s="11"/>
      <c r="D177" s="11"/>
      <c r="E177" s="11"/>
      <c r="F177" s="11"/>
      <c r="G177" s="11"/>
      <c r="H177" s="11">
        <v>-1425</v>
      </c>
      <c r="I177" s="11"/>
      <c r="J177" s="11"/>
      <c r="K177" s="11"/>
      <c r="L177" s="11"/>
      <c r="M177" s="11"/>
      <c r="N177" s="11"/>
      <c r="O177" s="11">
        <v>-1425</v>
      </c>
      <c r="P177" s="11">
        <v>-1425</v>
      </c>
    </row>
    <row r="178" spans="1:16" x14ac:dyDescent="0.25">
      <c r="B178" s="9" t="s">
        <v>145</v>
      </c>
      <c r="C178" s="11"/>
      <c r="D178" s="11"/>
      <c r="E178" s="11">
        <v>16.77</v>
      </c>
      <c r="F178" s="11"/>
      <c r="G178" s="11"/>
      <c r="H178" s="11">
        <v>0</v>
      </c>
      <c r="I178" s="11"/>
      <c r="J178" s="11"/>
      <c r="K178" s="11"/>
      <c r="L178" s="11">
        <v>-7828.01</v>
      </c>
      <c r="M178" s="11"/>
      <c r="N178" s="11">
        <v>434</v>
      </c>
      <c r="O178" s="11">
        <v>-7377.24</v>
      </c>
      <c r="P178" s="11">
        <v>-7377.24</v>
      </c>
    </row>
    <row r="179" spans="1:16" x14ac:dyDescent="0.25">
      <c r="B179" s="9" t="s">
        <v>155</v>
      </c>
      <c r="C179" s="11"/>
      <c r="D179" s="11">
        <v>26981.15</v>
      </c>
      <c r="E179" s="11"/>
      <c r="F179" s="11"/>
      <c r="G179" s="11"/>
      <c r="H179" s="11"/>
      <c r="I179" s="11"/>
      <c r="J179" s="11"/>
      <c r="K179" s="11"/>
      <c r="L179" s="11"/>
      <c r="M179" s="11"/>
      <c r="N179" s="11"/>
      <c r="O179" s="11">
        <v>26981.15</v>
      </c>
      <c r="P179" s="11">
        <v>26981.15</v>
      </c>
    </row>
    <row r="180" spans="1:16" x14ac:dyDescent="0.25">
      <c r="A180" t="s">
        <v>164</v>
      </c>
      <c r="C180" s="11">
        <v>179448.99</v>
      </c>
      <c r="D180" s="11">
        <v>194495.07</v>
      </c>
      <c r="E180" s="11">
        <v>266250.49</v>
      </c>
      <c r="F180" s="11">
        <v>357783.5</v>
      </c>
      <c r="G180" s="11">
        <v>218228.94</v>
      </c>
      <c r="H180" s="11">
        <v>287806.88</v>
      </c>
      <c r="I180" s="11">
        <v>242430.47</v>
      </c>
      <c r="J180" s="11">
        <v>195493.29</v>
      </c>
      <c r="K180" s="11">
        <v>170663.78</v>
      </c>
      <c r="L180" s="11">
        <v>222575.85</v>
      </c>
      <c r="M180" s="11">
        <v>206016.94</v>
      </c>
      <c r="N180" s="11">
        <v>311460.78999999998</v>
      </c>
      <c r="O180" s="11">
        <v>2852654.99</v>
      </c>
      <c r="P180" s="11">
        <v>2852654.99</v>
      </c>
    </row>
    <row r="181" spans="1:16" x14ac:dyDescent="0.25">
      <c r="A181" t="s">
        <v>159</v>
      </c>
      <c r="B181" s="9" t="s">
        <v>17</v>
      </c>
      <c r="C181" s="11">
        <v>180230.32</v>
      </c>
      <c r="D181" s="11">
        <v>179563.3</v>
      </c>
      <c r="E181" s="11">
        <v>175310.86</v>
      </c>
      <c r="F181" s="11">
        <v>160626.63</v>
      </c>
      <c r="G181" s="11">
        <v>160127.64000000001</v>
      </c>
      <c r="H181" s="11">
        <v>180287.34</v>
      </c>
      <c r="I181" s="11">
        <v>176878.48</v>
      </c>
      <c r="J181" s="11">
        <v>188099.29</v>
      </c>
      <c r="K181" s="11">
        <v>185623.07</v>
      </c>
      <c r="L181" s="11">
        <v>174375.02</v>
      </c>
      <c r="M181" s="11">
        <v>194319.04</v>
      </c>
      <c r="N181" s="11">
        <v>190372.23</v>
      </c>
      <c r="O181" s="11">
        <v>2145813.2200000002</v>
      </c>
      <c r="P181" s="11">
        <v>2145813.2200000002</v>
      </c>
    </row>
    <row r="182" spans="1:16" x14ac:dyDescent="0.25">
      <c r="B182" s="9" t="s">
        <v>18</v>
      </c>
      <c r="C182" s="11"/>
      <c r="D182" s="11"/>
      <c r="E182" s="11">
        <v>125.43</v>
      </c>
      <c r="F182" s="11"/>
      <c r="G182" s="11"/>
      <c r="H182" s="11"/>
      <c r="I182" s="11"/>
      <c r="J182" s="11"/>
      <c r="K182" s="11"/>
      <c r="L182" s="11"/>
      <c r="M182" s="11"/>
      <c r="N182" s="11"/>
      <c r="O182" s="11">
        <v>125.43</v>
      </c>
      <c r="P182" s="11">
        <v>125.43</v>
      </c>
    </row>
    <row r="183" spans="1:16" x14ac:dyDescent="0.25">
      <c r="B183" s="9" t="s">
        <v>19</v>
      </c>
      <c r="C183" s="11">
        <v>1896.87</v>
      </c>
      <c r="D183" s="11">
        <v>1856.72</v>
      </c>
      <c r="E183" s="11">
        <v>1964.55</v>
      </c>
      <c r="F183" s="11">
        <v>1920.07</v>
      </c>
      <c r="G183" s="11">
        <v>1887.79</v>
      </c>
      <c r="H183" s="11">
        <v>1884.58</v>
      </c>
      <c r="I183" s="11">
        <v>1781.76</v>
      </c>
      <c r="J183" s="11">
        <v>1922.27</v>
      </c>
      <c r="K183" s="11">
        <v>1924.25</v>
      </c>
      <c r="L183" s="11">
        <v>2046.22</v>
      </c>
      <c r="M183" s="11">
        <v>1953.65</v>
      </c>
      <c r="N183" s="11">
        <v>3638.97</v>
      </c>
      <c r="O183" s="11">
        <v>24677.7</v>
      </c>
      <c r="P183" s="11">
        <v>24677.7</v>
      </c>
    </row>
    <row r="184" spans="1:16" x14ac:dyDescent="0.25">
      <c r="B184" s="9" t="s">
        <v>21</v>
      </c>
      <c r="C184" s="11"/>
      <c r="D184" s="11"/>
      <c r="E184" s="11">
        <v>80.83</v>
      </c>
      <c r="F184" s="11"/>
      <c r="G184" s="11"/>
      <c r="H184" s="11"/>
      <c r="I184" s="11"/>
      <c r="J184" s="11"/>
      <c r="K184" s="11"/>
      <c r="L184" s="11"/>
      <c r="M184" s="11"/>
      <c r="N184" s="11"/>
      <c r="O184" s="11">
        <v>80.83</v>
      </c>
      <c r="P184" s="11">
        <v>80.83</v>
      </c>
    </row>
    <row r="185" spans="1:16" x14ac:dyDescent="0.25">
      <c r="B185" s="9" t="s">
        <v>23</v>
      </c>
      <c r="C185" s="11">
        <v>29610.41</v>
      </c>
      <c r="D185" s="11">
        <v>24813.67</v>
      </c>
      <c r="E185" s="11">
        <v>28791.09</v>
      </c>
      <c r="F185" s="11">
        <v>36928.94</v>
      </c>
      <c r="G185" s="11">
        <v>38997.65</v>
      </c>
      <c r="H185" s="11">
        <v>18184.060000000001</v>
      </c>
      <c r="I185" s="11">
        <v>28883.19</v>
      </c>
      <c r="J185" s="11">
        <v>27455.59</v>
      </c>
      <c r="K185" s="11">
        <v>27903.51</v>
      </c>
      <c r="L185" s="11">
        <v>26475.83</v>
      </c>
      <c r="M185" s="11">
        <v>27839.05</v>
      </c>
      <c r="N185" s="11">
        <v>28469.1</v>
      </c>
      <c r="O185" s="11">
        <v>344352.09</v>
      </c>
      <c r="P185" s="11">
        <v>344352.09</v>
      </c>
    </row>
    <row r="186" spans="1:16" x14ac:dyDescent="0.25">
      <c r="B186" s="9" t="s">
        <v>26</v>
      </c>
      <c r="C186" s="11">
        <v>47738.75</v>
      </c>
      <c r="D186" s="11">
        <v>58189.64</v>
      </c>
      <c r="E186" s="11">
        <v>69477.75</v>
      </c>
      <c r="F186" s="11">
        <v>86159.88</v>
      </c>
      <c r="G186" s="11">
        <v>65512.05</v>
      </c>
      <c r="H186" s="11">
        <v>44073.03</v>
      </c>
      <c r="I186" s="11">
        <v>41897.629999999997</v>
      </c>
      <c r="J186" s="11">
        <v>53011.13</v>
      </c>
      <c r="K186" s="11">
        <v>45825.08</v>
      </c>
      <c r="L186" s="11">
        <v>48659.74</v>
      </c>
      <c r="M186" s="11">
        <v>39052.879999999997</v>
      </c>
      <c r="N186" s="11">
        <v>57254.25</v>
      </c>
      <c r="O186" s="11">
        <v>656851.81000000006</v>
      </c>
      <c r="P186" s="11">
        <v>656851.81000000006</v>
      </c>
    </row>
    <row r="187" spans="1:16" x14ac:dyDescent="0.25">
      <c r="B187" s="9" t="s">
        <v>28</v>
      </c>
      <c r="C187" s="11">
        <v>166878.47</v>
      </c>
      <c r="D187" s="11">
        <v>176096.2</v>
      </c>
      <c r="E187" s="11">
        <v>179645.74</v>
      </c>
      <c r="F187" s="11">
        <v>181249.2</v>
      </c>
      <c r="G187" s="11">
        <v>127141.45</v>
      </c>
      <c r="H187" s="11">
        <v>142687.87</v>
      </c>
      <c r="I187" s="11">
        <v>149106.93</v>
      </c>
      <c r="J187" s="11">
        <v>152248.28</v>
      </c>
      <c r="K187" s="11">
        <v>136552.99</v>
      </c>
      <c r="L187" s="11">
        <v>55622.23</v>
      </c>
      <c r="M187" s="11">
        <v>84303.57</v>
      </c>
      <c r="N187" s="11">
        <v>158619.39000000001</v>
      </c>
      <c r="O187" s="11">
        <v>1710152.32</v>
      </c>
      <c r="P187" s="11">
        <v>1710152.32</v>
      </c>
    </row>
    <row r="188" spans="1:16" x14ac:dyDescent="0.25">
      <c r="B188" s="9" t="s">
        <v>29</v>
      </c>
      <c r="C188" s="11">
        <v>93.01</v>
      </c>
      <c r="D188" s="11">
        <v>121.92</v>
      </c>
      <c r="E188" s="11">
        <v>134.61000000000001</v>
      </c>
      <c r="F188" s="11">
        <v>116.43</v>
      </c>
      <c r="G188" s="11">
        <v>1324.88</v>
      </c>
      <c r="H188" s="11">
        <v>77.02</v>
      </c>
      <c r="I188" s="11">
        <v>138.41999999999999</v>
      </c>
      <c r="J188" s="11">
        <v>95.31</v>
      </c>
      <c r="K188" s="11">
        <v>97.34</v>
      </c>
      <c r="L188" s="11">
        <v>114.87</v>
      </c>
      <c r="M188" s="11">
        <v>104.62</v>
      </c>
      <c r="N188" s="11">
        <v>96.28</v>
      </c>
      <c r="O188" s="11">
        <v>2514.71</v>
      </c>
      <c r="P188" s="11">
        <v>2514.71</v>
      </c>
    </row>
    <row r="189" spans="1:16" x14ac:dyDescent="0.25">
      <c r="B189" s="9" t="s">
        <v>30</v>
      </c>
      <c r="C189" s="11">
        <v>6659.91</v>
      </c>
      <c r="D189" s="11">
        <v>10787.93</v>
      </c>
      <c r="E189" s="11">
        <v>11279.27</v>
      </c>
      <c r="F189" s="11">
        <v>4972.13</v>
      </c>
      <c r="G189" s="11">
        <v>17725.63</v>
      </c>
      <c r="H189" s="11">
        <v>25829.97</v>
      </c>
      <c r="I189" s="11">
        <v>5012.04</v>
      </c>
      <c r="J189" s="11">
        <v>7894.43</v>
      </c>
      <c r="K189" s="11">
        <v>7216.58</v>
      </c>
      <c r="L189" s="11">
        <v>5864.64</v>
      </c>
      <c r="M189" s="11">
        <v>5834.38</v>
      </c>
      <c r="N189" s="11">
        <v>5605.27</v>
      </c>
      <c r="O189" s="11">
        <v>114682.18</v>
      </c>
      <c r="P189" s="11">
        <v>114682.18</v>
      </c>
    </row>
    <row r="190" spans="1:16" x14ac:dyDescent="0.25">
      <c r="B190" s="9" t="s">
        <v>31</v>
      </c>
      <c r="C190" s="11">
        <v>5653.39</v>
      </c>
      <c r="D190" s="11">
        <v>8600.7099999999991</v>
      </c>
      <c r="E190" s="11">
        <v>13994.71</v>
      </c>
      <c r="F190" s="11">
        <v>11547.79</v>
      </c>
      <c r="G190" s="11">
        <v>80050.429999999993</v>
      </c>
      <c r="H190" s="11">
        <v>42014.87</v>
      </c>
      <c r="I190" s="11">
        <v>14591.02</v>
      </c>
      <c r="J190" s="11">
        <v>18190.939999999999</v>
      </c>
      <c r="K190" s="11">
        <v>52583.23</v>
      </c>
      <c r="L190" s="11">
        <v>191312.08</v>
      </c>
      <c r="M190" s="11">
        <v>139035.57</v>
      </c>
      <c r="N190" s="11">
        <v>11455.41</v>
      </c>
      <c r="O190" s="11">
        <v>589030.15</v>
      </c>
      <c r="P190" s="11">
        <v>589030.15</v>
      </c>
    </row>
    <row r="191" spans="1:16" x14ac:dyDescent="0.25">
      <c r="B191" s="9" t="s">
        <v>32</v>
      </c>
      <c r="C191" s="11">
        <v>7770.19</v>
      </c>
      <c r="D191" s="11">
        <v>8006.47</v>
      </c>
      <c r="E191" s="11">
        <v>1662.17</v>
      </c>
      <c r="F191" s="11">
        <v>2485.2399999999998</v>
      </c>
      <c r="G191" s="11">
        <v>5787.4</v>
      </c>
      <c r="H191" s="11">
        <v>5791.43</v>
      </c>
      <c r="I191" s="11">
        <v>2658.86</v>
      </c>
      <c r="J191" s="11">
        <v>5854.36</v>
      </c>
      <c r="K191" s="11">
        <v>2191.11</v>
      </c>
      <c r="L191" s="11">
        <v>9860.01</v>
      </c>
      <c r="M191" s="11">
        <v>9561.02</v>
      </c>
      <c r="N191" s="11">
        <v>6211</v>
      </c>
      <c r="O191" s="11">
        <v>67839.259999999995</v>
      </c>
      <c r="P191" s="11">
        <v>67839.259999999995</v>
      </c>
    </row>
    <row r="192" spans="1:16" x14ac:dyDescent="0.25">
      <c r="B192" s="9" t="s">
        <v>33</v>
      </c>
      <c r="C192" s="11">
        <v>3618.81</v>
      </c>
      <c r="D192" s="11">
        <v>507.98</v>
      </c>
      <c r="E192" s="11">
        <v>243.89</v>
      </c>
      <c r="F192" s="11">
        <v>6945.93</v>
      </c>
      <c r="G192" s="11">
        <v>1942.13</v>
      </c>
      <c r="H192" s="11">
        <v>136.69</v>
      </c>
      <c r="I192" s="11">
        <v>3121.12</v>
      </c>
      <c r="J192" s="11">
        <v>250</v>
      </c>
      <c r="K192" s="11">
        <v>4248.57</v>
      </c>
      <c r="L192" s="11">
        <v>6292.56</v>
      </c>
      <c r="M192" s="11">
        <v>2392.2199999999998</v>
      </c>
      <c r="N192" s="11">
        <v>6181.34</v>
      </c>
      <c r="O192" s="11">
        <v>35881.24</v>
      </c>
      <c r="P192" s="11">
        <v>35881.24</v>
      </c>
    </row>
    <row r="193" spans="2:16" x14ac:dyDescent="0.25">
      <c r="B193" s="9" t="s">
        <v>36</v>
      </c>
      <c r="C193" s="11">
        <v>1.94</v>
      </c>
      <c r="D193" s="11"/>
      <c r="E193" s="11">
        <v>-1.94</v>
      </c>
      <c r="F193" s="11"/>
      <c r="G193" s="11"/>
      <c r="H193" s="11"/>
      <c r="I193" s="11"/>
      <c r="J193" s="11"/>
      <c r="K193" s="11"/>
      <c r="L193" s="11"/>
      <c r="M193" s="11"/>
      <c r="N193" s="11"/>
      <c r="O193" s="11">
        <v>0</v>
      </c>
      <c r="P193" s="11">
        <v>0</v>
      </c>
    </row>
    <row r="194" spans="2:16" x14ac:dyDescent="0.25">
      <c r="B194" s="9" t="s">
        <v>40</v>
      </c>
      <c r="C194" s="11"/>
      <c r="D194" s="11"/>
      <c r="E194" s="11"/>
      <c r="F194" s="11">
        <v>0</v>
      </c>
      <c r="G194" s="11">
        <v>0</v>
      </c>
      <c r="H194" s="11"/>
      <c r="I194" s="11"/>
      <c r="J194" s="11"/>
      <c r="K194" s="11"/>
      <c r="L194" s="11"/>
      <c r="M194" s="11"/>
      <c r="N194" s="11"/>
      <c r="O194" s="11">
        <v>0</v>
      </c>
      <c r="P194" s="11">
        <v>0</v>
      </c>
    </row>
    <row r="195" spans="2:16" x14ac:dyDescent="0.25">
      <c r="B195" s="9" t="s">
        <v>41</v>
      </c>
      <c r="C195" s="11">
        <v>30487.69</v>
      </c>
      <c r="D195" s="11">
        <v>28583.96</v>
      </c>
      <c r="E195" s="11">
        <v>28928.19</v>
      </c>
      <c r="F195" s="11">
        <v>25858.52</v>
      </c>
      <c r="G195" s="11">
        <v>25702.35</v>
      </c>
      <c r="H195" s="11">
        <v>21858.07</v>
      </c>
      <c r="I195" s="11">
        <v>17990.64</v>
      </c>
      <c r="J195" s="11">
        <v>15607.03</v>
      </c>
      <c r="K195" s="11">
        <v>21547.27</v>
      </c>
      <c r="L195" s="11">
        <v>20055.73</v>
      </c>
      <c r="M195" s="11">
        <v>18972.939999999999</v>
      </c>
      <c r="N195" s="11">
        <v>22757.03</v>
      </c>
      <c r="O195" s="11">
        <v>278349.42</v>
      </c>
      <c r="P195" s="11">
        <v>278349.42</v>
      </c>
    </row>
    <row r="196" spans="2:16" x14ac:dyDescent="0.25">
      <c r="B196" s="9" t="s">
        <v>42</v>
      </c>
      <c r="C196" s="11">
        <v>422.51</v>
      </c>
      <c r="D196" s="11">
        <v>467.32</v>
      </c>
      <c r="E196" s="11">
        <v>473.43</v>
      </c>
      <c r="F196" s="11">
        <v>451.26</v>
      </c>
      <c r="G196" s="11">
        <v>432.66</v>
      </c>
      <c r="H196" s="11">
        <v>462.6</v>
      </c>
      <c r="I196" s="11">
        <v>425.19</v>
      </c>
      <c r="J196" s="11">
        <v>483.2</v>
      </c>
      <c r="K196" s="11">
        <v>446.28</v>
      </c>
      <c r="L196" s="11">
        <v>475.15</v>
      </c>
      <c r="M196" s="11">
        <v>468.42</v>
      </c>
      <c r="N196" s="11">
        <v>422.74</v>
      </c>
      <c r="O196" s="11">
        <v>5430.76</v>
      </c>
      <c r="P196" s="11">
        <v>5430.76</v>
      </c>
    </row>
    <row r="197" spans="2:16" x14ac:dyDescent="0.25">
      <c r="B197" s="9" t="s">
        <v>43</v>
      </c>
      <c r="C197" s="11">
        <v>3439.81</v>
      </c>
      <c r="D197" s="11">
        <v>2938.56</v>
      </c>
      <c r="E197" s="11">
        <v>3446.2</v>
      </c>
      <c r="F197" s="11">
        <v>7505.39</v>
      </c>
      <c r="G197" s="11">
        <v>5186.26</v>
      </c>
      <c r="H197" s="11">
        <v>362.15</v>
      </c>
      <c r="I197" s="11">
        <v>1917.72</v>
      </c>
      <c r="J197" s="11">
        <v>1561.29</v>
      </c>
      <c r="K197" s="11">
        <v>1404.25</v>
      </c>
      <c r="L197" s="11">
        <v>2184.7800000000002</v>
      </c>
      <c r="M197" s="11">
        <v>1974.06</v>
      </c>
      <c r="N197" s="11">
        <v>1870.91</v>
      </c>
      <c r="O197" s="11">
        <v>33791.379999999997</v>
      </c>
      <c r="P197" s="11">
        <v>33791.379999999997</v>
      </c>
    </row>
    <row r="198" spans="2:16" x14ac:dyDescent="0.25">
      <c r="B198" s="9" t="s">
        <v>45</v>
      </c>
      <c r="C198" s="11">
        <v>34781.910000000003</v>
      </c>
      <c r="D198" s="11">
        <v>42039.64</v>
      </c>
      <c r="E198" s="11">
        <v>51757.55</v>
      </c>
      <c r="F198" s="11">
        <v>48445.08</v>
      </c>
      <c r="G198" s="11">
        <v>45538.14</v>
      </c>
      <c r="H198" s="11">
        <v>41531.11</v>
      </c>
      <c r="I198" s="11">
        <v>29892.16</v>
      </c>
      <c r="J198" s="11">
        <v>39243.01</v>
      </c>
      <c r="K198" s="11">
        <v>33134.239999999998</v>
      </c>
      <c r="L198" s="11">
        <v>44352.76</v>
      </c>
      <c r="M198" s="11">
        <v>40841.24</v>
      </c>
      <c r="N198" s="11">
        <v>27511.8</v>
      </c>
      <c r="O198" s="11">
        <v>479068.64</v>
      </c>
      <c r="P198" s="11">
        <v>479068.64</v>
      </c>
    </row>
    <row r="199" spans="2:16" x14ac:dyDescent="0.25">
      <c r="B199" s="9" t="s">
        <v>46</v>
      </c>
      <c r="C199" s="11">
        <v>10982.41</v>
      </c>
      <c r="D199" s="11">
        <v>10997.15</v>
      </c>
      <c r="E199" s="11">
        <v>11166.37</v>
      </c>
      <c r="F199" s="11">
        <v>12177.3</v>
      </c>
      <c r="G199" s="11">
        <v>9825.19</v>
      </c>
      <c r="H199" s="11">
        <v>14358.29</v>
      </c>
      <c r="I199" s="11">
        <v>14235.01</v>
      </c>
      <c r="J199" s="11">
        <v>16508.68</v>
      </c>
      <c r="K199" s="11">
        <v>17082.91</v>
      </c>
      <c r="L199" s="11">
        <v>18328.419999999998</v>
      </c>
      <c r="M199" s="11">
        <v>16084.67</v>
      </c>
      <c r="N199" s="11">
        <v>17463.080000000002</v>
      </c>
      <c r="O199" s="11">
        <v>169209.48</v>
      </c>
      <c r="P199" s="11">
        <v>169209.48</v>
      </c>
    </row>
    <row r="200" spans="2:16" x14ac:dyDescent="0.25">
      <c r="B200" s="9" t="s">
        <v>47</v>
      </c>
      <c r="C200" s="11"/>
      <c r="D200" s="11"/>
      <c r="E200" s="11">
        <v>2084.64</v>
      </c>
      <c r="F200" s="11">
        <v>901.04</v>
      </c>
      <c r="G200" s="11"/>
      <c r="H200" s="11"/>
      <c r="I200" s="11">
        <v>573.82000000000005</v>
      </c>
      <c r="J200" s="11">
        <v>502.09</v>
      </c>
      <c r="K200" s="11"/>
      <c r="L200" s="11">
        <v>0</v>
      </c>
      <c r="M200" s="11">
        <v>0</v>
      </c>
      <c r="N200" s="11">
        <v>2593.12</v>
      </c>
      <c r="O200" s="11">
        <v>6654.71</v>
      </c>
      <c r="P200" s="11">
        <v>6654.71</v>
      </c>
    </row>
    <row r="201" spans="2:16" x14ac:dyDescent="0.25">
      <c r="B201" s="9" t="s">
        <v>49</v>
      </c>
      <c r="C201" s="11">
        <v>1699.62</v>
      </c>
      <c r="D201" s="11"/>
      <c r="E201" s="11"/>
      <c r="F201" s="11">
        <v>828.43</v>
      </c>
      <c r="G201" s="11"/>
      <c r="H201" s="11"/>
      <c r="I201" s="11"/>
      <c r="J201" s="11">
        <v>2368.83</v>
      </c>
      <c r="K201" s="11">
        <v>819.33</v>
      </c>
      <c r="L201" s="11">
        <v>3563.08</v>
      </c>
      <c r="M201" s="11">
        <v>8607.77</v>
      </c>
      <c r="N201" s="11">
        <v>1357.2</v>
      </c>
      <c r="O201" s="11">
        <v>19244.259999999998</v>
      </c>
      <c r="P201" s="11">
        <v>19244.259999999998</v>
      </c>
    </row>
    <row r="202" spans="2:16" x14ac:dyDescent="0.25">
      <c r="B202" s="9" t="s">
        <v>50</v>
      </c>
      <c r="C202" s="11">
        <v>12157.68</v>
      </c>
      <c r="D202" s="11">
        <v>12518.95</v>
      </c>
      <c r="E202" s="11">
        <v>11739.26</v>
      </c>
      <c r="F202" s="11">
        <v>12041.79</v>
      </c>
      <c r="G202" s="11">
        <v>11445.94</v>
      </c>
      <c r="H202" s="11">
        <v>9087.66</v>
      </c>
      <c r="I202" s="11">
        <v>10208.32</v>
      </c>
      <c r="J202" s="11">
        <v>9569.7800000000007</v>
      </c>
      <c r="K202" s="11">
        <v>9362.2800000000007</v>
      </c>
      <c r="L202" s="11">
        <v>9477.56</v>
      </c>
      <c r="M202" s="11">
        <v>7282.68</v>
      </c>
      <c r="N202" s="11">
        <v>5361.5</v>
      </c>
      <c r="O202" s="11">
        <v>120253.4</v>
      </c>
      <c r="P202" s="11">
        <v>120253.4</v>
      </c>
    </row>
    <row r="203" spans="2:16" x14ac:dyDescent="0.25">
      <c r="B203" s="9" t="s">
        <v>52</v>
      </c>
      <c r="C203" s="11"/>
      <c r="D203" s="11">
        <v>13.13</v>
      </c>
      <c r="E203" s="11">
        <v>31.42</v>
      </c>
      <c r="F203" s="11">
        <v>10.83</v>
      </c>
      <c r="G203" s="11"/>
      <c r="H203" s="11">
        <v>7.1</v>
      </c>
      <c r="I203" s="11">
        <v>12.43</v>
      </c>
      <c r="J203" s="11">
        <v>81.98</v>
      </c>
      <c r="K203" s="11"/>
      <c r="L203" s="11">
        <v>10.44</v>
      </c>
      <c r="M203" s="11">
        <v>5.13</v>
      </c>
      <c r="N203" s="11">
        <v>12.9</v>
      </c>
      <c r="O203" s="11">
        <v>185.36</v>
      </c>
      <c r="P203" s="11">
        <v>185.36</v>
      </c>
    </row>
    <row r="204" spans="2:16" x14ac:dyDescent="0.25">
      <c r="B204" s="9" t="s">
        <v>53</v>
      </c>
      <c r="C204" s="11">
        <v>-507723.26</v>
      </c>
      <c r="D204" s="11">
        <v>569854.78</v>
      </c>
      <c r="E204" s="11">
        <v>108478.1</v>
      </c>
      <c r="F204" s="11">
        <v>688801.99</v>
      </c>
      <c r="G204" s="11">
        <v>946397.38</v>
      </c>
      <c r="H204" s="11">
        <v>-714321.89</v>
      </c>
      <c r="I204" s="11">
        <v>-779091.1</v>
      </c>
      <c r="J204" s="11">
        <v>478904.45</v>
      </c>
      <c r="K204" s="11">
        <v>924223.39</v>
      </c>
      <c r="L204" s="11">
        <v>755056.83</v>
      </c>
      <c r="M204" s="11">
        <v>516245.21</v>
      </c>
      <c r="N204" s="11">
        <v>-1073519.7</v>
      </c>
      <c r="O204" s="11">
        <v>1913306.18</v>
      </c>
      <c r="P204" s="11">
        <v>1913306.18</v>
      </c>
    </row>
    <row r="205" spans="2:16" x14ac:dyDescent="0.25">
      <c r="B205" s="9" t="s">
        <v>55</v>
      </c>
      <c r="C205" s="11"/>
      <c r="D205" s="11">
        <v>1331.8</v>
      </c>
      <c r="E205" s="11"/>
      <c r="F205" s="11"/>
      <c r="G205" s="11"/>
      <c r="H205" s="11"/>
      <c r="I205" s="11"/>
      <c r="J205" s="11"/>
      <c r="K205" s="11"/>
      <c r="L205" s="11"/>
      <c r="M205" s="11"/>
      <c r="N205" s="11"/>
      <c r="O205" s="11">
        <v>1331.8</v>
      </c>
      <c r="P205" s="11">
        <v>1331.8</v>
      </c>
    </row>
    <row r="206" spans="2:16" x14ac:dyDescent="0.25">
      <c r="B206" s="9" t="s">
        <v>56</v>
      </c>
      <c r="C206" s="11">
        <v>256.61</v>
      </c>
      <c r="D206" s="11">
        <v>267.05</v>
      </c>
      <c r="E206" s="11">
        <v>197.69</v>
      </c>
      <c r="F206" s="11">
        <v>404.47</v>
      </c>
      <c r="G206" s="11">
        <v>489.19</v>
      </c>
      <c r="H206" s="11">
        <v>442.05</v>
      </c>
      <c r="I206" s="11">
        <v>349.38</v>
      </c>
      <c r="J206" s="11">
        <v>334.79</v>
      </c>
      <c r="K206" s="11">
        <v>404.33</v>
      </c>
      <c r="L206" s="11">
        <v>421.15</v>
      </c>
      <c r="M206" s="11">
        <v>372.9</v>
      </c>
      <c r="N206" s="11">
        <v>302.29000000000002</v>
      </c>
      <c r="O206" s="11">
        <v>4241.8999999999996</v>
      </c>
      <c r="P206" s="11">
        <v>4241.8999999999996</v>
      </c>
    </row>
    <row r="207" spans="2:16" x14ac:dyDescent="0.25">
      <c r="B207" s="9" t="s">
        <v>57</v>
      </c>
      <c r="C207" s="11">
        <v>7223.81</v>
      </c>
      <c r="D207" s="11">
        <v>7311.69</v>
      </c>
      <c r="E207" s="11">
        <v>7486.9</v>
      </c>
      <c r="F207" s="11">
        <v>7473.02</v>
      </c>
      <c r="G207" s="11">
        <v>7276.33</v>
      </c>
      <c r="H207" s="11">
        <v>7347.61</v>
      </c>
      <c r="I207" s="11">
        <v>7296.28</v>
      </c>
      <c r="J207" s="11">
        <v>6478.86</v>
      </c>
      <c r="K207" s="11">
        <v>7029.39</v>
      </c>
      <c r="L207" s="11">
        <v>7354.3</v>
      </c>
      <c r="M207" s="11">
        <v>7092.47</v>
      </c>
      <c r="N207" s="11">
        <v>7042.64</v>
      </c>
      <c r="O207" s="11">
        <v>86413.3</v>
      </c>
      <c r="P207" s="11">
        <v>86413.3</v>
      </c>
    </row>
    <row r="208" spans="2:16" x14ac:dyDescent="0.25">
      <c r="B208" s="9" t="s">
        <v>58</v>
      </c>
      <c r="C208" s="11">
        <v>33218.720000000001</v>
      </c>
      <c r="D208" s="11">
        <v>33607.93</v>
      </c>
      <c r="E208" s="11">
        <v>39985.67</v>
      </c>
      <c r="F208" s="11">
        <v>33981.54</v>
      </c>
      <c r="G208" s="11">
        <v>33603.440000000002</v>
      </c>
      <c r="H208" s="11">
        <v>33097.339999999997</v>
      </c>
      <c r="I208" s="11">
        <v>33461.71</v>
      </c>
      <c r="J208" s="11">
        <v>30253.16</v>
      </c>
      <c r="K208" s="11">
        <v>33028.949999999997</v>
      </c>
      <c r="L208" s="11">
        <v>32874.769999999997</v>
      </c>
      <c r="M208" s="11">
        <v>32242.33</v>
      </c>
      <c r="N208" s="11">
        <v>35501.19</v>
      </c>
      <c r="O208" s="11">
        <v>404856.75</v>
      </c>
      <c r="P208" s="11">
        <v>404856.75</v>
      </c>
    </row>
    <row r="209" spans="2:16" x14ac:dyDescent="0.25">
      <c r="B209" s="9" t="s">
        <v>59</v>
      </c>
      <c r="C209" s="11">
        <v>4484.63</v>
      </c>
      <c r="D209" s="11">
        <v>4534.7700000000004</v>
      </c>
      <c r="E209" s="11">
        <v>5276.96</v>
      </c>
      <c r="F209" s="11">
        <v>4591.33</v>
      </c>
      <c r="G209" s="11">
        <v>4535.25</v>
      </c>
      <c r="H209" s="11">
        <v>4491.63</v>
      </c>
      <c r="I209" s="11">
        <v>4527.84</v>
      </c>
      <c r="J209" s="11">
        <v>4108.0600000000004</v>
      </c>
      <c r="K209" s="11">
        <v>4453.13</v>
      </c>
      <c r="L209" s="11">
        <v>4461.8</v>
      </c>
      <c r="M209" s="11">
        <v>4368.29</v>
      </c>
      <c r="N209" s="11">
        <v>4336.12</v>
      </c>
      <c r="O209" s="11">
        <v>54169.81</v>
      </c>
      <c r="P209" s="11">
        <v>54169.81</v>
      </c>
    </row>
    <row r="210" spans="2:16" x14ac:dyDescent="0.25">
      <c r="B210" s="9" t="s">
        <v>60</v>
      </c>
      <c r="C210" s="11">
        <v>59323.35</v>
      </c>
      <c r="D210" s="11">
        <v>53961.04</v>
      </c>
      <c r="E210" s="11">
        <v>64071.39</v>
      </c>
      <c r="F210" s="11">
        <v>49198.12</v>
      </c>
      <c r="G210" s="11">
        <v>41156.14</v>
      </c>
      <c r="H210" s="11">
        <v>51604.25</v>
      </c>
      <c r="I210" s="11">
        <v>73947.44</v>
      </c>
      <c r="J210" s="11">
        <v>77519.42</v>
      </c>
      <c r="K210" s="11">
        <v>76680.91</v>
      </c>
      <c r="L210" s="11">
        <v>58731.25</v>
      </c>
      <c r="M210" s="11">
        <v>93761.06</v>
      </c>
      <c r="N210" s="11">
        <v>74708.399999999994</v>
      </c>
      <c r="O210" s="11">
        <v>774662.77</v>
      </c>
      <c r="P210" s="11">
        <v>774662.77</v>
      </c>
    </row>
    <row r="211" spans="2:16" x14ac:dyDescent="0.25">
      <c r="B211" s="9" t="s">
        <v>61</v>
      </c>
      <c r="C211" s="11">
        <v>163701.99</v>
      </c>
      <c r="D211" s="11">
        <v>110352.54</v>
      </c>
      <c r="E211" s="11">
        <v>209087.42</v>
      </c>
      <c r="F211" s="11">
        <v>159533.97</v>
      </c>
      <c r="G211" s="11">
        <v>159626.37</v>
      </c>
      <c r="H211" s="11">
        <v>154537.92000000001</v>
      </c>
      <c r="I211" s="11">
        <v>154781.47</v>
      </c>
      <c r="J211" s="11">
        <v>155051.96</v>
      </c>
      <c r="K211" s="11">
        <v>154806.09</v>
      </c>
      <c r="L211" s="11">
        <v>164844.16</v>
      </c>
      <c r="M211" s="11">
        <v>303428.44</v>
      </c>
      <c r="N211" s="11">
        <v>192774.88</v>
      </c>
      <c r="O211" s="11">
        <v>2082527.21</v>
      </c>
      <c r="P211" s="11">
        <v>2082527.21</v>
      </c>
    </row>
    <row r="212" spans="2:16" x14ac:dyDescent="0.25">
      <c r="B212" s="9" t="s">
        <v>62</v>
      </c>
      <c r="C212" s="11">
        <v>14298.57</v>
      </c>
      <c r="D212" s="11">
        <v>3316.78</v>
      </c>
      <c r="E212" s="11">
        <v>1401.23</v>
      </c>
      <c r="F212" s="11">
        <v>3418.72</v>
      </c>
      <c r="G212" s="11">
        <v>2750.34</v>
      </c>
      <c r="H212" s="11">
        <v>3765.25</v>
      </c>
      <c r="I212" s="11">
        <v>7027.43</v>
      </c>
      <c r="J212" s="11">
        <v>2700.26</v>
      </c>
      <c r="K212" s="11">
        <v>3601.7</v>
      </c>
      <c r="L212" s="11">
        <v>1771.37</v>
      </c>
      <c r="M212" s="11">
        <v>4795.68</v>
      </c>
      <c r="N212" s="11">
        <v>4477.6099999999997</v>
      </c>
      <c r="O212" s="11">
        <v>53324.94</v>
      </c>
      <c r="P212" s="11">
        <v>53324.94</v>
      </c>
    </row>
    <row r="213" spans="2:16" x14ac:dyDescent="0.25">
      <c r="B213" s="9" t="s">
        <v>63</v>
      </c>
      <c r="C213" s="11">
        <v>793.6</v>
      </c>
      <c r="D213" s="11">
        <v>752.02</v>
      </c>
      <c r="E213" s="11">
        <v>3748.4</v>
      </c>
      <c r="F213" s="11">
        <v>659.7</v>
      </c>
      <c r="G213" s="11">
        <v>590.22</v>
      </c>
      <c r="H213" s="11">
        <v>1505.01</v>
      </c>
      <c r="I213" s="11">
        <v>377.43</v>
      </c>
      <c r="J213" s="11">
        <v>6836.49</v>
      </c>
      <c r="K213" s="11">
        <v>354.71</v>
      </c>
      <c r="L213" s="11">
        <v>355.35</v>
      </c>
      <c r="M213" s="11">
        <v>1221.3800000000001</v>
      </c>
      <c r="N213" s="11">
        <v>371.26</v>
      </c>
      <c r="O213" s="11">
        <v>17565.57</v>
      </c>
      <c r="P213" s="11">
        <v>17565.57</v>
      </c>
    </row>
    <row r="214" spans="2:16" x14ac:dyDescent="0.25">
      <c r="B214" s="9" t="s">
        <v>64</v>
      </c>
      <c r="C214" s="11">
        <v>1752319.41</v>
      </c>
      <c r="D214" s="11">
        <v>837207.38</v>
      </c>
      <c r="E214" s="11">
        <v>1343270.33</v>
      </c>
      <c r="F214" s="11">
        <v>1388871.23</v>
      </c>
      <c r="G214" s="11">
        <v>1282929.78</v>
      </c>
      <c r="H214" s="11">
        <v>1751353.74</v>
      </c>
      <c r="I214" s="11">
        <v>1719359.37</v>
      </c>
      <c r="J214" s="11">
        <v>1658316.12</v>
      </c>
      <c r="K214" s="11">
        <v>1727054.93</v>
      </c>
      <c r="L214" s="11">
        <v>1726938.82</v>
      </c>
      <c r="M214" s="11">
        <v>1552625.98</v>
      </c>
      <c r="N214" s="11">
        <v>2115495.21</v>
      </c>
      <c r="O214" s="11">
        <v>18855742.300000001</v>
      </c>
      <c r="P214" s="11">
        <v>18855742.300000001</v>
      </c>
    </row>
    <row r="215" spans="2:16" x14ac:dyDescent="0.25">
      <c r="B215" s="9" t="s">
        <v>65</v>
      </c>
      <c r="C215" s="11">
        <v>7627.12</v>
      </c>
      <c r="D215" s="11">
        <v>8253.51</v>
      </c>
      <c r="E215" s="11">
        <v>39703.46</v>
      </c>
      <c r="F215" s="11">
        <v>-27416.42</v>
      </c>
      <c r="G215" s="11">
        <v>70523.06</v>
      </c>
      <c r="H215" s="11">
        <v>4919.79</v>
      </c>
      <c r="I215" s="11">
        <v>7272.7</v>
      </c>
      <c r="J215" s="11">
        <v>6828.43</v>
      </c>
      <c r="K215" s="11">
        <v>5732.32</v>
      </c>
      <c r="L215" s="11">
        <v>8112.87</v>
      </c>
      <c r="M215" s="11">
        <v>6390.8</v>
      </c>
      <c r="N215" s="11">
        <v>8133.98</v>
      </c>
      <c r="O215" s="11">
        <v>146081.62</v>
      </c>
      <c r="P215" s="11">
        <v>146081.62</v>
      </c>
    </row>
    <row r="216" spans="2:16" x14ac:dyDescent="0.25">
      <c r="B216" s="9" t="s">
        <v>66</v>
      </c>
      <c r="C216" s="11"/>
      <c r="D216" s="11"/>
      <c r="E216" s="11"/>
      <c r="F216" s="11"/>
      <c r="G216" s="11"/>
      <c r="H216" s="11"/>
      <c r="I216" s="11"/>
      <c r="J216" s="11"/>
      <c r="K216" s="11">
        <v>30</v>
      </c>
      <c r="L216" s="11"/>
      <c r="M216" s="11"/>
      <c r="N216" s="11"/>
      <c r="O216" s="11">
        <v>30</v>
      </c>
      <c r="P216" s="11">
        <v>30</v>
      </c>
    </row>
    <row r="217" spans="2:16" x14ac:dyDescent="0.25">
      <c r="B217" s="9" t="s">
        <v>67</v>
      </c>
      <c r="C217" s="11">
        <v>1601.36</v>
      </c>
      <c r="D217" s="11">
        <v>429.98</v>
      </c>
      <c r="E217" s="11">
        <v>1537.23</v>
      </c>
      <c r="F217" s="11">
        <v>1525.1</v>
      </c>
      <c r="G217" s="11">
        <v>1899.83</v>
      </c>
      <c r="H217" s="11">
        <v>1283.1099999999999</v>
      </c>
      <c r="I217" s="11">
        <v>4211.2299999999996</v>
      </c>
      <c r="J217" s="11">
        <v>5840.85</v>
      </c>
      <c r="K217" s="11">
        <v>3475.7</v>
      </c>
      <c r="L217" s="11">
        <v>696.06</v>
      </c>
      <c r="M217" s="11">
        <v>1195.67</v>
      </c>
      <c r="N217" s="11">
        <v>2345.36</v>
      </c>
      <c r="O217" s="11">
        <v>26041.48</v>
      </c>
      <c r="P217" s="11">
        <v>26041.48</v>
      </c>
    </row>
    <row r="218" spans="2:16" x14ac:dyDescent="0.25">
      <c r="B218" s="9" t="s">
        <v>68</v>
      </c>
      <c r="C218" s="11"/>
      <c r="D218" s="11"/>
      <c r="E218" s="11">
        <v>20.72</v>
      </c>
      <c r="F218" s="11"/>
      <c r="G218" s="11"/>
      <c r="H218" s="11"/>
      <c r="I218" s="11"/>
      <c r="J218" s="11"/>
      <c r="K218" s="11"/>
      <c r="L218" s="11">
        <v>27.86</v>
      </c>
      <c r="M218" s="11"/>
      <c r="N218" s="11">
        <v>7</v>
      </c>
      <c r="O218" s="11">
        <v>55.58</v>
      </c>
      <c r="P218" s="11">
        <v>55.58</v>
      </c>
    </row>
    <row r="219" spans="2:16" x14ac:dyDescent="0.25">
      <c r="B219" s="9" t="s">
        <v>69</v>
      </c>
      <c r="C219" s="11">
        <v>21888.2</v>
      </c>
      <c r="D219" s="11">
        <v>8526.0400000000009</v>
      </c>
      <c r="E219" s="11">
        <v>9675.44</v>
      </c>
      <c r="F219" s="11">
        <v>14933.14</v>
      </c>
      <c r="G219" s="11">
        <v>7751.7</v>
      </c>
      <c r="H219" s="11">
        <v>8601.91</v>
      </c>
      <c r="I219" s="11">
        <v>7877.7</v>
      </c>
      <c r="J219" s="11">
        <v>10622.19</v>
      </c>
      <c r="K219" s="11">
        <v>8417.76</v>
      </c>
      <c r="L219" s="11">
        <v>8045.9</v>
      </c>
      <c r="M219" s="11">
        <v>7723.69</v>
      </c>
      <c r="N219" s="11">
        <v>8858.0300000000007</v>
      </c>
      <c r="O219" s="11">
        <v>122921.7</v>
      </c>
      <c r="P219" s="11">
        <v>122921.7</v>
      </c>
    </row>
    <row r="220" spans="2:16" x14ac:dyDescent="0.25">
      <c r="B220" s="9" t="s">
        <v>70</v>
      </c>
      <c r="C220" s="11">
        <v>10854.73</v>
      </c>
      <c r="D220" s="11">
        <v>3339.04</v>
      </c>
      <c r="E220" s="11">
        <v>4206.38</v>
      </c>
      <c r="F220" s="11">
        <v>2008.67</v>
      </c>
      <c r="G220" s="11">
        <v>14204.68</v>
      </c>
      <c r="H220" s="11">
        <v>1632.08</v>
      </c>
      <c r="I220" s="11">
        <v>154.01</v>
      </c>
      <c r="J220" s="11">
        <v>18176.400000000001</v>
      </c>
      <c r="K220" s="11">
        <v>5943.74</v>
      </c>
      <c r="L220" s="11">
        <v>7948.86</v>
      </c>
      <c r="M220" s="11">
        <v>13410.13</v>
      </c>
      <c r="N220" s="11">
        <v>831.12</v>
      </c>
      <c r="O220" s="11">
        <v>82709.84</v>
      </c>
      <c r="P220" s="11">
        <v>82709.84</v>
      </c>
    </row>
    <row r="221" spans="2:16" x14ac:dyDescent="0.25">
      <c r="B221" s="9" t="s">
        <v>71</v>
      </c>
      <c r="C221" s="11">
        <v>12887.94</v>
      </c>
      <c r="D221" s="11">
        <v>1208.1600000000001</v>
      </c>
      <c r="E221" s="11">
        <v>94.11</v>
      </c>
      <c r="F221" s="11">
        <v>2100.41</v>
      </c>
      <c r="G221" s="11">
        <v>2247.65</v>
      </c>
      <c r="H221" s="11">
        <v>2894.26</v>
      </c>
      <c r="I221" s="11">
        <v>11665.12</v>
      </c>
      <c r="J221" s="11">
        <v>8225.8799999999992</v>
      </c>
      <c r="K221" s="11">
        <v>3679.24</v>
      </c>
      <c r="L221" s="11">
        <v>2317.81</v>
      </c>
      <c r="M221" s="11">
        <v>54.55</v>
      </c>
      <c r="N221" s="11">
        <v>3688.56</v>
      </c>
      <c r="O221" s="11">
        <v>51063.69</v>
      </c>
      <c r="P221" s="11">
        <v>51063.69</v>
      </c>
    </row>
    <row r="222" spans="2:16" x14ac:dyDescent="0.25">
      <c r="B222" s="9" t="s">
        <v>72</v>
      </c>
      <c r="C222" s="11">
        <v>7815.09</v>
      </c>
      <c r="D222" s="11">
        <v>4784.09</v>
      </c>
      <c r="E222" s="11">
        <v>-9106.4699999999993</v>
      </c>
      <c r="F222" s="11">
        <v>20268.34</v>
      </c>
      <c r="G222" s="11">
        <v>66620.570000000007</v>
      </c>
      <c r="H222" s="11">
        <v>95665.81</v>
      </c>
      <c r="I222" s="11">
        <v>32401.83</v>
      </c>
      <c r="J222" s="11">
        <v>85597.39</v>
      </c>
      <c r="K222" s="11">
        <v>7905.22</v>
      </c>
      <c r="L222" s="11">
        <v>11192.18</v>
      </c>
      <c r="M222" s="11">
        <v>37641.1</v>
      </c>
      <c r="N222" s="11">
        <v>-28285.67</v>
      </c>
      <c r="O222" s="11">
        <v>332499.48</v>
      </c>
      <c r="P222" s="11">
        <v>332499.48</v>
      </c>
    </row>
    <row r="223" spans="2:16" x14ac:dyDescent="0.25">
      <c r="B223" s="9" t="s">
        <v>73</v>
      </c>
      <c r="C223" s="11">
        <v>187987.42</v>
      </c>
      <c r="D223" s="11">
        <v>114302.26</v>
      </c>
      <c r="E223" s="11">
        <v>150112.91</v>
      </c>
      <c r="F223" s="11">
        <v>115443.52</v>
      </c>
      <c r="G223" s="11">
        <v>115526.29</v>
      </c>
      <c r="H223" s="11">
        <v>159558.01999999999</v>
      </c>
      <c r="I223" s="11">
        <v>221730.3</v>
      </c>
      <c r="J223" s="11">
        <v>152238.6</v>
      </c>
      <c r="K223" s="11">
        <v>158025.07</v>
      </c>
      <c r="L223" s="11">
        <v>124132.08</v>
      </c>
      <c r="M223" s="11">
        <v>72911.64</v>
      </c>
      <c r="N223" s="11">
        <v>150664.06</v>
      </c>
      <c r="O223" s="11">
        <v>1722632.17</v>
      </c>
      <c r="P223" s="11">
        <v>1722632.17</v>
      </c>
    </row>
    <row r="224" spans="2:16" x14ac:dyDescent="0.25">
      <c r="B224" s="9" t="s">
        <v>74</v>
      </c>
      <c r="C224" s="11">
        <v>2177.29</v>
      </c>
      <c r="D224" s="11">
        <v>2238.1999999999998</v>
      </c>
      <c r="E224" s="11">
        <v>2345.81</v>
      </c>
      <c r="F224" s="11">
        <v>2411.09</v>
      </c>
      <c r="G224" s="11">
        <v>2745.03</v>
      </c>
      <c r="H224" s="11">
        <v>2653.54</v>
      </c>
      <c r="I224" s="11">
        <v>2814.79</v>
      </c>
      <c r="J224" s="11">
        <v>2784.87</v>
      </c>
      <c r="K224" s="11">
        <v>2814.85</v>
      </c>
      <c r="L224" s="11">
        <v>6305.16</v>
      </c>
      <c r="M224" s="11">
        <v>2223.7800000000002</v>
      </c>
      <c r="N224" s="11">
        <v>2640.87</v>
      </c>
      <c r="O224" s="11">
        <v>34155.279999999999</v>
      </c>
      <c r="P224" s="11">
        <v>34155.279999999999</v>
      </c>
    </row>
    <row r="225" spans="2:16" x14ac:dyDescent="0.25">
      <c r="B225" s="9" t="s">
        <v>75</v>
      </c>
      <c r="C225" s="11">
        <v>35990.269999999997</v>
      </c>
      <c r="D225" s="11">
        <v>24940.41</v>
      </c>
      <c r="E225" s="11">
        <v>57442.559999999998</v>
      </c>
      <c r="F225" s="11">
        <v>23482.12</v>
      </c>
      <c r="G225" s="11">
        <v>24178.54</v>
      </c>
      <c r="H225" s="11">
        <v>24248.98</v>
      </c>
      <c r="I225" s="11">
        <v>31802.35</v>
      </c>
      <c r="J225" s="11">
        <v>22104.799999999999</v>
      </c>
      <c r="K225" s="11">
        <v>22826.77</v>
      </c>
      <c r="L225" s="11">
        <v>40658.559999999998</v>
      </c>
      <c r="M225" s="11">
        <v>23782.36</v>
      </c>
      <c r="N225" s="11">
        <v>37602.79</v>
      </c>
      <c r="O225" s="11">
        <v>369060.51</v>
      </c>
      <c r="P225" s="11">
        <v>369060.51</v>
      </c>
    </row>
    <row r="226" spans="2:16" x14ac:dyDescent="0.25">
      <c r="B226" s="9" t="s">
        <v>76</v>
      </c>
      <c r="C226" s="11">
        <v>4206.47</v>
      </c>
      <c r="D226" s="11">
        <v>1397.87</v>
      </c>
      <c r="E226" s="11">
        <v>1846.51</v>
      </c>
      <c r="F226" s="11">
        <v>2163.39</v>
      </c>
      <c r="G226" s="11">
        <v>5199</v>
      </c>
      <c r="H226" s="11">
        <v>5408.18</v>
      </c>
      <c r="I226" s="11">
        <v>1435.09</v>
      </c>
      <c r="J226" s="11">
        <v>2031.26</v>
      </c>
      <c r="K226" s="11">
        <v>1832.56</v>
      </c>
      <c r="L226" s="11">
        <v>5434.24</v>
      </c>
      <c r="M226" s="11">
        <v>-1518.62</v>
      </c>
      <c r="N226" s="11">
        <v>5383.17</v>
      </c>
      <c r="O226" s="11">
        <v>34819.120000000003</v>
      </c>
      <c r="P226" s="11">
        <v>34819.120000000003</v>
      </c>
    </row>
    <row r="227" spans="2:16" x14ac:dyDescent="0.25">
      <c r="B227" s="9" t="s">
        <v>77</v>
      </c>
      <c r="C227" s="11"/>
      <c r="D227" s="11">
        <v>350.38</v>
      </c>
      <c r="E227" s="11">
        <v>71.459999999999994</v>
      </c>
      <c r="F227" s="11"/>
      <c r="G227" s="11"/>
      <c r="H227" s="11"/>
      <c r="I227" s="11"/>
      <c r="J227" s="11"/>
      <c r="K227" s="11"/>
      <c r="L227" s="11"/>
      <c r="M227" s="11"/>
      <c r="N227" s="11"/>
      <c r="O227" s="11">
        <v>421.84</v>
      </c>
      <c r="P227" s="11">
        <v>421.84</v>
      </c>
    </row>
    <row r="228" spans="2:16" x14ac:dyDescent="0.25">
      <c r="B228" s="9" t="s">
        <v>78</v>
      </c>
      <c r="C228" s="11">
        <v>3399.57</v>
      </c>
      <c r="D228" s="11">
        <v>2903.26</v>
      </c>
      <c r="E228" s="11">
        <v>2974.01</v>
      </c>
      <c r="F228" s="11">
        <v>2847.2</v>
      </c>
      <c r="G228" s="11">
        <v>3210.47</v>
      </c>
      <c r="H228" s="11">
        <v>2639.86</v>
      </c>
      <c r="I228" s="11">
        <v>3949.13</v>
      </c>
      <c r="J228" s="11">
        <v>2512.7800000000002</v>
      </c>
      <c r="K228" s="11">
        <v>2652.3</v>
      </c>
      <c r="L228" s="11">
        <v>2734.21</v>
      </c>
      <c r="M228" s="11">
        <v>2838.83</v>
      </c>
      <c r="N228" s="11">
        <v>3450.37</v>
      </c>
      <c r="O228" s="11">
        <v>36111.99</v>
      </c>
      <c r="P228" s="11">
        <v>36111.99</v>
      </c>
    </row>
    <row r="229" spans="2:16" x14ac:dyDescent="0.25">
      <c r="B229" s="9" t="s">
        <v>79</v>
      </c>
      <c r="C229" s="11"/>
      <c r="D229" s="11"/>
      <c r="E229" s="11">
        <v>4207.2299999999996</v>
      </c>
      <c r="F229" s="11">
        <v>-1330.96</v>
      </c>
      <c r="G229" s="11">
        <v>6500</v>
      </c>
      <c r="H229" s="11">
        <v>0</v>
      </c>
      <c r="I229" s="11">
        <v>0</v>
      </c>
      <c r="J229" s="11">
        <v>0</v>
      </c>
      <c r="K229" s="11">
        <v>0</v>
      </c>
      <c r="L229" s="11">
        <v>0</v>
      </c>
      <c r="M229" s="11">
        <v>0</v>
      </c>
      <c r="N229" s="11">
        <v>455</v>
      </c>
      <c r="O229" s="11">
        <v>9831.27</v>
      </c>
      <c r="P229" s="11">
        <v>9831.27</v>
      </c>
    </row>
    <row r="230" spans="2:16" x14ac:dyDescent="0.25">
      <c r="B230" s="9" t="s">
        <v>80</v>
      </c>
      <c r="C230" s="11">
        <v>12.33</v>
      </c>
      <c r="D230" s="11">
        <v>258</v>
      </c>
      <c r="E230" s="11"/>
      <c r="F230" s="11">
        <v>63.78</v>
      </c>
      <c r="G230" s="11">
        <v>6.47</v>
      </c>
      <c r="H230" s="11">
        <v>24.46</v>
      </c>
      <c r="I230" s="11">
        <v>11.32</v>
      </c>
      <c r="J230" s="11">
        <v>2.0099999999999998</v>
      </c>
      <c r="K230" s="11"/>
      <c r="L230" s="11"/>
      <c r="M230" s="11"/>
      <c r="N230" s="11"/>
      <c r="O230" s="11">
        <v>378.37</v>
      </c>
      <c r="P230" s="11">
        <v>378.37</v>
      </c>
    </row>
    <row r="231" spans="2:16" x14ac:dyDescent="0.25">
      <c r="B231" s="9" t="s">
        <v>81</v>
      </c>
      <c r="C231" s="11"/>
      <c r="D231" s="11"/>
      <c r="E231" s="11">
        <v>4.6100000000000003</v>
      </c>
      <c r="F231" s="11"/>
      <c r="G231" s="11"/>
      <c r="H231" s="11"/>
      <c r="I231" s="11"/>
      <c r="J231" s="11"/>
      <c r="K231" s="11"/>
      <c r="L231" s="11"/>
      <c r="M231" s="11"/>
      <c r="N231" s="11"/>
      <c r="O231" s="11">
        <v>4.6100000000000003</v>
      </c>
      <c r="P231" s="11">
        <v>4.6100000000000003</v>
      </c>
    </row>
    <row r="232" spans="2:16" x14ac:dyDescent="0.25">
      <c r="B232" s="9" t="s">
        <v>82</v>
      </c>
      <c r="C232" s="11">
        <v>27432.175999999999</v>
      </c>
      <c r="D232" s="11">
        <v>111182.69</v>
      </c>
      <c r="E232" s="11">
        <v>53027.53</v>
      </c>
      <c r="F232" s="11">
        <v>-97707.73</v>
      </c>
      <c r="G232" s="11">
        <v>53805.78</v>
      </c>
      <c r="H232" s="11">
        <v>38218.845999999998</v>
      </c>
      <c r="I232" s="11">
        <v>43514.42</v>
      </c>
      <c r="J232" s="11">
        <v>45231.7</v>
      </c>
      <c r="K232" s="11">
        <v>54303.88</v>
      </c>
      <c r="L232" s="11">
        <v>60295.26</v>
      </c>
      <c r="M232" s="11">
        <v>49199.06</v>
      </c>
      <c r="N232" s="11">
        <v>140955.28</v>
      </c>
      <c r="O232" s="11">
        <v>579458.89199999999</v>
      </c>
      <c r="P232" s="11">
        <v>579458.89199999999</v>
      </c>
    </row>
    <row r="233" spans="2:16" x14ac:dyDescent="0.25">
      <c r="B233" s="9" t="s">
        <v>84</v>
      </c>
      <c r="C233" s="11">
        <v>7777.86</v>
      </c>
      <c r="D233" s="11">
        <v>4430.1899999999996</v>
      </c>
      <c r="E233" s="11">
        <v>7499.42</v>
      </c>
      <c r="F233" s="11">
        <v>4701.8</v>
      </c>
      <c r="G233" s="11">
        <v>5149.72</v>
      </c>
      <c r="H233" s="11">
        <v>3636.21</v>
      </c>
      <c r="I233" s="11">
        <v>11115.43</v>
      </c>
      <c r="J233" s="11">
        <v>5406.98</v>
      </c>
      <c r="K233" s="11">
        <v>4832.97</v>
      </c>
      <c r="L233" s="11">
        <v>4072.35</v>
      </c>
      <c r="M233" s="11">
        <v>6299.03</v>
      </c>
      <c r="N233" s="11">
        <v>10390.120000000001</v>
      </c>
      <c r="O233" s="11">
        <v>75312.08</v>
      </c>
      <c r="P233" s="11">
        <v>75312.08</v>
      </c>
    </row>
    <row r="234" spans="2:16" x14ac:dyDescent="0.25">
      <c r="B234" s="9" t="s">
        <v>85</v>
      </c>
      <c r="C234" s="11">
        <v>2583.1</v>
      </c>
      <c r="D234" s="11">
        <v>9741.69</v>
      </c>
      <c r="E234" s="11">
        <v>1054.06</v>
      </c>
      <c r="F234" s="11">
        <v>3572.1</v>
      </c>
      <c r="G234" s="11">
        <v>6970.72</v>
      </c>
      <c r="H234" s="11">
        <v>18651.02</v>
      </c>
      <c r="I234" s="11">
        <v>7275.5</v>
      </c>
      <c r="J234" s="11">
        <v>268.68</v>
      </c>
      <c r="K234" s="11">
        <v>8120.66</v>
      </c>
      <c r="L234" s="11">
        <v>1342.83</v>
      </c>
      <c r="M234" s="11">
        <v>498.67</v>
      </c>
      <c r="N234" s="11">
        <v>5362.69</v>
      </c>
      <c r="O234" s="11">
        <v>65441.72</v>
      </c>
      <c r="P234" s="11">
        <v>65441.72</v>
      </c>
    </row>
    <row r="235" spans="2:16" x14ac:dyDescent="0.25">
      <c r="B235" s="9" t="s">
        <v>86</v>
      </c>
      <c r="C235" s="11">
        <v>13649.53</v>
      </c>
      <c r="D235" s="11">
        <v>24236.84</v>
      </c>
      <c r="E235" s="11">
        <v>8836.16</v>
      </c>
      <c r="F235" s="11">
        <v>12466.36</v>
      </c>
      <c r="G235" s="11">
        <v>7007.97</v>
      </c>
      <c r="H235" s="11">
        <v>10309.51</v>
      </c>
      <c r="I235" s="11">
        <v>8396.49</v>
      </c>
      <c r="J235" s="11">
        <v>4570.1400000000003</v>
      </c>
      <c r="K235" s="11">
        <v>7767.11</v>
      </c>
      <c r="L235" s="11">
        <v>5205.72</v>
      </c>
      <c r="M235" s="11">
        <v>3986.13</v>
      </c>
      <c r="N235" s="11">
        <v>15469.33</v>
      </c>
      <c r="O235" s="11">
        <v>121901.29</v>
      </c>
      <c r="P235" s="11">
        <v>121901.29</v>
      </c>
    </row>
    <row r="236" spans="2:16" x14ac:dyDescent="0.25">
      <c r="B236" s="9" t="s">
        <v>87</v>
      </c>
      <c r="C236" s="11">
        <v>-18371.59</v>
      </c>
      <c r="D236" s="11">
        <v>17217.45</v>
      </c>
      <c r="E236" s="11">
        <v>33185.39</v>
      </c>
      <c r="F236" s="11">
        <v>38018.99</v>
      </c>
      <c r="G236" s="11">
        <v>23801.07</v>
      </c>
      <c r="H236" s="11">
        <v>24329.63</v>
      </c>
      <c r="I236" s="11">
        <v>120763.34</v>
      </c>
      <c r="J236" s="11">
        <v>37391.49</v>
      </c>
      <c r="K236" s="11">
        <v>23788.01</v>
      </c>
      <c r="L236" s="11">
        <v>17632.59</v>
      </c>
      <c r="M236" s="11">
        <v>11639.46</v>
      </c>
      <c r="N236" s="11">
        <v>34110.97</v>
      </c>
      <c r="O236" s="11">
        <v>363506.8</v>
      </c>
      <c r="P236" s="11">
        <v>363506.8</v>
      </c>
    </row>
    <row r="237" spans="2:16" x14ac:dyDescent="0.25">
      <c r="B237" s="9" t="s">
        <v>88</v>
      </c>
      <c r="C237" s="11">
        <v>4812.87</v>
      </c>
      <c r="D237" s="11">
        <v>14.48</v>
      </c>
      <c r="E237" s="11">
        <v>15.59</v>
      </c>
      <c r="F237" s="11">
        <v>15.2</v>
      </c>
      <c r="G237" s="11">
        <v>7.27</v>
      </c>
      <c r="H237" s="11">
        <v>6.81</v>
      </c>
      <c r="I237" s="11">
        <v>7.09</v>
      </c>
      <c r="J237" s="11">
        <v>7.14</v>
      </c>
      <c r="K237" s="11">
        <v>6.96</v>
      </c>
      <c r="L237" s="11">
        <v>6.98</v>
      </c>
      <c r="M237" s="11">
        <v>7.07</v>
      </c>
      <c r="N237" s="11">
        <v>7.36</v>
      </c>
      <c r="O237" s="11">
        <v>4914.82</v>
      </c>
      <c r="P237" s="11">
        <v>4914.82</v>
      </c>
    </row>
    <row r="238" spans="2:16" x14ac:dyDescent="0.25">
      <c r="B238" s="9" t="s">
        <v>89</v>
      </c>
      <c r="C238" s="11">
        <v>1559.64</v>
      </c>
      <c r="D238" s="11">
        <v>182.12</v>
      </c>
      <c r="E238" s="11">
        <v>2896.73</v>
      </c>
      <c r="F238" s="11">
        <v>1330.79</v>
      </c>
      <c r="G238" s="11">
        <v>1848.51</v>
      </c>
      <c r="H238" s="11">
        <v>6047.67</v>
      </c>
      <c r="I238" s="11">
        <v>433.93</v>
      </c>
      <c r="J238" s="11">
        <v>5408.45</v>
      </c>
      <c r="K238" s="11">
        <v>8909.8700000000008</v>
      </c>
      <c r="L238" s="11">
        <v>12009.07</v>
      </c>
      <c r="M238" s="11">
        <v>5141.3599999999997</v>
      </c>
      <c r="N238" s="11">
        <v>4301.3999999999996</v>
      </c>
      <c r="O238" s="11">
        <v>50069.54</v>
      </c>
      <c r="P238" s="11">
        <v>50069.54</v>
      </c>
    </row>
    <row r="239" spans="2:16" x14ac:dyDescent="0.25">
      <c r="B239" s="9" t="s">
        <v>90</v>
      </c>
      <c r="C239" s="11">
        <v>1401.32</v>
      </c>
      <c r="D239" s="11">
        <v>1413.6</v>
      </c>
      <c r="E239" s="11">
        <v>1498.44</v>
      </c>
      <c r="F239" s="11">
        <v>2229.25</v>
      </c>
      <c r="G239" s="11">
        <v>2399.9699999999998</v>
      </c>
      <c r="H239" s="11">
        <v>168.21</v>
      </c>
      <c r="I239" s="11">
        <v>1583.91</v>
      </c>
      <c r="J239" s="11">
        <v>1439.52</v>
      </c>
      <c r="K239" s="11">
        <v>1492.69</v>
      </c>
      <c r="L239" s="11">
        <v>1494.54</v>
      </c>
      <c r="M239" s="11">
        <v>1465.7</v>
      </c>
      <c r="N239" s="11">
        <v>1727.11</v>
      </c>
      <c r="O239" s="11">
        <v>18314.259999999998</v>
      </c>
      <c r="P239" s="11">
        <v>18314.259999999998</v>
      </c>
    </row>
    <row r="240" spans="2:16" x14ac:dyDescent="0.25">
      <c r="B240" s="9" t="s">
        <v>91</v>
      </c>
      <c r="C240" s="11">
        <v>16740.64</v>
      </c>
      <c r="D240" s="11">
        <v>11658.2</v>
      </c>
      <c r="E240" s="11">
        <v>1106.1400000000001</v>
      </c>
      <c r="F240" s="11"/>
      <c r="G240" s="11"/>
      <c r="H240" s="11"/>
      <c r="I240" s="11">
        <v>0</v>
      </c>
      <c r="J240" s="11"/>
      <c r="K240" s="11"/>
      <c r="L240" s="11"/>
      <c r="M240" s="11"/>
      <c r="N240" s="11"/>
      <c r="O240" s="11">
        <v>29504.98</v>
      </c>
      <c r="P240" s="11">
        <v>29504.98</v>
      </c>
    </row>
    <row r="241" spans="2:16" x14ac:dyDescent="0.25">
      <c r="B241" s="9" t="s">
        <v>92</v>
      </c>
      <c r="C241" s="11">
        <v>1220.28</v>
      </c>
      <c r="D241" s="11">
        <v>2585.23</v>
      </c>
      <c r="E241" s="11">
        <v>5416.15</v>
      </c>
      <c r="F241" s="11">
        <v>1381.41</v>
      </c>
      <c r="G241" s="11">
        <v>1992.38</v>
      </c>
      <c r="H241" s="11">
        <v>2863.92</v>
      </c>
      <c r="I241" s="11">
        <v>4047.49</v>
      </c>
      <c r="J241" s="11">
        <v>2511.36</v>
      </c>
      <c r="K241" s="11">
        <v>2600.4699999999998</v>
      </c>
      <c r="L241" s="11">
        <v>2389.6</v>
      </c>
      <c r="M241" s="11">
        <v>1854.66</v>
      </c>
      <c r="N241" s="11">
        <v>3173.39</v>
      </c>
      <c r="O241" s="11">
        <v>32036.34</v>
      </c>
      <c r="P241" s="11">
        <v>32036.34</v>
      </c>
    </row>
    <row r="242" spans="2:16" x14ac:dyDescent="0.25">
      <c r="B242" s="9" t="s">
        <v>94</v>
      </c>
      <c r="C242" s="11">
        <v>16.77</v>
      </c>
      <c r="D242" s="11"/>
      <c r="E242" s="11"/>
      <c r="F242" s="11"/>
      <c r="G242" s="11"/>
      <c r="H242" s="11"/>
      <c r="I242" s="11"/>
      <c r="J242" s="11"/>
      <c r="K242" s="11"/>
      <c r="L242" s="11"/>
      <c r="M242" s="11"/>
      <c r="N242" s="11"/>
      <c r="O242" s="11">
        <v>16.77</v>
      </c>
      <c r="P242" s="11">
        <v>16.77</v>
      </c>
    </row>
    <row r="243" spans="2:16" x14ac:dyDescent="0.25">
      <c r="B243" s="9" t="s">
        <v>95</v>
      </c>
      <c r="C243" s="11">
        <v>119.21</v>
      </c>
      <c r="D243" s="11">
        <v>111.04</v>
      </c>
      <c r="E243" s="11">
        <v>130.88999999999999</v>
      </c>
      <c r="F243" s="11">
        <v>125.65</v>
      </c>
      <c r="G243" s="11">
        <v>119.8</v>
      </c>
      <c r="H243" s="11">
        <v>117.54</v>
      </c>
      <c r="I243" s="11">
        <v>126.17</v>
      </c>
      <c r="J243" s="11">
        <v>121.4</v>
      </c>
      <c r="K243" s="11">
        <v>119.52</v>
      </c>
      <c r="L243" s="11">
        <v>120.78</v>
      </c>
      <c r="M243" s="11">
        <v>114.52</v>
      </c>
      <c r="N243" s="11">
        <v>105.99</v>
      </c>
      <c r="O243" s="11">
        <v>1432.51</v>
      </c>
      <c r="P243" s="11">
        <v>1432.51</v>
      </c>
    </row>
    <row r="244" spans="2:16" x14ac:dyDescent="0.25">
      <c r="B244" s="9" t="s">
        <v>96</v>
      </c>
      <c r="C244" s="11">
        <v>7158.11</v>
      </c>
      <c r="D244" s="11">
        <v>3254.16</v>
      </c>
      <c r="E244" s="11">
        <v>4937.24</v>
      </c>
      <c r="F244" s="11">
        <v>6728.45</v>
      </c>
      <c r="G244" s="11">
        <v>3079.88</v>
      </c>
      <c r="H244" s="11">
        <v>1193.42</v>
      </c>
      <c r="I244" s="11">
        <v>399.92</v>
      </c>
      <c r="J244" s="11"/>
      <c r="K244" s="11"/>
      <c r="L244" s="11"/>
      <c r="M244" s="11"/>
      <c r="N244" s="11"/>
      <c r="O244" s="11">
        <v>26751.18</v>
      </c>
      <c r="P244" s="11">
        <v>26751.18</v>
      </c>
    </row>
    <row r="245" spans="2:16" x14ac:dyDescent="0.25">
      <c r="B245" s="9" t="s">
        <v>97</v>
      </c>
      <c r="C245" s="11">
        <v>245834.88</v>
      </c>
      <c r="D245" s="11">
        <v>152701.51999999999</v>
      </c>
      <c r="E245" s="11">
        <v>239738.09</v>
      </c>
      <c r="F245" s="11">
        <v>163809.93</v>
      </c>
      <c r="G245" s="11">
        <v>148596.34</v>
      </c>
      <c r="H245" s="11">
        <v>200075.59</v>
      </c>
      <c r="I245" s="11">
        <v>219284.19</v>
      </c>
      <c r="J245" s="11">
        <v>165582.54</v>
      </c>
      <c r="K245" s="11">
        <v>137802.37</v>
      </c>
      <c r="L245" s="11">
        <v>197864.91</v>
      </c>
      <c r="M245" s="11">
        <v>221334.84</v>
      </c>
      <c r="N245" s="11">
        <v>153164.74</v>
      </c>
      <c r="O245" s="11">
        <v>2245789.94</v>
      </c>
      <c r="P245" s="11">
        <v>2245789.94</v>
      </c>
    </row>
    <row r="246" spans="2:16" x14ac:dyDescent="0.25">
      <c r="B246" s="9" t="s">
        <v>98</v>
      </c>
      <c r="C246" s="11">
        <v>6197.45</v>
      </c>
      <c r="D246" s="11">
        <v>4521.59</v>
      </c>
      <c r="E246" s="11">
        <v>4652.38</v>
      </c>
      <c r="F246" s="11">
        <v>5080.1099999999997</v>
      </c>
      <c r="G246" s="11">
        <v>6766.34</v>
      </c>
      <c r="H246" s="11">
        <v>4898.42</v>
      </c>
      <c r="I246" s="11">
        <v>5469.58</v>
      </c>
      <c r="J246" s="11">
        <v>7418.24</v>
      </c>
      <c r="K246" s="11">
        <v>5154.5200000000004</v>
      </c>
      <c r="L246" s="11">
        <v>6596.66</v>
      </c>
      <c r="M246" s="11">
        <v>7233.15</v>
      </c>
      <c r="N246" s="11">
        <v>9958.31</v>
      </c>
      <c r="O246" s="11">
        <v>73946.75</v>
      </c>
      <c r="P246" s="11">
        <v>73946.75</v>
      </c>
    </row>
    <row r="247" spans="2:16" x14ac:dyDescent="0.25">
      <c r="B247" s="9" t="s">
        <v>99</v>
      </c>
      <c r="C247" s="11">
        <v>49784.84</v>
      </c>
      <c r="D247" s="11">
        <v>28155.54</v>
      </c>
      <c r="E247" s="11">
        <v>69335.56</v>
      </c>
      <c r="F247" s="11">
        <v>45122.19</v>
      </c>
      <c r="G247" s="11">
        <v>40349.919999999998</v>
      </c>
      <c r="H247" s="11">
        <v>42158.74</v>
      </c>
      <c r="I247" s="11">
        <v>46460.92</v>
      </c>
      <c r="J247" s="11">
        <v>46239.88</v>
      </c>
      <c r="K247" s="11">
        <v>40201.75</v>
      </c>
      <c r="L247" s="11">
        <v>45818.45</v>
      </c>
      <c r="M247" s="11">
        <v>42532.74</v>
      </c>
      <c r="N247" s="11">
        <v>48434.06</v>
      </c>
      <c r="O247" s="11">
        <v>544594.59</v>
      </c>
      <c r="P247" s="11">
        <v>544594.59</v>
      </c>
    </row>
    <row r="248" spans="2:16" x14ac:dyDescent="0.25">
      <c r="B248" s="9" t="s">
        <v>100</v>
      </c>
      <c r="C248" s="11">
        <v>8203.75</v>
      </c>
      <c r="D248" s="11">
        <v>6244.35</v>
      </c>
      <c r="E248" s="11">
        <v>7357.61</v>
      </c>
      <c r="F248" s="11">
        <v>6239.61</v>
      </c>
      <c r="G248" s="11">
        <v>7324.29</v>
      </c>
      <c r="H248" s="11">
        <v>6059.51</v>
      </c>
      <c r="I248" s="11">
        <v>7467.81</v>
      </c>
      <c r="J248" s="11">
        <v>10189.879999999999</v>
      </c>
      <c r="K248" s="11">
        <v>7324.27</v>
      </c>
      <c r="L248" s="11">
        <v>7609.09</v>
      </c>
      <c r="M248" s="11">
        <v>7768.74</v>
      </c>
      <c r="N248" s="11">
        <v>10181.32</v>
      </c>
      <c r="O248" s="11">
        <v>91970.23</v>
      </c>
      <c r="P248" s="11">
        <v>91970.23</v>
      </c>
    </row>
    <row r="249" spans="2:16" x14ac:dyDescent="0.25">
      <c r="B249" s="9" t="s">
        <v>101</v>
      </c>
      <c r="C249" s="11">
        <v>255.46</v>
      </c>
      <c r="D249" s="11">
        <v>262.68</v>
      </c>
      <c r="E249" s="11">
        <v>238.66</v>
      </c>
      <c r="F249" s="11">
        <v>221.51</v>
      </c>
      <c r="G249" s="11">
        <v>194.65</v>
      </c>
      <c r="H249" s="11">
        <v>155.30000000000001</v>
      </c>
      <c r="I249" s="11">
        <v>119.59</v>
      </c>
      <c r="J249" s="11">
        <v>203.94</v>
      </c>
      <c r="K249" s="11">
        <v>190.54</v>
      </c>
      <c r="L249" s="11">
        <v>200.86</v>
      </c>
      <c r="M249" s="11">
        <v>281.64999999999998</v>
      </c>
      <c r="N249" s="11">
        <v>184.63</v>
      </c>
      <c r="O249" s="11">
        <v>2509.4699999999998</v>
      </c>
      <c r="P249" s="11">
        <v>2509.4699999999998</v>
      </c>
    </row>
    <row r="250" spans="2:16" x14ac:dyDescent="0.25">
      <c r="B250" s="9" t="s">
        <v>103</v>
      </c>
      <c r="C250" s="11">
        <v>1685.91</v>
      </c>
      <c r="D250" s="11">
        <v>2916.41</v>
      </c>
      <c r="E250" s="11">
        <v>495.01</v>
      </c>
      <c r="F250" s="11">
        <v>2721.23</v>
      </c>
      <c r="G250" s="11">
        <v>2212.7600000000002</v>
      </c>
      <c r="H250" s="11">
        <v>7205.8</v>
      </c>
      <c r="I250" s="11">
        <v>-5840.66</v>
      </c>
      <c r="J250" s="11">
        <v>2244.69</v>
      </c>
      <c r="K250" s="11">
        <v>-194.99</v>
      </c>
      <c r="L250" s="11">
        <v>2338.25</v>
      </c>
      <c r="M250" s="11">
        <v>408.2</v>
      </c>
      <c r="N250" s="11">
        <v>355.45</v>
      </c>
      <c r="O250" s="11">
        <v>16548.060000000001</v>
      </c>
      <c r="P250" s="11">
        <v>16548.060000000001</v>
      </c>
    </row>
    <row r="251" spans="2:16" x14ac:dyDescent="0.25">
      <c r="B251" s="9" t="s">
        <v>105</v>
      </c>
      <c r="C251" s="11">
        <v>0.24</v>
      </c>
      <c r="D251" s="11">
        <v>2.4500000000000002</v>
      </c>
      <c r="E251" s="11">
        <v>0.12</v>
      </c>
      <c r="F251" s="11"/>
      <c r="G251" s="11">
        <v>0.12</v>
      </c>
      <c r="H251" s="11">
        <v>0.12</v>
      </c>
      <c r="I251" s="11">
        <v>0.12</v>
      </c>
      <c r="J251" s="11">
        <v>0.12</v>
      </c>
      <c r="K251" s="11">
        <v>0.12</v>
      </c>
      <c r="L251" s="11"/>
      <c r="M251" s="11">
        <v>0.12</v>
      </c>
      <c r="N251" s="11">
        <v>0.22</v>
      </c>
      <c r="O251" s="11">
        <v>3.75</v>
      </c>
      <c r="P251" s="11">
        <v>3.75</v>
      </c>
    </row>
    <row r="252" spans="2:16" x14ac:dyDescent="0.25">
      <c r="B252" s="9" t="s">
        <v>106</v>
      </c>
      <c r="C252" s="11">
        <v>965.9</v>
      </c>
      <c r="D252" s="11"/>
      <c r="E252" s="11">
        <v>5800</v>
      </c>
      <c r="F252" s="11">
        <v>5.8</v>
      </c>
      <c r="G252" s="11"/>
      <c r="H252" s="11"/>
      <c r="I252" s="11">
        <v>-5800</v>
      </c>
      <c r="J252" s="11">
        <v>47.9</v>
      </c>
      <c r="K252" s="11">
        <v>211.51</v>
      </c>
      <c r="L252" s="11"/>
      <c r="M252" s="11"/>
      <c r="N252" s="11"/>
      <c r="O252" s="11">
        <v>1231.1099999999999</v>
      </c>
      <c r="P252" s="11">
        <v>1231.1099999999999</v>
      </c>
    </row>
    <row r="253" spans="2:16" x14ac:dyDescent="0.25">
      <c r="B253" s="9" t="s">
        <v>107</v>
      </c>
      <c r="C253" s="11">
        <v>26980.32</v>
      </c>
      <c r="D253" s="11">
        <v>24697.97</v>
      </c>
      <c r="E253" s="11">
        <v>24470.959999999999</v>
      </c>
      <c r="F253" s="11">
        <v>24175.89</v>
      </c>
      <c r="G253" s="11">
        <v>27712.76</v>
      </c>
      <c r="H253" s="11">
        <v>31153.759999999998</v>
      </c>
      <c r="I253" s="11">
        <v>35156.11</v>
      </c>
      <c r="J253" s="11">
        <v>22939.47</v>
      </c>
      <c r="K253" s="11">
        <v>17125.310000000001</v>
      </c>
      <c r="L253" s="11">
        <v>-405.42</v>
      </c>
      <c r="M253" s="11">
        <v>23634.82</v>
      </c>
      <c r="N253" s="11">
        <v>24074.53</v>
      </c>
      <c r="O253" s="11">
        <v>281716.47999999998</v>
      </c>
      <c r="P253" s="11">
        <v>281716.47999999998</v>
      </c>
    </row>
    <row r="254" spans="2:16" x14ac:dyDescent="0.25">
      <c r="B254" s="9" t="s">
        <v>108</v>
      </c>
      <c r="C254" s="11">
        <v>3550.79</v>
      </c>
      <c r="D254" s="11">
        <v>4524.22</v>
      </c>
      <c r="E254" s="11">
        <v>7143.76</v>
      </c>
      <c r="F254" s="11">
        <v>4495.91</v>
      </c>
      <c r="G254" s="11">
        <v>5117.54</v>
      </c>
      <c r="H254" s="11">
        <v>3913.9</v>
      </c>
      <c r="I254" s="11">
        <v>10849.78</v>
      </c>
      <c r="J254" s="11">
        <v>2952.4</v>
      </c>
      <c r="K254" s="11">
        <v>3044.47</v>
      </c>
      <c r="L254" s="11">
        <v>4818.43</v>
      </c>
      <c r="M254" s="11">
        <v>2559.79</v>
      </c>
      <c r="N254" s="11">
        <v>3891.48</v>
      </c>
      <c r="O254" s="11">
        <v>56862.47</v>
      </c>
      <c r="P254" s="11">
        <v>56862.47</v>
      </c>
    </row>
    <row r="255" spans="2:16" x14ac:dyDescent="0.25">
      <c r="B255" s="9" t="s">
        <v>109</v>
      </c>
      <c r="C255" s="11">
        <v>22252.85</v>
      </c>
      <c r="D255" s="11">
        <v>22870.3</v>
      </c>
      <c r="E255" s="11">
        <v>27669.17</v>
      </c>
      <c r="F255" s="11">
        <v>27659.8</v>
      </c>
      <c r="G255" s="11">
        <v>46569.46</v>
      </c>
      <c r="H255" s="11">
        <v>24160.76</v>
      </c>
      <c r="I255" s="11">
        <v>23434.78</v>
      </c>
      <c r="J255" s="11">
        <v>25470.29</v>
      </c>
      <c r="K255" s="11">
        <v>19772.490000000002</v>
      </c>
      <c r="L255" s="11">
        <v>29776.17</v>
      </c>
      <c r="M255" s="11">
        <v>27029</v>
      </c>
      <c r="N255" s="11">
        <v>30922.27</v>
      </c>
      <c r="O255" s="11">
        <v>327587.34000000003</v>
      </c>
      <c r="P255" s="11">
        <v>327587.34000000003</v>
      </c>
    </row>
    <row r="256" spans="2:16" x14ac:dyDescent="0.25">
      <c r="B256" s="9" t="s">
        <v>110</v>
      </c>
      <c r="C256" s="11"/>
      <c r="D256" s="11">
        <v>-73.63</v>
      </c>
      <c r="E256" s="11"/>
      <c r="F256" s="11"/>
      <c r="G256" s="11"/>
      <c r="H256" s="11"/>
      <c r="I256" s="11"/>
      <c r="J256" s="11"/>
      <c r="K256" s="11"/>
      <c r="L256" s="11"/>
      <c r="M256" s="11"/>
      <c r="N256" s="11"/>
      <c r="O256" s="11">
        <v>-73.63</v>
      </c>
      <c r="P256" s="11">
        <v>-73.63</v>
      </c>
    </row>
    <row r="257" spans="2:16" x14ac:dyDescent="0.25">
      <c r="B257" s="9" t="s">
        <v>111</v>
      </c>
      <c r="C257" s="11"/>
      <c r="D257" s="11"/>
      <c r="E257" s="11"/>
      <c r="F257" s="11"/>
      <c r="G257" s="11"/>
      <c r="H257" s="11"/>
      <c r="I257" s="11"/>
      <c r="J257" s="11"/>
      <c r="K257" s="11">
        <v>502.2</v>
      </c>
      <c r="L257" s="11"/>
      <c r="M257" s="11"/>
      <c r="N257" s="11"/>
      <c r="O257" s="11">
        <v>502.2</v>
      </c>
      <c r="P257" s="11">
        <v>502.2</v>
      </c>
    </row>
    <row r="258" spans="2:16" x14ac:dyDescent="0.25">
      <c r="B258" s="9" t="s">
        <v>112</v>
      </c>
      <c r="C258" s="11">
        <v>276.67</v>
      </c>
      <c r="D258" s="11">
        <v>483.32</v>
      </c>
      <c r="E258" s="11">
        <v>-103.18</v>
      </c>
      <c r="F258" s="11">
        <v>-9.09</v>
      </c>
      <c r="G258" s="11">
        <v>6.84</v>
      </c>
      <c r="H258" s="11">
        <v>3.25</v>
      </c>
      <c r="I258" s="11"/>
      <c r="J258" s="11"/>
      <c r="K258" s="11">
        <v>0.41</v>
      </c>
      <c r="L258" s="11"/>
      <c r="M258" s="11"/>
      <c r="N258" s="11"/>
      <c r="O258" s="11">
        <v>658.22</v>
      </c>
      <c r="P258" s="11">
        <v>658.22</v>
      </c>
    </row>
    <row r="259" spans="2:16" x14ac:dyDescent="0.25">
      <c r="B259" s="9" t="s">
        <v>113</v>
      </c>
      <c r="C259" s="11">
        <v>613891.87</v>
      </c>
      <c r="D259" s="11">
        <v>568309.51</v>
      </c>
      <c r="E259" s="11">
        <v>680266.03</v>
      </c>
      <c r="F259" s="11">
        <v>606786.24</v>
      </c>
      <c r="G259" s="11">
        <v>673108.24</v>
      </c>
      <c r="H259" s="11">
        <v>670686.07999999996</v>
      </c>
      <c r="I259" s="11">
        <v>677621.92</v>
      </c>
      <c r="J259" s="11">
        <v>608453.97</v>
      </c>
      <c r="K259" s="11">
        <v>648152.88</v>
      </c>
      <c r="L259" s="11">
        <v>644267.4</v>
      </c>
      <c r="M259" s="11">
        <v>709649.59</v>
      </c>
      <c r="N259" s="11">
        <v>622464.6</v>
      </c>
      <c r="O259" s="11">
        <v>7723658.3300000001</v>
      </c>
      <c r="P259" s="11">
        <v>7723658.3300000001</v>
      </c>
    </row>
    <row r="260" spans="2:16" x14ac:dyDescent="0.25">
      <c r="B260" s="9" t="s">
        <v>114</v>
      </c>
      <c r="C260" s="11"/>
      <c r="D260" s="11"/>
      <c r="E260" s="11"/>
      <c r="F260" s="11">
        <v>604.51</v>
      </c>
      <c r="G260" s="11">
        <v>598.35</v>
      </c>
      <c r="H260" s="11">
        <v>587.36</v>
      </c>
      <c r="I260" s="11">
        <v>876.8</v>
      </c>
      <c r="J260" s="11">
        <v>590.87</v>
      </c>
      <c r="K260" s="11">
        <v>597.62</v>
      </c>
      <c r="L260" s="11">
        <v>635.39</v>
      </c>
      <c r="M260" s="11">
        <v>628.58000000000004</v>
      </c>
      <c r="N260" s="11">
        <v>793.66</v>
      </c>
      <c r="O260" s="11">
        <v>5913.14</v>
      </c>
      <c r="P260" s="11">
        <v>5913.14</v>
      </c>
    </row>
    <row r="261" spans="2:16" x14ac:dyDescent="0.25">
      <c r="B261" s="9" t="s">
        <v>115</v>
      </c>
      <c r="C261" s="11">
        <v>22.07</v>
      </c>
      <c r="D261" s="11"/>
      <c r="E261" s="11"/>
      <c r="F261" s="11">
        <v>676.37</v>
      </c>
      <c r="G261" s="11">
        <v>-668</v>
      </c>
      <c r="H261" s="11"/>
      <c r="I261" s="11">
        <v>110.24</v>
      </c>
      <c r="J261" s="11">
        <v>-110.24</v>
      </c>
      <c r="K261" s="11"/>
      <c r="L261" s="11"/>
      <c r="M261" s="11"/>
      <c r="N261" s="11"/>
      <c r="O261" s="11">
        <v>30.44</v>
      </c>
      <c r="P261" s="11">
        <v>30.44</v>
      </c>
    </row>
    <row r="262" spans="2:16" x14ac:dyDescent="0.25">
      <c r="B262" s="9" t="s">
        <v>116</v>
      </c>
      <c r="C262" s="11">
        <v>39800.33</v>
      </c>
      <c r="D262" s="11">
        <v>48042.322999999997</v>
      </c>
      <c r="E262" s="11">
        <v>-17880.143</v>
      </c>
      <c r="F262" s="11">
        <v>-12589.47</v>
      </c>
      <c r="G262" s="11">
        <v>-4999.29</v>
      </c>
      <c r="H262" s="11">
        <v>-6204.57</v>
      </c>
      <c r="I262" s="11">
        <v>2660.36</v>
      </c>
      <c r="J262" s="11">
        <v>13300.69</v>
      </c>
      <c r="K262" s="11">
        <v>8678.75</v>
      </c>
      <c r="L262" s="11">
        <v>21792.86</v>
      </c>
      <c r="M262" s="11">
        <v>4131.72</v>
      </c>
      <c r="N262" s="11">
        <v>-21745.64</v>
      </c>
      <c r="O262" s="11">
        <v>74987.92</v>
      </c>
      <c r="P262" s="11">
        <v>74987.92</v>
      </c>
    </row>
    <row r="263" spans="2:16" x14ac:dyDescent="0.25">
      <c r="B263" s="9" t="s">
        <v>117</v>
      </c>
      <c r="C263" s="11"/>
      <c r="D263" s="11"/>
      <c r="E263" s="11"/>
      <c r="F263" s="11"/>
      <c r="G263" s="11">
        <v>0.12</v>
      </c>
      <c r="H263" s="11"/>
      <c r="I263" s="11"/>
      <c r="J263" s="11"/>
      <c r="K263" s="11"/>
      <c r="L263" s="11"/>
      <c r="M263" s="11"/>
      <c r="N263" s="11"/>
      <c r="O263" s="11">
        <v>0.12</v>
      </c>
      <c r="P263" s="11">
        <v>0.12</v>
      </c>
    </row>
    <row r="264" spans="2:16" x14ac:dyDescent="0.25">
      <c r="B264" s="9" t="s">
        <v>118</v>
      </c>
      <c r="C264" s="11"/>
      <c r="D264" s="11"/>
      <c r="E264" s="11">
        <v>0.2</v>
      </c>
      <c r="F264" s="11">
        <v>4.3099999999999996</v>
      </c>
      <c r="G264" s="11">
        <v>2.5099999999999998</v>
      </c>
      <c r="H264" s="11">
        <v>0.2</v>
      </c>
      <c r="I264" s="11">
        <v>27.41</v>
      </c>
      <c r="J264" s="11"/>
      <c r="K264" s="11">
        <v>0.39</v>
      </c>
      <c r="L264" s="11">
        <v>0.2</v>
      </c>
      <c r="M264" s="11">
        <v>0.2</v>
      </c>
      <c r="N264" s="11">
        <v>0.32</v>
      </c>
      <c r="O264" s="11">
        <v>35.74</v>
      </c>
      <c r="P264" s="11">
        <v>35.74</v>
      </c>
    </row>
    <row r="265" spans="2:16" x14ac:dyDescent="0.25">
      <c r="B265" s="9" t="s">
        <v>119</v>
      </c>
      <c r="C265" s="11">
        <v>43010.722999999998</v>
      </c>
      <c r="D265" s="11">
        <v>47153.49</v>
      </c>
      <c r="E265" s="11">
        <v>109534.43</v>
      </c>
      <c r="F265" s="11">
        <v>38236.67</v>
      </c>
      <c r="G265" s="11">
        <v>42275.58</v>
      </c>
      <c r="H265" s="11">
        <v>42105.66</v>
      </c>
      <c r="I265" s="11">
        <v>21659.56</v>
      </c>
      <c r="J265" s="11">
        <v>53683.95</v>
      </c>
      <c r="K265" s="11">
        <v>33816.79</v>
      </c>
      <c r="L265" s="11">
        <v>50075.41</v>
      </c>
      <c r="M265" s="11">
        <v>39464.410000000003</v>
      </c>
      <c r="N265" s="11">
        <v>117154.38</v>
      </c>
      <c r="O265" s="11">
        <v>638171.05299999996</v>
      </c>
      <c r="P265" s="11">
        <v>638171.05299999996</v>
      </c>
    </row>
    <row r="266" spans="2:16" x14ac:dyDescent="0.25">
      <c r="B266" s="9" t="s">
        <v>120</v>
      </c>
      <c r="C266" s="11">
        <v>9.0500000000000007</v>
      </c>
      <c r="D266" s="11">
        <v>3.69</v>
      </c>
      <c r="E266" s="11">
        <v>9.02</v>
      </c>
      <c r="F266" s="11">
        <v>13.81</v>
      </c>
      <c r="G266" s="11">
        <v>14.23</v>
      </c>
      <c r="H266" s="11">
        <v>-10.55</v>
      </c>
      <c r="I266" s="11">
        <v>6.85</v>
      </c>
      <c r="J266" s="11">
        <v>0.22</v>
      </c>
      <c r="K266" s="11">
        <v>5.74</v>
      </c>
      <c r="L266" s="11">
        <v>13.82</v>
      </c>
      <c r="M266" s="11">
        <v>5.68</v>
      </c>
      <c r="N266" s="11">
        <v>1.22</v>
      </c>
      <c r="O266" s="11">
        <v>72.78</v>
      </c>
      <c r="P266" s="11">
        <v>72.78</v>
      </c>
    </row>
    <row r="267" spans="2:16" x14ac:dyDescent="0.25">
      <c r="B267" s="9" t="s">
        <v>121</v>
      </c>
      <c r="C267" s="11">
        <v>17067.41</v>
      </c>
      <c r="D267" s="11">
        <v>10251.120000000001</v>
      </c>
      <c r="E267" s="11">
        <v>9986.2999999999993</v>
      </c>
      <c r="F267" s="11">
        <v>18142.03</v>
      </c>
      <c r="G267" s="11">
        <v>1630.99</v>
      </c>
      <c r="H267" s="11">
        <v>23895.27</v>
      </c>
      <c r="I267" s="11">
        <v>23934.18</v>
      </c>
      <c r="J267" s="11">
        <v>24968.2</v>
      </c>
      <c r="K267" s="11">
        <v>5922.82</v>
      </c>
      <c r="L267" s="11">
        <v>110952.91</v>
      </c>
      <c r="M267" s="11">
        <v>17133.98</v>
      </c>
      <c r="N267" s="11">
        <v>26412.03</v>
      </c>
      <c r="O267" s="11">
        <v>290297.24</v>
      </c>
      <c r="P267" s="11">
        <v>290297.24</v>
      </c>
    </row>
    <row r="268" spans="2:16" x14ac:dyDescent="0.25">
      <c r="B268" s="9" t="s">
        <v>122</v>
      </c>
      <c r="C268" s="11">
        <v>66127.429999999993</v>
      </c>
      <c r="D268" s="11">
        <v>4538.3900000000003</v>
      </c>
      <c r="E268" s="11">
        <v>40923.760000000002</v>
      </c>
      <c r="F268" s="11">
        <v>38439.67</v>
      </c>
      <c r="G268" s="11">
        <v>40026.44</v>
      </c>
      <c r="H268" s="11">
        <v>30079.040000000001</v>
      </c>
      <c r="I268" s="11">
        <v>43980.13</v>
      </c>
      <c r="J268" s="11">
        <v>43539.24</v>
      </c>
      <c r="K268" s="11">
        <v>45384.93</v>
      </c>
      <c r="L268" s="11">
        <v>47296.59</v>
      </c>
      <c r="M268" s="11">
        <v>46511.7</v>
      </c>
      <c r="N268" s="11">
        <v>46698.03</v>
      </c>
      <c r="O268" s="11">
        <v>493545.35</v>
      </c>
      <c r="P268" s="11">
        <v>493545.35</v>
      </c>
    </row>
    <row r="269" spans="2:16" x14ac:dyDescent="0.25">
      <c r="B269" s="9" t="s">
        <v>123</v>
      </c>
      <c r="C269" s="11">
        <v>0.12</v>
      </c>
      <c r="D269" s="11">
        <v>13.48</v>
      </c>
      <c r="E269" s="11">
        <v>17</v>
      </c>
      <c r="F269" s="11">
        <v>8.07</v>
      </c>
      <c r="G269" s="11"/>
      <c r="H269" s="11">
        <v>0.79</v>
      </c>
      <c r="I269" s="11">
        <v>0.89</v>
      </c>
      <c r="J269" s="11"/>
      <c r="K269" s="11">
        <v>23.01</v>
      </c>
      <c r="L269" s="11">
        <v>3.86</v>
      </c>
      <c r="M269" s="11">
        <v>30.58</v>
      </c>
      <c r="N269" s="11">
        <v>0.44</v>
      </c>
      <c r="O269" s="11">
        <v>98.24</v>
      </c>
      <c r="P269" s="11">
        <v>98.24</v>
      </c>
    </row>
    <row r="270" spans="2:16" x14ac:dyDescent="0.25">
      <c r="B270" s="9" t="s">
        <v>124</v>
      </c>
      <c r="C270" s="11">
        <v>150529.60999999999</v>
      </c>
      <c r="D270" s="11">
        <v>164862.15</v>
      </c>
      <c r="E270" s="11">
        <v>159250.84</v>
      </c>
      <c r="F270" s="11">
        <v>180201.39</v>
      </c>
      <c r="G270" s="11">
        <v>184999.95</v>
      </c>
      <c r="H270" s="11">
        <v>220500.35</v>
      </c>
      <c r="I270" s="11">
        <v>177017.11</v>
      </c>
      <c r="J270" s="11">
        <v>202632.06</v>
      </c>
      <c r="K270" s="11">
        <v>208147.61</v>
      </c>
      <c r="L270" s="11">
        <v>224375.69</v>
      </c>
      <c r="M270" s="11">
        <v>180095.2</v>
      </c>
      <c r="N270" s="11">
        <v>186800.85</v>
      </c>
      <c r="O270" s="11">
        <v>2239412.81</v>
      </c>
      <c r="P270" s="11">
        <v>2239412.81</v>
      </c>
    </row>
    <row r="271" spans="2:16" x14ac:dyDescent="0.25">
      <c r="B271" s="9" t="s">
        <v>125</v>
      </c>
      <c r="C271" s="11">
        <v>70646.7</v>
      </c>
      <c r="D271" s="11">
        <v>206199.49</v>
      </c>
      <c r="E271" s="11">
        <v>276791.64</v>
      </c>
      <c r="F271" s="11">
        <v>387700.2</v>
      </c>
      <c r="G271" s="11">
        <v>217374.63</v>
      </c>
      <c r="H271" s="11">
        <v>445677.11</v>
      </c>
      <c r="I271" s="11">
        <v>183647.55</v>
      </c>
      <c r="J271" s="11">
        <v>209190.39</v>
      </c>
      <c r="K271" s="11">
        <v>367302.74</v>
      </c>
      <c r="L271" s="11">
        <v>173834.37</v>
      </c>
      <c r="M271" s="11">
        <v>279949.56</v>
      </c>
      <c r="N271" s="11">
        <v>1011831.79</v>
      </c>
      <c r="O271" s="11">
        <v>3830146.17</v>
      </c>
      <c r="P271" s="11">
        <v>3830146.17</v>
      </c>
    </row>
    <row r="272" spans="2:16" x14ac:dyDescent="0.25">
      <c r="B272" s="9" t="s">
        <v>126</v>
      </c>
      <c r="C272" s="11"/>
      <c r="D272" s="11"/>
      <c r="E272" s="11">
        <v>41.24</v>
      </c>
      <c r="F272" s="11">
        <v>2.92</v>
      </c>
      <c r="G272" s="11">
        <v>-44.16</v>
      </c>
      <c r="H272" s="11"/>
      <c r="I272" s="11">
        <v>87.65</v>
      </c>
      <c r="J272" s="11"/>
      <c r="K272" s="11"/>
      <c r="L272" s="11"/>
      <c r="M272" s="11"/>
      <c r="N272" s="11"/>
      <c r="O272" s="11">
        <v>87.65</v>
      </c>
      <c r="P272" s="11">
        <v>87.65</v>
      </c>
    </row>
    <row r="273" spans="2:16" x14ac:dyDescent="0.25">
      <c r="B273" s="9" t="s">
        <v>127</v>
      </c>
      <c r="C273" s="11">
        <v>-3212.65</v>
      </c>
      <c r="D273" s="11">
        <v>-1805.77</v>
      </c>
      <c r="E273" s="11">
        <v>1397.79</v>
      </c>
      <c r="F273" s="11">
        <v>-4435.83</v>
      </c>
      <c r="G273" s="11">
        <v>157.22</v>
      </c>
      <c r="H273" s="11">
        <v>-1748.05</v>
      </c>
      <c r="I273" s="11">
        <v>-2900.52</v>
      </c>
      <c r="J273" s="11">
        <v>-5795.74</v>
      </c>
      <c r="K273" s="11">
        <v>-4225.2</v>
      </c>
      <c r="L273" s="11">
        <v>-1215.71</v>
      </c>
      <c r="M273" s="11">
        <v>-3524.23</v>
      </c>
      <c r="N273" s="11">
        <v>-1323.95</v>
      </c>
      <c r="O273" s="11">
        <v>-28632.639999999999</v>
      </c>
      <c r="P273" s="11">
        <v>-28632.639999999999</v>
      </c>
    </row>
    <row r="274" spans="2:16" x14ac:dyDescent="0.25">
      <c r="B274" s="9" t="s">
        <v>128</v>
      </c>
      <c r="C274" s="11">
        <v>217.94</v>
      </c>
      <c r="D274" s="11">
        <v>349.57</v>
      </c>
      <c r="E274" s="11">
        <v>-133.36000000000001</v>
      </c>
      <c r="F274" s="11">
        <v>336.44</v>
      </c>
      <c r="G274" s="11">
        <v>336.44</v>
      </c>
      <c r="H274" s="11">
        <v>1623.12</v>
      </c>
      <c r="I274" s="11">
        <v>514.14</v>
      </c>
      <c r="J274" s="11">
        <v>336.98</v>
      </c>
      <c r="K274" s="11">
        <v>-388.56</v>
      </c>
      <c r="L274" s="11">
        <v>336.44</v>
      </c>
      <c r="M274" s="11">
        <v>337.48</v>
      </c>
      <c r="N274" s="11">
        <v>-388.56</v>
      </c>
      <c r="O274" s="11">
        <v>3478.07</v>
      </c>
      <c r="P274" s="11">
        <v>3478.07</v>
      </c>
    </row>
    <row r="275" spans="2:16" x14ac:dyDescent="0.25">
      <c r="B275" s="9" t="s">
        <v>129</v>
      </c>
      <c r="C275" s="11">
        <v>64688.5</v>
      </c>
      <c r="D275" s="11">
        <v>64688.5</v>
      </c>
      <c r="E275" s="11">
        <v>64688.5</v>
      </c>
      <c r="F275" s="11">
        <v>64688.5</v>
      </c>
      <c r="G275" s="11">
        <v>64688.5</v>
      </c>
      <c r="H275" s="11">
        <v>64688.5</v>
      </c>
      <c r="I275" s="11">
        <v>64688.5</v>
      </c>
      <c r="J275" s="11">
        <v>64688.5</v>
      </c>
      <c r="K275" s="11">
        <v>64688.5</v>
      </c>
      <c r="L275" s="11">
        <v>64688.5</v>
      </c>
      <c r="M275" s="11">
        <v>64688.5</v>
      </c>
      <c r="N275" s="11">
        <v>64688.5</v>
      </c>
      <c r="O275" s="11">
        <v>776262</v>
      </c>
      <c r="P275" s="11">
        <v>776262</v>
      </c>
    </row>
    <row r="276" spans="2:16" x14ac:dyDescent="0.25">
      <c r="B276" s="9" t="s">
        <v>130</v>
      </c>
      <c r="C276" s="11">
        <v>12888.57</v>
      </c>
      <c r="D276" s="11">
        <v>12888.57</v>
      </c>
      <c r="E276" s="11">
        <v>12888.57</v>
      </c>
      <c r="F276" s="11">
        <v>12888.57</v>
      </c>
      <c r="G276" s="11">
        <v>12888.57</v>
      </c>
      <c r="H276" s="11">
        <v>12888.57</v>
      </c>
      <c r="I276" s="11">
        <v>12888.57</v>
      </c>
      <c r="J276" s="11">
        <v>12888.57</v>
      </c>
      <c r="K276" s="11">
        <v>12888.57</v>
      </c>
      <c r="L276" s="11">
        <v>12888.57</v>
      </c>
      <c r="M276" s="11">
        <v>12888.57</v>
      </c>
      <c r="N276" s="11">
        <v>12888.57</v>
      </c>
      <c r="O276" s="11">
        <v>154662.84</v>
      </c>
      <c r="P276" s="11">
        <v>154662.84</v>
      </c>
    </row>
    <row r="277" spans="2:16" x14ac:dyDescent="0.25">
      <c r="B277" s="9" t="s">
        <v>131</v>
      </c>
      <c r="C277" s="11">
        <v>43583.75</v>
      </c>
      <c r="D277" s="11">
        <v>35780.25</v>
      </c>
      <c r="E277" s="11">
        <v>37493.25</v>
      </c>
      <c r="F277" s="11">
        <v>49716.9</v>
      </c>
      <c r="G277" s="11">
        <v>39382.800000000003</v>
      </c>
      <c r="H277" s="11">
        <v>35767.75</v>
      </c>
      <c r="I277" s="11">
        <v>45912.58</v>
      </c>
      <c r="J277" s="11">
        <v>35767.75</v>
      </c>
      <c r="K277" s="11">
        <v>35772.39</v>
      </c>
      <c r="L277" s="11">
        <v>49612.32</v>
      </c>
      <c r="M277" s="11">
        <v>45087.62</v>
      </c>
      <c r="N277" s="11">
        <v>35946.18</v>
      </c>
      <c r="O277" s="11">
        <v>489823.54</v>
      </c>
      <c r="P277" s="11">
        <v>489823.54</v>
      </c>
    </row>
    <row r="278" spans="2:16" x14ac:dyDescent="0.25">
      <c r="B278" s="9" t="s">
        <v>133</v>
      </c>
      <c r="C278" s="11">
        <v>552.12</v>
      </c>
      <c r="D278" s="11">
        <v>486.53</v>
      </c>
      <c r="E278" s="11">
        <v>560.79</v>
      </c>
      <c r="F278" s="11">
        <v>548.37</v>
      </c>
      <c r="G278" s="11">
        <v>529.80999999999995</v>
      </c>
      <c r="H278" s="11">
        <v>558.04999999999995</v>
      </c>
      <c r="I278" s="11">
        <v>700.95</v>
      </c>
      <c r="J278" s="11">
        <v>672.15</v>
      </c>
      <c r="K278" s="11">
        <v>407.23</v>
      </c>
      <c r="L278" s="11">
        <v>412.96</v>
      </c>
      <c r="M278" s="11">
        <v>418.81</v>
      </c>
      <c r="N278" s="11">
        <v>469.49</v>
      </c>
      <c r="O278" s="11">
        <v>6317.26</v>
      </c>
      <c r="P278" s="11">
        <v>6317.26</v>
      </c>
    </row>
    <row r="279" spans="2:16" x14ac:dyDescent="0.25">
      <c r="B279" s="9" t="s">
        <v>134</v>
      </c>
      <c r="C279" s="11">
        <v>1878.79</v>
      </c>
      <c r="D279" s="11">
        <v>1327.62</v>
      </c>
      <c r="E279" s="11">
        <v>1327.62</v>
      </c>
      <c r="F279" s="11">
        <v>1327.62</v>
      </c>
      <c r="G279" s="11">
        <v>1327.62</v>
      </c>
      <c r="H279" s="11">
        <v>1327.62</v>
      </c>
      <c r="I279" s="11">
        <v>1327.62</v>
      </c>
      <c r="J279" s="11">
        <v>1327.62</v>
      </c>
      <c r="K279" s="11">
        <v>1327.62</v>
      </c>
      <c r="L279" s="11">
        <v>1327.62</v>
      </c>
      <c r="M279" s="11">
        <v>1466.82</v>
      </c>
      <c r="N279" s="11">
        <v>1327.62</v>
      </c>
      <c r="O279" s="11">
        <v>16621.810000000001</v>
      </c>
      <c r="P279" s="11">
        <v>16621.810000000001</v>
      </c>
    </row>
    <row r="280" spans="2:16" x14ac:dyDescent="0.25">
      <c r="B280" s="9" t="s">
        <v>135</v>
      </c>
      <c r="C280" s="11">
        <v>423277.15</v>
      </c>
      <c r="D280" s="11">
        <v>291658.74</v>
      </c>
      <c r="E280" s="11">
        <v>322380.092</v>
      </c>
      <c r="F280" s="11">
        <v>291308.71000000002</v>
      </c>
      <c r="G280" s="11">
        <v>277634.15000000002</v>
      </c>
      <c r="H280" s="11">
        <v>676562.41</v>
      </c>
      <c r="I280" s="11">
        <v>350365.36</v>
      </c>
      <c r="J280" s="11">
        <v>437807.12</v>
      </c>
      <c r="K280" s="11">
        <v>375290.52</v>
      </c>
      <c r="L280" s="11">
        <v>318908.78999999998</v>
      </c>
      <c r="M280" s="11">
        <v>450734.09</v>
      </c>
      <c r="N280" s="11">
        <v>470818.44</v>
      </c>
      <c r="O280" s="11">
        <v>4686745.5719999997</v>
      </c>
      <c r="P280" s="11">
        <v>4686745.5719999997</v>
      </c>
    </row>
    <row r="281" spans="2:16" x14ac:dyDescent="0.25">
      <c r="B281" s="9" t="s">
        <v>136</v>
      </c>
      <c r="C281" s="11">
        <v>8</v>
      </c>
      <c r="D281" s="11">
        <v>4.9800000000000004</v>
      </c>
      <c r="E281" s="11">
        <v>0.55000000000000004</v>
      </c>
      <c r="F281" s="11"/>
      <c r="G281" s="11"/>
      <c r="H281" s="11"/>
      <c r="I281" s="11"/>
      <c r="J281" s="11"/>
      <c r="K281" s="11"/>
      <c r="L281" s="11"/>
      <c r="M281" s="11"/>
      <c r="N281" s="11"/>
      <c r="O281" s="11">
        <v>13.53</v>
      </c>
      <c r="P281" s="11">
        <v>13.53</v>
      </c>
    </row>
    <row r="282" spans="2:16" x14ac:dyDescent="0.25">
      <c r="B282" s="9" t="s">
        <v>138</v>
      </c>
      <c r="C282" s="11">
        <v>311681.05</v>
      </c>
      <c r="D282" s="11">
        <v>408742.54</v>
      </c>
      <c r="E282" s="11">
        <v>337847.22</v>
      </c>
      <c r="F282" s="11">
        <v>251506.55</v>
      </c>
      <c r="G282" s="11">
        <v>229595.39</v>
      </c>
      <c r="H282" s="11">
        <v>228610.65</v>
      </c>
      <c r="I282" s="11">
        <v>216126</v>
      </c>
      <c r="J282" s="11">
        <v>259309.35</v>
      </c>
      <c r="K282" s="11">
        <v>392329.33</v>
      </c>
      <c r="L282" s="11">
        <v>299533.69</v>
      </c>
      <c r="M282" s="11">
        <v>274414.71000000002</v>
      </c>
      <c r="N282" s="11">
        <v>249693.54</v>
      </c>
      <c r="O282" s="11">
        <v>3459390.02</v>
      </c>
      <c r="P282" s="11">
        <v>3459390.02</v>
      </c>
    </row>
    <row r="283" spans="2:16" x14ac:dyDescent="0.25">
      <c r="B283" s="9" t="s">
        <v>158</v>
      </c>
      <c r="C283" s="11">
        <v>-24871.919999999998</v>
      </c>
      <c r="D283" s="11">
        <v>-100610.42</v>
      </c>
      <c r="E283" s="11">
        <v>193103.68</v>
      </c>
      <c r="F283" s="11">
        <v>-65081.17</v>
      </c>
      <c r="G283" s="11">
        <v>-65081.17</v>
      </c>
      <c r="H283" s="11">
        <v>-122806.47</v>
      </c>
      <c r="I283" s="11">
        <v>-74702.06</v>
      </c>
      <c r="J283" s="11">
        <v>-74702.06</v>
      </c>
      <c r="K283" s="11">
        <v>-74702.06</v>
      </c>
      <c r="L283" s="11">
        <v>-94426.64</v>
      </c>
      <c r="M283" s="11">
        <v>-75748.91</v>
      </c>
      <c r="N283" s="11">
        <v>-75748.91</v>
      </c>
      <c r="O283" s="11">
        <v>-655378.11</v>
      </c>
      <c r="P283" s="11">
        <v>-655378.11</v>
      </c>
    </row>
    <row r="284" spans="2:16" x14ac:dyDescent="0.25">
      <c r="B284" s="9" t="s">
        <v>139</v>
      </c>
      <c r="C284" s="11"/>
      <c r="D284" s="11"/>
      <c r="E284" s="11"/>
      <c r="F284" s="11"/>
      <c r="G284" s="11"/>
      <c r="H284" s="11"/>
      <c r="I284" s="11"/>
      <c r="J284" s="11"/>
      <c r="K284" s="11">
        <v>135.12</v>
      </c>
      <c r="L284" s="11"/>
      <c r="M284" s="11">
        <v>8.8800000000000008</v>
      </c>
      <c r="N284" s="11"/>
      <c r="O284" s="11">
        <v>144</v>
      </c>
      <c r="P284" s="11">
        <v>144</v>
      </c>
    </row>
    <row r="285" spans="2:16" x14ac:dyDescent="0.25">
      <c r="B285" s="9" t="s">
        <v>140</v>
      </c>
      <c r="C285" s="11">
        <v>56841.54</v>
      </c>
      <c r="D285" s="11">
        <v>56841.54</v>
      </c>
      <c r="E285" s="11">
        <v>56841.54</v>
      </c>
      <c r="F285" s="11">
        <v>56841.54</v>
      </c>
      <c r="G285" s="11">
        <v>56841.54</v>
      </c>
      <c r="H285" s="11">
        <v>56841.49</v>
      </c>
      <c r="I285" s="11">
        <v>59078.36</v>
      </c>
      <c r="J285" s="11">
        <v>59078.36</v>
      </c>
      <c r="K285" s="11">
        <v>59078.36</v>
      </c>
      <c r="L285" s="11">
        <v>59078.36</v>
      </c>
      <c r="M285" s="11">
        <v>59078.36</v>
      </c>
      <c r="N285" s="11">
        <v>59078.36</v>
      </c>
      <c r="O285" s="11">
        <v>695519.35</v>
      </c>
      <c r="P285" s="11">
        <v>695519.35</v>
      </c>
    </row>
    <row r="286" spans="2:16" x14ac:dyDescent="0.25">
      <c r="B286" s="9" t="s">
        <v>141</v>
      </c>
      <c r="C286" s="11"/>
      <c r="D286" s="11"/>
      <c r="E286" s="11"/>
      <c r="F286" s="11"/>
      <c r="G286" s="11"/>
      <c r="H286" s="11">
        <v>1425</v>
      </c>
      <c r="I286" s="11">
        <v>0</v>
      </c>
      <c r="J286" s="11">
        <v>0</v>
      </c>
      <c r="K286" s="11">
        <v>0</v>
      </c>
      <c r="L286" s="11">
        <v>0</v>
      </c>
      <c r="M286" s="11">
        <v>0</v>
      </c>
      <c r="N286" s="11"/>
      <c r="O286" s="11">
        <v>1425</v>
      </c>
      <c r="P286" s="11">
        <v>1425</v>
      </c>
    </row>
    <row r="287" spans="2:16" x14ac:dyDescent="0.25">
      <c r="B287" s="9" t="s">
        <v>142</v>
      </c>
      <c r="C287" s="11">
        <v>-6341.03</v>
      </c>
      <c r="D287" s="11">
        <v>-6307.21</v>
      </c>
      <c r="E287" s="11">
        <v>-4897.8999999999996</v>
      </c>
      <c r="F287" s="11">
        <v>-4732.03</v>
      </c>
      <c r="G287" s="11">
        <v>-3833.12</v>
      </c>
      <c r="H287" s="11">
        <v>-3065.48</v>
      </c>
      <c r="I287" s="11">
        <v>-3357.77</v>
      </c>
      <c r="J287" s="11">
        <v>-3917.27</v>
      </c>
      <c r="K287" s="11">
        <v>-3501.58</v>
      </c>
      <c r="L287" s="11">
        <v>-3642.42</v>
      </c>
      <c r="M287" s="11">
        <v>-2932.75</v>
      </c>
      <c r="N287" s="11">
        <v>-3669.2</v>
      </c>
      <c r="O287" s="11">
        <v>-50197.760000000002</v>
      </c>
      <c r="P287" s="11">
        <v>-50197.760000000002</v>
      </c>
    </row>
    <row r="288" spans="2:16" x14ac:dyDescent="0.25">
      <c r="B288" s="9" t="s">
        <v>144</v>
      </c>
      <c r="C288" s="11">
        <v>-153.63</v>
      </c>
      <c r="D288" s="11">
        <v>5501.67</v>
      </c>
      <c r="E288" s="11">
        <v>1693.37</v>
      </c>
      <c r="F288" s="11">
        <v>5524.98</v>
      </c>
      <c r="G288" s="11">
        <v>5690.68</v>
      </c>
      <c r="H288" s="11">
        <v>3800.98</v>
      </c>
      <c r="I288" s="11">
        <v>1650.86</v>
      </c>
      <c r="J288" s="11">
        <v>2307.87</v>
      </c>
      <c r="K288" s="11">
        <v>2832.6</v>
      </c>
      <c r="L288" s="11">
        <v>1101.32</v>
      </c>
      <c r="M288" s="11">
        <v>3053.12</v>
      </c>
      <c r="N288" s="11">
        <v>13960.57</v>
      </c>
      <c r="O288" s="11">
        <v>46964.39</v>
      </c>
      <c r="P288" s="11">
        <v>46964.39</v>
      </c>
    </row>
    <row r="289" spans="1:16" x14ac:dyDescent="0.25">
      <c r="B289" s="9" t="s">
        <v>145</v>
      </c>
      <c r="C289" s="11">
        <v>52423.37</v>
      </c>
      <c r="D289" s="11">
        <v>-46696.21</v>
      </c>
      <c r="E289" s="11">
        <v>34031.56</v>
      </c>
      <c r="F289" s="11">
        <v>29832.74</v>
      </c>
      <c r="G289" s="11">
        <v>30370.09</v>
      </c>
      <c r="H289" s="11">
        <v>28167.86</v>
      </c>
      <c r="I289" s="11">
        <v>30999.47</v>
      </c>
      <c r="J289" s="11">
        <v>31809.81</v>
      </c>
      <c r="K289" s="11">
        <v>36930.22</v>
      </c>
      <c r="L289" s="11">
        <v>35767.760000000002</v>
      </c>
      <c r="M289" s="11">
        <v>31449.81</v>
      </c>
      <c r="N289" s="11">
        <v>30639.14</v>
      </c>
      <c r="O289" s="11">
        <v>325725.62</v>
      </c>
      <c r="P289" s="11">
        <v>325725.62</v>
      </c>
    </row>
    <row r="290" spans="1:16" x14ac:dyDescent="0.25">
      <c r="B290" s="9" t="s">
        <v>146</v>
      </c>
      <c r="C290" s="11">
        <v>41363.14</v>
      </c>
      <c r="D290" s="11">
        <v>3076.59</v>
      </c>
      <c r="E290" s="11"/>
      <c r="F290" s="11"/>
      <c r="G290" s="11"/>
      <c r="H290" s="11"/>
      <c r="I290" s="11"/>
      <c r="J290" s="11"/>
      <c r="K290" s="11"/>
      <c r="L290" s="11"/>
      <c r="M290" s="11"/>
      <c r="N290" s="11"/>
      <c r="O290" s="11">
        <v>44439.73</v>
      </c>
      <c r="P290" s="11">
        <v>44439.73</v>
      </c>
    </row>
    <row r="291" spans="1:16" x14ac:dyDescent="0.25">
      <c r="B291" s="9" t="s">
        <v>147</v>
      </c>
      <c r="C291" s="11"/>
      <c r="D291" s="11">
        <v>-85.54</v>
      </c>
      <c r="E291" s="11">
        <v>12000</v>
      </c>
      <c r="F291" s="11">
        <v>-116.96</v>
      </c>
      <c r="G291" s="11">
        <v>2947.86</v>
      </c>
      <c r="H291" s="11">
        <v>5500</v>
      </c>
      <c r="I291" s="11">
        <v>-29.68</v>
      </c>
      <c r="J291" s="11">
        <v>-97.28</v>
      </c>
      <c r="K291" s="11">
        <v>-31.83</v>
      </c>
      <c r="L291" s="11">
        <v>-78.86</v>
      </c>
      <c r="M291" s="11">
        <v>-54.52</v>
      </c>
      <c r="N291" s="11">
        <v>49585.16</v>
      </c>
      <c r="O291" s="11">
        <v>69538.350000000006</v>
      </c>
      <c r="P291" s="11">
        <v>69538.350000000006</v>
      </c>
    </row>
    <row r="292" spans="1:16" x14ac:dyDescent="0.25">
      <c r="B292" s="9" t="s">
        <v>148</v>
      </c>
      <c r="C292" s="11">
        <v>8.75</v>
      </c>
      <c r="D292" s="11">
        <v>3171.56</v>
      </c>
      <c r="E292" s="11">
        <v>660.85</v>
      </c>
      <c r="F292" s="11">
        <v>8541.85</v>
      </c>
      <c r="G292" s="11">
        <v>583</v>
      </c>
      <c r="H292" s="11">
        <v>822.57</v>
      </c>
      <c r="I292" s="11">
        <v>1164.4100000000001</v>
      </c>
      <c r="J292" s="11"/>
      <c r="K292" s="11">
        <v>1992.38</v>
      </c>
      <c r="L292" s="11">
        <v>1205.3599999999999</v>
      </c>
      <c r="M292" s="11">
        <v>1443.85</v>
      </c>
      <c r="N292" s="11">
        <v>1806.25</v>
      </c>
      <c r="O292" s="11">
        <v>21400.83</v>
      </c>
      <c r="P292" s="11">
        <v>21400.83</v>
      </c>
    </row>
    <row r="293" spans="1:16" x14ac:dyDescent="0.25">
      <c r="B293" s="9" t="s">
        <v>149</v>
      </c>
      <c r="C293" s="11">
        <v>5200.6000000000004</v>
      </c>
      <c r="D293" s="11">
        <v>368.5</v>
      </c>
      <c r="E293" s="11">
        <v>57.91</v>
      </c>
      <c r="F293" s="11">
        <v>5510.44</v>
      </c>
      <c r="G293" s="11">
        <v>22790.13</v>
      </c>
      <c r="H293" s="11"/>
      <c r="I293" s="11">
        <v>5936.18</v>
      </c>
      <c r="J293" s="11">
        <v>12.3</v>
      </c>
      <c r="K293" s="11">
        <v>1.23</v>
      </c>
      <c r="L293" s="11">
        <v>5155.28</v>
      </c>
      <c r="M293" s="11">
        <v>0.41</v>
      </c>
      <c r="N293" s="11">
        <v>8183.92</v>
      </c>
      <c r="O293" s="11">
        <v>53216.9</v>
      </c>
      <c r="P293" s="11">
        <v>53216.9</v>
      </c>
    </row>
    <row r="294" spans="1:16" x14ac:dyDescent="0.25">
      <c r="B294" s="9" t="s">
        <v>150</v>
      </c>
      <c r="C294" s="11">
        <v>2221.08</v>
      </c>
      <c r="D294" s="11">
        <v>680.21</v>
      </c>
      <c r="E294" s="11">
        <v>288.75</v>
      </c>
      <c r="F294" s="11">
        <v>877.59</v>
      </c>
      <c r="G294" s="11">
        <v>683.21</v>
      </c>
      <c r="H294" s="11">
        <v>1298.07</v>
      </c>
      <c r="I294" s="11"/>
      <c r="J294" s="11">
        <v>106.77</v>
      </c>
      <c r="K294" s="11">
        <v>-3.21</v>
      </c>
      <c r="L294" s="11"/>
      <c r="M294" s="11">
        <v>815.92</v>
      </c>
      <c r="N294" s="11">
        <v>673.4</v>
      </c>
      <c r="O294" s="11">
        <v>7641.79</v>
      </c>
      <c r="P294" s="11">
        <v>7641.79</v>
      </c>
    </row>
    <row r="295" spans="1:16" x14ac:dyDescent="0.25">
      <c r="B295" s="9" t="s">
        <v>151</v>
      </c>
      <c r="C295" s="11">
        <v>51.43</v>
      </c>
      <c r="D295" s="11">
        <v>70.88</v>
      </c>
      <c r="E295" s="11">
        <v>31.97</v>
      </c>
      <c r="F295" s="11">
        <v>48.44</v>
      </c>
      <c r="G295" s="11">
        <v>41.68</v>
      </c>
      <c r="H295" s="11">
        <v>53.36</v>
      </c>
      <c r="I295" s="11">
        <v>22.48</v>
      </c>
      <c r="J295" s="11">
        <v>29.24</v>
      </c>
      <c r="K295" s="11">
        <v>20.399999999999999</v>
      </c>
      <c r="L295" s="11">
        <v>40.93</v>
      </c>
      <c r="M295" s="11">
        <v>29.05</v>
      </c>
      <c r="N295" s="11">
        <v>29.3</v>
      </c>
      <c r="O295" s="11">
        <v>469.16</v>
      </c>
      <c r="P295" s="11">
        <v>469.16</v>
      </c>
    </row>
    <row r="296" spans="1:16" x14ac:dyDescent="0.25">
      <c r="B296" s="9" t="s">
        <v>152</v>
      </c>
      <c r="C296" s="11">
        <v>163.92</v>
      </c>
      <c r="D296" s="11">
        <v>56.94</v>
      </c>
      <c r="E296" s="11">
        <v>208.22</v>
      </c>
      <c r="F296" s="11">
        <v>17.02</v>
      </c>
      <c r="G296" s="11">
        <v>153.41</v>
      </c>
      <c r="H296" s="11">
        <v>140.97999999999999</v>
      </c>
      <c r="I296" s="11">
        <v>273.60000000000002</v>
      </c>
      <c r="J296" s="11">
        <v>65.45</v>
      </c>
      <c r="K296" s="11">
        <v>377.82</v>
      </c>
      <c r="L296" s="11">
        <v>242.29</v>
      </c>
      <c r="M296" s="11">
        <v>273.83999999999997</v>
      </c>
      <c r="N296" s="11">
        <v>259.99</v>
      </c>
      <c r="O296" s="11">
        <v>2233.48</v>
      </c>
      <c r="P296" s="11">
        <v>2233.48</v>
      </c>
    </row>
    <row r="297" spans="1:16" x14ac:dyDescent="0.25">
      <c r="B297" s="9" t="s">
        <v>153</v>
      </c>
      <c r="C297" s="11">
        <v>6671.18</v>
      </c>
      <c r="D297" s="11">
        <v>7204.7</v>
      </c>
      <c r="E297" s="11">
        <v>6422.48</v>
      </c>
      <c r="F297" s="11">
        <v>5203.68</v>
      </c>
      <c r="G297" s="11">
        <v>5451.87</v>
      </c>
      <c r="H297" s="11">
        <v>6432.78</v>
      </c>
      <c r="I297" s="11">
        <v>5844.55</v>
      </c>
      <c r="J297" s="11">
        <v>6378.77</v>
      </c>
      <c r="K297" s="11">
        <v>6364.89</v>
      </c>
      <c r="L297" s="11">
        <v>7018.18</v>
      </c>
      <c r="M297" s="11">
        <v>5324.68</v>
      </c>
      <c r="N297" s="11">
        <v>6130.52</v>
      </c>
      <c r="O297" s="11">
        <v>74448.28</v>
      </c>
      <c r="P297" s="11">
        <v>74448.28</v>
      </c>
    </row>
    <row r="298" spans="1:16" x14ac:dyDescent="0.25">
      <c r="B298" s="9" t="s">
        <v>154</v>
      </c>
      <c r="C298" s="11">
        <v>74699</v>
      </c>
      <c r="D298" s="11">
        <v>73924</v>
      </c>
      <c r="E298" s="11">
        <v>74597</v>
      </c>
      <c r="F298" s="11">
        <v>74684</v>
      </c>
      <c r="G298" s="11">
        <v>75890</v>
      </c>
      <c r="H298" s="11">
        <v>75560</v>
      </c>
      <c r="I298" s="11">
        <v>72974</v>
      </c>
      <c r="J298" s="11">
        <v>72728</v>
      </c>
      <c r="K298" s="11">
        <v>72499</v>
      </c>
      <c r="L298" s="11">
        <v>72125</v>
      </c>
      <c r="M298" s="11">
        <v>72428</v>
      </c>
      <c r="N298" s="11">
        <v>73608</v>
      </c>
      <c r="O298" s="11">
        <v>885716</v>
      </c>
      <c r="P298" s="11">
        <v>885716</v>
      </c>
    </row>
    <row r="299" spans="1:16" x14ac:dyDescent="0.25">
      <c r="B299" s="9" t="s">
        <v>156</v>
      </c>
      <c r="C299" s="11"/>
      <c r="D299" s="11">
        <v>7040</v>
      </c>
      <c r="E299" s="11"/>
      <c r="F299" s="11">
        <v>-13.84</v>
      </c>
      <c r="G299" s="11">
        <v>116.44</v>
      </c>
      <c r="H299" s="11"/>
      <c r="I299" s="11"/>
      <c r="J299" s="11"/>
      <c r="K299" s="11"/>
      <c r="L299" s="11"/>
      <c r="M299" s="11"/>
      <c r="N299" s="11"/>
      <c r="O299" s="11">
        <v>7142.6</v>
      </c>
      <c r="P299" s="11">
        <v>7142.6</v>
      </c>
    </row>
    <row r="300" spans="1:16" x14ac:dyDescent="0.25">
      <c r="B300" s="9" t="s">
        <v>157</v>
      </c>
      <c r="C300" s="11">
        <v>-40.54</v>
      </c>
      <c r="D300" s="11">
        <v>329.36</v>
      </c>
      <c r="E300" s="11">
        <v>528.87</v>
      </c>
      <c r="F300" s="11">
        <v>92.11</v>
      </c>
      <c r="G300" s="11">
        <v>-81.77</v>
      </c>
      <c r="H300" s="11">
        <v>396.64</v>
      </c>
      <c r="I300" s="11">
        <v>-947.29</v>
      </c>
      <c r="J300" s="11">
        <v>338.78</v>
      </c>
      <c r="K300" s="11">
        <v>-504.92</v>
      </c>
      <c r="L300" s="11">
        <v>616.29999999999995</v>
      </c>
      <c r="M300" s="11">
        <v>-31.99</v>
      </c>
      <c r="N300" s="11">
        <v>58.48</v>
      </c>
      <c r="O300" s="11">
        <v>754.03</v>
      </c>
      <c r="P300" s="11">
        <v>754.03</v>
      </c>
    </row>
    <row r="301" spans="1:16" x14ac:dyDescent="0.25">
      <c r="A301" t="s">
        <v>165</v>
      </c>
      <c r="C301" s="11">
        <v>4865463.3190000001</v>
      </c>
      <c r="D301" s="11">
        <v>4662928.3830000004</v>
      </c>
      <c r="E301" s="11">
        <v>5559837.5990000004</v>
      </c>
      <c r="F301" s="11">
        <v>5392333.4500000002</v>
      </c>
      <c r="G301" s="11">
        <v>5703053.3499999996</v>
      </c>
      <c r="H301" s="11">
        <v>5079477.8260000004</v>
      </c>
      <c r="I301" s="11">
        <v>4501114.43</v>
      </c>
      <c r="J301" s="11">
        <v>5721453.1200000001</v>
      </c>
      <c r="K301" s="11">
        <v>6343624.5599999996</v>
      </c>
      <c r="L301" s="11">
        <v>6092618.3700000001</v>
      </c>
      <c r="M301" s="11">
        <v>5913680.6100000003</v>
      </c>
      <c r="N301" s="11">
        <v>5590415.2000000002</v>
      </c>
      <c r="O301" s="11">
        <v>65426000.217</v>
      </c>
      <c r="P301" s="11">
        <v>65426000.217</v>
      </c>
    </row>
    <row r="302" spans="1:16" x14ac:dyDescent="0.25">
      <c r="A302" t="s">
        <v>167</v>
      </c>
      <c r="B302" s="9" t="s">
        <v>17</v>
      </c>
      <c r="C302" s="11">
        <v>1552.23</v>
      </c>
      <c r="D302" s="11">
        <v>2000.26</v>
      </c>
      <c r="E302" s="11">
        <v>1942.04</v>
      </c>
      <c r="F302" s="11">
        <v>1971.42</v>
      </c>
      <c r="G302" s="11">
        <v>2233.5</v>
      </c>
      <c r="H302" s="11">
        <v>425.28</v>
      </c>
      <c r="I302" s="11">
        <v>1490.04</v>
      </c>
      <c r="J302" s="11">
        <v>3014.82</v>
      </c>
      <c r="K302" s="11">
        <v>2041.07</v>
      </c>
      <c r="L302" s="11">
        <v>1716.24</v>
      </c>
      <c r="M302" s="11">
        <v>558.53</v>
      </c>
      <c r="N302" s="11">
        <v>24370.02</v>
      </c>
      <c r="O302" s="11">
        <v>43315.45</v>
      </c>
      <c r="P302" s="11">
        <v>43315.45</v>
      </c>
    </row>
    <row r="303" spans="1:16" x14ac:dyDescent="0.25">
      <c r="B303" s="9" t="s">
        <v>19</v>
      </c>
      <c r="C303" s="11">
        <v>14430.31</v>
      </c>
      <c r="D303" s="11">
        <v>14421.23</v>
      </c>
      <c r="E303" s="11">
        <v>15849.52</v>
      </c>
      <c r="F303" s="11">
        <v>15223.42</v>
      </c>
      <c r="G303" s="11">
        <v>18542.09</v>
      </c>
      <c r="H303" s="11">
        <v>16033.12</v>
      </c>
      <c r="I303" s="11">
        <v>15108.87</v>
      </c>
      <c r="J303" s="11">
        <v>16013.95</v>
      </c>
      <c r="K303" s="11">
        <v>15464.31</v>
      </c>
      <c r="L303" s="11">
        <v>12125.61</v>
      </c>
      <c r="M303" s="11">
        <v>9266.9599999999991</v>
      </c>
      <c r="N303" s="11">
        <v>8988.98</v>
      </c>
      <c r="O303" s="11">
        <v>171468.37</v>
      </c>
      <c r="P303" s="11">
        <v>171468.37</v>
      </c>
    </row>
    <row r="304" spans="1:16" x14ac:dyDescent="0.25">
      <c r="B304" s="9" t="s">
        <v>20</v>
      </c>
      <c r="C304" s="11"/>
      <c r="D304" s="11"/>
      <c r="E304" s="11"/>
      <c r="F304" s="11"/>
      <c r="G304" s="11">
        <v>2835</v>
      </c>
      <c r="H304" s="11">
        <v>-6237</v>
      </c>
      <c r="I304" s="11"/>
      <c r="J304" s="11"/>
      <c r="K304" s="11"/>
      <c r="L304" s="11"/>
      <c r="M304" s="11"/>
      <c r="N304" s="11"/>
      <c r="O304" s="11">
        <v>-3402</v>
      </c>
      <c r="P304" s="11">
        <v>-3402</v>
      </c>
    </row>
    <row r="305" spans="2:16" x14ac:dyDescent="0.25">
      <c r="B305" s="9" t="s">
        <v>21</v>
      </c>
      <c r="C305" s="11">
        <v>4.3899999999999997</v>
      </c>
      <c r="D305" s="11"/>
      <c r="E305" s="11">
        <v>29.73</v>
      </c>
      <c r="F305" s="11">
        <v>7.72</v>
      </c>
      <c r="G305" s="11"/>
      <c r="H305" s="11">
        <v>1.51</v>
      </c>
      <c r="I305" s="11">
        <v>16.18</v>
      </c>
      <c r="J305" s="11">
        <v>8.56</v>
      </c>
      <c r="K305" s="11">
        <v>11.59</v>
      </c>
      <c r="L305" s="11"/>
      <c r="M305" s="11">
        <v>12.09</v>
      </c>
      <c r="N305" s="11">
        <v>6.5</v>
      </c>
      <c r="O305" s="11">
        <v>98.27</v>
      </c>
      <c r="P305" s="11">
        <v>98.27</v>
      </c>
    </row>
    <row r="306" spans="2:16" x14ac:dyDescent="0.25">
      <c r="B306" s="9" t="s">
        <v>23</v>
      </c>
      <c r="C306" s="11">
        <v>70.72</v>
      </c>
      <c r="D306" s="11">
        <v>97.62</v>
      </c>
      <c r="E306" s="11">
        <v>83.88</v>
      </c>
      <c r="F306" s="11">
        <v>109.76</v>
      </c>
      <c r="G306" s="11">
        <v>75.73</v>
      </c>
      <c r="H306" s="11">
        <v>90.1</v>
      </c>
      <c r="I306" s="11">
        <v>26.92</v>
      </c>
      <c r="J306" s="11">
        <v>92.93</v>
      </c>
      <c r="K306" s="11">
        <v>19.68</v>
      </c>
      <c r="L306" s="11">
        <v>54.37</v>
      </c>
      <c r="M306" s="11"/>
      <c r="N306" s="11"/>
      <c r="O306" s="11">
        <v>721.71</v>
      </c>
      <c r="P306" s="11">
        <v>721.71</v>
      </c>
    </row>
    <row r="307" spans="2:16" x14ac:dyDescent="0.25">
      <c r="B307" s="9" t="s">
        <v>25</v>
      </c>
      <c r="C307" s="11">
        <v>934.82</v>
      </c>
      <c r="D307" s="11">
        <v>50</v>
      </c>
      <c r="E307" s="11">
        <v>373.91</v>
      </c>
      <c r="F307" s="11">
        <v>441.79</v>
      </c>
      <c r="G307" s="11"/>
      <c r="H307" s="11">
        <v>225.96</v>
      </c>
      <c r="I307" s="11">
        <v>50</v>
      </c>
      <c r="J307" s="11">
        <v>357.16</v>
      </c>
      <c r="K307" s="11">
        <v>50</v>
      </c>
      <c r="L307" s="11">
        <v>58</v>
      </c>
      <c r="M307" s="11">
        <v>238.19</v>
      </c>
      <c r="N307" s="11"/>
      <c r="O307" s="11">
        <v>2779.83</v>
      </c>
      <c r="P307" s="11">
        <v>2779.83</v>
      </c>
    </row>
    <row r="308" spans="2:16" x14ac:dyDescent="0.25">
      <c r="B308" s="9" t="s">
        <v>26</v>
      </c>
      <c r="C308" s="11">
        <v>3699.16</v>
      </c>
      <c r="D308" s="11">
        <v>3432.36</v>
      </c>
      <c r="E308" s="11">
        <v>4281.43</v>
      </c>
      <c r="F308" s="11">
        <v>4116.5</v>
      </c>
      <c r="G308" s="11">
        <v>768.36</v>
      </c>
      <c r="H308" s="11">
        <v>4119.04</v>
      </c>
      <c r="I308" s="11">
        <v>-4175.62</v>
      </c>
      <c r="J308" s="11">
        <v>5075.95</v>
      </c>
      <c r="K308" s="11">
        <v>4774.0200000000004</v>
      </c>
      <c r="L308" s="11">
        <v>5255.97</v>
      </c>
      <c r="M308" s="11">
        <v>4604.1499999999996</v>
      </c>
      <c r="N308" s="11">
        <v>8912.68</v>
      </c>
      <c r="O308" s="11">
        <v>44864</v>
      </c>
      <c r="P308" s="11">
        <v>44864</v>
      </c>
    </row>
    <row r="309" spans="2:16" x14ac:dyDescent="0.25">
      <c r="B309" s="9" t="s">
        <v>27</v>
      </c>
      <c r="C309" s="11"/>
      <c r="D309" s="11"/>
      <c r="E309" s="11">
        <v>36.409999999999997</v>
      </c>
      <c r="F309" s="11">
        <v>2.5</v>
      </c>
      <c r="G309" s="11">
        <v>5</v>
      </c>
      <c r="H309" s="11"/>
      <c r="I309" s="11">
        <v>5</v>
      </c>
      <c r="J309" s="11"/>
      <c r="K309" s="11">
        <v>10.88</v>
      </c>
      <c r="L309" s="11"/>
      <c r="M309" s="11"/>
      <c r="N309" s="11"/>
      <c r="O309" s="11">
        <v>59.79</v>
      </c>
      <c r="P309" s="11">
        <v>59.79</v>
      </c>
    </row>
    <row r="310" spans="2:16" x14ac:dyDescent="0.25">
      <c r="B310" s="9" t="s">
        <v>28</v>
      </c>
      <c r="C310" s="11">
        <v>-2523.85</v>
      </c>
      <c r="D310" s="11">
        <v>88.61</v>
      </c>
      <c r="E310" s="11">
        <v>93.4</v>
      </c>
      <c r="F310" s="11">
        <v>60.25</v>
      </c>
      <c r="G310" s="11">
        <v>63.77</v>
      </c>
      <c r="H310" s="11">
        <v>-130.87</v>
      </c>
      <c r="I310" s="11">
        <v>76.290000000000006</v>
      </c>
      <c r="J310" s="11">
        <v>71.08</v>
      </c>
      <c r="K310" s="11">
        <v>100.76</v>
      </c>
      <c r="L310" s="11">
        <v>277.25</v>
      </c>
      <c r="M310" s="11">
        <v>21.82</v>
      </c>
      <c r="N310" s="11">
        <v>98.43</v>
      </c>
      <c r="O310" s="11">
        <v>-1703.06</v>
      </c>
      <c r="P310" s="11">
        <v>-1703.06</v>
      </c>
    </row>
    <row r="311" spans="2:16" x14ac:dyDescent="0.25">
      <c r="B311" s="9" t="s">
        <v>29</v>
      </c>
      <c r="C311" s="11">
        <v>3526.42</v>
      </c>
      <c r="D311" s="11">
        <v>3731.57</v>
      </c>
      <c r="E311" s="11">
        <v>3576.04</v>
      </c>
      <c r="F311" s="11">
        <v>2700.14</v>
      </c>
      <c r="G311" s="11">
        <v>3353.6</v>
      </c>
      <c r="H311" s="11">
        <v>2529.34</v>
      </c>
      <c r="I311" s="11">
        <v>2291.6</v>
      </c>
      <c r="J311" s="11">
        <v>1925.16</v>
      </c>
      <c r="K311" s="11">
        <v>2211.5100000000002</v>
      </c>
      <c r="L311" s="11">
        <v>2456.02</v>
      </c>
      <c r="M311" s="11">
        <v>2504.88</v>
      </c>
      <c r="N311" s="11">
        <v>2243.7800000000002</v>
      </c>
      <c r="O311" s="11">
        <v>33050.06</v>
      </c>
      <c r="P311" s="11">
        <v>33050.06</v>
      </c>
    </row>
    <row r="312" spans="2:16" x14ac:dyDescent="0.25">
      <c r="B312" s="9" t="s">
        <v>30</v>
      </c>
      <c r="C312" s="11">
        <v>172952.51</v>
      </c>
      <c r="D312" s="11">
        <v>329129.71999999997</v>
      </c>
      <c r="E312" s="11">
        <v>336972.98</v>
      </c>
      <c r="F312" s="11">
        <v>283870.8</v>
      </c>
      <c r="G312" s="11">
        <v>205166.04</v>
      </c>
      <c r="H312" s="11">
        <v>85505.11</v>
      </c>
      <c r="I312" s="11">
        <v>449546.95</v>
      </c>
      <c r="J312" s="11">
        <v>312836.19</v>
      </c>
      <c r="K312" s="11">
        <v>179025.96</v>
      </c>
      <c r="L312" s="11">
        <v>406424.43</v>
      </c>
      <c r="M312" s="11">
        <v>50758.29</v>
      </c>
      <c r="N312" s="11">
        <v>385830.55</v>
      </c>
      <c r="O312" s="11">
        <v>3198019.53</v>
      </c>
      <c r="P312" s="11">
        <v>3198019.53</v>
      </c>
    </row>
    <row r="313" spans="2:16" x14ac:dyDescent="0.25">
      <c r="B313" s="9" t="s">
        <v>31</v>
      </c>
      <c r="C313" s="11">
        <v>0</v>
      </c>
      <c r="D313" s="11">
        <v>0</v>
      </c>
      <c r="E313" s="11">
        <v>0</v>
      </c>
      <c r="F313" s="11">
        <v>0</v>
      </c>
      <c r="G313" s="11">
        <v>530.1</v>
      </c>
      <c r="H313" s="11">
        <v>962.56</v>
      </c>
      <c r="I313" s="11">
        <v>409.18</v>
      </c>
      <c r="J313" s="11">
        <v>2030.06</v>
      </c>
      <c r="K313" s="11"/>
      <c r="L313" s="11">
        <v>3823.68</v>
      </c>
      <c r="M313" s="11">
        <v>21693.8</v>
      </c>
      <c r="N313" s="11">
        <v>1044.76</v>
      </c>
      <c r="O313" s="11">
        <v>30494.14</v>
      </c>
      <c r="P313" s="11">
        <v>30494.14</v>
      </c>
    </row>
    <row r="314" spans="2:16" x14ac:dyDescent="0.25">
      <c r="B314" s="9" t="s">
        <v>32</v>
      </c>
      <c r="C314" s="11">
        <v>1650.81</v>
      </c>
      <c r="D314" s="11">
        <v>462.84</v>
      </c>
      <c r="E314" s="11">
        <v>0.02</v>
      </c>
      <c r="F314" s="11"/>
      <c r="G314" s="11">
        <v>802.75</v>
      </c>
      <c r="H314" s="11">
        <v>87.06</v>
      </c>
      <c r="I314" s="11">
        <v>4.8499999999999996</v>
      </c>
      <c r="J314" s="11">
        <v>9744.77</v>
      </c>
      <c r="K314" s="11">
        <v>6163.33</v>
      </c>
      <c r="L314" s="11">
        <v>5.42</v>
      </c>
      <c r="M314" s="11">
        <v>3.6</v>
      </c>
      <c r="N314" s="11">
        <v>0.72</v>
      </c>
      <c r="O314" s="11">
        <v>18926.169999999998</v>
      </c>
      <c r="P314" s="11">
        <v>18926.169999999998</v>
      </c>
    </row>
    <row r="315" spans="2:16" x14ac:dyDescent="0.25">
      <c r="B315" s="9" t="s">
        <v>33</v>
      </c>
      <c r="C315" s="11">
        <v>892.75</v>
      </c>
      <c r="D315" s="11">
        <v>603.01</v>
      </c>
      <c r="E315" s="11">
        <v>512.38</v>
      </c>
      <c r="F315" s="11">
        <v>502.48</v>
      </c>
      <c r="G315" s="11">
        <v>487.68</v>
      </c>
      <c r="H315" s="11">
        <v>78.62</v>
      </c>
      <c r="I315" s="11">
        <v>414.11</v>
      </c>
      <c r="J315" s="11">
        <v>565.70000000000005</v>
      </c>
      <c r="K315" s="11">
        <v>1835.69</v>
      </c>
      <c r="L315" s="11">
        <v>413.53</v>
      </c>
      <c r="M315" s="11">
        <v>413.53</v>
      </c>
      <c r="N315" s="11">
        <v>417.85</v>
      </c>
      <c r="O315" s="11">
        <v>7137.33</v>
      </c>
      <c r="P315" s="11">
        <v>7137.33</v>
      </c>
    </row>
    <row r="316" spans="2:16" x14ac:dyDescent="0.25">
      <c r="B316" s="9" t="s">
        <v>34</v>
      </c>
      <c r="C316" s="11">
        <v>28.48</v>
      </c>
      <c r="D316" s="11">
        <v>2.2200000000000002</v>
      </c>
      <c r="E316" s="11"/>
      <c r="F316" s="11"/>
      <c r="G316" s="11">
        <v>5.28</v>
      </c>
      <c r="H316" s="11"/>
      <c r="I316" s="11"/>
      <c r="J316" s="11"/>
      <c r="K316" s="11">
        <v>-4.4400000000000004</v>
      </c>
      <c r="L316" s="11"/>
      <c r="M316" s="11"/>
      <c r="N316" s="11"/>
      <c r="O316" s="11">
        <v>31.54</v>
      </c>
      <c r="P316" s="11">
        <v>31.54</v>
      </c>
    </row>
    <row r="317" spans="2:16" x14ac:dyDescent="0.25">
      <c r="B317" s="9" t="s">
        <v>35</v>
      </c>
      <c r="C317" s="11">
        <v>0.98</v>
      </c>
      <c r="D317" s="11"/>
      <c r="E317" s="11">
        <v>-0.98</v>
      </c>
      <c r="F317" s="11"/>
      <c r="G317" s="11"/>
      <c r="H317" s="11"/>
      <c r="I317" s="11"/>
      <c r="J317" s="11"/>
      <c r="K317" s="11"/>
      <c r="L317" s="11"/>
      <c r="M317" s="11"/>
      <c r="N317" s="11"/>
      <c r="O317" s="11">
        <v>0</v>
      </c>
      <c r="P317" s="11">
        <v>0</v>
      </c>
    </row>
    <row r="318" spans="2:16" x14ac:dyDescent="0.25">
      <c r="B318" s="9" t="s">
        <v>36</v>
      </c>
      <c r="C318" s="11">
        <v>8.9600000000000009</v>
      </c>
      <c r="D318" s="11">
        <v>21.36</v>
      </c>
      <c r="E318" s="11">
        <v>-30.32</v>
      </c>
      <c r="F318" s="11"/>
      <c r="G318" s="11">
        <v>3.7</v>
      </c>
      <c r="H318" s="11">
        <v>-3.7</v>
      </c>
      <c r="I318" s="11"/>
      <c r="J318" s="11"/>
      <c r="K318" s="11"/>
      <c r="L318" s="11"/>
      <c r="M318" s="11">
        <v>3.78</v>
      </c>
      <c r="N318" s="11">
        <v>-3.78</v>
      </c>
      <c r="O318" s="11">
        <v>0</v>
      </c>
      <c r="P318" s="11">
        <v>0</v>
      </c>
    </row>
    <row r="319" spans="2:16" x14ac:dyDescent="0.25">
      <c r="B319" s="9" t="s">
        <v>37</v>
      </c>
      <c r="C319" s="11"/>
      <c r="D319" s="11">
        <v>0</v>
      </c>
      <c r="E319" s="11"/>
      <c r="F319" s="11">
        <v>0</v>
      </c>
      <c r="G319" s="11">
        <v>0</v>
      </c>
      <c r="H319" s="11">
        <v>0</v>
      </c>
      <c r="I319" s="11"/>
      <c r="J319" s="11"/>
      <c r="K319" s="11"/>
      <c r="L319" s="11"/>
      <c r="M319" s="11"/>
      <c r="N319" s="11">
        <v>0</v>
      </c>
      <c r="O319" s="11">
        <v>0</v>
      </c>
      <c r="P319" s="11">
        <v>0</v>
      </c>
    </row>
    <row r="320" spans="2:16" x14ac:dyDescent="0.25">
      <c r="B320" s="9" t="s">
        <v>38</v>
      </c>
      <c r="C320" s="11"/>
      <c r="D320" s="11">
        <v>0</v>
      </c>
      <c r="E320" s="11"/>
      <c r="F320" s="11">
        <v>0</v>
      </c>
      <c r="G320" s="11">
        <v>0</v>
      </c>
      <c r="H320" s="11">
        <v>0</v>
      </c>
      <c r="I320" s="11"/>
      <c r="J320" s="11"/>
      <c r="K320" s="11"/>
      <c r="L320" s="11"/>
      <c r="M320" s="11"/>
      <c r="N320" s="11">
        <v>0</v>
      </c>
      <c r="O320" s="11">
        <v>0</v>
      </c>
      <c r="P320" s="11">
        <v>0</v>
      </c>
    </row>
    <row r="321" spans="2:16" x14ac:dyDescent="0.25">
      <c r="B321" s="9" t="s">
        <v>39</v>
      </c>
      <c r="C321" s="11"/>
      <c r="D321" s="11">
        <v>0</v>
      </c>
      <c r="E321" s="11"/>
      <c r="F321" s="11"/>
      <c r="G321" s="11"/>
      <c r="H321" s="11">
        <v>0</v>
      </c>
      <c r="I321" s="11"/>
      <c r="J321" s="11"/>
      <c r="K321" s="11"/>
      <c r="L321" s="11"/>
      <c r="M321" s="11"/>
      <c r="N321" s="11"/>
      <c r="O321" s="11">
        <v>0</v>
      </c>
      <c r="P321" s="11">
        <v>0</v>
      </c>
    </row>
    <row r="322" spans="2:16" x14ac:dyDescent="0.25">
      <c r="B322" s="9" t="s">
        <v>42</v>
      </c>
      <c r="C322" s="11">
        <v>1466.52</v>
      </c>
      <c r="D322" s="11">
        <v>1480.15</v>
      </c>
      <c r="E322" s="11">
        <v>1559.79</v>
      </c>
      <c r="F322" s="11">
        <v>1531.68</v>
      </c>
      <c r="G322" s="11">
        <v>1465.41</v>
      </c>
      <c r="H322" s="11">
        <v>1524.06</v>
      </c>
      <c r="I322" s="11">
        <v>1544.33</v>
      </c>
      <c r="J322" s="11">
        <v>1518.94</v>
      </c>
      <c r="K322" s="11">
        <v>1454.83</v>
      </c>
      <c r="L322" s="11">
        <v>1508.8</v>
      </c>
      <c r="M322" s="11">
        <v>1434.98</v>
      </c>
      <c r="N322" s="11">
        <v>1398</v>
      </c>
      <c r="O322" s="11">
        <v>17887.490000000002</v>
      </c>
      <c r="P322" s="11">
        <v>17887.490000000002</v>
      </c>
    </row>
    <row r="323" spans="2:16" x14ac:dyDescent="0.25">
      <c r="B323" s="9" t="s">
        <v>45</v>
      </c>
      <c r="C323" s="11">
        <v>3873.61</v>
      </c>
      <c r="D323" s="11">
        <v>5762.51</v>
      </c>
      <c r="E323" s="11">
        <v>4637.47</v>
      </c>
      <c r="F323" s="11">
        <v>4223.9799999999996</v>
      </c>
      <c r="G323" s="11">
        <v>4815.22</v>
      </c>
      <c r="H323" s="11">
        <v>2854.54</v>
      </c>
      <c r="I323" s="11">
        <v>3657.56</v>
      </c>
      <c r="J323" s="11">
        <v>5767.87</v>
      </c>
      <c r="K323" s="11">
        <v>4817.34</v>
      </c>
      <c r="L323" s="11">
        <v>4328.4799999999996</v>
      </c>
      <c r="M323" s="11">
        <v>2865.96</v>
      </c>
      <c r="N323" s="11">
        <v>8516.56</v>
      </c>
      <c r="O323" s="11">
        <v>56121.1</v>
      </c>
      <c r="P323" s="11">
        <v>56121.1</v>
      </c>
    </row>
    <row r="324" spans="2:16" x14ac:dyDescent="0.25">
      <c r="B324" s="9" t="s">
        <v>46</v>
      </c>
      <c r="C324" s="11">
        <v>4179.96</v>
      </c>
      <c r="D324" s="11">
        <v>3928.66</v>
      </c>
      <c r="E324" s="11">
        <v>8135.27</v>
      </c>
      <c r="F324" s="11">
        <v>4316.16</v>
      </c>
      <c r="G324" s="11">
        <v>4166.43</v>
      </c>
      <c r="H324" s="11">
        <v>4395.6099999999997</v>
      </c>
      <c r="I324" s="11">
        <v>4132.38</v>
      </c>
      <c r="J324" s="11">
        <v>4306.22</v>
      </c>
      <c r="K324" s="11">
        <v>7602.71</v>
      </c>
      <c r="L324" s="11">
        <v>4269.88</v>
      </c>
      <c r="M324" s="11">
        <v>3624.07</v>
      </c>
      <c r="N324" s="11">
        <v>3409.43</v>
      </c>
      <c r="O324" s="11">
        <v>56466.78</v>
      </c>
      <c r="P324" s="11">
        <v>56466.78</v>
      </c>
    </row>
    <row r="325" spans="2:16" x14ac:dyDescent="0.25">
      <c r="B325" s="9" t="s">
        <v>47</v>
      </c>
      <c r="C325" s="11"/>
      <c r="D325" s="11"/>
      <c r="E325" s="11"/>
      <c r="F325" s="11"/>
      <c r="G325" s="11"/>
      <c r="H325" s="11">
        <v>1377.34</v>
      </c>
      <c r="I325" s="11"/>
      <c r="J325" s="11"/>
      <c r="K325" s="11">
        <v>0</v>
      </c>
      <c r="L325" s="11"/>
      <c r="M325" s="11"/>
      <c r="N325" s="11"/>
      <c r="O325" s="11">
        <v>1377.34</v>
      </c>
      <c r="P325" s="11">
        <v>1377.34</v>
      </c>
    </row>
    <row r="326" spans="2:16" x14ac:dyDescent="0.25">
      <c r="B326" s="9" t="s">
        <v>49</v>
      </c>
      <c r="C326" s="11">
        <v>1292.71</v>
      </c>
      <c r="D326" s="11">
        <v>54.39</v>
      </c>
      <c r="E326" s="11">
        <v>25.21</v>
      </c>
      <c r="F326" s="11">
        <v>1769</v>
      </c>
      <c r="G326" s="11"/>
      <c r="H326" s="11"/>
      <c r="I326" s="11">
        <v>5218.8599999999997</v>
      </c>
      <c r="J326" s="11">
        <v>5080.0200000000004</v>
      </c>
      <c r="K326" s="11"/>
      <c r="L326" s="11">
        <v>1090.1099999999999</v>
      </c>
      <c r="M326" s="11">
        <v>5727.17</v>
      </c>
      <c r="N326" s="11">
        <v>5221.4399999999996</v>
      </c>
      <c r="O326" s="11">
        <v>25478.91</v>
      </c>
      <c r="P326" s="11">
        <v>25478.91</v>
      </c>
    </row>
    <row r="327" spans="2:16" x14ac:dyDescent="0.25">
      <c r="B327" s="9" t="s">
        <v>50</v>
      </c>
      <c r="C327" s="11">
        <v>986.49</v>
      </c>
      <c r="D327" s="11">
        <v>3673.22</v>
      </c>
      <c r="E327" s="11">
        <v>3456.99</v>
      </c>
      <c r="F327" s="11">
        <v>2601.46</v>
      </c>
      <c r="G327" s="11">
        <v>3215.66</v>
      </c>
      <c r="H327" s="11">
        <v>2252.88</v>
      </c>
      <c r="I327" s="11">
        <v>2224.44</v>
      </c>
      <c r="J327" s="11">
        <v>1871.46</v>
      </c>
      <c r="K327" s="11">
        <v>2163.59</v>
      </c>
      <c r="L327" s="11">
        <v>2568.09</v>
      </c>
      <c r="M327" s="11">
        <v>2372.2600000000002</v>
      </c>
      <c r="N327" s="11">
        <v>2200.7399999999998</v>
      </c>
      <c r="O327" s="11">
        <v>29587.279999999999</v>
      </c>
      <c r="P327" s="11">
        <v>29587.279999999999</v>
      </c>
    </row>
    <row r="328" spans="2:16" x14ac:dyDescent="0.25">
      <c r="B328" s="9" t="s">
        <v>53</v>
      </c>
      <c r="C328" s="11">
        <v>125756.32</v>
      </c>
      <c r="D328" s="11">
        <v>128402.7</v>
      </c>
      <c r="E328" s="11">
        <v>220466.83</v>
      </c>
      <c r="F328" s="11">
        <v>254401.08</v>
      </c>
      <c r="G328" s="11">
        <v>77211.56</v>
      </c>
      <c r="H328" s="11">
        <v>91502.42</v>
      </c>
      <c r="I328" s="11">
        <v>136378.07999999999</v>
      </c>
      <c r="J328" s="11">
        <v>128017.93</v>
      </c>
      <c r="K328" s="11">
        <v>75436.354000000007</v>
      </c>
      <c r="L328" s="11">
        <v>157446.84</v>
      </c>
      <c r="M328" s="11">
        <v>233204.67</v>
      </c>
      <c r="N328" s="11">
        <v>184111.37</v>
      </c>
      <c r="O328" s="11">
        <v>1812336.1540000001</v>
      </c>
      <c r="P328" s="11">
        <v>1812336.1540000001</v>
      </c>
    </row>
    <row r="329" spans="2:16" x14ac:dyDescent="0.25">
      <c r="B329" s="9" t="s">
        <v>54</v>
      </c>
      <c r="C329" s="11">
        <v>0</v>
      </c>
      <c r="D329" s="11"/>
      <c r="E329" s="11"/>
      <c r="F329" s="11"/>
      <c r="G329" s="11"/>
      <c r="H329" s="11"/>
      <c r="I329" s="11"/>
      <c r="J329" s="11"/>
      <c r="K329" s="11"/>
      <c r="L329" s="11"/>
      <c r="M329" s="11"/>
      <c r="N329" s="11"/>
      <c r="O329" s="11">
        <v>0</v>
      </c>
      <c r="P329" s="11">
        <v>0</v>
      </c>
    </row>
    <row r="330" spans="2:16" x14ac:dyDescent="0.25">
      <c r="B330" s="9" t="s">
        <v>57</v>
      </c>
      <c r="C330" s="11">
        <v>200.66</v>
      </c>
      <c r="D330" s="11">
        <v>208.48</v>
      </c>
      <c r="E330" s="11">
        <v>238.31</v>
      </c>
      <c r="F330" s="11">
        <v>408</v>
      </c>
      <c r="G330" s="11">
        <v>194.71</v>
      </c>
      <c r="H330" s="11">
        <v>192.09</v>
      </c>
      <c r="I330" s="11">
        <v>300.81</v>
      </c>
      <c r="J330" s="11">
        <v>-454.35</v>
      </c>
      <c r="K330" s="11">
        <v>152.08000000000001</v>
      </c>
      <c r="L330" s="11">
        <v>156.28</v>
      </c>
      <c r="M330" s="11">
        <v>147.19</v>
      </c>
      <c r="N330" s="11">
        <v>147.93</v>
      </c>
      <c r="O330" s="11">
        <v>1892.19</v>
      </c>
      <c r="P330" s="11">
        <v>1892.19</v>
      </c>
    </row>
    <row r="331" spans="2:16" x14ac:dyDescent="0.25">
      <c r="B331" s="9" t="s">
        <v>58</v>
      </c>
      <c r="C331" s="11">
        <v>702.51</v>
      </c>
      <c r="D331" s="11">
        <v>730.67</v>
      </c>
      <c r="E331" s="11">
        <v>775.29</v>
      </c>
      <c r="F331" s="11">
        <v>712.43</v>
      </c>
      <c r="G331" s="11">
        <v>672.16</v>
      </c>
      <c r="H331" s="11">
        <v>672.59</v>
      </c>
      <c r="I331" s="11">
        <v>1056.06</v>
      </c>
      <c r="J331" s="11">
        <v>-1581.88</v>
      </c>
      <c r="K331" s="11">
        <v>530.54</v>
      </c>
      <c r="L331" s="11">
        <v>547.63</v>
      </c>
      <c r="M331" s="11">
        <v>515.59</v>
      </c>
      <c r="N331" s="11">
        <v>504.47</v>
      </c>
      <c r="O331" s="11">
        <v>5838.06</v>
      </c>
      <c r="P331" s="11">
        <v>5838.06</v>
      </c>
    </row>
    <row r="332" spans="2:16" x14ac:dyDescent="0.25">
      <c r="B332" s="9" t="s">
        <v>59</v>
      </c>
      <c r="C332" s="11">
        <v>100.37</v>
      </c>
      <c r="D332" s="11">
        <v>104.26</v>
      </c>
      <c r="E332" s="11">
        <v>110.65</v>
      </c>
      <c r="F332" s="11">
        <v>101.8</v>
      </c>
      <c r="G332" s="11">
        <v>96.05</v>
      </c>
      <c r="H332" s="11">
        <v>96.13</v>
      </c>
      <c r="I332" s="11">
        <v>150.47</v>
      </c>
      <c r="J332" s="11">
        <v>-227.13</v>
      </c>
      <c r="K332" s="11">
        <v>76.11</v>
      </c>
      <c r="L332" s="11">
        <v>78.2</v>
      </c>
      <c r="M332" s="11">
        <v>73.61</v>
      </c>
      <c r="N332" s="11">
        <v>72.05</v>
      </c>
      <c r="O332" s="11">
        <v>832.57</v>
      </c>
      <c r="P332" s="11">
        <v>832.57</v>
      </c>
    </row>
    <row r="333" spans="2:16" x14ac:dyDescent="0.25">
      <c r="B333" s="9" t="s">
        <v>62</v>
      </c>
      <c r="C333" s="11"/>
      <c r="D333" s="11"/>
      <c r="E333" s="11"/>
      <c r="F333" s="11"/>
      <c r="G333" s="11"/>
      <c r="H333" s="11"/>
      <c r="I333" s="11">
        <v>9121.7099999999991</v>
      </c>
      <c r="J333" s="11"/>
      <c r="K333" s="11"/>
      <c r="L333" s="11"/>
      <c r="M333" s="11"/>
      <c r="N333" s="11">
        <v>1884.23</v>
      </c>
      <c r="O333" s="11">
        <v>11005.94</v>
      </c>
      <c r="P333" s="11">
        <v>11005.94</v>
      </c>
    </row>
    <row r="334" spans="2:16" x14ac:dyDescent="0.25">
      <c r="B334" s="9" t="s">
        <v>65</v>
      </c>
      <c r="C334" s="11">
        <v>3168.69</v>
      </c>
      <c r="D334" s="11">
        <v>2440.69</v>
      </c>
      <c r="E334" s="11">
        <v>2515.6999999999998</v>
      </c>
      <c r="F334" s="11">
        <v>2436.84</v>
      </c>
      <c r="G334" s="11">
        <v>2497.56</v>
      </c>
      <c r="H334" s="11">
        <v>2461.6999999999998</v>
      </c>
      <c r="I334" s="11">
        <v>3253.94</v>
      </c>
      <c r="J334" s="11">
        <v>2446.3200000000002</v>
      </c>
      <c r="K334" s="11">
        <v>2274.0700000000002</v>
      </c>
      <c r="L334" s="11">
        <v>2417.58</v>
      </c>
      <c r="M334" s="11">
        <v>2759.55</v>
      </c>
      <c r="N334" s="11">
        <v>2751.12</v>
      </c>
      <c r="O334" s="11">
        <v>31423.759999999998</v>
      </c>
      <c r="P334" s="11">
        <v>31423.759999999998</v>
      </c>
    </row>
    <row r="335" spans="2:16" x14ac:dyDescent="0.25">
      <c r="B335" s="9" t="s">
        <v>69</v>
      </c>
      <c r="C335" s="11">
        <v>0.42</v>
      </c>
      <c r="D335" s="11">
        <v>0.42</v>
      </c>
      <c r="E335" s="11">
        <v>0.42</v>
      </c>
      <c r="F335" s="11">
        <v>0.42</v>
      </c>
      <c r="G335" s="11">
        <v>0.42</v>
      </c>
      <c r="H335" s="11">
        <v>0.42</v>
      </c>
      <c r="I335" s="11">
        <v>210.45</v>
      </c>
      <c r="J335" s="11">
        <v>56.63</v>
      </c>
      <c r="K335" s="11">
        <v>100.1</v>
      </c>
      <c r="L335" s="11">
        <v>50.85</v>
      </c>
      <c r="M335" s="11">
        <v>877.64</v>
      </c>
      <c r="N335" s="11">
        <v>787.35</v>
      </c>
      <c r="O335" s="11">
        <v>2085.54</v>
      </c>
      <c r="P335" s="11">
        <v>2085.54</v>
      </c>
    </row>
    <row r="336" spans="2:16" x14ac:dyDescent="0.25">
      <c r="B336" s="9" t="s">
        <v>71</v>
      </c>
      <c r="C336" s="11"/>
      <c r="D336" s="11"/>
      <c r="E336" s="11"/>
      <c r="F336" s="11">
        <v>1028.47</v>
      </c>
      <c r="G336" s="11">
        <v>1028.47</v>
      </c>
      <c r="H336" s="11"/>
      <c r="I336" s="11">
        <v>5590.73</v>
      </c>
      <c r="J336" s="11">
        <v>1028.47</v>
      </c>
      <c r="K336" s="11">
        <v>1028.47</v>
      </c>
      <c r="L336" s="11">
        <v>1028.47</v>
      </c>
      <c r="M336" s="11">
        <v>1028.47</v>
      </c>
      <c r="N336" s="11"/>
      <c r="O336" s="11">
        <v>11761.55</v>
      </c>
      <c r="P336" s="11">
        <v>11761.55</v>
      </c>
    </row>
    <row r="337" spans="2:16" x14ac:dyDescent="0.25">
      <c r="B337" s="9" t="s">
        <v>72</v>
      </c>
      <c r="C337" s="11">
        <v>2455.8200000000002</v>
      </c>
      <c r="D337" s="11">
        <v>2804.75</v>
      </c>
      <c r="E337" s="11">
        <v>1875.18</v>
      </c>
      <c r="F337" s="11">
        <v>2901.12</v>
      </c>
      <c r="G337" s="11">
        <v>1263.6199999999999</v>
      </c>
      <c r="H337" s="11">
        <v>1582.44</v>
      </c>
      <c r="I337" s="11">
        <v>1773.94</v>
      </c>
      <c r="J337" s="11">
        <v>-2426.06</v>
      </c>
      <c r="K337" s="11">
        <v>1290.96</v>
      </c>
      <c r="L337" s="11">
        <v>1640.57</v>
      </c>
      <c r="M337" s="11">
        <v>1559.69</v>
      </c>
      <c r="N337" s="11">
        <v>1671.53</v>
      </c>
      <c r="O337" s="11">
        <v>18393.560000000001</v>
      </c>
      <c r="P337" s="11">
        <v>18393.560000000001</v>
      </c>
    </row>
    <row r="338" spans="2:16" x14ac:dyDescent="0.25">
      <c r="B338" s="9" t="s">
        <v>76</v>
      </c>
      <c r="C338" s="11"/>
      <c r="D338" s="11"/>
      <c r="E338" s="11"/>
      <c r="F338" s="11"/>
      <c r="G338" s="11"/>
      <c r="H338" s="11"/>
      <c r="I338" s="11"/>
      <c r="J338" s="11"/>
      <c r="K338" s="11"/>
      <c r="L338" s="11"/>
      <c r="M338" s="11"/>
      <c r="N338" s="11">
        <v>5652.77</v>
      </c>
      <c r="O338" s="11">
        <v>5652.77</v>
      </c>
      <c r="P338" s="11">
        <v>5652.77</v>
      </c>
    </row>
    <row r="339" spans="2:16" x14ac:dyDescent="0.25">
      <c r="B339" s="9" t="s">
        <v>78</v>
      </c>
      <c r="C339" s="11">
        <v>2003.85</v>
      </c>
      <c r="D339" s="11">
        <v>1413.89</v>
      </c>
      <c r="E339" s="11">
        <v>1421.93</v>
      </c>
      <c r="F339" s="11">
        <v>1511.89</v>
      </c>
      <c r="G339" s="11">
        <v>1187.6199999999999</v>
      </c>
      <c r="H339" s="11">
        <v>1306.75</v>
      </c>
      <c r="I339" s="11">
        <v>2296.89</v>
      </c>
      <c r="J339" s="11">
        <v>2418.9499999999998</v>
      </c>
      <c r="K339" s="11">
        <v>2467.13</v>
      </c>
      <c r="L339" s="11">
        <v>2321.71</v>
      </c>
      <c r="M339" s="11">
        <v>1844.21</v>
      </c>
      <c r="N339" s="11">
        <v>2731.47</v>
      </c>
      <c r="O339" s="11">
        <v>22926.29</v>
      </c>
      <c r="P339" s="11">
        <v>22926.29</v>
      </c>
    </row>
    <row r="340" spans="2:16" x14ac:dyDescent="0.25">
      <c r="B340" s="9" t="s">
        <v>81</v>
      </c>
      <c r="C340" s="11">
        <v>682.21</v>
      </c>
      <c r="D340" s="11">
        <v>712.04</v>
      </c>
      <c r="E340" s="11">
        <v>776.86</v>
      </c>
      <c r="F340" s="11">
        <v>695.81</v>
      </c>
      <c r="G340" s="11">
        <v>689.71</v>
      </c>
      <c r="H340" s="11">
        <v>565.21</v>
      </c>
      <c r="I340" s="11">
        <v>635.45000000000005</v>
      </c>
      <c r="J340" s="11">
        <v>517.12</v>
      </c>
      <c r="K340" s="11">
        <v>749.92</v>
      </c>
      <c r="L340" s="11">
        <v>789.68</v>
      </c>
      <c r="M340" s="11">
        <v>713.93</v>
      </c>
      <c r="N340" s="11">
        <v>754.49</v>
      </c>
      <c r="O340" s="11">
        <v>8282.43</v>
      </c>
      <c r="P340" s="11">
        <v>8282.43</v>
      </c>
    </row>
    <row r="341" spans="2:16" x14ac:dyDescent="0.25">
      <c r="B341" s="9" t="s">
        <v>82</v>
      </c>
      <c r="C341" s="11">
        <v>11586.98</v>
      </c>
      <c r="D341" s="11">
        <v>142362.76999999999</v>
      </c>
      <c r="E341" s="11">
        <v>-48996.98</v>
      </c>
      <c r="F341" s="11">
        <v>4799.29</v>
      </c>
      <c r="G341" s="11">
        <v>84499.67</v>
      </c>
      <c r="H341" s="11">
        <v>8051.12</v>
      </c>
      <c r="I341" s="11">
        <v>11685.61</v>
      </c>
      <c r="J341" s="11">
        <v>3419.85</v>
      </c>
      <c r="K341" s="11">
        <v>8074.06</v>
      </c>
      <c r="L341" s="11">
        <v>9847.33</v>
      </c>
      <c r="M341" s="11">
        <v>23238.49</v>
      </c>
      <c r="N341" s="11">
        <v>24149.27</v>
      </c>
      <c r="O341" s="11">
        <v>282717.46000000002</v>
      </c>
      <c r="P341" s="11">
        <v>282717.46000000002</v>
      </c>
    </row>
    <row r="342" spans="2:16" x14ac:dyDescent="0.25">
      <c r="B342" s="9" t="s">
        <v>86</v>
      </c>
      <c r="C342" s="11">
        <v>5076.6000000000004</v>
      </c>
      <c r="D342" s="11"/>
      <c r="E342" s="11">
        <v>172.57</v>
      </c>
      <c r="F342" s="11">
        <v>-3166.57</v>
      </c>
      <c r="G342" s="11">
        <v>1910.03</v>
      </c>
      <c r="H342" s="11">
        <v>-207.74</v>
      </c>
      <c r="I342" s="11"/>
      <c r="J342" s="11">
        <v>1910.03</v>
      </c>
      <c r="K342" s="11">
        <v>1910.03</v>
      </c>
      <c r="L342" s="11">
        <v>1910.03</v>
      </c>
      <c r="M342" s="11">
        <v>1910.03</v>
      </c>
      <c r="N342" s="11"/>
      <c r="O342" s="11">
        <v>11425.01</v>
      </c>
      <c r="P342" s="11">
        <v>11425.01</v>
      </c>
    </row>
    <row r="343" spans="2:16" x14ac:dyDescent="0.25">
      <c r="B343" s="9" t="s">
        <v>87</v>
      </c>
      <c r="C343" s="11">
        <v>1473.12</v>
      </c>
      <c r="D343" s="11">
        <v>3160.98</v>
      </c>
      <c r="E343" s="11">
        <v>1612.55</v>
      </c>
      <c r="F343" s="11">
        <v>5635.36</v>
      </c>
      <c r="G343" s="11">
        <v>2087.7399999999998</v>
      </c>
      <c r="H343" s="11">
        <v>1748.09</v>
      </c>
      <c r="I343" s="11">
        <v>2041.6</v>
      </c>
      <c r="J343" s="11">
        <v>2105.88</v>
      </c>
      <c r="K343" s="11">
        <v>1832.94</v>
      </c>
      <c r="L343" s="11">
        <v>1807.29</v>
      </c>
      <c r="M343" s="11">
        <v>2060.86</v>
      </c>
      <c r="N343" s="11">
        <v>1637.71</v>
      </c>
      <c r="O343" s="11">
        <v>27204.12</v>
      </c>
      <c r="P343" s="11">
        <v>27204.12</v>
      </c>
    </row>
    <row r="344" spans="2:16" x14ac:dyDescent="0.25">
      <c r="B344" s="9" t="s">
        <v>88</v>
      </c>
      <c r="C344" s="11">
        <v>719.9</v>
      </c>
      <c r="D344" s="11">
        <v>-27337.62</v>
      </c>
      <c r="E344" s="11">
        <v>785.23</v>
      </c>
      <c r="F344" s="11">
        <v>773.27</v>
      </c>
      <c r="G344" s="11">
        <v>9262.82</v>
      </c>
      <c r="H344" s="11">
        <v>733.35</v>
      </c>
      <c r="I344" s="11">
        <v>701.75</v>
      </c>
      <c r="J344" s="11">
        <v>608.75</v>
      </c>
      <c r="K344" s="11">
        <v>665.11</v>
      </c>
      <c r="L344" s="11">
        <v>596.61</v>
      </c>
      <c r="M344" s="11">
        <v>699.41</v>
      </c>
      <c r="N344" s="11">
        <v>755.55</v>
      </c>
      <c r="O344" s="11">
        <v>-11035.87</v>
      </c>
      <c r="P344" s="11">
        <v>-11035.87</v>
      </c>
    </row>
    <row r="345" spans="2:16" x14ac:dyDescent="0.25">
      <c r="B345" s="9" t="s">
        <v>91</v>
      </c>
      <c r="C345" s="11">
        <v>-1743.32</v>
      </c>
      <c r="D345" s="11">
        <v>4100</v>
      </c>
      <c r="E345" s="11">
        <v>-12400</v>
      </c>
      <c r="F345" s="11"/>
      <c r="G345" s="11">
        <v>1563.07</v>
      </c>
      <c r="H345" s="11">
        <v>8623.64</v>
      </c>
      <c r="I345" s="11">
        <v>3798.85</v>
      </c>
      <c r="J345" s="11">
        <v>-750</v>
      </c>
      <c r="K345" s="11">
        <v>12875</v>
      </c>
      <c r="L345" s="11">
        <v>1125</v>
      </c>
      <c r="M345" s="11">
        <v>1800</v>
      </c>
      <c r="N345" s="11">
        <v>7649</v>
      </c>
      <c r="O345" s="11">
        <v>26641.24</v>
      </c>
      <c r="P345" s="11">
        <v>26641.24</v>
      </c>
    </row>
    <row r="346" spans="2:16" x14ac:dyDescent="0.25">
      <c r="B346" s="9" t="s">
        <v>92</v>
      </c>
      <c r="C346" s="11">
        <v>3126.78</v>
      </c>
      <c r="D346" s="11">
        <v>3539.66</v>
      </c>
      <c r="E346" s="11">
        <v>3229.11</v>
      </c>
      <c r="F346" s="11">
        <v>3441.06</v>
      </c>
      <c r="G346" s="11">
        <v>3546.21</v>
      </c>
      <c r="H346" s="11">
        <v>6781.64</v>
      </c>
      <c r="I346" s="11">
        <v>7104.11</v>
      </c>
      <c r="J346" s="11">
        <v>5136.59</v>
      </c>
      <c r="K346" s="11">
        <v>5027.6499999999996</v>
      </c>
      <c r="L346" s="11">
        <v>5082.71</v>
      </c>
      <c r="M346" s="11">
        <v>4248.3500000000004</v>
      </c>
      <c r="N346" s="11">
        <v>4121.8599999999997</v>
      </c>
      <c r="O346" s="11">
        <v>54385.73</v>
      </c>
      <c r="P346" s="11">
        <v>54385.73</v>
      </c>
    </row>
    <row r="347" spans="2:16" x14ac:dyDescent="0.25">
      <c r="B347" s="9" t="s">
        <v>95</v>
      </c>
      <c r="C347" s="11">
        <v>2099.41</v>
      </c>
      <c r="D347" s="11">
        <v>2311.79</v>
      </c>
      <c r="E347" s="11">
        <v>2287.81</v>
      </c>
      <c r="F347" s="11">
        <v>2400.38</v>
      </c>
      <c r="G347" s="11">
        <v>2375.9299999999998</v>
      </c>
      <c r="H347" s="11">
        <v>2342.5</v>
      </c>
      <c r="I347" s="11">
        <v>2363.83</v>
      </c>
      <c r="J347" s="11">
        <v>2316.4699999999998</v>
      </c>
      <c r="K347" s="11">
        <v>2239.67</v>
      </c>
      <c r="L347" s="11">
        <v>1769.11</v>
      </c>
      <c r="M347" s="11">
        <v>1698.36</v>
      </c>
      <c r="N347" s="11">
        <v>1954.1</v>
      </c>
      <c r="O347" s="11">
        <v>26159.360000000001</v>
      </c>
      <c r="P347" s="11">
        <v>26159.360000000001</v>
      </c>
    </row>
    <row r="348" spans="2:16" x14ac:dyDescent="0.25">
      <c r="B348" s="9" t="s">
        <v>96</v>
      </c>
      <c r="C348" s="11">
        <v>2716.12</v>
      </c>
      <c r="D348" s="11">
        <v>1727.5</v>
      </c>
      <c r="E348" s="11">
        <v>2556.79</v>
      </c>
      <c r="F348" s="11">
        <v>2272.5300000000002</v>
      </c>
      <c r="G348" s="11">
        <v>1685.49</v>
      </c>
      <c r="H348" s="11">
        <v>522.65</v>
      </c>
      <c r="I348" s="11">
        <v>785.13</v>
      </c>
      <c r="J348" s="11">
        <v>785.1</v>
      </c>
      <c r="K348" s="11">
        <v>785.24</v>
      </c>
      <c r="L348" s="11">
        <v>1013.71</v>
      </c>
      <c r="M348" s="11">
        <v>785.09</v>
      </c>
      <c r="N348" s="11">
        <v>698.19</v>
      </c>
      <c r="O348" s="11">
        <v>16333.54</v>
      </c>
      <c r="P348" s="11">
        <v>16333.54</v>
      </c>
    </row>
    <row r="349" spans="2:16" x14ac:dyDescent="0.25">
      <c r="B349" s="9" t="s">
        <v>97</v>
      </c>
      <c r="C349" s="11">
        <v>19564.009999999998</v>
      </c>
      <c r="D349" s="11">
        <v>-6066.81</v>
      </c>
      <c r="E349" s="11">
        <v>11550.01</v>
      </c>
      <c r="F349" s="11">
        <v>9358.4</v>
      </c>
      <c r="G349" s="11">
        <v>21646.6</v>
      </c>
      <c r="H349" s="11">
        <v>-1608.89</v>
      </c>
      <c r="I349" s="11">
        <v>19291.689999999999</v>
      </c>
      <c r="J349" s="11">
        <v>15372.43</v>
      </c>
      <c r="K349" s="11">
        <v>13860.72</v>
      </c>
      <c r="L349" s="11">
        <v>22945.68</v>
      </c>
      <c r="M349" s="11">
        <v>-3628.84</v>
      </c>
      <c r="N349" s="11">
        <v>42686.81</v>
      </c>
      <c r="O349" s="11">
        <v>164971.81</v>
      </c>
      <c r="P349" s="11">
        <v>164971.81</v>
      </c>
    </row>
    <row r="350" spans="2:16" x14ac:dyDescent="0.25">
      <c r="B350" s="9" t="s">
        <v>98</v>
      </c>
      <c r="C350" s="11">
        <v>10816.44</v>
      </c>
      <c r="D350" s="11">
        <v>12324.77</v>
      </c>
      <c r="E350" s="11">
        <v>30895.27</v>
      </c>
      <c r="F350" s="11">
        <v>10459.030000000001</v>
      </c>
      <c r="G350" s="11">
        <v>9710.92</v>
      </c>
      <c r="H350" s="11">
        <v>15001.72</v>
      </c>
      <c r="I350" s="11">
        <v>10323.44</v>
      </c>
      <c r="J350" s="11">
        <v>10483.1</v>
      </c>
      <c r="K350" s="11">
        <v>17031.5</v>
      </c>
      <c r="L350" s="11">
        <v>12202.13</v>
      </c>
      <c r="M350" s="11">
        <v>10837.72</v>
      </c>
      <c r="N350" s="11">
        <v>20713.02</v>
      </c>
      <c r="O350" s="11">
        <v>170799.06</v>
      </c>
      <c r="P350" s="11">
        <v>170799.06</v>
      </c>
    </row>
    <row r="351" spans="2:16" x14ac:dyDescent="0.25">
      <c r="B351" s="9" t="s">
        <v>99</v>
      </c>
      <c r="C351" s="11">
        <v>17601.990000000002</v>
      </c>
      <c r="D351" s="11">
        <v>17382.689999999999</v>
      </c>
      <c r="E351" s="11">
        <v>29781.94</v>
      </c>
      <c r="F351" s="11">
        <v>24928.83</v>
      </c>
      <c r="G351" s="11">
        <v>22261.78</v>
      </c>
      <c r="H351" s="11">
        <v>21451.86</v>
      </c>
      <c r="I351" s="11">
        <v>19408.28</v>
      </c>
      <c r="J351" s="11">
        <v>119030.72</v>
      </c>
      <c r="K351" s="11">
        <v>44982.48</v>
      </c>
      <c r="L351" s="11">
        <v>-86795.61</v>
      </c>
      <c r="M351" s="11">
        <v>19302.53</v>
      </c>
      <c r="N351" s="11">
        <v>2411.8000000000002</v>
      </c>
      <c r="O351" s="11">
        <v>251749.29</v>
      </c>
      <c r="P351" s="11">
        <v>251749.29</v>
      </c>
    </row>
    <row r="352" spans="2:16" x14ac:dyDescent="0.25">
      <c r="B352" s="9" t="s">
        <v>100</v>
      </c>
      <c r="C352" s="11">
        <v>13797.71</v>
      </c>
      <c r="D352" s="11">
        <v>14301.38</v>
      </c>
      <c r="E352" s="11">
        <v>24669.18</v>
      </c>
      <c r="F352" s="11">
        <v>20946.650000000001</v>
      </c>
      <c r="G352" s="11">
        <v>43364.59</v>
      </c>
      <c r="H352" s="11">
        <v>44884.73</v>
      </c>
      <c r="I352" s="11">
        <v>40211.589999999997</v>
      </c>
      <c r="J352" s="11">
        <v>39990.089999999997</v>
      </c>
      <c r="K352" s="11">
        <v>44477.1</v>
      </c>
      <c r="L352" s="11">
        <v>42128.85</v>
      </c>
      <c r="M352" s="11">
        <v>41955.54</v>
      </c>
      <c r="N352" s="11">
        <v>45822.51</v>
      </c>
      <c r="O352" s="11">
        <v>416549.92</v>
      </c>
      <c r="P352" s="11">
        <v>416549.92</v>
      </c>
    </row>
    <row r="353" spans="2:16" x14ac:dyDescent="0.25">
      <c r="B353" s="9" t="s">
        <v>101</v>
      </c>
      <c r="C353" s="11">
        <v>4059.93</v>
      </c>
      <c r="D353" s="11">
        <v>2218.64</v>
      </c>
      <c r="E353" s="11">
        <v>680.78</v>
      </c>
      <c r="F353" s="11">
        <v>1807.33</v>
      </c>
      <c r="G353" s="11">
        <v>1241.26</v>
      </c>
      <c r="H353" s="11">
        <v>2174.9499999999998</v>
      </c>
      <c r="I353" s="11">
        <v>1355.46</v>
      </c>
      <c r="J353" s="11">
        <v>4353.3100000000004</v>
      </c>
      <c r="K353" s="11">
        <v>1677.51</v>
      </c>
      <c r="L353" s="11">
        <v>1446.19</v>
      </c>
      <c r="M353" s="11">
        <v>498.09</v>
      </c>
      <c r="N353" s="11">
        <v>3412.43</v>
      </c>
      <c r="O353" s="11">
        <v>24925.88</v>
      </c>
      <c r="P353" s="11">
        <v>24925.88</v>
      </c>
    </row>
    <row r="354" spans="2:16" x14ac:dyDescent="0.25">
      <c r="B354" s="9" t="s">
        <v>104</v>
      </c>
      <c r="C354" s="11">
        <v>57.83</v>
      </c>
      <c r="D354" s="11">
        <v>27.7</v>
      </c>
      <c r="E354" s="11">
        <v>60.05</v>
      </c>
      <c r="F354" s="11">
        <v>5.13</v>
      </c>
      <c r="G354" s="11">
        <v>6.98</v>
      </c>
      <c r="H354" s="11">
        <v>4.97</v>
      </c>
      <c r="I354" s="11">
        <v>20.28</v>
      </c>
      <c r="J354" s="11">
        <v>5.87</v>
      </c>
      <c r="K354" s="11">
        <v>18.309999999999999</v>
      </c>
      <c r="L354" s="11">
        <v>2.5099999999999998</v>
      </c>
      <c r="M354" s="11">
        <v>0.78</v>
      </c>
      <c r="N354" s="11">
        <v>56.11</v>
      </c>
      <c r="O354" s="11">
        <v>266.52</v>
      </c>
      <c r="P354" s="11">
        <v>266.52</v>
      </c>
    </row>
    <row r="355" spans="2:16" x14ac:dyDescent="0.25">
      <c r="B355" s="9" t="s">
        <v>106</v>
      </c>
      <c r="C355" s="11">
        <v>-5680.33</v>
      </c>
      <c r="D355" s="11">
        <v>680.96</v>
      </c>
      <c r="E355" s="11">
        <v>133.18</v>
      </c>
      <c r="F355" s="11"/>
      <c r="G355" s="11"/>
      <c r="H355" s="11"/>
      <c r="I355" s="11">
        <v>864.54</v>
      </c>
      <c r="J355" s="11">
        <v>277.36</v>
      </c>
      <c r="K355" s="11"/>
      <c r="L355" s="11">
        <v>2224.2399999999998</v>
      </c>
      <c r="M355" s="11">
        <v>419.59</v>
      </c>
      <c r="N355" s="11"/>
      <c r="O355" s="11">
        <v>-1080.46</v>
      </c>
      <c r="P355" s="11">
        <v>-1080.46</v>
      </c>
    </row>
    <row r="356" spans="2:16" x14ac:dyDescent="0.25">
      <c r="B356" s="9" t="s">
        <v>107</v>
      </c>
      <c r="C356" s="11">
        <v>421.25</v>
      </c>
      <c r="D356" s="11">
        <v>417.24</v>
      </c>
      <c r="E356" s="11">
        <v>449.02</v>
      </c>
      <c r="F356" s="11">
        <v>447.18</v>
      </c>
      <c r="G356" s="11">
        <v>364.77</v>
      </c>
      <c r="H356" s="11">
        <v>170.01</v>
      </c>
      <c r="I356" s="11">
        <v>301.70999999999998</v>
      </c>
      <c r="J356" s="11">
        <v>228.01</v>
      </c>
      <c r="K356" s="11">
        <v>217.24</v>
      </c>
      <c r="L356" s="11">
        <v>207.4</v>
      </c>
      <c r="M356" s="11">
        <v>205.61</v>
      </c>
      <c r="N356" s="11">
        <v>232.59</v>
      </c>
      <c r="O356" s="11">
        <v>3662.03</v>
      </c>
      <c r="P356" s="11">
        <v>3662.03</v>
      </c>
    </row>
    <row r="357" spans="2:16" x14ac:dyDescent="0.25">
      <c r="B357" s="9" t="s">
        <v>108</v>
      </c>
      <c r="C357" s="11">
        <v>2858.66</v>
      </c>
      <c r="D357" s="11">
        <v>3871.91</v>
      </c>
      <c r="E357" s="11">
        <v>3749.29</v>
      </c>
      <c r="F357" s="11">
        <v>842.29</v>
      </c>
      <c r="G357" s="11">
        <v>4574.53</v>
      </c>
      <c r="H357" s="11">
        <v>1288.8</v>
      </c>
      <c r="I357" s="11">
        <v>2507.23</v>
      </c>
      <c r="J357" s="11">
        <v>472.42</v>
      </c>
      <c r="K357" s="11">
        <v>6498.62</v>
      </c>
      <c r="L357" s="11">
        <v>748.73</v>
      </c>
      <c r="M357" s="11">
        <v>594.47</v>
      </c>
      <c r="N357" s="11">
        <v>8657.2900000000009</v>
      </c>
      <c r="O357" s="11">
        <v>36664.239999999998</v>
      </c>
      <c r="P357" s="11">
        <v>36664.239999999998</v>
      </c>
    </row>
    <row r="358" spans="2:16" x14ac:dyDescent="0.25">
      <c r="B358" s="9" t="s">
        <v>109</v>
      </c>
      <c r="C358" s="11">
        <v>39748.699999999997</v>
      </c>
      <c r="D358" s="11">
        <v>45966.902999999998</v>
      </c>
      <c r="E358" s="11">
        <v>58840.76</v>
      </c>
      <c r="F358" s="11">
        <v>56249.279999999999</v>
      </c>
      <c r="G358" s="11">
        <v>42792.89</v>
      </c>
      <c r="H358" s="11">
        <v>67025.63</v>
      </c>
      <c r="I358" s="11">
        <v>52568.959999999999</v>
      </c>
      <c r="J358" s="11">
        <v>41691.01</v>
      </c>
      <c r="K358" s="11">
        <v>41736.400000000001</v>
      </c>
      <c r="L358" s="11">
        <v>54909.86</v>
      </c>
      <c r="M358" s="11">
        <v>61551.21</v>
      </c>
      <c r="N358" s="11">
        <v>61175.519999999997</v>
      </c>
      <c r="O358" s="11">
        <v>624257.12300000002</v>
      </c>
      <c r="P358" s="11">
        <v>624257.12300000002</v>
      </c>
    </row>
    <row r="359" spans="2:16" x14ac:dyDescent="0.25">
      <c r="B359" s="9" t="s">
        <v>110</v>
      </c>
      <c r="C359" s="11"/>
      <c r="D359" s="11">
        <v>73.63</v>
      </c>
      <c r="E359" s="11"/>
      <c r="F359" s="11"/>
      <c r="G359" s="11"/>
      <c r="H359" s="11"/>
      <c r="I359" s="11"/>
      <c r="J359" s="11"/>
      <c r="K359" s="11"/>
      <c r="L359" s="11"/>
      <c r="M359" s="11"/>
      <c r="N359" s="11"/>
      <c r="O359" s="11">
        <v>73.63</v>
      </c>
      <c r="P359" s="11">
        <v>73.63</v>
      </c>
    </row>
    <row r="360" spans="2:16" x14ac:dyDescent="0.25">
      <c r="B360" s="9" t="s">
        <v>111</v>
      </c>
      <c r="C360" s="11">
        <v>-279</v>
      </c>
      <c r="D360" s="11">
        <v>-1248.45</v>
      </c>
      <c r="E360" s="11"/>
      <c r="F360" s="11">
        <v>223.2</v>
      </c>
      <c r="G360" s="11"/>
      <c r="H360" s="11"/>
      <c r="I360" s="11"/>
      <c r="J360" s="11"/>
      <c r="K360" s="11">
        <v>-502.2</v>
      </c>
      <c r="L360" s="11"/>
      <c r="M360" s="11"/>
      <c r="N360" s="11"/>
      <c r="O360" s="11">
        <v>-1806.45</v>
      </c>
      <c r="P360" s="11">
        <v>-1806.45</v>
      </c>
    </row>
    <row r="361" spans="2:16" x14ac:dyDescent="0.25">
      <c r="B361" s="9" t="s">
        <v>112</v>
      </c>
      <c r="C361" s="11">
        <v>274.95999999999998</v>
      </c>
      <c r="D361" s="11">
        <v>503.42</v>
      </c>
      <c r="E361" s="11">
        <v>1429.35</v>
      </c>
      <c r="F361" s="11">
        <v>769.16800000000001</v>
      </c>
      <c r="G361" s="11">
        <v>974.45</v>
      </c>
      <c r="H361" s="11">
        <v>771.93</v>
      </c>
      <c r="I361" s="11">
        <v>10470.290000000001</v>
      </c>
      <c r="J361" s="11">
        <v>893.8</v>
      </c>
      <c r="K361" s="11">
        <v>5339.54</v>
      </c>
      <c r="L361" s="11">
        <v>1846.05</v>
      </c>
      <c r="M361" s="11">
        <v>3095.15</v>
      </c>
      <c r="N361" s="11">
        <v>2394.31</v>
      </c>
      <c r="O361" s="11">
        <v>28762.418000000001</v>
      </c>
      <c r="P361" s="11">
        <v>28762.418000000001</v>
      </c>
    </row>
    <row r="362" spans="2:16" x14ac:dyDescent="0.25">
      <c r="B362" s="9" t="s">
        <v>113</v>
      </c>
      <c r="C362" s="11">
        <v>142646.71</v>
      </c>
      <c r="D362" s="11">
        <v>144961.60999999999</v>
      </c>
      <c r="E362" s="11">
        <v>144220.1</v>
      </c>
      <c r="F362" s="11">
        <v>150719.29</v>
      </c>
      <c r="G362" s="11">
        <v>110879.56</v>
      </c>
      <c r="H362" s="11">
        <v>128032.79</v>
      </c>
      <c r="I362" s="11">
        <v>284380.76</v>
      </c>
      <c r="J362" s="11">
        <v>126459.64</v>
      </c>
      <c r="K362" s="11">
        <v>138148.47</v>
      </c>
      <c r="L362" s="11">
        <v>148987.53</v>
      </c>
      <c r="M362" s="11">
        <v>192716.61</v>
      </c>
      <c r="N362" s="11">
        <v>129510.62</v>
      </c>
      <c r="O362" s="11">
        <v>1841663.69</v>
      </c>
      <c r="P362" s="11">
        <v>1841663.69</v>
      </c>
    </row>
    <row r="363" spans="2:16" x14ac:dyDescent="0.25">
      <c r="B363" s="9" t="s">
        <v>115</v>
      </c>
      <c r="C363" s="11">
        <v>5719.04</v>
      </c>
      <c r="D363" s="11">
        <v>-1260.06</v>
      </c>
      <c r="E363" s="11">
        <v>-501.8</v>
      </c>
      <c r="F363" s="11">
        <v>21.08</v>
      </c>
      <c r="G363" s="11">
        <v>58.92</v>
      </c>
      <c r="H363" s="11"/>
      <c r="I363" s="11"/>
      <c r="J363" s="11">
        <v>1080</v>
      </c>
      <c r="K363" s="11">
        <v>-0.25</v>
      </c>
      <c r="L363" s="11">
        <v>0.82</v>
      </c>
      <c r="M363" s="11">
        <v>0.83</v>
      </c>
      <c r="N363" s="11">
        <v>1.04</v>
      </c>
      <c r="O363" s="11">
        <v>5119.62</v>
      </c>
      <c r="P363" s="11">
        <v>5119.62</v>
      </c>
    </row>
    <row r="364" spans="2:16" x14ac:dyDescent="0.25">
      <c r="B364" s="9" t="s">
        <v>116</v>
      </c>
      <c r="C364" s="11">
        <v>3619.79</v>
      </c>
      <c r="D364" s="11">
        <v>6246.18</v>
      </c>
      <c r="E364" s="11">
        <v>7558.25</v>
      </c>
      <c r="F364" s="11">
        <v>3507.69</v>
      </c>
      <c r="G364" s="11">
        <v>324.39999999999998</v>
      </c>
      <c r="H364" s="11">
        <v>257.18</v>
      </c>
      <c r="I364" s="11">
        <v>1190.4100000000001</v>
      </c>
      <c r="J364" s="11">
        <v>0.84</v>
      </c>
      <c r="K364" s="11">
        <v>210.38</v>
      </c>
      <c r="L364" s="11">
        <v>1360.28</v>
      </c>
      <c r="M364" s="11">
        <v>1766.86</v>
      </c>
      <c r="N364" s="11">
        <v>1442.82</v>
      </c>
      <c r="O364" s="11">
        <v>27485.08</v>
      </c>
      <c r="P364" s="11">
        <v>27485.08</v>
      </c>
    </row>
    <row r="365" spans="2:16" x14ac:dyDescent="0.25">
      <c r="B365" s="9" t="s">
        <v>119</v>
      </c>
      <c r="C365" s="11">
        <v>299.52999999999997</v>
      </c>
      <c r="D365" s="11">
        <v>1821.82</v>
      </c>
      <c r="E365" s="11">
        <v>590.1</v>
      </c>
      <c r="F365" s="11">
        <v>1613.5</v>
      </c>
      <c r="G365" s="11">
        <v>2722.82</v>
      </c>
      <c r="H365" s="11">
        <v>-6303.14</v>
      </c>
      <c r="I365" s="11">
        <v>325.73</v>
      </c>
      <c r="J365" s="11">
        <v>42.87</v>
      </c>
      <c r="K365" s="11">
        <v>346.31</v>
      </c>
      <c r="L365" s="11">
        <v>518.65</v>
      </c>
      <c r="M365" s="11">
        <v>6325.37</v>
      </c>
      <c r="N365" s="11">
        <v>18277.82</v>
      </c>
      <c r="O365" s="11">
        <v>26581.38</v>
      </c>
      <c r="P365" s="11">
        <v>26581.38</v>
      </c>
    </row>
    <row r="366" spans="2:16" x14ac:dyDescent="0.25">
      <c r="B366" s="9" t="s">
        <v>120</v>
      </c>
      <c r="C366" s="11">
        <v>0.87</v>
      </c>
      <c r="D366" s="11">
        <v>2.89</v>
      </c>
      <c r="E366" s="11">
        <v>0.87</v>
      </c>
      <c r="F366" s="11"/>
      <c r="G366" s="11">
        <v>1.74</v>
      </c>
      <c r="H366" s="11"/>
      <c r="I366" s="11">
        <v>1.74</v>
      </c>
      <c r="J366" s="11">
        <v>0.87</v>
      </c>
      <c r="K366" s="11"/>
      <c r="L366" s="11">
        <v>24.62</v>
      </c>
      <c r="M366" s="11">
        <v>7.14</v>
      </c>
      <c r="N366" s="11">
        <v>1.18</v>
      </c>
      <c r="O366" s="11">
        <v>41.92</v>
      </c>
      <c r="P366" s="11">
        <v>41.92</v>
      </c>
    </row>
    <row r="367" spans="2:16" x14ac:dyDescent="0.25">
      <c r="B367" s="9" t="s">
        <v>121</v>
      </c>
      <c r="C367" s="11">
        <v>40.79</v>
      </c>
      <c r="D367" s="11">
        <v>2676.5120000000002</v>
      </c>
      <c r="E367" s="11">
        <v>165.15</v>
      </c>
      <c r="F367" s="11">
        <v>1221.2</v>
      </c>
      <c r="G367" s="11">
        <v>5593</v>
      </c>
      <c r="H367" s="11">
        <v>2086.44</v>
      </c>
      <c r="I367" s="11">
        <v>145.03</v>
      </c>
      <c r="J367" s="11">
        <v>4.7</v>
      </c>
      <c r="K367" s="11">
        <v>1798.39</v>
      </c>
      <c r="L367" s="11">
        <v>275.32</v>
      </c>
      <c r="M367" s="11">
        <v>78.58</v>
      </c>
      <c r="N367" s="11">
        <v>190.69</v>
      </c>
      <c r="O367" s="11">
        <v>14275.802</v>
      </c>
      <c r="P367" s="11">
        <v>14275.802</v>
      </c>
    </row>
    <row r="368" spans="2:16" x14ac:dyDescent="0.25">
      <c r="B368" s="9" t="s">
        <v>125</v>
      </c>
      <c r="C368" s="11">
        <v>26946.79</v>
      </c>
      <c r="D368" s="11">
        <v>25675.32</v>
      </c>
      <c r="E368" s="11">
        <v>12609.87</v>
      </c>
      <c r="F368" s="11">
        <v>26326.07</v>
      </c>
      <c r="G368" s="11">
        <v>30074.89</v>
      </c>
      <c r="H368" s="11">
        <v>34037.040000000001</v>
      </c>
      <c r="I368" s="11">
        <v>46113.49</v>
      </c>
      <c r="J368" s="11">
        <v>35363.07</v>
      </c>
      <c r="K368" s="11">
        <v>20069.22</v>
      </c>
      <c r="L368" s="11">
        <v>20915.349999999999</v>
      </c>
      <c r="M368" s="11">
        <v>6944.1</v>
      </c>
      <c r="N368" s="11">
        <v>14417.48</v>
      </c>
      <c r="O368" s="11">
        <v>299492.69</v>
      </c>
      <c r="P368" s="11">
        <v>299492.69</v>
      </c>
    </row>
    <row r="369" spans="1:16" x14ac:dyDescent="0.25">
      <c r="B369" s="9" t="s">
        <v>135</v>
      </c>
      <c r="C369" s="11">
        <v>20.3</v>
      </c>
      <c r="D369" s="11">
        <v>39.15</v>
      </c>
      <c r="E369" s="11">
        <v>38</v>
      </c>
      <c r="F369" s="11">
        <v>79.209999999999994</v>
      </c>
      <c r="G369" s="11">
        <v>-4.16</v>
      </c>
      <c r="H369" s="11">
        <v>7.66</v>
      </c>
      <c r="I369" s="11">
        <v>419.2</v>
      </c>
      <c r="J369" s="11">
        <v>7.8</v>
      </c>
      <c r="K369" s="11">
        <v>52.47</v>
      </c>
      <c r="L369" s="11">
        <v>29.63</v>
      </c>
      <c r="M369" s="11">
        <v>271.19</v>
      </c>
      <c r="N369" s="11">
        <v>31.67</v>
      </c>
      <c r="O369" s="11">
        <v>992.12</v>
      </c>
      <c r="P369" s="11">
        <v>992.12</v>
      </c>
    </row>
    <row r="370" spans="1:16" x14ac:dyDescent="0.25">
      <c r="B370" s="9" t="s">
        <v>137</v>
      </c>
      <c r="C370" s="11">
        <v>0.48</v>
      </c>
      <c r="D370" s="11">
        <v>1.51</v>
      </c>
      <c r="E370" s="11">
        <v>2.19</v>
      </c>
      <c r="F370" s="11">
        <v>-0.35</v>
      </c>
      <c r="G370" s="11">
        <v>1.23</v>
      </c>
      <c r="H370" s="11"/>
      <c r="I370" s="11"/>
      <c r="J370" s="11"/>
      <c r="K370" s="11"/>
      <c r="L370" s="11"/>
      <c r="M370" s="11"/>
      <c r="N370" s="11"/>
      <c r="O370" s="11">
        <v>5.0599999999999996</v>
      </c>
      <c r="P370" s="11">
        <v>5.0599999999999996</v>
      </c>
    </row>
    <row r="371" spans="1:16" x14ac:dyDescent="0.25">
      <c r="B371" s="9" t="s">
        <v>138</v>
      </c>
      <c r="C371" s="11">
        <v>63311.35</v>
      </c>
      <c r="D371" s="11">
        <v>59534</v>
      </c>
      <c r="E371" s="11">
        <v>63186.6</v>
      </c>
      <c r="F371" s="11">
        <v>60569.77</v>
      </c>
      <c r="G371" s="11">
        <v>59954.48</v>
      </c>
      <c r="H371" s="11">
        <v>60317.87</v>
      </c>
      <c r="I371" s="11">
        <v>66655.820000000007</v>
      </c>
      <c r="J371" s="11">
        <v>54812.08</v>
      </c>
      <c r="K371" s="11">
        <v>65808.97</v>
      </c>
      <c r="L371" s="11">
        <v>63253.279999999999</v>
      </c>
      <c r="M371" s="11">
        <v>41871.96</v>
      </c>
      <c r="N371" s="11">
        <v>39860.629999999997</v>
      </c>
      <c r="O371" s="11">
        <v>699136.81</v>
      </c>
      <c r="P371" s="11">
        <v>699136.81</v>
      </c>
    </row>
    <row r="372" spans="1:16" x14ac:dyDescent="0.25">
      <c r="B372" s="9" t="s">
        <v>144</v>
      </c>
      <c r="C372" s="11"/>
      <c r="D372" s="11"/>
      <c r="E372" s="11"/>
      <c r="F372" s="11"/>
      <c r="G372" s="11"/>
      <c r="H372" s="11"/>
      <c r="I372" s="11"/>
      <c r="J372" s="11"/>
      <c r="K372" s="11"/>
      <c r="L372" s="11"/>
      <c r="M372" s="11">
        <v>900</v>
      </c>
      <c r="N372" s="11"/>
      <c r="O372" s="11">
        <v>900</v>
      </c>
      <c r="P372" s="11">
        <v>900</v>
      </c>
    </row>
    <row r="373" spans="1:16" x14ac:dyDescent="0.25">
      <c r="B373" s="9" t="s">
        <v>145</v>
      </c>
      <c r="C373" s="11">
        <v>159.38</v>
      </c>
      <c r="D373" s="11">
        <v>133.51</v>
      </c>
      <c r="E373" s="11">
        <v>110.25</v>
      </c>
      <c r="F373" s="11">
        <v>127.2</v>
      </c>
      <c r="G373" s="11">
        <v>113.65</v>
      </c>
      <c r="H373" s="11">
        <v>162.44999999999999</v>
      </c>
      <c r="I373" s="11">
        <v>88.61</v>
      </c>
      <c r="J373" s="11">
        <v>119.25</v>
      </c>
      <c r="K373" s="11">
        <v>115.39</v>
      </c>
      <c r="L373" s="11">
        <v>234.09</v>
      </c>
      <c r="M373" s="11">
        <v>115.99</v>
      </c>
      <c r="N373" s="11">
        <v>793.68</v>
      </c>
      <c r="O373" s="11">
        <v>2273.4499999999998</v>
      </c>
      <c r="P373" s="11">
        <v>2273.4499999999998</v>
      </c>
    </row>
    <row r="374" spans="1:16" x14ac:dyDescent="0.25">
      <c r="B374" s="9" t="s">
        <v>148</v>
      </c>
      <c r="C374" s="11">
        <v>0.75</v>
      </c>
      <c r="D374" s="11">
        <v>386.79</v>
      </c>
      <c r="E374" s="11">
        <v>53.27</v>
      </c>
      <c r="F374" s="11">
        <v>386.79</v>
      </c>
      <c r="G374" s="11"/>
      <c r="H374" s="11"/>
      <c r="I374" s="11">
        <v>386.79</v>
      </c>
      <c r="J374" s="11"/>
      <c r="K374" s="11">
        <v>-52.45</v>
      </c>
      <c r="L374" s="11">
        <v>386.79</v>
      </c>
      <c r="M374" s="11">
        <v>2500</v>
      </c>
      <c r="N374" s="11">
        <v>26419.31</v>
      </c>
      <c r="O374" s="11">
        <v>30468.04</v>
      </c>
      <c r="P374" s="11">
        <v>30468.04</v>
      </c>
    </row>
    <row r="375" spans="1:16" x14ac:dyDescent="0.25">
      <c r="B375" s="9" t="s">
        <v>150</v>
      </c>
      <c r="C375" s="11"/>
      <c r="D375" s="11"/>
      <c r="E375" s="11">
        <v>23.54</v>
      </c>
      <c r="F375" s="11">
        <v>2224.79</v>
      </c>
      <c r="G375" s="11"/>
      <c r="H375" s="11"/>
      <c r="I375" s="11">
        <v>-1337.51</v>
      </c>
      <c r="J375" s="11">
        <v>1.49</v>
      </c>
      <c r="K375" s="11">
        <v>86.44</v>
      </c>
      <c r="L375" s="11">
        <v>1023.09</v>
      </c>
      <c r="M375" s="11">
        <v>15.4</v>
      </c>
      <c r="N375" s="11">
        <v>60.03</v>
      </c>
      <c r="O375" s="11">
        <v>2097.27</v>
      </c>
      <c r="P375" s="11">
        <v>2097.27</v>
      </c>
    </row>
    <row r="376" spans="1:16" x14ac:dyDescent="0.25">
      <c r="B376" s="9" t="s">
        <v>152</v>
      </c>
      <c r="C376" s="11">
        <v>18</v>
      </c>
      <c r="D376" s="11"/>
      <c r="E376" s="11">
        <v>26.13</v>
      </c>
      <c r="F376" s="11">
        <v>1.82</v>
      </c>
      <c r="G376" s="11"/>
      <c r="H376" s="11">
        <v>0.2</v>
      </c>
      <c r="I376" s="11"/>
      <c r="J376" s="11"/>
      <c r="K376" s="11"/>
      <c r="L376" s="11"/>
      <c r="M376" s="11"/>
      <c r="N376" s="11"/>
      <c r="O376" s="11">
        <v>46.15</v>
      </c>
      <c r="P376" s="11">
        <v>46.15</v>
      </c>
    </row>
    <row r="377" spans="1:16" x14ac:dyDescent="0.25">
      <c r="B377" s="9" t="s">
        <v>153</v>
      </c>
      <c r="C377" s="11">
        <v>2241.08</v>
      </c>
      <c r="D377" s="11">
        <v>2275.77</v>
      </c>
      <c r="E377" s="11">
        <v>2645.08</v>
      </c>
      <c r="F377" s="11">
        <v>2242.6999999999998</v>
      </c>
      <c r="G377" s="11">
        <v>2247.58</v>
      </c>
      <c r="H377" s="11">
        <v>2241.08</v>
      </c>
      <c r="I377" s="11">
        <v>2241.08</v>
      </c>
      <c r="J377" s="11">
        <v>2241.08</v>
      </c>
      <c r="K377" s="11">
        <v>2241.08</v>
      </c>
      <c r="L377" s="11">
        <v>2241.08</v>
      </c>
      <c r="M377" s="11">
        <v>2487.44</v>
      </c>
      <c r="N377" s="11">
        <v>2487.44</v>
      </c>
      <c r="O377" s="11">
        <v>27832.49</v>
      </c>
      <c r="P377" s="11">
        <v>27832.49</v>
      </c>
    </row>
    <row r="378" spans="1:16" x14ac:dyDescent="0.25">
      <c r="A378" t="s">
        <v>168</v>
      </c>
      <c r="C378" s="11">
        <v>717421.43</v>
      </c>
      <c r="D378" s="11">
        <v>968571.69499999995</v>
      </c>
      <c r="E378" s="11">
        <v>951929.85</v>
      </c>
      <c r="F378" s="11">
        <v>978879.48800000001</v>
      </c>
      <c r="G378" s="11">
        <v>799215.04</v>
      </c>
      <c r="H378" s="11">
        <v>615070.84</v>
      </c>
      <c r="I378" s="11">
        <v>1229225.97</v>
      </c>
      <c r="J378" s="11">
        <v>968541.32</v>
      </c>
      <c r="K378" s="11">
        <v>749419.90399999998</v>
      </c>
      <c r="L378" s="11">
        <v>927122.04</v>
      </c>
      <c r="M378" s="11">
        <v>776102.52</v>
      </c>
      <c r="N378" s="11">
        <v>1115747.92</v>
      </c>
      <c r="O378" s="11">
        <v>10797248.017000001</v>
      </c>
      <c r="P378" s="11">
        <v>10797248.017000001</v>
      </c>
    </row>
    <row r="379" spans="1:16" x14ac:dyDescent="0.25">
      <c r="A379" t="s">
        <v>11</v>
      </c>
      <c r="C379" s="11">
        <v>9376527.6689999998</v>
      </c>
      <c r="D379" s="11">
        <v>8240465.3279999997</v>
      </c>
      <c r="E379" s="11">
        <v>9976450.9389999993</v>
      </c>
      <c r="F379" s="11">
        <v>8980962.0079999994</v>
      </c>
      <c r="G379" s="11">
        <v>8164341.9500000002</v>
      </c>
      <c r="H379" s="11">
        <v>9693293.0059999991</v>
      </c>
      <c r="I379" s="11">
        <v>9492921.9820000008</v>
      </c>
      <c r="J379" s="11">
        <v>9563100.0399999991</v>
      </c>
      <c r="K379" s="11">
        <v>11456191.174000001</v>
      </c>
      <c r="L379" s="11">
        <v>11968492.58</v>
      </c>
      <c r="M379" s="11">
        <v>9276852.3300000001</v>
      </c>
      <c r="N379" s="11">
        <v>15450942.15</v>
      </c>
      <c r="O379" s="11">
        <v>121640541.156</v>
      </c>
      <c r="P379" s="11">
        <v>121640541.156</v>
      </c>
    </row>
    <row r="380" spans="1:16" x14ac:dyDescent="0.25">
      <c r="C380"/>
      <c r="D380"/>
    </row>
    <row r="381" spans="1:16" x14ac:dyDescent="0.25">
      <c r="C381"/>
      <c r="D381"/>
      <c r="O381" s="13" t="s">
        <v>235</v>
      </c>
      <c r="P381" s="12">
        <v>803068</v>
      </c>
    </row>
    <row r="382" spans="1:16" x14ac:dyDescent="0.25">
      <c r="C382"/>
      <c r="D382"/>
      <c r="P382" s="11">
        <f>GETPIVOTDATA("[Measures].[MTD Actual Amount]",$A$18)-P381</f>
        <v>120837473.156</v>
      </c>
    </row>
    <row r="383" spans="1:16" x14ac:dyDescent="0.25">
      <c r="C383"/>
      <c r="D383"/>
    </row>
    <row r="384" spans="1:16" x14ac:dyDescent="0.25">
      <c r="C384"/>
      <c r="D384"/>
    </row>
    <row r="385" spans="3:4" x14ac:dyDescent="0.25">
      <c r="C385"/>
      <c r="D385"/>
    </row>
    <row r="386" spans="3:4" x14ac:dyDescent="0.25">
      <c r="C386"/>
      <c r="D386"/>
    </row>
    <row r="387" spans="3:4" x14ac:dyDescent="0.25">
      <c r="C387"/>
      <c r="D387"/>
    </row>
    <row r="388" spans="3:4" x14ac:dyDescent="0.25">
      <c r="C388"/>
      <c r="D388"/>
    </row>
    <row r="389" spans="3:4" x14ac:dyDescent="0.25">
      <c r="C389"/>
      <c r="D389"/>
    </row>
    <row r="390" spans="3:4" x14ac:dyDescent="0.25">
      <c r="C390"/>
      <c r="D390"/>
    </row>
    <row r="391" spans="3:4" x14ac:dyDescent="0.25">
      <c r="C391"/>
      <c r="D391"/>
    </row>
    <row r="392" spans="3:4" x14ac:dyDescent="0.25">
      <c r="C392"/>
      <c r="D392"/>
    </row>
    <row r="393" spans="3:4" x14ac:dyDescent="0.25">
      <c r="C393"/>
      <c r="D393"/>
    </row>
    <row r="394" spans="3:4" x14ac:dyDescent="0.25">
      <c r="C394"/>
      <c r="D394"/>
    </row>
    <row r="395" spans="3:4" x14ac:dyDescent="0.25">
      <c r="C395"/>
      <c r="D395"/>
    </row>
    <row r="396" spans="3:4" x14ac:dyDescent="0.25">
      <c r="C396"/>
      <c r="D396"/>
    </row>
    <row r="397" spans="3:4" x14ac:dyDescent="0.25">
      <c r="C397"/>
      <c r="D397"/>
    </row>
    <row r="398" spans="3:4" x14ac:dyDescent="0.25">
      <c r="C398"/>
      <c r="D398"/>
    </row>
    <row r="399" spans="3:4" x14ac:dyDescent="0.25">
      <c r="C399"/>
      <c r="D399"/>
    </row>
    <row r="400" spans="3:4" x14ac:dyDescent="0.25">
      <c r="C400"/>
      <c r="D400"/>
    </row>
    <row r="401" spans="3:4" x14ac:dyDescent="0.25">
      <c r="C401"/>
      <c r="D401"/>
    </row>
    <row r="402" spans="3:4" x14ac:dyDescent="0.25">
      <c r="C402"/>
      <c r="D402"/>
    </row>
    <row r="403" spans="3:4" x14ac:dyDescent="0.25">
      <c r="C403"/>
      <c r="D403"/>
    </row>
    <row r="404" spans="3:4" x14ac:dyDescent="0.25">
      <c r="C404"/>
      <c r="D404"/>
    </row>
    <row r="405" spans="3:4" x14ac:dyDescent="0.25">
      <c r="C405"/>
      <c r="D405"/>
    </row>
    <row r="406" spans="3:4" x14ac:dyDescent="0.25">
      <c r="C406"/>
      <c r="D406"/>
    </row>
    <row r="407" spans="3:4" x14ac:dyDescent="0.25">
      <c r="C407"/>
      <c r="D407"/>
    </row>
    <row r="408" spans="3:4" x14ac:dyDescent="0.25">
      <c r="C408"/>
      <c r="D408"/>
    </row>
    <row r="409" spans="3:4" x14ac:dyDescent="0.25">
      <c r="C409"/>
      <c r="D409"/>
    </row>
    <row r="410" spans="3:4" x14ac:dyDescent="0.25">
      <c r="C410"/>
      <c r="D410"/>
    </row>
    <row r="411" spans="3:4" x14ac:dyDescent="0.25">
      <c r="C411"/>
      <c r="D411"/>
    </row>
    <row r="412" spans="3:4" x14ac:dyDescent="0.25">
      <c r="C412"/>
      <c r="D412"/>
    </row>
    <row r="413" spans="3:4" x14ac:dyDescent="0.25">
      <c r="C413"/>
      <c r="D413"/>
    </row>
    <row r="414" spans="3:4" x14ac:dyDescent="0.25">
      <c r="C414"/>
      <c r="D414"/>
    </row>
    <row r="415" spans="3:4" x14ac:dyDescent="0.25">
      <c r="C415"/>
      <c r="D415"/>
    </row>
    <row r="416" spans="3:4" x14ac:dyDescent="0.25">
      <c r="C416"/>
      <c r="D416"/>
    </row>
    <row r="417" spans="3:4" x14ac:dyDescent="0.25">
      <c r="C417"/>
      <c r="D417"/>
    </row>
    <row r="418" spans="3:4" x14ac:dyDescent="0.25">
      <c r="C418"/>
      <c r="D418"/>
    </row>
    <row r="419" spans="3:4" x14ac:dyDescent="0.25">
      <c r="C419"/>
      <c r="D419"/>
    </row>
    <row r="420" spans="3:4" x14ac:dyDescent="0.25">
      <c r="C420"/>
      <c r="D420"/>
    </row>
    <row r="421" spans="3:4" x14ac:dyDescent="0.25">
      <c r="C421"/>
      <c r="D421"/>
    </row>
    <row r="422" spans="3:4" x14ac:dyDescent="0.25">
      <c r="C422"/>
      <c r="D422"/>
    </row>
    <row r="423" spans="3:4" x14ac:dyDescent="0.25">
      <c r="C423"/>
      <c r="D423"/>
    </row>
    <row r="424" spans="3:4" x14ac:dyDescent="0.25">
      <c r="C424"/>
      <c r="D424"/>
    </row>
    <row r="425" spans="3:4" x14ac:dyDescent="0.25">
      <c r="C425"/>
      <c r="D425"/>
    </row>
    <row r="426" spans="3:4" x14ac:dyDescent="0.25">
      <c r="C426"/>
      <c r="D426"/>
    </row>
    <row r="427" spans="3:4" x14ac:dyDescent="0.25">
      <c r="C427"/>
      <c r="D427"/>
    </row>
    <row r="428" spans="3:4" x14ac:dyDescent="0.25">
      <c r="C428"/>
      <c r="D428"/>
    </row>
    <row r="429" spans="3:4" x14ac:dyDescent="0.25">
      <c r="C429"/>
      <c r="D429"/>
    </row>
    <row r="430" spans="3:4" x14ac:dyDescent="0.25">
      <c r="C430"/>
      <c r="D430"/>
    </row>
    <row r="431" spans="3:4" x14ac:dyDescent="0.25">
      <c r="C431"/>
      <c r="D431"/>
    </row>
    <row r="432" spans="3:4" x14ac:dyDescent="0.25">
      <c r="C432"/>
      <c r="D432"/>
    </row>
    <row r="433" spans="3:4" x14ac:dyDescent="0.25">
      <c r="C433"/>
      <c r="D433"/>
    </row>
    <row r="434" spans="3:4" x14ac:dyDescent="0.25">
      <c r="C434"/>
      <c r="D434"/>
    </row>
    <row r="435" spans="3:4" x14ac:dyDescent="0.25">
      <c r="C435"/>
      <c r="D435"/>
    </row>
    <row r="436" spans="3:4" x14ac:dyDescent="0.25">
      <c r="C436"/>
      <c r="D436"/>
    </row>
    <row r="437" spans="3:4" x14ac:dyDescent="0.25">
      <c r="C437"/>
      <c r="D437"/>
    </row>
    <row r="438" spans="3:4" x14ac:dyDescent="0.25">
      <c r="C438"/>
      <c r="D438"/>
    </row>
    <row r="439" spans="3:4" x14ac:dyDescent="0.25">
      <c r="C439"/>
      <c r="D439"/>
    </row>
    <row r="440" spans="3:4" x14ac:dyDescent="0.25">
      <c r="C440"/>
      <c r="D440"/>
    </row>
    <row r="441" spans="3:4" x14ac:dyDescent="0.25">
      <c r="C441"/>
      <c r="D441"/>
    </row>
    <row r="442" spans="3:4" x14ac:dyDescent="0.25">
      <c r="C442"/>
      <c r="D442"/>
    </row>
    <row r="443" spans="3:4" x14ac:dyDescent="0.25">
      <c r="C443"/>
      <c r="D443"/>
    </row>
    <row r="444" spans="3:4" x14ac:dyDescent="0.25">
      <c r="C444"/>
      <c r="D444"/>
    </row>
    <row r="445" spans="3:4" x14ac:dyDescent="0.25">
      <c r="C445"/>
      <c r="D445"/>
    </row>
    <row r="446" spans="3:4" x14ac:dyDescent="0.25">
      <c r="C446"/>
      <c r="D446"/>
    </row>
    <row r="447" spans="3:4" x14ac:dyDescent="0.25">
      <c r="C447"/>
      <c r="D447"/>
    </row>
    <row r="448" spans="3:4" x14ac:dyDescent="0.25">
      <c r="C448"/>
      <c r="D448"/>
    </row>
    <row r="449" spans="3:4" x14ac:dyDescent="0.25">
      <c r="C449"/>
      <c r="D449"/>
    </row>
    <row r="450" spans="3:4" x14ac:dyDescent="0.25">
      <c r="C450"/>
      <c r="D450"/>
    </row>
    <row r="451" spans="3:4" x14ac:dyDescent="0.25">
      <c r="C451"/>
      <c r="D451"/>
    </row>
    <row r="452" spans="3:4" x14ac:dyDescent="0.25">
      <c r="C452"/>
      <c r="D452"/>
    </row>
    <row r="453" spans="3:4" x14ac:dyDescent="0.25">
      <c r="C453"/>
      <c r="D453"/>
    </row>
    <row r="454" spans="3:4" x14ac:dyDescent="0.25">
      <c r="C454"/>
      <c r="D454"/>
    </row>
    <row r="455" spans="3:4" x14ac:dyDescent="0.25">
      <c r="C455"/>
      <c r="D455"/>
    </row>
    <row r="456" spans="3:4" x14ac:dyDescent="0.25">
      <c r="C456"/>
      <c r="D456"/>
    </row>
    <row r="457" spans="3:4" x14ac:dyDescent="0.25">
      <c r="C457"/>
      <c r="D457"/>
    </row>
    <row r="458" spans="3:4" x14ac:dyDescent="0.25">
      <c r="C458"/>
      <c r="D458"/>
    </row>
    <row r="459" spans="3:4" x14ac:dyDescent="0.25">
      <c r="C459"/>
      <c r="D459"/>
    </row>
    <row r="460" spans="3:4" x14ac:dyDescent="0.25">
      <c r="C460"/>
      <c r="D460"/>
    </row>
    <row r="461" spans="3:4" x14ac:dyDescent="0.25">
      <c r="C461"/>
      <c r="D461"/>
    </row>
    <row r="462" spans="3:4" x14ac:dyDescent="0.25">
      <c r="C462"/>
      <c r="D462"/>
    </row>
    <row r="463" spans="3:4" x14ac:dyDescent="0.25">
      <c r="C463"/>
      <c r="D463"/>
    </row>
    <row r="464" spans="3:4" x14ac:dyDescent="0.25">
      <c r="C464"/>
      <c r="D464"/>
    </row>
    <row r="465" spans="3:4" x14ac:dyDescent="0.25">
      <c r="C465"/>
      <c r="D465"/>
    </row>
    <row r="466" spans="3:4" x14ac:dyDescent="0.25">
      <c r="C466"/>
      <c r="D466"/>
    </row>
    <row r="467" spans="3:4" x14ac:dyDescent="0.25">
      <c r="C467"/>
      <c r="D467"/>
    </row>
    <row r="468" spans="3:4" x14ac:dyDescent="0.25">
      <c r="C468"/>
      <c r="D468"/>
    </row>
    <row r="469" spans="3:4" x14ac:dyDescent="0.25">
      <c r="C469"/>
      <c r="D469"/>
    </row>
    <row r="470" spans="3:4" x14ac:dyDescent="0.25">
      <c r="C470"/>
      <c r="D470"/>
    </row>
    <row r="471" spans="3:4" x14ac:dyDescent="0.25">
      <c r="C471"/>
      <c r="D471"/>
    </row>
    <row r="472" spans="3:4" x14ac:dyDescent="0.25">
      <c r="C472"/>
      <c r="D472"/>
    </row>
    <row r="473" spans="3:4" x14ac:dyDescent="0.25">
      <c r="C473"/>
      <c r="D473"/>
    </row>
    <row r="474" spans="3:4" x14ac:dyDescent="0.25">
      <c r="C474"/>
      <c r="D474"/>
    </row>
    <row r="475" spans="3:4" x14ac:dyDescent="0.25">
      <c r="C475"/>
      <c r="D475"/>
    </row>
    <row r="476" spans="3:4" x14ac:dyDescent="0.25">
      <c r="C476"/>
      <c r="D476"/>
    </row>
    <row r="477" spans="3:4" x14ac:dyDescent="0.25">
      <c r="C477"/>
      <c r="D477"/>
    </row>
    <row r="478" spans="3:4" x14ac:dyDescent="0.25">
      <c r="C478"/>
      <c r="D478"/>
    </row>
    <row r="479" spans="3:4" x14ac:dyDescent="0.25">
      <c r="C479"/>
      <c r="D479"/>
    </row>
    <row r="480" spans="3:4" x14ac:dyDescent="0.25">
      <c r="C480"/>
      <c r="D480"/>
    </row>
    <row r="481" spans="3:4" x14ac:dyDescent="0.25">
      <c r="C481"/>
      <c r="D481"/>
    </row>
    <row r="482" spans="3:4" x14ac:dyDescent="0.25">
      <c r="C482"/>
      <c r="D482"/>
    </row>
    <row r="483" spans="3:4" x14ac:dyDescent="0.25">
      <c r="C483"/>
      <c r="D483"/>
    </row>
    <row r="484" spans="3:4" x14ac:dyDescent="0.25">
      <c r="C484"/>
      <c r="D484"/>
    </row>
    <row r="485" spans="3:4" x14ac:dyDescent="0.25">
      <c r="C485"/>
      <c r="D485"/>
    </row>
    <row r="486" spans="3:4" x14ac:dyDescent="0.25">
      <c r="C486"/>
      <c r="D486"/>
    </row>
    <row r="487" spans="3:4" x14ac:dyDescent="0.25">
      <c r="C487"/>
      <c r="D487"/>
    </row>
    <row r="488" spans="3:4" x14ac:dyDescent="0.25">
      <c r="C488"/>
      <c r="D488"/>
    </row>
    <row r="489" spans="3:4" x14ac:dyDescent="0.25">
      <c r="C489"/>
      <c r="D489"/>
    </row>
    <row r="490" spans="3:4" x14ac:dyDescent="0.25">
      <c r="C490"/>
      <c r="D490"/>
    </row>
    <row r="491" spans="3:4" x14ac:dyDescent="0.25">
      <c r="C491"/>
      <c r="D491"/>
    </row>
    <row r="492" spans="3:4" x14ac:dyDescent="0.25">
      <c r="C492"/>
      <c r="D492"/>
    </row>
    <row r="493" spans="3:4" x14ac:dyDescent="0.25">
      <c r="C493"/>
      <c r="D493"/>
    </row>
    <row r="494" spans="3:4" x14ac:dyDescent="0.25">
      <c r="C494"/>
      <c r="D494"/>
    </row>
    <row r="495" spans="3:4" x14ac:dyDescent="0.25">
      <c r="C495"/>
      <c r="D495"/>
    </row>
    <row r="496" spans="3:4" x14ac:dyDescent="0.25">
      <c r="C496"/>
      <c r="D496"/>
    </row>
    <row r="497" spans="3:4" x14ac:dyDescent="0.25">
      <c r="C497"/>
      <c r="D497"/>
    </row>
    <row r="498" spans="3:4" x14ac:dyDescent="0.25">
      <c r="C498"/>
      <c r="D498"/>
    </row>
    <row r="499" spans="3:4" x14ac:dyDescent="0.25">
      <c r="C499"/>
      <c r="D499"/>
    </row>
    <row r="500" spans="3:4" x14ac:dyDescent="0.25">
      <c r="C500"/>
      <c r="D500"/>
    </row>
    <row r="501" spans="3:4" x14ac:dyDescent="0.25">
      <c r="C501"/>
      <c r="D501"/>
    </row>
    <row r="502" spans="3:4" x14ac:dyDescent="0.25">
      <c r="C502"/>
      <c r="D502"/>
    </row>
    <row r="503" spans="3:4" x14ac:dyDescent="0.25">
      <c r="C503"/>
      <c r="D503"/>
    </row>
    <row r="504" spans="3:4" x14ac:dyDescent="0.25">
      <c r="C504"/>
      <c r="D504"/>
    </row>
    <row r="505" spans="3:4" x14ac:dyDescent="0.25">
      <c r="C505"/>
      <c r="D505"/>
    </row>
    <row r="506" spans="3:4" x14ac:dyDescent="0.25">
      <c r="C506"/>
      <c r="D506"/>
    </row>
    <row r="507" spans="3:4" x14ac:dyDescent="0.25">
      <c r="C507"/>
      <c r="D507"/>
    </row>
    <row r="508" spans="3:4" x14ac:dyDescent="0.25">
      <c r="C508"/>
      <c r="D508"/>
    </row>
    <row r="509" spans="3:4" x14ac:dyDescent="0.25">
      <c r="C509"/>
      <c r="D509"/>
    </row>
    <row r="510" spans="3:4" x14ac:dyDescent="0.25">
      <c r="C510"/>
      <c r="D510"/>
    </row>
    <row r="511" spans="3:4" x14ac:dyDescent="0.25">
      <c r="C511"/>
      <c r="D511"/>
    </row>
    <row r="512" spans="3:4" x14ac:dyDescent="0.25">
      <c r="C512"/>
      <c r="D512"/>
    </row>
    <row r="513" spans="3:4" x14ac:dyDescent="0.25">
      <c r="C513"/>
      <c r="D513"/>
    </row>
    <row r="514" spans="3:4" x14ac:dyDescent="0.25">
      <c r="C514"/>
      <c r="D514"/>
    </row>
    <row r="515" spans="3:4" x14ac:dyDescent="0.25">
      <c r="C515"/>
      <c r="D515"/>
    </row>
    <row r="516" spans="3:4" x14ac:dyDescent="0.25">
      <c r="C516"/>
      <c r="D516"/>
    </row>
    <row r="517" spans="3:4" x14ac:dyDescent="0.25">
      <c r="C517"/>
      <c r="D517"/>
    </row>
    <row r="518" spans="3:4" x14ac:dyDescent="0.25">
      <c r="C518"/>
      <c r="D518"/>
    </row>
    <row r="519" spans="3:4" x14ac:dyDescent="0.25">
      <c r="C519"/>
      <c r="D519"/>
    </row>
    <row r="520" spans="3:4" x14ac:dyDescent="0.25">
      <c r="C520"/>
      <c r="D520"/>
    </row>
    <row r="521" spans="3:4" x14ac:dyDescent="0.25">
      <c r="C521"/>
      <c r="D521"/>
    </row>
    <row r="522" spans="3:4" x14ac:dyDescent="0.25">
      <c r="C522"/>
      <c r="D522"/>
    </row>
    <row r="523" spans="3:4" x14ac:dyDescent="0.25">
      <c r="C523"/>
      <c r="D523"/>
    </row>
    <row r="524" spans="3:4" x14ac:dyDescent="0.25">
      <c r="C524"/>
      <c r="D524"/>
    </row>
    <row r="525" spans="3:4" x14ac:dyDescent="0.25">
      <c r="C525"/>
      <c r="D525"/>
    </row>
    <row r="526" spans="3:4" x14ac:dyDescent="0.25">
      <c r="C526"/>
      <c r="D526"/>
    </row>
    <row r="527" spans="3:4" x14ac:dyDescent="0.25">
      <c r="C527"/>
      <c r="D527"/>
    </row>
    <row r="528" spans="3:4" x14ac:dyDescent="0.25">
      <c r="C528"/>
      <c r="D528"/>
    </row>
    <row r="529" spans="3:4" x14ac:dyDescent="0.25">
      <c r="C529"/>
      <c r="D529"/>
    </row>
    <row r="530" spans="3:4" x14ac:dyDescent="0.25">
      <c r="C530"/>
      <c r="D530"/>
    </row>
    <row r="531" spans="3:4" x14ac:dyDescent="0.25">
      <c r="C531"/>
      <c r="D531"/>
    </row>
    <row r="532" spans="3:4" x14ac:dyDescent="0.25">
      <c r="C532"/>
      <c r="D532"/>
    </row>
    <row r="533" spans="3:4" x14ac:dyDescent="0.25">
      <c r="C533"/>
      <c r="D533"/>
    </row>
    <row r="534" spans="3:4" x14ac:dyDescent="0.25">
      <c r="C534"/>
      <c r="D534"/>
    </row>
    <row r="535" spans="3:4" x14ac:dyDescent="0.25">
      <c r="C535"/>
      <c r="D535"/>
    </row>
    <row r="536" spans="3:4" x14ac:dyDescent="0.25">
      <c r="C536"/>
      <c r="D536"/>
    </row>
    <row r="537" spans="3:4" x14ac:dyDescent="0.25">
      <c r="C537"/>
      <c r="D537"/>
    </row>
    <row r="538" spans="3:4" x14ac:dyDescent="0.25">
      <c r="C538"/>
      <c r="D538"/>
    </row>
    <row r="539" spans="3:4" x14ac:dyDescent="0.25">
      <c r="C539"/>
      <c r="D539"/>
    </row>
    <row r="540" spans="3:4" x14ac:dyDescent="0.25">
      <c r="C540"/>
      <c r="D540"/>
    </row>
    <row r="541" spans="3:4" x14ac:dyDescent="0.25">
      <c r="C541"/>
      <c r="D541"/>
    </row>
    <row r="542" spans="3:4" x14ac:dyDescent="0.25">
      <c r="C542"/>
      <c r="D542"/>
    </row>
    <row r="543" spans="3:4" x14ac:dyDescent="0.25">
      <c r="C543"/>
      <c r="D543"/>
    </row>
    <row r="544" spans="3:4" x14ac:dyDescent="0.25">
      <c r="C544"/>
      <c r="D544"/>
    </row>
    <row r="545" spans="3:4" x14ac:dyDescent="0.25">
      <c r="C545"/>
      <c r="D545"/>
    </row>
    <row r="546" spans="3:4" x14ac:dyDescent="0.25">
      <c r="C546"/>
      <c r="D546"/>
    </row>
    <row r="547" spans="3:4" x14ac:dyDescent="0.25">
      <c r="C547"/>
      <c r="D547"/>
    </row>
    <row r="548" spans="3:4" x14ac:dyDescent="0.25">
      <c r="C548"/>
      <c r="D548"/>
    </row>
    <row r="549" spans="3:4" x14ac:dyDescent="0.25">
      <c r="C549"/>
      <c r="D549"/>
    </row>
    <row r="550" spans="3:4" x14ac:dyDescent="0.25">
      <c r="C550"/>
      <c r="D550"/>
    </row>
    <row r="551" spans="3:4" x14ac:dyDescent="0.25">
      <c r="C551"/>
      <c r="D551"/>
    </row>
    <row r="552" spans="3:4" x14ac:dyDescent="0.25">
      <c r="C552"/>
      <c r="D552"/>
    </row>
    <row r="553" spans="3:4" x14ac:dyDescent="0.25">
      <c r="C553"/>
      <c r="D553"/>
    </row>
    <row r="554" spans="3:4" x14ac:dyDescent="0.25">
      <c r="C554"/>
      <c r="D554"/>
    </row>
    <row r="555" spans="3:4" x14ac:dyDescent="0.25">
      <c r="C555"/>
      <c r="D555"/>
    </row>
    <row r="556" spans="3:4" x14ac:dyDescent="0.25">
      <c r="C556"/>
      <c r="D556"/>
    </row>
    <row r="557" spans="3:4" x14ac:dyDescent="0.25">
      <c r="C557"/>
      <c r="D557"/>
    </row>
    <row r="558" spans="3:4" x14ac:dyDescent="0.25">
      <c r="C558"/>
      <c r="D558"/>
    </row>
    <row r="559" spans="3:4" x14ac:dyDescent="0.25">
      <c r="C559"/>
      <c r="D559"/>
    </row>
    <row r="560" spans="3:4" x14ac:dyDescent="0.25">
      <c r="C560"/>
      <c r="D560"/>
    </row>
    <row r="561" spans="3:4" x14ac:dyDescent="0.25">
      <c r="C561"/>
      <c r="D561"/>
    </row>
    <row r="562" spans="3:4" x14ac:dyDescent="0.25">
      <c r="C562"/>
      <c r="D562"/>
    </row>
    <row r="563" spans="3:4" x14ac:dyDescent="0.25">
      <c r="C563"/>
      <c r="D563"/>
    </row>
    <row r="564" spans="3:4" x14ac:dyDescent="0.25">
      <c r="C564"/>
      <c r="D564"/>
    </row>
    <row r="565" spans="3:4" x14ac:dyDescent="0.25">
      <c r="C565"/>
      <c r="D565"/>
    </row>
    <row r="566" spans="3:4" x14ac:dyDescent="0.25">
      <c r="C566"/>
      <c r="D566"/>
    </row>
    <row r="567" spans="3:4" x14ac:dyDescent="0.25">
      <c r="C567"/>
      <c r="D567"/>
    </row>
    <row r="568" spans="3:4" x14ac:dyDescent="0.25">
      <c r="C568"/>
      <c r="D568"/>
    </row>
    <row r="569" spans="3:4" x14ac:dyDescent="0.25">
      <c r="C569"/>
      <c r="D569"/>
    </row>
    <row r="570" spans="3:4" x14ac:dyDescent="0.25">
      <c r="C570"/>
      <c r="D570"/>
    </row>
    <row r="571" spans="3:4" x14ac:dyDescent="0.25">
      <c r="C571"/>
      <c r="D571"/>
    </row>
    <row r="572" spans="3:4" x14ac:dyDescent="0.25">
      <c r="C572"/>
      <c r="D572"/>
    </row>
    <row r="573" spans="3:4" x14ac:dyDescent="0.25">
      <c r="C573"/>
      <c r="D573"/>
    </row>
    <row r="574" spans="3:4" x14ac:dyDescent="0.25">
      <c r="C574"/>
      <c r="D574"/>
    </row>
    <row r="575" spans="3:4" x14ac:dyDescent="0.25">
      <c r="C575"/>
      <c r="D575"/>
    </row>
    <row r="576" spans="3:4" x14ac:dyDescent="0.25">
      <c r="C576"/>
      <c r="D576"/>
    </row>
    <row r="577" spans="3:4" x14ac:dyDescent="0.25">
      <c r="C577"/>
      <c r="D577"/>
    </row>
    <row r="578" spans="3:4" x14ac:dyDescent="0.25">
      <c r="C578"/>
      <c r="D578"/>
    </row>
    <row r="579" spans="3:4" x14ac:dyDescent="0.25">
      <c r="C579"/>
      <c r="D579"/>
    </row>
    <row r="580" spans="3:4" x14ac:dyDescent="0.25">
      <c r="C580"/>
      <c r="D580"/>
    </row>
    <row r="581" spans="3:4" x14ac:dyDescent="0.25">
      <c r="C581"/>
      <c r="D581"/>
    </row>
    <row r="582" spans="3:4" x14ac:dyDescent="0.25">
      <c r="C582"/>
      <c r="D582"/>
    </row>
    <row r="583" spans="3:4" x14ac:dyDescent="0.25">
      <c r="C583"/>
      <c r="D583"/>
    </row>
    <row r="584" spans="3:4" x14ac:dyDescent="0.25">
      <c r="C584"/>
      <c r="D584"/>
    </row>
    <row r="585" spans="3:4" x14ac:dyDescent="0.25">
      <c r="C585"/>
      <c r="D585"/>
    </row>
    <row r="586" spans="3:4" x14ac:dyDescent="0.25">
      <c r="C586"/>
      <c r="D586"/>
    </row>
    <row r="587" spans="3:4" x14ac:dyDescent="0.25">
      <c r="C587"/>
      <c r="D587"/>
    </row>
    <row r="588" spans="3:4" x14ac:dyDescent="0.25">
      <c r="C588"/>
      <c r="D588"/>
    </row>
    <row r="589" spans="3:4" x14ac:dyDescent="0.25">
      <c r="C589"/>
      <c r="D589"/>
    </row>
    <row r="590" spans="3:4" x14ac:dyDescent="0.25">
      <c r="C590"/>
      <c r="D590"/>
    </row>
    <row r="591" spans="3:4" x14ac:dyDescent="0.25">
      <c r="C591"/>
      <c r="D591"/>
    </row>
    <row r="592" spans="3:4" x14ac:dyDescent="0.25">
      <c r="C592"/>
      <c r="D592"/>
    </row>
    <row r="593" spans="3:4" x14ac:dyDescent="0.25">
      <c r="C593"/>
      <c r="D593"/>
    </row>
    <row r="594" spans="3:4" x14ac:dyDescent="0.25">
      <c r="C594"/>
      <c r="D594"/>
    </row>
    <row r="595" spans="3:4" x14ac:dyDescent="0.25">
      <c r="C595"/>
      <c r="D595"/>
    </row>
    <row r="596" spans="3:4" x14ac:dyDescent="0.25">
      <c r="C596"/>
      <c r="D596"/>
    </row>
    <row r="597" spans="3:4" x14ac:dyDescent="0.25">
      <c r="C597"/>
      <c r="D597"/>
    </row>
    <row r="598" spans="3:4" x14ac:dyDescent="0.25">
      <c r="C598"/>
      <c r="D598"/>
    </row>
    <row r="599" spans="3:4" x14ac:dyDescent="0.25">
      <c r="C599"/>
      <c r="D599"/>
    </row>
    <row r="600" spans="3:4" x14ac:dyDescent="0.25">
      <c r="C600"/>
      <c r="D600"/>
    </row>
    <row r="601" spans="3:4" x14ac:dyDescent="0.25">
      <c r="C601"/>
      <c r="D601"/>
    </row>
    <row r="602" spans="3:4" x14ac:dyDescent="0.25">
      <c r="C602"/>
      <c r="D602"/>
    </row>
    <row r="603" spans="3:4" x14ac:dyDescent="0.25">
      <c r="C603"/>
      <c r="D603"/>
    </row>
    <row r="604" spans="3:4" x14ac:dyDescent="0.25">
      <c r="C604"/>
      <c r="D604"/>
    </row>
    <row r="605" spans="3:4" x14ac:dyDescent="0.25">
      <c r="C605"/>
      <c r="D605"/>
    </row>
    <row r="606" spans="3:4" x14ac:dyDescent="0.25">
      <c r="C606"/>
      <c r="D606"/>
    </row>
    <row r="607" spans="3:4" x14ac:dyDescent="0.25">
      <c r="C607"/>
      <c r="D607"/>
    </row>
    <row r="608" spans="3:4" x14ac:dyDescent="0.25">
      <c r="C608"/>
      <c r="D608"/>
    </row>
    <row r="609" spans="3:4" x14ac:dyDescent="0.25">
      <c r="C609"/>
      <c r="D609"/>
    </row>
    <row r="610" spans="3:4" x14ac:dyDescent="0.25">
      <c r="C610"/>
      <c r="D610"/>
    </row>
    <row r="611" spans="3:4" x14ac:dyDescent="0.25">
      <c r="C611"/>
      <c r="D611"/>
    </row>
    <row r="612" spans="3:4" x14ac:dyDescent="0.25">
      <c r="C612"/>
      <c r="D612"/>
    </row>
    <row r="613" spans="3:4" x14ac:dyDescent="0.25">
      <c r="C613"/>
      <c r="D613"/>
    </row>
    <row r="614" spans="3:4" x14ac:dyDescent="0.25">
      <c r="C614"/>
      <c r="D614"/>
    </row>
    <row r="615" spans="3:4" x14ac:dyDescent="0.25">
      <c r="C615"/>
      <c r="D615"/>
    </row>
    <row r="616" spans="3:4" x14ac:dyDescent="0.25">
      <c r="C616"/>
      <c r="D616"/>
    </row>
    <row r="617" spans="3:4" x14ac:dyDescent="0.25">
      <c r="C617"/>
      <c r="D617"/>
    </row>
    <row r="618" spans="3:4" x14ac:dyDescent="0.25">
      <c r="C618"/>
      <c r="D618"/>
    </row>
    <row r="619" spans="3:4" x14ac:dyDescent="0.25">
      <c r="C619"/>
      <c r="D619"/>
    </row>
    <row r="620" spans="3:4" x14ac:dyDescent="0.25">
      <c r="C620"/>
      <c r="D620"/>
    </row>
    <row r="621" spans="3:4" x14ac:dyDescent="0.25">
      <c r="C621"/>
      <c r="D621"/>
    </row>
    <row r="622" spans="3:4" x14ac:dyDescent="0.25">
      <c r="C622"/>
      <c r="D622"/>
    </row>
    <row r="623" spans="3:4" x14ac:dyDescent="0.25">
      <c r="C623"/>
      <c r="D623"/>
    </row>
    <row r="624" spans="3:4" x14ac:dyDescent="0.25">
      <c r="C624"/>
      <c r="D624"/>
    </row>
    <row r="625" spans="3:4" x14ac:dyDescent="0.25">
      <c r="C625"/>
      <c r="D625"/>
    </row>
    <row r="626" spans="3:4" x14ac:dyDescent="0.25">
      <c r="C626"/>
      <c r="D626"/>
    </row>
    <row r="627" spans="3:4" x14ac:dyDescent="0.25">
      <c r="C627"/>
      <c r="D627"/>
    </row>
    <row r="628" spans="3:4" x14ac:dyDescent="0.25">
      <c r="C628"/>
      <c r="D628"/>
    </row>
    <row r="629" spans="3:4" x14ac:dyDescent="0.25">
      <c r="C629"/>
      <c r="D629"/>
    </row>
    <row r="630" spans="3:4" x14ac:dyDescent="0.25">
      <c r="C630"/>
      <c r="D630"/>
    </row>
    <row r="631" spans="3:4" x14ac:dyDescent="0.25">
      <c r="C631"/>
      <c r="D631"/>
    </row>
    <row r="632" spans="3:4" x14ac:dyDescent="0.25">
      <c r="C632"/>
      <c r="D632"/>
    </row>
    <row r="633" spans="3:4" x14ac:dyDescent="0.25">
      <c r="C633"/>
      <c r="D633"/>
    </row>
    <row r="634" spans="3:4" x14ac:dyDescent="0.25">
      <c r="C634"/>
      <c r="D634"/>
    </row>
    <row r="635" spans="3:4" x14ac:dyDescent="0.25">
      <c r="C635"/>
      <c r="D635"/>
    </row>
    <row r="636" spans="3:4" x14ac:dyDescent="0.25">
      <c r="C636"/>
      <c r="D636"/>
    </row>
    <row r="637" spans="3:4" x14ac:dyDescent="0.25">
      <c r="C637"/>
      <c r="D637"/>
    </row>
    <row r="638" spans="3:4" x14ac:dyDescent="0.25">
      <c r="C638"/>
      <c r="D638"/>
    </row>
    <row r="639" spans="3:4" x14ac:dyDescent="0.25">
      <c r="C639"/>
      <c r="D639"/>
    </row>
    <row r="640" spans="3:4" x14ac:dyDescent="0.25">
      <c r="C640"/>
      <c r="D640"/>
    </row>
    <row r="641" spans="3:4" x14ac:dyDescent="0.25">
      <c r="C641"/>
      <c r="D641"/>
    </row>
    <row r="642" spans="3:4" x14ac:dyDescent="0.25">
      <c r="C642"/>
      <c r="D642"/>
    </row>
    <row r="643" spans="3:4" x14ac:dyDescent="0.25">
      <c r="C643"/>
      <c r="D643"/>
    </row>
    <row r="644" spans="3:4" x14ac:dyDescent="0.25">
      <c r="C644"/>
      <c r="D644"/>
    </row>
    <row r="645" spans="3:4" x14ac:dyDescent="0.25">
      <c r="C645"/>
      <c r="D645"/>
    </row>
    <row r="646" spans="3:4" x14ac:dyDescent="0.25">
      <c r="C646"/>
      <c r="D646"/>
    </row>
    <row r="647" spans="3:4" x14ac:dyDescent="0.25">
      <c r="C647"/>
      <c r="D647"/>
    </row>
    <row r="648" spans="3:4" x14ac:dyDescent="0.25">
      <c r="C648"/>
      <c r="D648"/>
    </row>
    <row r="649" spans="3:4" x14ac:dyDescent="0.25">
      <c r="C649"/>
      <c r="D649"/>
    </row>
    <row r="650" spans="3:4" x14ac:dyDescent="0.25">
      <c r="C650"/>
      <c r="D650"/>
    </row>
    <row r="651" spans="3:4" x14ac:dyDescent="0.25">
      <c r="C651"/>
      <c r="D651"/>
    </row>
    <row r="652" spans="3:4" x14ac:dyDescent="0.25">
      <c r="C652"/>
      <c r="D652"/>
    </row>
    <row r="653" spans="3:4" x14ac:dyDescent="0.25">
      <c r="C653"/>
      <c r="D653"/>
    </row>
    <row r="654" spans="3:4" x14ac:dyDescent="0.25">
      <c r="C654"/>
      <c r="D654"/>
    </row>
    <row r="655" spans="3:4" x14ac:dyDescent="0.25">
      <c r="C655"/>
      <c r="D655"/>
    </row>
    <row r="656" spans="3:4" x14ac:dyDescent="0.25">
      <c r="C656"/>
      <c r="D656"/>
    </row>
    <row r="657" spans="3:4" x14ac:dyDescent="0.25">
      <c r="C657"/>
      <c r="D657"/>
    </row>
    <row r="658" spans="3:4" x14ac:dyDescent="0.25">
      <c r="C658"/>
      <c r="D658"/>
    </row>
    <row r="659" spans="3:4" x14ac:dyDescent="0.25">
      <c r="C659"/>
      <c r="D659"/>
    </row>
    <row r="660" spans="3:4" x14ac:dyDescent="0.25">
      <c r="C660"/>
      <c r="D660"/>
    </row>
    <row r="661" spans="3:4" x14ac:dyDescent="0.25">
      <c r="C661"/>
      <c r="D661"/>
    </row>
    <row r="662" spans="3:4" x14ac:dyDescent="0.25">
      <c r="C662"/>
      <c r="D662"/>
    </row>
    <row r="663" spans="3:4" x14ac:dyDescent="0.25">
      <c r="C663"/>
      <c r="D663"/>
    </row>
    <row r="664" spans="3:4" x14ac:dyDescent="0.25">
      <c r="C664"/>
      <c r="D664"/>
    </row>
    <row r="665" spans="3:4" x14ac:dyDescent="0.25">
      <c r="C665"/>
      <c r="D665"/>
    </row>
    <row r="666" spans="3:4" x14ac:dyDescent="0.25">
      <c r="C666"/>
      <c r="D666"/>
    </row>
    <row r="667" spans="3:4" x14ac:dyDescent="0.25">
      <c r="C667"/>
      <c r="D667"/>
    </row>
    <row r="668" spans="3:4" x14ac:dyDescent="0.25">
      <c r="C668"/>
      <c r="D668"/>
    </row>
    <row r="669" spans="3:4" x14ac:dyDescent="0.25">
      <c r="C669"/>
      <c r="D669"/>
    </row>
    <row r="670" spans="3:4" x14ac:dyDescent="0.25">
      <c r="C670"/>
      <c r="D670"/>
    </row>
    <row r="671" spans="3:4" x14ac:dyDescent="0.25">
      <c r="C671"/>
      <c r="D671"/>
    </row>
    <row r="672" spans="3:4" x14ac:dyDescent="0.25">
      <c r="C672"/>
      <c r="D672"/>
    </row>
    <row r="673" spans="3:4" x14ac:dyDescent="0.25">
      <c r="C673"/>
      <c r="D673"/>
    </row>
    <row r="674" spans="3:4" x14ac:dyDescent="0.25">
      <c r="C674"/>
      <c r="D674"/>
    </row>
    <row r="675" spans="3:4" x14ac:dyDescent="0.25">
      <c r="C675"/>
      <c r="D675"/>
    </row>
    <row r="676" spans="3:4" x14ac:dyDescent="0.25">
      <c r="C676"/>
      <c r="D676"/>
    </row>
    <row r="677" spans="3:4" x14ac:dyDescent="0.25">
      <c r="C677"/>
      <c r="D677"/>
    </row>
    <row r="678" spans="3:4" x14ac:dyDescent="0.25">
      <c r="C678"/>
      <c r="D678"/>
    </row>
    <row r="679" spans="3:4" x14ac:dyDescent="0.25">
      <c r="C679"/>
      <c r="D679"/>
    </row>
    <row r="680" spans="3:4" x14ac:dyDescent="0.25">
      <c r="C680"/>
      <c r="D680"/>
    </row>
    <row r="681" spans="3:4" x14ac:dyDescent="0.25">
      <c r="C681"/>
      <c r="D681"/>
    </row>
    <row r="682" spans="3:4" x14ac:dyDescent="0.25">
      <c r="C682"/>
      <c r="D682"/>
    </row>
    <row r="683" spans="3:4" x14ac:dyDescent="0.25">
      <c r="C683"/>
      <c r="D683"/>
    </row>
    <row r="684" spans="3:4" x14ac:dyDescent="0.25">
      <c r="C684"/>
      <c r="D684"/>
    </row>
    <row r="685" spans="3:4" x14ac:dyDescent="0.25">
      <c r="C685"/>
      <c r="D685"/>
    </row>
    <row r="686" spans="3:4" x14ac:dyDescent="0.25">
      <c r="C686"/>
      <c r="D686"/>
    </row>
    <row r="687" spans="3:4" x14ac:dyDescent="0.25">
      <c r="C687"/>
      <c r="D687"/>
    </row>
    <row r="688" spans="3:4" x14ac:dyDescent="0.25">
      <c r="C688"/>
      <c r="D688"/>
    </row>
    <row r="689" spans="3:4" x14ac:dyDescent="0.25">
      <c r="C689"/>
      <c r="D689"/>
    </row>
    <row r="690" spans="3:4" x14ac:dyDescent="0.25">
      <c r="C690"/>
      <c r="D690"/>
    </row>
    <row r="691" spans="3:4" x14ac:dyDescent="0.25">
      <c r="C691"/>
      <c r="D691"/>
    </row>
    <row r="692" spans="3:4" x14ac:dyDescent="0.25">
      <c r="C692"/>
      <c r="D692"/>
    </row>
    <row r="693" spans="3:4" x14ac:dyDescent="0.25">
      <c r="C693"/>
      <c r="D693"/>
    </row>
    <row r="694" spans="3:4" x14ac:dyDescent="0.25">
      <c r="C694"/>
      <c r="D694"/>
    </row>
    <row r="695" spans="3:4" x14ac:dyDescent="0.25">
      <c r="C695"/>
      <c r="D695"/>
    </row>
    <row r="696" spans="3:4" x14ac:dyDescent="0.25">
      <c r="C696"/>
      <c r="D696"/>
    </row>
    <row r="697" spans="3:4" x14ac:dyDescent="0.25">
      <c r="C697"/>
      <c r="D697"/>
    </row>
    <row r="698" spans="3:4" x14ac:dyDescent="0.25">
      <c r="C698"/>
      <c r="D698"/>
    </row>
    <row r="699" spans="3:4" x14ac:dyDescent="0.25">
      <c r="C699"/>
      <c r="D699"/>
    </row>
    <row r="700" spans="3:4" x14ac:dyDescent="0.25">
      <c r="C700"/>
      <c r="D700"/>
    </row>
    <row r="701" spans="3:4" x14ac:dyDescent="0.25">
      <c r="C701"/>
      <c r="D701"/>
    </row>
    <row r="702" spans="3:4" x14ac:dyDescent="0.25">
      <c r="C702"/>
      <c r="D702"/>
    </row>
    <row r="703" spans="3:4" x14ac:dyDescent="0.25">
      <c r="C703"/>
      <c r="D703"/>
    </row>
    <row r="704" spans="3:4" x14ac:dyDescent="0.25">
      <c r="C704"/>
      <c r="D704"/>
    </row>
    <row r="705" spans="3:4" x14ac:dyDescent="0.25">
      <c r="C705"/>
      <c r="D705"/>
    </row>
    <row r="706" spans="3:4" x14ac:dyDescent="0.25">
      <c r="C706"/>
      <c r="D706"/>
    </row>
    <row r="707" spans="3:4" x14ac:dyDescent="0.25">
      <c r="C707"/>
      <c r="D707"/>
    </row>
    <row r="708" spans="3:4" x14ac:dyDescent="0.25">
      <c r="C708"/>
      <c r="D708"/>
    </row>
    <row r="709" spans="3:4" x14ac:dyDescent="0.25">
      <c r="C709"/>
      <c r="D709"/>
    </row>
    <row r="710" spans="3:4" x14ac:dyDescent="0.25">
      <c r="C710"/>
      <c r="D710"/>
    </row>
    <row r="711" spans="3:4" x14ac:dyDescent="0.25">
      <c r="C711"/>
      <c r="D711"/>
    </row>
    <row r="712" spans="3:4" x14ac:dyDescent="0.25">
      <c r="C712"/>
      <c r="D712"/>
    </row>
    <row r="713" spans="3:4" x14ac:dyDescent="0.25">
      <c r="C713"/>
      <c r="D713"/>
    </row>
    <row r="714" spans="3:4" x14ac:dyDescent="0.25">
      <c r="C714"/>
      <c r="D714"/>
    </row>
    <row r="715" spans="3:4" x14ac:dyDescent="0.25">
      <c r="C715"/>
      <c r="D715"/>
    </row>
    <row r="716" spans="3:4" x14ac:dyDescent="0.25">
      <c r="C716"/>
      <c r="D716"/>
    </row>
    <row r="717" spans="3:4" x14ac:dyDescent="0.25">
      <c r="C717"/>
      <c r="D717"/>
    </row>
    <row r="718" spans="3:4" x14ac:dyDescent="0.25">
      <c r="C718"/>
      <c r="D718"/>
    </row>
    <row r="719" spans="3:4" x14ac:dyDescent="0.25">
      <c r="C719"/>
      <c r="D719"/>
    </row>
    <row r="720" spans="3:4" x14ac:dyDescent="0.25">
      <c r="C720"/>
      <c r="D720"/>
    </row>
    <row r="721" spans="3:4" x14ac:dyDescent="0.25">
      <c r="C721"/>
      <c r="D721"/>
    </row>
    <row r="722" spans="3:4" x14ac:dyDescent="0.25">
      <c r="C722"/>
      <c r="D722"/>
    </row>
    <row r="723" spans="3:4" x14ac:dyDescent="0.25">
      <c r="C723"/>
      <c r="D723"/>
    </row>
    <row r="724" spans="3:4" x14ac:dyDescent="0.25">
      <c r="C724"/>
      <c r="D724"/>
    </row>
    <row r="725" spans="3:4" x14ac:dyDescent="0.25">
      <c r="C725"/>
      <c r="D725"/>
    </row>
    <row r="726" spans="3:4" x14ac:dyDescent="0.25">
      <c r="C726"/>
      <c r="D726"/>
    </row>
    <row r="727" spans="3:4" x14ac:dyDescent="0.25">
      <c r="C727"/>
      <c r="D727"/>
    </row>
    <row r="728" spans="3:4" x14ac:dyDescent="0.25">
      <c r="C728"/>
      <c r="D728"/>
    </row>
    <row r="729" spans="3:4" x14ac:dyDescent="0.25">
      <c r="C729"/>
      <c r="D729"/>
    </row>
    <row r="730" spans="3:4" x14ac:dyDescent="0.25">
      <c r="C730"/>
      <c r="D730"/>
    </row>
    <row r="731" spans="3:4" x14ac:dyDescent="0.25">
      <c r="C731"/>
      <c r="D731"/>
    </row>
    <row r="732" spans="3:4" x14ac:dyDescent="0.25">
      <c r="C732"/>
      <c r="D732"/>
    </row>
    <row r="733" spans="3:4" x14ac:dyDescent="0.25">
      <c r="C733"/>
      <c r="D733"/>
    </row>
    <row r="734" spans="3:4" x14ac:dyDescent="0.25">
      <c r="C734"/>
      <c r="D734"/>
    </row>
    <row r="735" spans="3:4" x14ac:dyDescent="0.25">
      <c r="C735"/>
      <c r="D735"/>
    </row>
    <row r="736" spans="3:4" x14ac:dyDescent="0.25">
      <c r="C736"/>
      <c r="D736"/>
    </row>
    <row r="737" spans="3:4" x14ac:dyDescent="0.25">
      <c r="C737"/>
      <c r="D737"/>
    </row>
    <row r="738" spans="3:4" x14ac:dyDescent="0.25">
      <c r="C738"/>
      <c r="D738"/>
    </row>
    <row r="739" spans="3:4" x14ac:dyDescent="0.25">
      <c r="C739"/>
      <c r="D739"/>
    </row>
    <row r="740" spans="3:4" x14ac:dyDescent="0.25">
      <c r="C740"/>
      <c r="D740"/>
    </row>
    <row r="741" spans="3:4" x14ac:dyDescent="0.25">
      <c r="C741"/>
      <c r="D741"/>
    </row>
    <row r="742" spans="3:4" x14ac:dyDescent="0.25">
      <c r="C742"/>
      <c r="D742"/>
    </row>
    <row r="743" spans="3:4" x14ac:dyDescent="0.25">
      <c r="C743"/>
      <c r="D743"/>
    </row>
    <row r="744" spans="3:4" x14ac:dyDescent="0.25">
      <c r="C744"/>
      <c r="D744"/>
    </row>
    <row r="745" spans="3:4" x14ac:dyDescent="0.25">
      <c r="C745"/>
      <c r="D745"/>
    </row>
    <row r="746" spans="3:4" x14ac:dyDescent="0.25">
      <c r="C746"/>
      <c r="D746"/>
    </row>
    <row r="747" spans="3:4" x14ac:dyDescent="0.25">
      <c r="C747"/>
      <c r="D747"/>
    </row>
    <row r="748" spans="3:4" x14ac:dyDescent="0.25">
      <c r="C748"/>
      <c r="D748"/>
    </row>
    <row r="749" spans="3:4" x14ac:dyDescent="0.25">
      <c r="C749"/>
      <c r="D749"/>
    </row>
    <row r="750" spans="3:4" x14ac:dyDescent="0.25">
      <c r="C750"/>
      <c r="D750"/>
    </row>
    <row r="751" spans="3:4" x14ac:dyDescent="0.25">
      <c r="C751"/>
      <c r="D751"/>
    </row>
    <row r="752" spans="3:4" x14ac:dyDescent="0.25">
      <c r="C752"/>
      <c r="D752"/>
    </row>
    <row r="753" spans="3:4" x14ac:dyDescent="0.25">
      <c r="C753"/>
      <c r="D753"/>
    </row>
    <row r="754" spans="3:4" x14ac:dyDescent="0.25">
      <c r="C754"/>
      <c r="D754"/>
    </row>
    <row r="755" spans="3:4" x14ac:dyDescent="0.25">
      <c r="C755"/>
      <c r="D755"/>
    </row>
    <row r="756" spans="3:4" x14ac:dyDescent="0.25">
      <c r="C756"/>
      <c r="D756"/>
    </row>
    <row r="757" spans="3:4" x14ac:dyDescent="0.25">
      <c r="C757"/>
      <c r="D757"/>
    </row>
    <row r="758" spans="3:4" x14ac:dyDescent="0.25">
      <c r="C758"/>
      <c r="D758"/>
    </row>
    <row r="759" spans="3:4" x14ac:dyDescent="0.25">
      <c r="C759"/>
      <c r="D759"/>
    </row>
    <row r="760" spans="3:4" x14ac:dyDescent="0.25">
      <c r="C760"/>
      <c r="D760"/>
    </row>
    <row r="761" spans="3:4" x14ac:dyDescent="0.25">
      <c r="C761"/>
      <c r="D761"/>
    </row>
    <row r="762" spans="3:4" x14ac:dyDescent="0.25">
      <c r="C762"/>
      <c r="D762"/>
    </row>
    <row r="763" spans="3:4" x14ac:dyDescent="0.25">
      <c r="C763"/>
      <c r="D763"/>
    </row>
    <row r="764" spans="3:4" x14ac:dyDescent="0.25">
      <c r="C764"/>
      <c r="D764"/>
    </row>
    <row r="765" spans="3:4" x14ac:dyDescent="0.25">
      <c r="C765"/>
      <c r="D765"/>
    </row>
    <row r="766" spans="3:4" x14ac:dyDescent="0.25">
      <c r="C766"/>
      <c r="D766"/>
    </row>
    <row r="767" spans="3:4" x14ac:dyDescent="0.25">
      <c r="C767"/>
      <c r="D767"/>
    </row>
    <row r="768" spans="3:4" x14ac:dyDescent="0.25">
      <c r="C768"/>
      <c r="D768"/>
    </row>
    <row r="769" spans="3:4" x14ac:dyDescent="0.25">
      <c r="C769"/>
      <c r="D769"/>
    </row>
    <row r="770" spans="3:4" x14ac:dyDescent="0.25">
      <c r="C770"/>
      <c r="D770"/>
    </row>
    <row r="771" spans="3:4" x14ac:dyDescent="0.25">
      <c r="C771"/>
      <c r="D771"/>
    </row>
    <row r="772" spans="3:4" x14ac:dyDescent="0.25">
      <c r="C772"/>
      <c r="D772"/>
    </row>
    <row r="773" spans="3:4" x14ac:dyDescent="0.25">
      <c r="C773"/>
      <c r="D773"/>
    </row>
    <row r="774" spans="3:4" x14ac:dyDescent="0.25">
      <c r="C774"/>
      <c r="D774"/>
    </row>
    <row r="775" spans="3:4" x14ac:dyDescent="0.25">
      <c r="C775"/>
      <c r="D775"/>
    </row>
    <row r="776" spans="3:4" x14ac:dyDescent="0.25">
      <c r="C776"/>
      <c r="D776"/>
    </row>
    <row r="777" spans="3:4" x14ac:dyDescent="0.25">
      <c r="C777"/>
      <c r="D777"/>
    </row>
    <row r="778" spans="3:4" x14ac:dyDescent="0.25">
      <c r="C778"/>
      <c r="D778"/>
    </row>
    <row r="779" spans="3:4" x14ac:dyDescent="0.25">
      <c r="C779"/>
      <c r="D779"/>
    </row>
    <row r="780" spans="3:4" x14ac:dyDescent="0.25">
      <c r="C780"/>
      <c r="D780"/>
    </row>
    <row r="781" spans="3:4" x14ac:dyDescent="0.25">
      <c r="C781"/>
      <c r="D781"/>
    </row>
    <row r="782" spans="3:4" x14ac:dyDescent="0.25">
      <c r="C782"/>
      <c r="D782"/>
    </row>
    <row r="783" spans="3:4" x14ac:dyDescent="0.25">
      <c r="C783"/>
      <c r="D783"/>
    </row>
    <row r="784" spans="3:4" x14ac:dyDescent="0.25">
      <c r="C784"/>
      <c r="D784"/>
    </row>
    <row r="785" spans="3:4" x14ac:dyDescent="0.25">
      <c r="C785"/>
      <c r="D785"/>
    </row>
    <row r="786" spans="3:4" x14ac:dyDescent="0.25">
      <c r="C786"/>
      <c r="D786"/>
    </row>
    <row r="787" spans="3:4" x14ac:dyDescent="0.25">
      <c r="C787"/>
      <c r="D787"/>
    </row>
    <row r="788" spans="3:4" x14ac:dyDescent="0.25">
      <c r="C788"/>
      <c r="D788"/>
    </row>
    <row r="789" spans="3:4" x14ac:dyDescent="0.25">
      <c r="C789"/>
      <c r="D789"/>
    </row>
    <row r="790" spans="3:4" x14ac:dyDescent="0.25">
      <c r="C790"/>
      <c r="D790"/>
    </row>
    <row r="791" spans="3:4" x14ac:dyDescent="0.25">
      <c r="C791"/>
      <c r="D791"/>
    </row>
    <row r="792" spans="3:4" x14ac:dyDescent="0.25">
      <c r="C792"/>
      <c r="D792"/>
    </row>
    <row r="793" spans="3:4" x14ac:dyDescent="0.25">
      <c r="C793"/>
      <c r="D793"/>
    </row>
    <row r="794" spans="3:4" x14ac:dyDescent="0.25">
      <c r="C794"/>
      <c r="D794"/>
    </row>
    <row r="795" spans="3:4" x14ac:dyDescent="0.25">
      <c r="C795"/>
      <c r="D795"/>
    </row>
    <row r="796" spans="3:4" x14ac:dyDescent="0.25">
      <c r="C796"/>
      <c r="D796"/>
    </row>
    <row r="797" spans="3:4" x14ac:dyDescent="0.25">
      <c r="C797"/>
      <c r="D797"/>
    </row>
    <row r="798" spans="3:4" x14ac:dyDescent="0.25">
      <c r="C798"/>
      <c r="D798"/>
    </row>
    <row r="799" spans="3:4" x14ac:dyDescent="0.25">
      <c r="C799"/>
      <c r="D799"/>
    </row>
    <row r="800" spans="3:4" x14ac:dyDescent="0.25">
      <c r="C800"/>
      <c r="D800"/>
    </row>
    <row r="801" spans="3:4" x14ac:dyDescent="0.25">
      <c r="C801"/>
      <c r="D801"/>
    </row>
    <row r="802" spans="3:4" x14ac:dyDescent="0.25">
      <c r="C802"/>
      <c r="D802"/>
    </row>
    <row r="803" spans="3:4" x14ac:dyDescent="0.25">
      <c r="C803"/>
      <c r="D803"/>
    </row>
    <row r="804" spans="3:4" x14ac:dyDescent="0.25">
      <c r="C804"/>
      <c r="D804"/>
    </row>
    <row r="805" spans="3:4" x14ac:dyDescent="0.25">
      <c r="C805"/>
      <c r="D805"/>
    </row>
    <row r="806" spans="3:4" x14ac:dyDescent="0.25">
      <c r="C806"/>
      <c r="D806"/>
    </row>
    <row r="807" spans="3:4" x14ac:dyDescent="0.25">
      <c r="C807"/>
      <c r="D807"/>
    </row>
    <row r="808" spans="3:4" x14ac:dyDescent="0.25">
      <c r="C808"/>
      <c r="D808"/>
    </row>
    <row r="809" spans="3:4" x14ac:dyDescent="0.25">
      <c r="C809"/>
      <c r="D809"/>
    </row>
    <row r="810" spans="3:4" x14ac:dyDescent="0.25">
      <c r="C810"/>
      <c r="D810"/>
    </row>
    <row r="811" spans="3:4" x14ac:dyDescent="0.25">
      <c r="C811"/>
      <c r="D811"/>
    </row>
    <row r="812" spans="3:4" x14ac:dyDescent="0.25">
      <c r="C812"/>
      <c r="D812"/>
    </row>
    <row r="813" spans="3:4" x14ac:dyDescent="0.25">
      <c r="C813"/>
      <c r="D813"/>
    </row>
    <row r="814" spans="3:4" x14ac:dyDescent="0.25">
      <c r="C814"/>
      <c r="D814"/>
    </row>
    <row r="815" spans="3:4" x14ac:dyDescent="0.25">
      <c r="C815"/>
      <c r="D815"/>
    </row>
    <row r="816" spans="3:4" x14ac:dyDescent="0.25">
      <c r="C816"/>
      <c r="D816"/>
    </row>
    <row r="817" spans="3:4" x14ac:dyDescent="0.25">
      <c r="C817"/>
      <c r="D817"/>
    </row>
    <row r="818" spans="3:4" x14ac:dyDescent="0.25">
      <c r="C818"/>
      <c r="D818"/>
    </row>
    <row r="819" spans="3:4" x14ac:dyDescent="0.25">
      <c r="C819"/>
      <c r="D819"/>
    </row>
    <row r="820" spans="3:4" x14ac:dyDescent="0.25">
      <c r="C820"/>
      <c r="D820"/>
    </row>
    <row r="821" spans="3:4" x14ac:dyDescent="0.25">
      <c r="C821"/>
      <c r="D821"/>
    </row>
    <row r="822" spans="3:4" x14ac:dyDescent="0.25">
      <c r="C822"/>
      <c r="D822"/>
    </row>
    <row r="823" spans="3:4" x14ac:dyDescent="0.25">
      <c r="C823"/>
      <c r="D823"/>
    </row>
    <row r="824" spans="3:4" x14ac:dyDescent="0.25">
      <c r="C824"/>
      <c r="D824"/>
    </row>
    <row r="825" spans="3:4" x14ac:dyDescent="0.25">
      <c r="C825"/>
      <c r="D825"/>
    </row>
    <row r="826" spans="3:4" x14ac:dyDescent="0.25">
      <c r="C826"/>
      <c r="D826"/>
    </row>
    <row r="827" spans="3:4" x14ac:dyDescent="0.25">
      <c r="C827"/>
      <c r="D827"/>
    </row>
    <row r="828" spans="3:4" x14ac:dyDescent="0.25">
      <c r="C828"/>
      <c r="D828"/>
    </row>
    <row r="829" spans="3:4" x14ac:dyDescent="0.25">
      <c r="C829"/>
      <c r="D829"/>
    </row>
    <row r="830" spans="3:4" x14ac:dyDescent="0.25">
      <c r="C830"/>
      <c r="D830"/>
    </row>
    <row r="831" spans="3:4" x14ac:dyDescent="0.25">
      <c r="C831"/>
      <c r="D831"/>
    </row>
    <row r="832" spans="3:4" x14ac:dyDescent="0.25">
      <c r="C832"/>
      <c r="D832"/>
    </row>
    <row r="833" spans="3:4" x14ac:dyDescent="0.25">
      <c r="C833"/>
      <c r="D833"/>
    </row>
    <row r="834" spans="3:4" x14ac:dyDescent="0.25">
      <c r="C834"/>
      <c r="D834"/>
    </row>
    <row r="835" spans="3:4" x14ac:dyDescent="0.25">
      <c r="C835"/>
      <c r="D835"/>
    </row>
    <row r="836" spans="3:4" x14ac:dyDescent="0.25">
      <c r="C836"/>
      <c r="D836"/>
    </row>
    <row r="837" spans="3:4" x14ac:dyDescent="0.25">
      <c r="C837"/>
      <c r="D837"/>
    </row>
    <row r="838" spans="3:4" x14ac:dyDescent="0.25">
      <c r="C838"/>
      <c r="D838"/>
    </row>
    <row r="839" spans="3:4" x14ac:dyDescent="0.25">
      <c r="C839"/>
      <c r="D839"/>
    </row>
    <row r="840" spans="3:4" x14ac:dyDescent="0.25">
      <c r="C840"/>
      <c r="D840"/>
    </row>
    <row r="841" spans="3:4" x14ac:dyDescent="0.25">
      <c r="C841"/>
      <c r="D841"/>
    </row>
    <row r="842" spans="3:4" x14ac:dyDescent="0.25">
      <c r="C842"/>
      <c r="D842"/>
    </row>
    <row r="843" spans="3:4" x14ac:dyDescent="0.25">
      <c r="C843"/>
      <c r="D843"/>
    </row>
    <row r="844" spans="3:4" x14ac:dyDescent="0.25">
      <c r="C844"/>
      <c r="D844"/>
    </row>
    <row r="845" spans="3:4" x14ac:dyDescent="0.25">
      <c r="C845"/>
      <c r="D845"/>
    </row>
    <row r="846" spans="3:4" x14ac:dyDescent="0.25">
      <c r="C846"/>
      <c r="D846"/>
    </row>
    <row r="847" spans="3:4" x14ac:dyDescent="0.25">
      <c r="C847"/>
      <c r="D847"/>
    </row>
    <row r="848" spans="3:4" x14ac:dyDescent="0.25">
      <c r="C848"/>
      <c r="D848"/>
    </row>
    <row r="849" spans="3:4" x14ac:dyDescent="0.25">
      <c r="C849"/>
      <c r="D849"/>
    </row>
    <row r="850" spans="3:4" x14ac:dyDescent="0.25">
      <c r="C850"/>
      <c r="D850"/>
    </row>
    <row r="851" spans="3:4" x14ac:dyDescent="0.25">
      <c r="C851"/>
      <c r="D851"/>
    </row>
    <row r="852" spans="3:4" x14ac:dyDescent="0.25">
      <c r="C852"/>
      <c r="D852"/>
    </row>
    <row r="853" spans="3:4" x14ac:dyDescent="0.25">
      <c r="C853"/>
      <c r="D853"/>
    </row>
    <row r="854" spans="3:4" x14ac:dyDescent="0.25">
      <c r="C854"/>
      <c r="D854"/>
    </row>
    <row r="855" spans="3:4" x14ac:dyDescent="0.25">
      <c r="C855"/>
      <c r="D855"/>
    </row>
    <row r="856" spans="3:4" x14ac:dyDescent="0.25">
      <c r="C856"/>
      <c r="D856"/>
    </row>
    <row r="857" spans="3:4" x14ac:dyDescent="0.25">
      <c r="C857"/>
      <c r="D857"/>
    </row>
    <row r="858" spans="3:4" x14ac:dyDescent="0.25">
      <c r="C858"/>
      <c r="D858"/>
    </row>
    <row r="859" spans="3:4" x14ac:dyDescent="0.25">
      <c r="C859"/>
      <c r="D859"/>
    </row>
    <row r="860" spans="3:4" x14ac:dyDescent="0.25">
      <c r="C860"/>
      <c r="D860"/>
    </row>
    <row r="861" spans="3:4" x14ac:dyDescent="0.25">
      <c r="C861"/>
      <c r="D861"/>
    </row>
    <row r="862" spans="3:4" x14ac:dyDescent="0.25">
      <c r="C862"/>
      <c r="D862"/>
    </row>
    <row r="863" spans="3:4" x14ac:dyDescent="0.25">
      <c r="C863"/>
      <c r="D863"/>
    </row>
    <row r="864" spans="3:4" x14ac:dyDescent="0.25">
      <c r="C864"/>
      <c r="D864"/>
    </row>
    <row r="865" spans="3:4" x14ac:dyDescent="0.25">
      <c r="C865"/>
      <c r="D865"/>
    </row>
    <row r="866" spans="3:4" x14ac:dyDescent="0.25">
      <c r="C866"/>
      <c r="D866"/>
    </row>
    <row r="867" spans="3:4" x14ac:dyDescent="0.25">
      <c r="C867"/>
      <c r="D867"/>
    </row>
    <row r="868" spans="3:4" x14ac:dyDescent="0.25">
      <c r="C868"/>
      <c r="D868"/>
    </row>
    <row r="869" spans="3:4" x14ac:dyDescent="0.25">
      <c r="C869"/>
      <c r="D869"/>
    </row>
    <row r="870" spans="3:4" x14ac:dyDescent="0.25">
      <c r="C870"/>
      <c r="D870"/>
    </row>
    <row r="871" spans="3:4" x14ac:dyDescent="0.25">
      <c r="C871"/>
      <c r="D871"/>
    </row>
    <row r="872" spans="3:4" x14ac:dyDescent="0.25">
      <c r="C872"/>
      <c r="D872"/>
    </row>
    <row r="873" spans="3:4" x14ac:dyDescent="0.25">
      <c r="C873"/>
      <c r="D873"/>
    </row>
    <row r="874" spans="3:4" x14ac:dyDescent="0.25">
      <c r="C874"/>
      <c r="D874"/>
    </row>
    <row r="875" spans="3:4" x14ac:dyDescent="0.25">
      <c r="C875"/>
      <c r="D875"/>
    </row>
    <row r="876" spans="3:4" x14ac:dyDescent="0.25">
      <c r="C876"/>
      <c r="D876"/>
    </row>
    <row r="877" spans="3:4" x14ac:dyDescent="0.25">
      <c r="C877"/>
      <c r="D877"/>
    </row>
    <row r="878" spans="3:4" x14ac:dyDescent="0.25">
      <c r="C878"/>
      <c r="D878"/>
    </row>
    <row r="879" spans="3:4" x14ac:dyDescent="0.25">
      <c r="C879"/>
      <c r="D879"/>
    </row>
    <row r="880" spans="3:4" x14ac:dyDescent="0.25">
      <c r="C880"/>
      <c r="D880"/>
    </row>
    <row r="881" spans="3:4" x14ac:dyDescent="0.25">
      <c r="C881"/>
      <c r="D881"/>
    </row>
    <row r="882" spans="3:4" x14ac:dyDescent="0.25">
      <c r="C882"/>
      <c r="D882"/>
    </row>
    <row r="883" spans="3:4" x14ac:dyDescent="0.25">
      <c r="C883"/>
      <c r="D883"/>
    </row>
    <row r="884" spans="3:4" x14ac:dyDescent="0.25">
      <c r="C884"/>
      <c r="D884"/>
    </row>
    <row r="885" spans="3:4" x14ac:dyDescent="0.25">
      <c r="C885"/>
      <c r="D885"/>
    </row>
    <row r="886" spans="3:4" x14ac:dyDescent="0.25">
      <c r="C886"/>
      <c r="D886"/>
    </row>
    <row r="887" spans="3:4" x14ac:dyDescent="0.25">
      <c r="C887"/>
      <c r="D887"/>
    </row>
    <row r="888" spans="3:4" x14ac:dyDescent="0.25">
      <c r="C888"/>
      <c r="D888"/>
    </row>
    <row r="889" spans="3:4" x14ac:dyDescent="0.25">
      <c r="C889"/>
      <c r="D889"/>
    </row>
    <row r="890" spans="3:4" x14ac:dyDescent="0.25">
      <c r="C890"/>
      <c r="D890"/>
    </row>
    <row r="891" spans="3:4" x14ac:dyDescent="0.25">
      <c r="C891"/>
      <c r="D891"/>
    </row>
    <row r="892" spans="3:4" x14ac:dyDescent="0.25">
      <c r="C892"/>
      <c r="D892"/>
    </row>
    <row r="893" spans="3:4" x14ac:dyDescent="0.25">
      <c r="C893"/>
      <c r="D893"/>
    </row>
    <row r="894" spans="3:4" x14ac:dyDescent="0.25">
      <c r="C894"/>
      <c r="D894"/>
    </row>
    <row r="895" spans="3:4" x14ac:dyDescent="0.25">
      <c r="C895"/>
      <c r="D895"/>
    </row>
    <row r="896" spans="3:4" x14ac:dyDescent="0.25">
      <c r="C896"/>
      <c r="D896"/>
    </row>
    <row r="897" spans="3:4" x14ac:dyDescent="0.25">
      <c r="C897"/>
      <c r="D897"/>
    </row>
    <row r="898" spans="3:4" x14ac:dyDescent="0.25">
      <c r="C898"/>
      <c r="D898"/>
    </row>
    <row r="899" spans="3:4" x14ac:dyDescent="0.25">
      <c r="C899"/>
      <c r="D899"/>
    </row>
    <row r="900" spans="3:4" x14ac:dyDescent="0.25">
      <c r="C900"/>
      <c r="D900"/>
    </row>
    <row r="901" spans="3:4" x14ac:dyDescent="0.25">
      <c r="C901"/>
      <c r="D901"/>
    </row>
    <row r="902" spans="3:4" x14ac:dyDescent="0.25">
      <c r="C902"/>
      <c r="D902"/>
    </row>
    <row r="903" spans="3:4" x14ac:dyDescent="0.25">
      <c r="C903"/>
      <c r="D903"/>
    </row>
    <row r="904" spans="3:4" x14ac:dyDescent="0.25">
      <c r="C904"/>
      <c r="D904"/>
    </row>
    <row r="905" spans="3:4" x14ac:dyDescent="0.25">
      <c r="C905"/>
      <c r="D905"/>
    </row>
    <row r="906" spans="3:4" x14ac:dyDescent="0.25">
      <c r="C906"/>
      <c r="D906"/>
    </row>
    <row r="907" spans="3:4" x14ac:dyDescent="0.25">
      <c r="C907"/>
      <c r="D907"/>
    </row>
    <row r="908" spans="3:4" x14ac:dyDescent="0.25">
      <c r="C908"/>
      <c r="D908"/>
    </row>
    <row r="909" spans="3:4" x14ac:dyDescent="0.25">
      <c r="C909"/>
      <c r="D909"/>
    </row>
    <row r="910" spans="3:4" x14ac:dyDescent="0.25">
      <c r="C910"/>
      <c r="D910"/>
    </row>
    <row r="911" spans="3:4" x14ac:dyDescent="0.25">
      <c r="C911"/>
      <c r="D911"/>
    </row>
    <row r="912" spans="3:4" x14ac:dyDescent="0.25">
      <c r="C912"/>
      <c r="D912"/>
    </row>
    <row r="913" spans="3:4" x14ac:dyDescent="0.25">
      <c r="C913"/>
      <c r="D913"/>
    </row>
    <row r="914" spans="3:4" x14ac:dyDescent="0.25">
      <c r="C914"/>
      <c r="D914"/>
    </row>
    <row r="915" spans="3:4" x14ac:dyDescent="0.25">
      <c r="C915"/>
      <c r="D915"/>
    </row>
    <row r="916" spans="3:4" x14ac:dyDescent="0.25">
      <c r="C916"/>
      <c r="D916"/>
    </row>
    <row r="917" spans="3:4" x14ac:dyDescent="0.25">
      <c r="C917"/>
      <c r="D917"/>
    </row>
    <row r="918" spans="3:4" x14ac:dyDescent="0.25">
      <c r="C918"/>
      <c r="D918"/>
    </row>
    <row r="919" spans="3:4" x14ac:dyDescent="0.25">
      <c r="C919"/>
      <c r="D919"/>
    </row>
    <row r="920" spans="3:4" x14ac:dyDescent="0.25">
      <c r="C920"/>
      <c r="D920"/>
    </row>
    <row r="921" spans="3:4" x14ac:dyDescent="0.25">
      <c r="C921"/>
      <c r="D921"/>
    </row>
    <row r="922" spans="3:4" x14ac:dyDescent="0.25">
      <c r="C922"/>
      <c r="D922"/>
    </row>
    <row r="923" spans="3:4" x14ac:dyDescent="0.25">
      <c r="C923"/>
      <c r="D923"/>
    </row>
    <row r="924" spans="3:4" x14ac:dyDescent="0.25">
      <c r="C924"/>
      <c r="D924"/>
    </row>
    <row r="925" spans="3:4" x14ac:dyDescent="0.25">
      <c r="C925"/>
      <c r="D925"/>
    </row>
    <row r="926" spans="3:4" x14ac:dyDescent="0.25">
      <c r="C926"/>
      <c r="D926"/>
    </row>
    <row r="927" spans="3:4" x14ac:dyDescent="0.25">
      <c r="C927"/>
      <c r="D927"/>
    </row>
    <row r="928" spans="3:4" x14ac:dyDescent="0.25">
      <c r="C928"/>
      <c r="D928"/>
    </row>
    <row r="929" spans="3:4" x14ac:dyDescent="0.25">
      <c r="C929"/>
      <c r="D929"/>
    </row>
    <row r="930" spans="3:4" x14ac:dyDescent="0.25">
      <c r="C930"/>
      <c r="D930"/>
    </row>
    <row r="931" spans="3:4" x14ac:dyDescent="0.25">
      <c r="C931"/>
      <c r="D931"/>
    </row>
    <row r="932" spans="3:4" x14ac:dyDescent="0.25">
      <c r="C932"/>
      <c r="D932"/>
    </row>
    <row r="933" spans="3:4" x14ac:dyDescent="0.25">
      <c r="C933"/>
      <c r="D933"/>
    </row>
    <row r="934" spans="3:4" x14ac:dyDescent="0.25">
      <c r="C934"/>
      <c r="D934"/>
    </row>
    <row r="935" spans="3:4" x14ac:dyDescent="0.25">
      <c r="C935"/>
      <c r="D935"/>
    </row>
    <row r="936" spans="3:4" x14ac:dyDescent="0.25">
      <c r="C936"/>
      <c r="D936"/>
    </row>
    <row r="937" spans="3:4" x14ac:dyDescent="0.25">
      <c r="C937"/>
      <c r="D937"/>
    </row>
    <row r="938" spans="3:4" x14ac:dyDescent="0.25">
      <c r="C938"/>
      <c r="D938"/>
    </row>
    <row r="939" spans="3:4" x14ac:dyDescent="0.25">
      <c r="C939"/>
      <c r="D939"/>
    </row>
    <row r="940" spans="3:4" x14ac:dyDescent="0.25">
      <c r="C940"/>
      <c r="D940"/>
    </row>
    <row r="941" spans="3:4" x14ac:dyDescent="0.25">
      <c r="C941"/>
      <c r="D941"/>
    </row>
    <row r="942" spans="3:4" x14ac:dyDescent="0.25">
      <c r="C942"/>
      <c r="D942"/>
    </row>
    <row r="943" spans="3:4" x14ac:dyDescent="0.25">
      <c r="C943"/>
      <c r="D943"/>
    </row>
    <row r="944" spans="3:4" x14ac:dyDescent="0.25">
      <c r="C944"/>
      <c r="D944"/>
    </row>
    <row r="945" spans="3:4" x14ac:dyDescent="0.25">
      <c r="C945"/>
      <c r="D945"/>
    </row>
    <row r="946" spans="3:4" x14ac:dyDescent="0.25">
      <c r="C946"/>
      <c r="D946"/>
    </row>
    <row r="947" spans="3:4" x14ac:dyDescent="0.25">
      <c r="C947"/>
      <c r="D947"/>
    </row>
    <row r="948" spans="3:4" x14ac:dyDescent="0.25">
      <c r="C948"/>
      <c r="D948"/>
    </row>
    <row r="949" spans="3:4" x14ac:dyDescent="0.25">
      <c r="C949"/>
      <c r="D949"/>
    </row>
    <row r="950" spans="3:4" x14ac:dyDescent="0.25">
      <c r="C950"/>
      <c r="D950"/>
    </row>
    <row r="951" spans="3:4" x14ac:dyDescent="0.25">
      <c r="C951"/>
      <c r="D951"/>
    </row>
    <row r="952" spans="3:4" x14ac:dyDescent="0.25">
      <c r="C952"/>
      <c r="D952"/>
    </row>
    <row r="953" spans="3:4" x14ac:dyDescent="0.25">
      <c r="C953"/>
      <c r="D953"/>
    </row>
    <row r="954" spans="3:4" x14ac:dyDescent="0.25">
      <c r="C954"/>
      <c r="D954"/>
    </row>
    <row r="955" spans="3:4" x14ac:dyDescent="0.25">
      <c r="C955"/>
      <c r="D955"/>
    </row>
    <row r="956" spans="3:4" x14ac:dyDescent="0.25">
      <c r="C956"/>
      <c r="D956"/>
    </row>
    <row r="957" spans="3:4" x14ac:dyDescent="0.25">
      <c r="C957"/>
      <c r="D957"/>
    </row>
    <row r="958" spans="3:4" x14ac:dyDescent="0.25">
      <c r="C958"/>
      <c r="D958"/>
    </row>
    <row r="959" spans="3:4" x14ac:dyDescent="0.25">
      <c r="C959"/>
      <c r="D959"/>
    </row>
    <row r="960" spans="3:4" x14ac:dyDescent="0.25">
      <c r="C960"/>
      <c r="D960"/>
    </row>
    <row r="961" spans="3:4" x14ac:dyDescent="0.25">
      <c r="C961"/>
      <c r="D961"/>
    </row>
    <row r="962" spans="3:4" x14ac:dyDescent="0.25">
      <c r="C962"/>
      <c r="D962"/>
    </row>
    <row r="963" spans="3:4" x14ac:dyDescent="0.25">
      <c r="C963"/>
      <c r="D963"/>
    </row>
    <row r="964" spans="3:4" x14ac:dyDescent="0.25">
      <c r="C964"/>
      <c r="D964"/>
    </row>
    <row r="965" spans="3:4" x14ac:dyDescent="0.25">
      <c r="C965"/>
      <c r="D965"/>
    </row>
    <row r="966" spans="3:4" x14ac:dyDescent="0.25">
      <c r="C966"/>
      <c r="D966"/>
    </row>
    <row r="967" spans="3:4" x14ac:dyDescent="0.25">
      <c r="C967"/>
      <c r="D967"/>
    </row>
    <row r="968" spans="3:4" x14ac:dyDescent="0.25">
      <c r="C968"/>
      <c r="D968"/>
    </row>
    <row r="969" spans="3:4" x14ac:dyDescent="0.25">
      <c r="C969"/>
      <c r="D969"/>
    </row>
    <row r="970" spans="3:4" x14ac:dyDescent="0.25">
      <c r="C970"/>
      <c r="D970"/>
    </row>
    <row r="971" spans="3:4" x14ac:dyDescent="0.25">
      <c r="C971"/>
      <c r="D971"/>
    </row>
    <row r="972" spans="3:4" x14ac:dyDescent="0.25">
      <c r="C972"/>
      <c r="D972"/>
    </row>
    <row r="973" spans="3:4" x14ac:dyDescent="0.25">
      <c r="C973"/>
      <c r="D973"/>
    </row>
    <row r="974" spans="3:4" x14ac:dyDescent="0.25">
      <c r="C974"/>
      <c r="D974"/>
    </row>
    <row r="975" spans="3:4" x14ac:dyDescent="0.25">
      <c r="C975"/>
      <c r="D975"/>
    </row>
    <row r="976" spans="3:4" x14ac:dyDescent="0.25">
      <c r="C976"/>
      <c r="D976"/>
    </row>
    <row r="977" spans="3:4" x14ac:dyDescent="0.25">
      <c r="C977"/>
      <c r="D977"/>
    </row>
    <row r="978" spans="3:4" x14ac:dyDescent="0.25">
      <c r="C978"/>
      <c r="D978"/>
    </row>
    <row r="979" spans="3:4" x14ac:dyDescent="0.25">
      <c r="C979"/>
      <c r="D979"/>
    </row>
    <row r="980" spans="3:4" x14ac:dyDescent="0.25">
      <c r="C980"/>
      <c r="D980"/>
    </row>
    <row r="981" spans="3:4" x14ac:dyDescent="0.25">
      <c r="C981"/>
      <c r="D981"/>
    </row>
    <row r="982" spans="3:4" x14ac:dyDescent="0.25">
      <c r="C982"/>
      <c r="D982"/>
    </row>
    <row r="983" spans="3:4" x14ac:dyDescent="0.25">
      <c r="C983"/>
      <c r="D983"/>
    </row>
    <row r="984" spans="3:4" x14ac:dyDescent="0.25">
      <c r="C984"/>
      <c r="D984"/>
    </row>
    <row r="985" spans="3:4" x14ac:dyDescent="0.25">
      <c r="C985"/>
      <c r="D985"/>
    </row>
    <row r="986" spans="3:4" x14ac:dyDescent="0.25">
      <c r="C986"/>
      <c r="D986"/>
    </row>
    <row r="987" spans="3:4" x14ac:dyDescent="0.25">
      <c r="C987"/>
      <c r="D987"/>
    </row>
    <row r="988" spans="3:4" x14ac:dyDescent="0.25">
      <c r="C988"/>
      <c r="D988"/>
    </row>
    <row r="989" spans="3:4" x14ac:dyDescent="0.25">
      <c r="C989"/>
      <c r="D989"/>
    </row>
    <row r="990" spans="3:4" x14ac:dyDescent="0.25">
      <c r="C990"/>
      <c r="D990"/>
    </row>
    <row r="991" spans="3:4" x14ac:dyDescent="0.25">
      <c r="C991"/>
      <c r="D991"/>
    </row>
    <row r="992" spans="3:4" x14ac:dyDescent="0.25">
      <c r="C992"/>
      <c r="D992"/>
    </row>
    <row r="993" spans="3:4" x14ac:dyDescent="0.25">
      <c r="C993"/>
      <c r="D993"/>
    </row>
    <row r="994" spans="3:4" x14ac:dyDescent="0.25">
      <c r="C994"/>
      <c r="D994"/>
    </row>
    <row r="995" spans="3:4" x14ac:dyDescent="0.25">
      <c r="C995"/>
      <c r="D995"/>
    </row>
    <row r="996" spans="3:4" x14ac:dyDescent="0.25">
      <c r="C996"/>
      <c r="D996"/>
    </row>
    <row r="997" spans="3:4" x14ac:dyDescent="0.25">
      <c r="C997"/>
      <c r="D997"/>
    </row>
    <row r="998" spans="3:4" x14ac:dyDescent="0.25">
      <c r="C998"/>
      <c r="D998"/>
    </row>
    <row r="999" spans="3:4" x14ac:dyDescent="0.25">
      <c r="C999"/>
      <c r="D999"/>
    </row>
    <row r="1000" spans="3:4" x14ac:dyDescent="0.25">
      <c r="C1000"/>
      <c r="D1000"/>
    </row>
    <row r="1001" spans="3:4" x14ac:dyDescent="0.25">
      <c r="C1001"/>
      <c r="D1001"/>
    </row>
    <row r="1002" spans="3:4" x14ac:dyDescent="0.25">
      <c r="C1002"/>
      <c r="D1002"/>
    </row>
    <row r="1003" spans="3:4" x14ac:dyDescent="0.25">
      <c r="C1003"/>
      <c r="D1003"/>
    </row>
    <row r="1004" spans="3:4" x14ac:dyDescent="0.25">
      <c r="C1004"/>
      <c r="D1004"/>
    </row>
    <row r="1005" spans="3:4" x14ac:dyDescent="0.25">
      <c r="C1005"/>
      <c r="D1005"/>
    </row>
    <row r="1006" spans="3:4" x14ac:dyDescent="0.25">
      <c r="C1006"/>
      <c r="D1006"/>
    </row>
    <row r="1007" spans="3:4" x14ac:dyDescent="0.25">
      <c r="C1007"/>
      <c r="D1007"/>
    </row>
    <row r="1008" spans="3:4" x14ac:dyDescent="0.25">
      <c r="C1008"/>
      <c r="D1008"/>
    </row>
    <row r="1009" spans="3:4" x14ac:dyDescent="0.25">
      <c r="C1009"/>
      <c r="D1009"/>
    </row>
    <row r="1010" spans="3:4" x14ac:dyDescent="0.25">
      <c r="C1010"/>
      <c r="D1010"/>
    </row>
    <row r="1011" spans="3:4" x14ac:dyDescent="0.25">
      <c r="C1011"/>
      <c r="D1011"/>
    </row>
    <row r="1012" spans="3:4" x14ac:dyDescent="0.25">
      <c r="C1012"/>
      <c r="D1012"/>
    </row>
    <row r="1013" spans="3:4" x14ac:dyDescent="0.25">
      <c r="C1013"/>
      <c r="D1013"/>
    </row>
    <row r="1014" spans="3:4" x14ac:dyDescent="0.25">
      <c r="C1014"/>
      <c r="D1014"/>
    </row>
    <row r="1015" spans="3:4" x14ac:dyDescent="0.25">
      <c r="C1015"/>
      <c r="D1015"/>
    </row>
    <row r="1016" spans="3:4" x14ac:dyDescent="0.25">
      <c r="C1016"/>
      <c r="D1016"/>
    </row>
    <row r="1017" spans="3:4" x14ac:dyDescent="0.25">
      <c r="C1017"/>
      <c r="D1017"/>
    </row>
    <row r="1018" spans="3:4" x14ac:dyDescent="0.25">
      <c r="C1018"/>
      <c r="D1018"/>
    </row>
    <row r="1019" spans="3:4" x14ac:dyDescent="0.25">
      <c r="C1019"/>
      <c r="D1019"/>
    </row>
    <row r="1020" spans="3:4" x14ac:dyDescent="0.25">
      <c r="C1020"/>
      <c r="D1020"/>
    </row>
    <row r="1021" spans="3:4" x14ac:dyDescent="0.25">
      <c r="C1021"/>
      <c r="D1021"/>
    </row>
    <row r="1022" spans="3:4" x14ac:dyDescent="0.25">
      <c r="C1022"/>
      <c r="D1022"/>
    </row>
    <row r="1023" spans="3:4" x14ac:dyDescent="0.25">
      <c r="C1023"/>
      <c r="D1023"/>
    </row>
    <row r="1024" spans="3:4" x14ac:dyDescent="0.25">
      <c r="C1024"/>
      <c r="D1024"/>
    </row>
    <row r="1025" spans="3:4" x14ac:dyDescent="0.25">
      <c r="C1025"/>
      <c r="D1025"/>
    </row>
    <row r="1026" spans="3:4" x14ac:dyDescent="0.25">
      <c r="C1026"/>
      <c r="D1026"/>
    </row>
    <row r="1027" spans="3:4" x14ac:dyDescent="0.25">
      <c r="C1027"/>
      <c r="D1027"/>
    </row>
    <row r="1028" spans="3:4" x14ac:dyDescent="0.25">
      <c r="C1028"/>
      <c r="D1028"/>
    </row>
    <row r="1029" spans="3:4" x14ac:dyDescent="0.25">
      <c r="C1029"/>
      <c r="D1029"/>
    </row>
    <row r="1030" spans="3:4" x14ac:dyDescent="0.25">
      <c r="C1030"/>
      <c r="D1030"/>
    </row>
    <row r="1031" spans="3:4" x14ac:dyDescent="0.25">
      <c r="C1031"/>
      <c r="D1031"/>
    </row>
    <row r="1032" spans="3:4" x14ac:dyDescent="0.25">
      <c r="C1032"/>
      <c r="D1032"/>
    </row>
    <row r="1033" spans="3:4" x14ac:dyDescent="0.25">
      <c r="C1033"/>
      <c r="D1033"/>
    </row>
    <row r="1034" spans="3:4" x14ac:dyDescent="0.25">
      <c r="C1034"/>
      <c r="D1034"/>
    </row>
    <row r="1035" spans="3:4" x14ac:dyDescent="0.25">
      <c r="C1035"/>
      <c r="D1035"/>
    </row>
    <row r="1036" spans="3:4" x14ac:dyDescent="0.25">
      <c r="C1036"/>
      <c r="D1036"/>
    </row>
    <row r="1037" spans="3:4" x14ac:dyDescent="0.25">
      <c r="C1037"/>
      <c r="D1037"/>
    </row>
    <row r="1038" spans="3:4" x14ac:dyDescent="0.25">
      <c r="C1038"/>
      <c r="D1038"/>
    </row>
    <row r="1039" spans="3:4" x14ac:dyDescent="0.25">
      <c r="C1039"/>
      <c r="D1039"/>
    </row>
    <row r="1040" spans="3:4" x14ac:dyDescent="0.25">
      <c r="C1040"/>
      <c r="D1040"/>
    </row>
    <row r="1041" spans="3:4" x14ac:dyDescent="0.25">
      <c r="C1041"/>
      <c r="D1041"/>
    </row>
    <row r="1042" spans="3:4" x14ac:dyDescent="0.25">
      <c r="C1042"/>
      <c r="D1042"/>
    </row>
    <row r="1043" spans="3:4" x14ac:dyDescent="0.25">
      <c r="C1043"/>
      <c r="D1043"/>
    </row>
    <row r="1044" spans="3:4" x14ac:dyDescent="0.25">
      <c r="C1044"/>
      <c r="D1044"/>
    </row>
    <row r="1045" spans="3:4" x14ac:dyDescent="0.25">
      <c r="C1045"/>
      <c r="D1045"/>
    </row>
    <row r="1046" spans="3:4" x14ac:dyDescent="0.25">
      <c r="C1046"/>
      <c r="D1046"/>
    </row>
    <row r="1047" spans="3:4" x14ac:dyDescent="0.25">
      <c r="C1047"/>
      <c r="D1047"/>
    </row>
    <row r="1048" spans="3:4" x14ac:dyDescent="0.25">
      <c r="C1048"/>
      <c r="D1048"/>
    </row>
    <row r="1049" spans="3:4" x14ac:dyDescent="0.25">
      <c r="C1049"/>
      <c r="D1049"/>
    </row>
    <row r="1050" spans="3:4" x14ac:dyDescent="0.25">
      <c r="C1050"/>
      <c r="D1050"/>
    </row>
    <row r="1051" spans="3:4" x14ac:dyDescent="0.25">
      <c r="C1051"/>
      <c r="D1051"/>
    </row>
    <row r="1052" spans="3:4" x14ac:dyDescent="0.25">
      <c r="C1052"/>
      <c r="D1052"/>
    </row>
    <row r="1053" spans="3:4" x14ac:dyDescent="0.25">
      <c r="C1053"/>
      <c r="D1053"/>
    </row>
    <row r="1054" spans="3:4" x14ac:dyDescent="0.25">
      <c r="C1054"/>
      <c r="D1054"/>
    </row>
    <row r="1055" spans="3:4" x14ac:dyDescent="0.25">
      <c r="C1055"/>
      <c r="D1055"/>
    </row>
    <row r="1056" spans="3:4" x14ac:dyDescent="0.25">
      <c r="C1056"/>
      <c r="D1056"/>
    </row>
    <row r="1057" spans="3:4" x14ac:dyDescent="0.25">
      <c r="C1057"/>
      <c r="D1057"/>
    </row>
    <row r="1058" spans="3:4" x14ac:dyDescent="0.25">
      <c r="C1058"/>
      <c r="D1058"/>
    </row>
    <row r="1059" spans="3:4" x14ac:dyDescent="0.25">
      <c r="C1059"/>
      <c r="D1059"/>
    </row>
    <row r="1060" spans="3:4" x14ac:dyDescent="0.25">
      <c r="C1060"/>
      <c r="D1060"/>
    </row>
    <row r="1061" spans="3:4" x14ac:dyDescent="0.25">
      <c r="C1061"/>
      <c r="D1061"/>
    </row>
    <row r="1062" spans="3:4" x14ac:dyDescent="0.25">
      <c r="C1062"/>
      <c r="D1062"/>
    </row>
    <row r="1063" spans="3:4" x14ac:dyDescent="0.25">
      <c r="C1063"/>
      <c r="D1063"/>
    </row>
    <row r="1064" spans="3:4" x14ac:dyDescent="0.25">
      <c r="C1064"/>
      <c r="D1064"/>
    </row>
    <row r="1065" spans="3:4" x14ac:dyDescent="0.25">
      <c r="C1065"/>
      <c r="D1065"/>
    </row>
    <row r="1066" spans="3:4" x14ac:dyDescent="0.25">
      <c r="C1066"/>
      <c r="D1066"/>
    </row>
    <row r="1067" spans="3:4" x14ac:dyDescent="0.25">
      <c r="C1067"/>
      <c r="D1067"/>
    </row>
    <row r="1068" spans="3:4" x14ac:dyDescent="0.25">
      <c r="C1068"/>
      <c r="D1068"/>
    </row>
    <row r="1069" spans="3:4" x14ac:dyDescent="0.25">
      <c r="C1069"/>
      <c r="D1069"/>
    </row>
    <row r="1070" spans="3:4" x14ac:dyDescent="0.25">
      <c r="C1070"/>
      <c r="D1070"/>
    </row>
    <row r="1071" spans="3:4" x14ac:dyDescent="0.25">
      <c r="C1071"/>
      <c r="D1071"/>
    </row>
    <row r="1072" spans="3:4" x14ac:dyDescent="0.25">
      <c r="C1072"/>
      <c r="D1072"/>
    </row>
    <row r="1073" spans="3:4" x14ac:dyDescent="0.25">
      <c r="C1073"/>
      <c r="D1073"/>
    </row>
    <row r="1074" spans="3:4" x14ac:dyDescent="0.25">
      <c r="C1074"/>
      <c r="D1074"/>
    </row>
    <row r="1075" spans="3:4" x14ac:dyDescent="0.25">
      <c r="C1075"/>
      <c r="D1075"/>
    </row>
    <row r="1076" spans="3:4" x14ac:dyDescent="0.25">
      <c r="C1076"/>
      <c r="D1076"/>
    </row>
    <row r="1077" spans="3:4" x14ac:dyDescent="0.25">
      <c r="C1077"/>
      <c r="D1077"/>
    </row>
    <row r="1078" spans="3:4" x14ac:dyDescent="0.25">
      <c r="C1078"/>
      <c r="D1078"/>
    </row>
    <row r="1079" spans="3:4" x14ac:dyDescent="0.25">
      <c r="C1079"/>
      <c r="D1079"/>
    </row>
    <row r="1080" spans="3:4" x14ac:dyDescent="0.25">
      <c r="C1080"/>
      <c r="D1080"/>
    </row>
    <row r="1081" spans="3:4" x14ac:dyDescent="0.25">
      <c r="C1081"/>
      <c r="D1081"/>
    </row>
    <row r="1082" spans="3:4" x14ac:dyDescent="0.25">
      <c r="C1082"/>
      <c r="D1082"/>
    </row>
    <row r="1083" spans="3:4" x14ac:dyDescent="0.25">
      <c r="C1083"/>
      <c r="D1083"/>
    </row>
    <row r="1084" spans="3:4" x14ac:dyDescent="0.25">
      <c r="C1084"/>
      <c r="D1084"/>
    </row>
    <row r="1085" spans="3:4" x14ac:dyDescent="0.25">
      <c r="C1085"/>
      <c r="D1085"/>
    </row>
    <row r="1086" spans="3:4" x14ac:dyDescent="0.25">
      <c r="C1086"/>
      <c r="D1086"/>
    </row>
    <row r="1087" spans="3:4" x14ac:dyDescent="0.25">
      <c r="C1087"/>
      <c r="D1087"/>
    </row>
    <row r="1088" spans="3:4" x14ac:dyDescent="0.25">
      <c r="C1088"/>
      <c r="D1088"/>
    </row>
    <row r="1089" spans="3:4" x14ac:dyDescent="0.25">
      <c r="C1089"/>
      <c r="D1089"/>
    </row>
    <row r="1090" spans="3:4" x14ac:dyDescent="0.25">
      <c r="C1090"/>
      <c r="D1090"/>
    </row>
    <row r="1091" spans="3:4" x14ac:dyDescent="0.25">
      <c r="C1091"/>
      <c r="D1091"/>
    </row>
    <row r="1092" spans="3:4" x14ac:dyDescent="0.25">
      <c r="C1092"/>
      <c r="D1092"/>
    </row>
    <row r="1093" spans="3:4" x14ac:dyDescent="0.25">
      <c r="C1093"/>
      <c r="D1093"/>
    </row>
    <row r="1094" spans="3:4" x14ac:dyDescent="0.25">
      <c r="C1094"/>
      <c r="D1094"/>
    </row>
    <row r="1095" spans="3:4" x14ac:dyDescent="0.25">
      <c r="C1095"/>
      <c r="D1095"/>
    </row>
    <row r="1096" spans="3:4" x14ac:dyDescent="0.25">
      <c r="C1096"/>
      <c r="D1096"/>
    </row>
    <row r="1097" spans="3:4" x14ac:dyDescent="0.25">
      <c r="C1097"/>
      <c r="D1097"/>
    </row>
    <row r="1098" spans="3:4" x14ac:dyDescent="0.25">
      <c r="C1098"/>
      <c r="D1098"/>
    </row>
    <row r="1099" spans="3:4" x14ac:dyDescent="0.25">
      <c r="C1099"/>
      <c r="D1099"/>
    </row>
    <row r="1100" spans="3:4" x14ac:dyDescent="0.25">
      <c r="C1100"/>
      <c r="D1100"/>
    </row>
    <row r="1101" spans="3:4" x14ac:dyDescent="0.25">
      <c r="C1101"/>
      <c r="D1101"/>
    </row>
    <row r="1102" spans="3:4" x14ac:dyDescent="0.25">
      <c r="C1102"/>
      <c r="D1102"/>
    </row>
    <row r="1103" spans="3:4" x14ac:dyDescent="0.25">
      <c r="C1103"/>
      <c r="D1103"/>
    </row>
    <row r="1104" spans="3:4" x14ac:dyDescent="0.25">
      <c r="C1104"/>
      <c r="D1104"/>
    </row>
    <row r="1105" spans="3:4" x14ac:dyDescent="0.25">
      <c r="C1105"/>
      <c r="D1105"/>
    </row>
    <row r="1106" spans="3:4" x14ac:dyDescent="0.25">
      <c r="C1106"/>
      <c r="D1106"/>
    </row>
    <row r="1107" spans="3:4" x14ac:dyDescent="0.25">
      <c r="C1107"/>
      <c r="D1107"/>
    </row>
    <row r="1108" spans="3:4" x14ac:dyDescent="0.25">
      <c r="C1108"/>
      <c r="D1108"/>
    </row>
    <row r="1109" spans="3:4" x14ac:dyDescent="0.25">
      <c r="C1109"/>
      <c r="D1109"/>
    </row>
    <row r="1110" spans="3:4" x14ac:dyDescent="0.25">
      <c r="C1110"/>
      <c r="D1110"/>
    </row>
    <row r="1111" spans="3:4" x14ac:dyDescent="0.25">
      <c r="C1111"/>
      <c r="D1111"/>
    </row>
    <row r="1112" spans="3:4" x14ac:dyDescent="0.25">
      <c r="C1112"/>
      <c r="D1112"/>
    </row>
    <row r="1113" spans="3:4" x14ac:dyDescent="0.25">
      <c r="C1113"/>
      <c r="D1113"/>
    </row>
    <row r="1114" spans="3:4" x14ac:dyDescent="0.25">
      <c r="C1114"/>
      <c r="D1114"/>
    </row>
    <row r="1115" spans="3:4" x14ac:dyDescent="0.25">
      <c r="C1115"/>
      <c r="D1115"/>
    </row>
    <row r="1116" spans="3:4" x14ac:dyDescent="0.25">
      <c r="C1116"/>
      <c r="D1116"/>
    </row>
    <row r="1117" spans="3:4" x14ac:dyDescent="0.25">
      <c r="C1117"/>
      <c r="D1117"/>
    </row>
    <row r="1118" spans="3:4" x14ac:dyDescent="0.25">
      <c r="C1118"/>
      <c r="D1118"/>
    </row>
    <row r="1119" spans="3:4" x14ac:dyDescent="0.25">
      <c r="C1119"/>
      <c r="D1119"/>
    </row>
    <row r="1120" spans="3:4" x14ac:dyDescent="0.25">
      <c r="C1120"/>
      <c r="D1120"/>
    </row>
    <row r="1121" spans="3:4" x14ac:dyDescent="0.25">
      <c r="C1121"/>
      <c r="D1121"/>
    </row>
    <row r="1122" spans="3:4" x14ac:dyDescent="0.25">
      <c r="C1122"/>
      <c r="D1122"/>
    </row>
    <row r="1123" spans="3:4" x14ac:dyDescent="0.25">
      <c r="C1123"/>
      <c r="D1123"/>
    </row>
    <row r="1124" spans="3:4" x14ac:dyDescent="0.25">
      <c r="C1124"/>
      <c r="D1124"/>
    </row>
    <row r="1125" spans="3:4" x14ac:dyDescent="0.25">
      <c r="C1125"/>
      <c r="D1125"/>
    </row>
    <row r="1126" spans="3:4" x14ac:dyDescent="0.25">
      <c r="C1126"/>
      <c r="D1126"/>
    </row>
    <row r="1127" spans="3:4" x14ac:dyDescent="0.25">
      <c r="C1127"/>
      <c r="D1127"/>
    </row>
    <row r="1128" spans="3:4" x14ac:dyDescent="0.25">
      <c r="C1128"/>
      <c r="D1128"/>
    </row>
    <row r="1129" spans="3:4" x14ac:dyDescent="0.25">
      <c r="C1129"/>
      <c r="D1129"/>
    </row>
    <row r="1130" spans="3:4" x14ac:dyDescent="0.25">
      <c r="C1130"/>
      <c r="D1130"/>
    </row>
    <row r="1131" spans="3:4" x14ac:dyDescent="0.25">
      <c r="C1131"/>
      <c r="D1131"/>
    </row>
    <row r="1132" spans="3:4" x14ac:dyDescent="0.25">
      <c r="C1132"/>
      <c r="D1132"/>
    </row>
    <row r="1133" spans="3:4" x14ac:dyDescent="0.25">
      <c r="C1133"/>
      <c r="D1133"/>
    </row>
    <row r="1134" spans="3:4" x14ac:dyDescent="0.25">
      <c r="C1134"/>
      <c r="D1134"/>
    </row>
    <row r="1135" spans="3:4" x14ac:dyDescent="0.25">
      <c r="C1135"/>
      <c r="D1135"/>
    </row>
    <row r="1136" spans="3:4" x14ac:dyDescent="0.25">
      <c r="C1136"/>
      <c r="D1136"/>
    </row>
    <row r="1137" spans="3:4" x14ac:dyDescent="0.25">
      <c r="C1137"/>
      <c r="D1137"/>
    </row>
    <row r="1138" spans="3:4" x14ac:dyDescent="0.25">
      <c r="C1138"/>
      <c r="D1138"/>
    </row>
    <row r="1139" spans="3:4" x14ac:dyDescent="0.25">
      <c r="C1139"/>
      <c r="D1139"/>
    </row>
    <row r="1140" spans="3:4" x14ac:dyDescent="0.25">
      <c r="C1140"/>
      <c r="D1140"/>
    </row>
    <row r="1141" spans="3:4" x14ac:dyDescent="0.25">
      <c r="C1141"/>
      <c r="D1141"/>
    </row>
    <row r="1142" spans="3:4" x14ac:dyDescent="0.25">
      <c r="C1142"/>
      <c r="D1142"/>
    </row>
    <row r="1143" spans="3:4" x14ac:dyDescent="0.25">
      <c r="C1143"/>
      <c r="D1143"/>
    </row>
    <row r="1144" spans="3:4" x14ac:dyDescent="0.25">
      <c r="C1144"/>
      <c r="D1144"/>
    </row>
    <row r="1145" spans="3:4" x14ac:dyDescent="0.25">
      <c r="C1145"/>
      <c r="D1145"/>
    </row>
    <row r="1146" spans="3:4" x14ac:dyDescent="0.25">
      <c r="C1146"/>
      <c r="D1146"/>
    </row>
    <row r="1147" spans="3:4" x14ac:dyDescent="0.25">
      <c r="C1147"/>
      <c r="D1147"/>
    </row>
    <row r="1148" spans="3:4" x14ac:dyDescent="0.25">
      <c r="C1148"/>
      <c r="D1148"/>
    </row>
    <row r="1149" spans="3:4" x14ac:dyDescent="0.25">
      <c r="C1149"/>
      <c r="D1149"/>
    </row>
    <row r="1150" spans="3:4" x14ac:dyDescent="0.25">
      <c r="C1150"/>
      <c r="D1150"/>
    </row>
    <row r="1151" spans="3:4" x14ac:dyDescent="0.25">
      <c r="C1151"/>
      <c r="D1151"/>
    </row>
    <row r="1152" spans="3:4" x14ac:dyDescent="0.25">
      <c r="C1152"/>
      <c r="D1152"/>
    </row>
    <row r="1153" spans="3:4" x14ac:dyDescent="0.25">
      <c r="C1153"/>
      <c r="D1153"/>
    </row>
    <row r="1154" spans="3:4" x14ac:dyDescent="0.25">
      <c r="C1154"/>
      <c r="D1154"/>
    </row>
    <row r="1155" spans="3:4" x14ac:dyDescent="0.25">
      <c r="C1155"/>
      <c r="D1155"/>
    </row>
    <row r="1156" spans="3:4" x14ac:dyDescent="0.25">
      <c r="C1156"/>
      <c r="D1156"/>
    </row>
    <row r="1157" spans="3:4" x14ac:dyDescent="0.25">
      <c r="C1157"/>
      <c r="D1157"/>
    </row>
    <row r="1158" spans="3:4" x14ac:dyDescent="0.25">
      <c r="C1158"/>
      <c r="D1158"/>
    </row>
    <row r="1159" spans="3:4" x14ac:dyDescent="0.25">
      <c r="C1159"/>
      <c r="D1159"/>
    </row>
    <row r="1160" spans="3:4" x14ac:dyDescent="0.25">
      <c r="C1160"/>
      <c r="D1160"/>
    </row>
    <row r="1161" spans="3:4" x14ac:dyDescent="0.25">
      <c r="C1161"/>
      <c r="D1161"/>
    </row>
    <row r="1162" spans="3:4" x14ac:dyDescent="0.25">
      <c r="C1162"/>
      <c r="D1162"/>
    </row>
    <row r="1163" spans="3:4" x14ac:dyDescent="0.25">
      <c r="C1163"/>
      <c r="D1163"/>
    </row>
    <row r="1164" spans="3:4" x14ac:dyDescent="0.25">
      <c r="C1164"/>
      <c r="D1164"/>
    </row>
    <row r="1165" spans="3:4" x14ac:dyDescent="0.25">
      <c r="C1165"/>
      <c r="D1165"/>
    </row>
    <row r="1166" spans="3:4" x14ac:dyDescent="0.25">
      <c r="C1166"/>
      <c r="D1166"/>
    </row>
    <row r="1167" spans="3:4" x14ac:dyDescent="0.25">
      <c r="C1167"/>
      <c r="D1167"/>
    </row>
    <row r="1168" spans="3:4" x14ac:dyDescent="0.25">
      <c r="C1168"/>
      <c r="D1168"/>
    </row>
    <row r="1169" spans="3:4" x14ac:dyDescent="0.25">
      <c r="C1169"/>
      <c r="D1169"/>
    </row>
    <row r="1170" spans="3:4" x14ac:dyDescent="0.25">
      <c r="C1170"/>
      <c r="D1170"/>
    </row>
    <row r="1171" spans="3:4" x14ac:dyDescent="0.25">
      <c r="C1171"/>
      <c r="D1171"/>
    </row>
    <row r="1172" spans="3:4" x14ac:dyDescent="0.25">
      <c r="C1172"/>
      <c r="D1172"/>
    </row>
    <row r="1173" spans="3:4" x14ac:dyDescent="0.25">
      <c r="C1173"/>
      <c r="D1173"/>
    </row>
    <row r="1174" spans="3:4" x14ac:dyDescent="0.25">
      <c r="C1174"/>
      <c r="D1174"/>
    </row>
    <row r="1175" spans="3:4" x14ac:dyDescent="0.25">
      <c r="C1175"/>
      <c r="D1175"/>
    </row>
    <row r="1176" spans="3:4" x14ac:dyDescent="0.25">
      <c r="C1176"/>
      <c r="D1176"/>
    </row>
    <row r="1177" spans="3:4" x14ac:dyDescent="0.25">
      <c r="C1177"/>
      <c r="D1177"/>
    </row>
    <row r="1178" spans="3:4" x14ac:dyDescent="0.25">
      <c r="C1178"/>
      <c r="D1178"/>
    </row>
    <row r="1179" spans="3:4" x14ac:dyDescent="0.25">
      <c r="C1179"/>
      <c r="D1179"/>
    </row>
    <row r="1180" spans="3:4" x14ac:dyDescent="0.25">
      <c r="C1180"/>
      <c r="D1180"/>
    </row>
    <row r="1181" spans="3:4" x14ac:dyDescent="0.25">
      <c r="C1181"/>
      <c r="D1181"/>
    </row>
    <row r="1182" spans="3:4" x14ac:dyDescent="0.25">
      <c r="C1182"/>
      <c r="D1182"/>
    </row>
    <row r="1183" spans="3:4" x14ac:dyDescent="0.25">
      <c r="C1183"/>
      <c r="D1183"/>
    </row>
    <row r="1184" spans="3:4" x14ac:dyDescent="0.25">
      <c r="C1184"/>
      <c r="D1184"/>
    </row>
    <row r="1185" spans="3:4" x14ac:dyDescent="0.25">
      <c r="C1185"/>
      <c r="D1185"/>
    </row>
    <row r="1186" spans="3:4" x14ac:dyDescent="0.25">
      <c r="C1186"/>
      <c r="D1186"/>
    </row>
    <row r="1187" spans="3:4" x14ac:dyDescent="0.25">
      <c r="C1187"/>
      <c r="D1187"/>
    </row>
    <row r="1188" spans="3:4" x14ac:dyDescent="0.25">
      <c r="C1188"/>
      <c r="D1188"/>
    </row>
    <row r="1189" spans="3:4" x14ac:dyDescent="0.25">
      <c r="C1189"/>
      <c r="D1189"/>
    </row>
    <row r="1190" spans="3:4" x14ac:dyDescent="0.25">
      <c r="C1190"/>
      <c r="D1190"/>
    </row>
    <row r="1191" spans="3:4" x14ac:dyDescent="0.25">
      <c r="C1191"/>
      <c r="D1191"/>
    </row>
    <row r="1192" spans="3:4" x14ac:dyDescent="0.25">
      <c r="C1192"/>
      <c r="D1192"/>
    </row>
    <row r="1193" spans="3:4" x14ac:dyDescent="0.25">
      <c r="C1193"/>
      <c r="D1193"/>
    </row>
    <row r="1194" spans="3:4" x14ac:dyDescent="0.25">
      <c r="C1194"/>
      <c r="D1194"/>
    </row>
    <row r="1195" spans="3:4" x14ac:dyDescent="0.25">
      <c r="C1195"/>
      <c r="D1195"/>
    </row>
    <row r="1196" spans="3:4" x14ac:dyDescent="0.25">
      <c r="C1196"/>
      <c r="D1196"/>
    </row>
    <row r="1197" spans="3:4" x14ac:dyDescent="0.25">
      <c r="C1197"/>
      <c r="D1197"/>
    </row>
    <row r="1198" spans="3:4" x14ac:dyDescent="0.25">
      <c r="C1198"/>
      <c r="D1198"/>
    </row>
    <row r="1199" spans="3:4" x14ac:dyDescent="0.25">
      <c r="C1199"/>
      <c r="D1199"/>
    </row>
    <row r="1200" spans="3:4" x14ac:dyDescent="0.25">
      <c r="C1200"/>
      <c r="D1200"/>
    </row>
    <row r="1201" spans="3:4" x14ac:dyDescent="0.25">
      <c r="C1201"/>
      <c r="D1201"/>
    </row>
    <row r="1202" spans="3:4" x14ac:dyDescent="0.25">
      <c r="C1202"/>
      <c r="D1202"/>
    </row>
    <row r="1203" spans="3:4" x14ac:dyDescent="0.25">
      <c r="C1203"/>
      <c r="D1203"/>
    </row>
    <row r="1204" spans="3:4" x14ac:dyDescent="0.25">
      <c r="C1204"/>
      <c r="D1204"/>
    </row>
    <row r="1205" spans="3:4" x14ac:dyDescent="0.25">
      <c r="C1205"/>
      <c r="D1205"/>
    </row>
    <row r="1206" spans="3:4" x14ac:dyDescent="0.25">
      <c r="C1206"/>
      <c r="D1206"/>
    </row>
    <row r="1207" spans="3:4" x14ac:dyDescent="0.25">
      <c r="C1207"/>
      <c r="D1207"/>
    </row>
    <row r="1208" spans="3:4" x14ac:dyDescent="0.25">
      <c r="C1208"/>
      <c r="D1208"/>
    </row>
    <row r="1209" spans="3:4" x14ac:dyDescent="0.25">
      <c r="C1209"/>
      <c r="D1209"/>
    </row>
    <row r="1210" spans="3:4" x14ac:dyDescent="0.25">
      <c r="C1210"/>
      <c r="D1210"/>
    </row>
    <row r="1211" spans="3:4" x14ac:dyDescent="0.25">
      <c r="C1211"/>
      <c r="D1211"/>
    </row>
    <row r="1212" spans="3:4" x14ac:dyDescent="0.25">
      <c r="C1212"/>
      <c r="D1212"/>
    </row>
    <row r="1213" spans="3:4" x14ac:dyDescent="0.25">
      <c r="C1213"/>
      <c r="D1213"/>
    </row>
    <row r="1214" spans="3:4" x14ac:dyDescent="0.25">
      <c r="C1214"/>
      <c r="D1214"/>
    </row>
    <row r="1215" spans="3:4" x14ac:dyDescent="0.25">
      <c r="C1215"/>
      <c r="D1215"/>
    </row>
    <row r="1216" spans="3:4" x14ac:dyDescent="0.25">
      <c r="C1216"/>
      <c r="D1216"/>
    </row>
    <row r="1217" spans="3:4" x14ac:dyDescent="0.25">
      <c r="C1217"/>
      <c r="D1217"/>
    </row>
    <row r="1218" spans="3:4" x14ac:dyDescent="0.25">
      <c r="C1218"/>
      <c r="D1218"/>
    </row>
    <row r="1219" spans="3:4" x14ac:dyDescent="0.25">
      <c r="C1219"/>
      <c r="D1219"/>
    </row>
    <row r="1220" spans="3:4" x14ac:dyDescent="0.25">
      <c r="C1220"/>
      <c r="D1220"/>
    </row>
    <row r="1221" spans="3:4" x14ac:dyDescent="0.25">
      <c r="C1221"/>
      <c r="D1221"/>
    </row>
    <row r="1222" spans="3:4" x14ac:dyDescent="0.25">
      <c r="C1222"/>
      <c r="D1222"/>
    </row>
    <row r="1223" spans="3:4" x14ac:dyDescent="0.25">
      <c r="C1223"/>
      <c r="D1223"/>
    </row>
    <row r="1224" spans="3:4" x14ac:dyDescent="0.25">
      <c r="C1224"/>
      <c r="D1224"/>
    </row>
    <row r="1225" spans="3:4" x14ac:dyDescent="0.25">
      <c r="C1225"/>
      <c r="D1225"/>
    </row>
    <row r="1226" spans="3:4" x14ac:dyDescent="0.25">
      <c r="C1226"/>
      <c r="D1226"/>
    </row>
    <row r="1227" spans="3:4" x14ac:dyDescent="0.25">
      <c r="C1227"/>
      <c r="D1227"/>
    </row>
    <row r="1228" spans="3:4" x14ac:dyDescent="0.25">
      <c r="C1228"/>
      <c r="D1228"/>
    </row>
    <row r="1229" spans="3:4" x14ac:dyDescent="0.25">
      <c r="C1229"/>
      <c r="D1229"/>
    </row>
    <row r="1230" spans="3:4" x14ac:dyDescent="0.25">
      <c r="C1230"/>
      <c r="D1230"/>
    </row>
    <row r="1231" spans="3:4" x14ac:dyDescent="0.25">
      <c r="C1231"/>
      <c r="D1231"/>
    </row>
    <row r="1232" spans="3:4" x14ac:dyDescent="0.25">
      <c r="C1232"/>
      <c r="D1232"/>
    </row>
    <row r="1233" spans="3:4" x14ac:dyDescent="0.25">
      <c r="C1233"/>
      <c r="D1233"/>
    </row>
    <row r="1234" spans="3:4" x14ac:dyDescent="0.25">
      <c r="C1234"/>
      <c r="D1234"/>
    </row>
    <row r="1235" spans="3:4" x14ac:dyDescent="0.25">
      <c r="C1235"/>
      <c r="D1235"/>
    </row>
    <row r="1236" spans="3:4" x14ac:dyDescent="0.25">
      <c r="C1236"/>
      <c r="D1236"/>
    </row>
    <row r="1237" spans="3:4" x14ac:dyDescent="0.25">
      <c r="C1237"/>
      <c r="D1237"/>
    </row>
    <row r="1238" spans="3:4" x14ac:dyDescent="0.25">
      <c r="C1238"/>
      <c r="D1238"/>
    </row>
    <row r="1239" spans="3:4" x14ac:dyDescent="0.25">
      <c r="C1239"/>
      <c r="D1239"/>
    </row>
    <row r="1240" spans="3:4" x14ac:dyDescent="0.25">
      <c r="C1240"/>
      <c r="D1240"/>
    </row>
    <row r="1241" spans="3:4" x14ac:dyDescent="0.25">
      <c r="C1241"/>
      <c r="D1241"/>
    </row>
    <row r="1242" spans="3:4" x14ac:dyDescent="0.25">
      <c r="C1242"/>
      <c r="D1242"/>
    </row>
    <row r="1243" spans="3:4" x14ac:dyDescent="0.25">
      <c r="C1243"/>
      <c r="D1243"/>
    </row>
    <row r="1244" spans="3:4" x14ac:dyDescent="0.25">
      <c r="C1244"/>
      <c r="D1244"/>
    </row>
    <row r="1245" spans="3:4" x14ac:dyDescent="0.25">
      <c r="C1245"/>
      <c r="D1245"/>
    </row>
    <row r="1246" spans="3:4" x14ac:dyDescent="0.25">
      <c r="C1246"/>
      <c r="D1246"/>
    </row>
    <row r="1247" spans="3:4" x14ac:dyDescent="0.25">
      <c r="C1247"/>
      <c r="D1247"/>
    </row>
    <row r="1248" spans="3:4" x14ac:dyDescent="0.25">
      <c r="C1248"/>
      <c r="D1248"/>
    </row>
    <row r="1249" spans="3:4" x14ac:dyDescent="0.25">
      <c r="C1249"/>
      <c r="D1249"/>
    </row>
    <row r="1250" spans="3:4" x14ac:dyDescent="0.25">
      <c r="C1250"/>
      <c r="D1250"/>
    </row>
    <row r="1251" spans="3:4" x14ac:dyDescent="0.25">
      <c r="C1251"/>
      <c r="D1251"/>
    </row>
    <row r="1252" spans="3:4" x14ac:dyDescent="0.25">
      <c r="C1252"/>
      <c r="D1252"/>
    </row>
    <row r="1253" spans="3:4" x14ac:dyDescent="0.25">
      <c r="C1253"/>
      <c r="D1253"/>
    </row>
    <row r="1254" spans="3:4" x14ac:dyDescent="0.25">
      <c r="C1254"/>
      <c r="D1254"/>
    </row>
    <row r="1255" spans="3:4" x14ac:dyDescent="0.25">
      <c r="C1255"/>
      <c r="D1255"/>
    </row>
    <row r="1256" spans="3:4" x14ac:dyDescent="0.25">
      <c r="C1256"/>
      <c r="D1256"/>
    </row>
    <row r="1257" spans="3:4" x14ac:dyDescent="0.25">
      <c r="C1257"/>
      <c r="D1257"/>
    </row>
    <row r="1258" spans="3:4" x14ac:dyDescent="0.25">
      <c r="C1258"/>
      <c r="D1258"/>
    </row>
    <row r="1259" spans="3:4" x14ac:dyDescent="0.25">
      <c r="C1259"/>
      <c r="D1259"/>
    </row>
    <row r="1260" spans="3:4" x14ac:dyDescent="0.25">
      <c r="C1260"/>
      <c r="D1260"/>
    </row>
    <row r="1261" spans="3:4" x14ac:dyDescent="0.25">
      <c r="C1261"/>
      <c r="D1261"/>
    </row>
    <row r="1262" spans="3:4" x14ac:dyDescent="0.25">
      <c r="C1262"/>
      <c r="D1262"/>
    </row>
    <row r="1263" spans="3:4" x14ac:dyDescent="0.25">
      <c r="C1263"/>
      <c r="D1263"/>
    </row>
    <row r="1264" spans="3:4" x14ac:dyDescent="0.25">
      <c r="C1264"/>
      <c r="D1264"/>
    </row>
    <row r="1265" spans="3:4" x14ac:dyDescent="0.25">
      <c r="C1265"/>
      <c r="D1265"/>
    </row>
    <row r="1266" spans="3:4" x14ac:dyDescent="0.25">
      <c r="C1266"/>
      <c r="D1266"/>
    </row>
    <row r="1267" spans="3:4" x14ac:dyDescent="0.25">
      <c r="C1267"/>
      <c r="D1267"/>
    </row>
    <row r="1268" spans="3:4" x14ac:dyDescent="0.25">
      <c r="C1268"/>
      <c r="D1268"/>
    </row>
    <row r="1269" spans="3:4" x14ac:dyDescent="0.25">
      <c r="C1269"/>
      <c r="D1269"/>
    </row>
    <row r="1270" spans="3:4" x14ac:dyDescent="0.25">
      <c r="C1270"/>
      <c r="D1270"/>
    </row>
    <row r="1271" spans="3:4" x14ac:dyDescent="0.25">
      <c r="C1271"/>
      <c r="D1271"/>
    </row>
    <row r="1272" spans="3:4" x14ac:dyDescent="0.25">
      <c r="C1272"/>
      <c r="D1272"/>
    </row>
    <row r="1273" spans="3:4" x14ac:dyDescent="0.25">
      <c r="C1273"/>
      <c r="D1273"/>
    </row>
    <row r="1274" spans="3:4" x14ac:dyDescent="0.25">
      <c r="C1274"/>
      <c r="D1274"/>
    </row>
    <row r="1275" spans="3:4" x14ac:dyDescent="0.25">
      <c r="C1275"/>
      <c r="D1275"/>
    </row>
    <row r="1276" spans="3:4" x14ac:dyDescent="0.25">
      <c r="C1276"/>
      <c r="D1276"/>
    </row>
    <row r="1277" spans="3:4" x14ac:dyDescent="0.25">
      <c r="C1277"/>
      <c r="D1277"/>
    </row>
    <row r="1278" spans="3:4" x14ac:dyDescent="0.25">
      <c r="C1278"/>
      <c r="D1278"/>
    </row>
    <row r="1279" spans="3:4" x14ac:dyDescent="0.25">
      <c r="C1279"/>
      <c r="D1279"/>
    </row>
    <row r="1280" spans="3:4" x14ac:dyDescent="0.25">
      <c r="C1280"/>
      <c r="D1280"/>
    </row>
    <row r="1281" spans="3:4" x14ac:dyDescent="0.25">
      <c r="C1281"/>
      <c r="D1281"/>
    </row>
    <row r="1282" spans="3:4" x14ac:dyDescent="0.25">
      <c r="C1282"/>
      <c r="D1282"/>
    </row>
    <row r="1283" spans="3:4" x14ac:dyDescent="0.25">
      <c r="C1283"/>
      <c r="D1283"/>
    </row>
    <row r="1284" spans="3:4" x14ac:dyDescent="0.25">
      <c r="C1284"/>
      <c r="D1284"/>
    </row>
    <row r="1285" spans="3:4" x14ac:dyDescent="0.25">
      <c r="C1285"/>
      <c r="D1285"/>
    </row>
    <row r="1286" spans="3:4" x14ac:dyDescent="0.25">
      <c r="C1286"/>
      <c r="D1286"/>
    </row>
    <row r="1287" spans="3:4" x14ac:dyDescent="0.25">
      <c r="C1287"/>
      <c r="D1287"/>
    </row>
    <row r="1288" spans="3:4" x14ac:dyDescent="0.25">
      <c r="C1288"/>
      <c r="D1288"/>
    </row>
    <row r="1289" spans="3:4" x14ac:dyDescent="0.25">
      <c r="C1289"/>
      <c r="D1289"/>
    </row>
    <row r="1290" spans="3:4" x14ac:dyDescent="0.25">
      <c r="C1290"/>
      <c r="D1290"/>
    </row>
    <row r="1291" spans="3:4" x14ac:dyDescent="0.25">
      <c r="C1291"/>
      <c r="D1291"/>
    </row>
    <row r="1292" spans="3:4" x14ac:dyDescent="0.25">
      <c r="C1292"/>
      <c r="D1292"/>
    </row>
    <row r="1293" spans="3:4" x14ac:dyDescent="0.25">
      <c r="C1293"/>
      <c r="D1293"/>
    </row>
    <row r="1294" spans="3:4" x14ac:dyDescent="0.25">
      <c r="C1294"/>
      <c r="D1294"/>
    </row>
    <row r="1295" spans="3:4" x14ac:dyDescent="0.25">
      <c r="C1295"/>
      <c r="D1295"/>
    </row>
    <row r="1296" spans="3:4" x14ac:dyDescent="0.25">
      <c r="C1296"/>
      <c r="D1296"/>
    </row>
    <row r="1297" spans="3:4" x14ac:dyDescent="0.25">
      <c r="C1297"/>
      <c r="D1297"/>
    </row>
    <row r="1298" spans="3:4" x14ac:dyDescent="0.25">
      <c r="C1298"/>
      <c r="D1298"/>
    </row>
    <row r="1299" spans="3:4" x14ac:dyDescent="0.25">
      <c r="C1299"/>
      <c r="D1299"/>
    </row>
    <row r="1300" spans="3:4" x14ac:dyDescent="0.25">
      <c r="C1300"/>
      <c r="D1300"/>
    </row>
    <row r="1301" spans="3:4" x14ac:dyDescent="0.25">
      <c r="C1301"/>
      <c r="D1301"/>
    </row>
    <row r="1302" spans="3:4" x14ac:dyDescent="0.25">
      <c r="C1302"/>
      <c r="D1302"/>
    </row>
    <row r="1303" spans="3:4" x14ac:dyDescent="0.25">
      <c r="C1303"/>
      <c r="D1303"/>
    </row>
    <row r="1304" spans="3:4" x14ac:dyDescent="0.25">
      <c r="C1304"/>
      <c r="D1304"/>
    </row>
    <row r="1305" spans="3:4" x14ac:dyDescent="0.25">
      <c r="C1305"/>
      <c r="D1305"/>
    </row>
    <row r="1306" spans="3:4" x14ac:dyDescent="0.25">
      <c r="C1306"/>
      <c r="D1306"/>
    </row>
    <row r="1307" spans="3:4" x14ac:dyDescent="0.25">
      <c r="C1307"/>
      <c r="D1307"/>
    </row>
    <row r="1308" spans="3:4" x14ac:dyDescent="0.25">
      <c r="C1308"/>
      <c r="D1308"/>
    </row>
    <row r="1309" spans="3:4" x14ac:dyDescent="0.25">
      <c r="C1309"/>
      <c r="D1309"/>
    </row>
    <row r="1310" spans="3:4" x14ac:dyDescent="0.25">
      <c r="C1310"/>
      <c r="D1310"/>
    </row>
    <row r="1311" spans="3:4" x14ac:dyDescent="0.25">
      <c r="C1311"/>
      <c r="D1311"/>
    </row>
    <row r="1312" spans="3:4" x14ac:dyDescent="0.25">
      <c r="C1312"/>
      <c r="D1312"/>
    </row>
    <row r="1313" spans="3:4" x14ac:dyDescent="0.25">
      <c r="C1313"/>
      <c r="D1313"/>
    </row>
    <row r="1314" spans="3:4" x14ac:dyDescent="0.25">
      <c r="C1314"/>
      <c r="D1314"/>
    </row>
    <row r="1315" spans="3:4" x14ac:dyDescent="0.25">
      <c r="C1315"/>
      <c r="D1315"/>
    </row>
    <row r="1316" spans="3:4" x14ac:dyDescent="0.25">
      <c r="C1316"/>
      <c r="D1316"/>
    </row>
    <row r="1317" spans="3:4" x14ac:dyDescent="0.25">
      <c r="C1317"/>
      <c r="D1317"/>
    </row>
    <row r="1318" spans="3:4" x14ac:dyDescent="0.25">
      <c r="C1318"/>
      <c r="D1318"/>
    </row>
    <row r="1319" spans="3:4" x14ac:dyDescent="0.25">
      <c r="C1319"/>
      <c r="D1319"/>
    </row>
    <row r="1320" spans="3:4" x14ac:dyDescent="0.25">
      <c r="C1320"/>
      <c r="D1320"/>
    </row>
    <row r="1321" spans="3:4" x14ac:dyDescent="0.25">
      <c r="C1321"/>
      <c r="D1321"/>
    </row>
    <row r="1322" spans="3:4" x14ac:dyDescent="0.25">
      <c r="C1322"/>
      <c r="D1322"/>
    </row>
    <row r="1323" spans="3:4" x14ac:dyDescent="0.25">
      <c r="C1323"/>
      <c r="D1323"/>
    </row>
    <row r="1324" spans="3:4" x14ac:dyDescent="0.25">
      <c r="C1324"/>
      <c r="D1324"/>
    </row>
    <row r="1325" spans="3:4" x14ac:dyDescent="0.25">
      <c r="C1325"/>
      <c r="D1325"/>
    </row>
    <row r="1326" spans="3:4" x14ac:dyDescent="0.25">
      <c r="C1326"/>
      <c r="D1326"/>
    </row>
    <row r="1327" spans="3:4" x14ac:dyDescent="0.25">
      <c r="C1327"/>
      <c r="D1327"/>
    </row>
    <row r="1328" spans="3:4" x14ac:dyDescent="0.25">
      <c r="C1328"/>
      <c r="D1328"/>
    </row>
    <row r="1329" spans="3:4" x14ac:dyDescent="0.25">
      <c r="C1329"/>
      <c r="D1329"/>
    </row>
    <row r="1330" spans="3:4" x14ac:dyDescent="0.25">
      <c r="C1330"/>
      <c r="D1330"/>
    </row>
    <row r="1331" spans="3:4" x14ac:dyDescent="0.25">
      <c r="C1331"/>
      <c r="D1331"/>
    </row>
    <row r="1332" spans="3:4" x14ac:dyDescent="0.25">
      <c r="C1332"/>
      <c r="D1332"/>
    </row>
    <row r="1333" spans="3:4" x14ac:dyDescent="0.25">
      <c r="C1333"/>
      <c r="D1333"/>
    </row>
    <row r="1334" spans="3:4" x14ac:dyDescent="0.25">
      <c r="C1334"/>
      <c r="D1334"/>
    </row>
    <row r="1335" spans="3:4" x14ac:dyDescent="0.25">
      <c r="C1335"/>
      <c r="D1335"/>
    </row>
    <row r="1336" spans="3:4" x14ac:dyDescent="0.25">
      <c r="C1336"/>
      <c r="D1336"/>
    </row>
    <row r="1337" spans="3:4" x14ac:dyDescent="0.25">
      <c r="C1337"/>
      <c r="D1337"/>
    </row>
    <row r="1338" spans="3:4" x14ac:dyDescent="0.25">
      <c r="C1338"/>
      <c r="D1338"/>
    </row>
    <row r="1339" spans="3:4" x14ac:dyDescent="0.25">
      <c r="C1339"/>
      <c r="D1339"/>
    </row>
    <row r="1340" spans="3:4" x14ac:dyDescent="0.25">
      <c r="C1340"/>
      <c r="D1340"/>
    </row>
    <row r="1341" spans="3:4" x14ac:dyDescent="0.25">
      <c r="C1341"/>
      <c r="D1341"/>
    </row>
    <row r="1342" spans="3:4" x14ac:dyDescent="0.25">
      <c r="C1342"/>
      <c r="D1342"/>
    </row>
    <row r="1343" spans="3:4" x14ac:dyDescent="0.25">
      <c r="C1343"/>
      <c r="D1343"/>
    </row>
    <row r="1344" spans="3:4" x14ac:dyDescent="0.25">
      <c r="C1344"/>
      <c r="D1344"/>
    </row>
    <row r="1345" spans="3:4" x14ac:dyDescent="0.25">
      <c r="C1345"/>
      <c r="D1345"/>
    </row>
    <row r="1346" spans="3:4" x14ac:dyDescent="0.25">
      <c r="C1346"/>
      <c r="D1346"/>
    </row>
    <row r="1347" spans="3:4" x14ac:dyDescent="0.25">
      <c r="C1347"/>
      <c r="D1347"/>
    </row>
    <row r="1348" spans="3:4" x14ac:dyDescent="0.25">
      <c r="C1348"/>
      <c r="D1348"/>
    </row>
    <row r="1349" spans="3:4" x14ac:dyDescent="0.25">
      <c r="C1349"/>
      <c r="D1349"/>
    </row>
    <row r="1350" spans="3:4" x14ac:dyDescent="0.25">
      <c r="C1350"/>
      <c r="D1350"/>
    </row>
    <row r="1351" spans="3:4" x14ac:dyDescent="0.25">
      <c r="C1351"/>
      <c r="D1351"/>
    </row>
    <row r="1352" spans="3:4" x14ac:dyDescent="0.25">
      <c r="C1352"/>
      <c r="D1352"/>
    </row>
    <row r="1353" spans="3:4" x14ac:dyDescent="0.25">
      <c r="C1353"/>
      <c r="D1353"/>
    </row>
    <row r="1354" spans="3:4" x14ac:dyDescent="0.25">
      <c r="C1354"/>
      <c r="D1354"/>
    </row>
    <row r="1355" spans="3:4" x14ac:dyDescent="0.25">
      <c r="C1355"/>
      <c r="D1355"/>
    </row>
    <row r="1356" spans="3:4" x14ac:dyDescent="0.25">
      <c r="C1356"/>
      <c r="D1356"/>
    </row>
    <row r="1357" spans="3:4" x14ac:dyDescent="0.25">
      <c r="C1357"/>
      <c r="D1357"/>
    </row>
    <row r="1358" spans="3:4" x14ac:dyDescent="0.25">
      <c r="C1358"/>
      <c r="D1358"/>
    </row>
    <row r="1359" spans="3:4" x14ac:dyDescent="0.25">
      <c r="C1359"/>
      <c r="D1359"/>
    </row>
    <row r="1360" spans="3:4" x14ac:dyDescent="0.25">
      <c r="C1360"/>
      <c r="D1360"/>
    </row>
    <row r="1361" spans="3:4" x14ac:dyDescent="0.25">
      <c r="C1361"/>
      <c r="D1361"/>
    </row>
    <row r="1362" spans="3:4" x14ac:dyDescent="0.25">
      <c r="C1362"/>
      <c r="D1362"/>
    </row>
    <row r="1363" spans="3:4" x14ac:dyDescent="0.25">
      <c r="C1363"/>
      <c r="D1363"/>
    </row>
    <row r="1364" spans="3:4" x14ac:dyDescent="0.25">
      <c r="C1364"/>
      <c r="D1364"/>
    </row>
    <row r="1365" spans="3:4" x14ac:dyDescent="0.25">
      <c r="C1365"/>
      <c r="D1365"/>
    </row>
    <row r="1366" spans="3:4" x14ac:dyDescent="0.25">
      <c r="C1366"/>
      <c r="D1366"/>
    </row>
    <row r="1367" spans="3:4" x14ac:dyDescent="0.25">
      <c r="C1367"/>
      <c r="D1367"/>
    </row>
    <row r="1368" spans="3:4" x14ac:dyDescent="0.25">
      <c r="C1368"/>
      <c r="D1368"/>
    </row>
    <row r="1369" spans="3:4" x14ac:dyDescent="0.25">
      <c r="C1369"/>
      <c r="D1369"/>
    </row>
    <row r="1370" spans="3:4" x14ac:dyDescent="0.25">
      <c r="C1370"/>
      <c r="D1370"/>
    </row>
    <row r="1371" spans="3:4" x14ac:dyDescent="0.25">
      <c r="C1371"/>
      <c r="D1371"/>
    </row>
    <row r="1372" spans="3:4" x14ac:dyDescent="0.25">
      <c r="C1372"/>
      <c r="D1372"/>
    </row>
    <row r="1373" spans="3:4" x14ac:dyDescent="0.25">
      <c r="C1373"/>
      <c r="D1373"/>
    </row>
    <row r="1374" spans="3:4" x14ac:dyDescent="0.25">
      <c r="C1374"/>
      <c r="D1374"/>
    </row>
    <row r="1375" spans="3:4" x14ac:dyDescent="0.25">
      <c r="C1375"/>
      <c r="D1375"/>
    </row>
    <row r="1376" spans="3:4" x14ac:dyDescent="0.25">
      <c r="C1376"/>
      <c r="D1376"/>
    </row>
    <row r="1377" spans="3:4" x14ac:dyDescent="0.25">
      <c r="C1377"/>
      <c r="D1377"/>
    </row>
    <row r="1378" spans="3:4" x14ac:dyDescent="0.25">
      <c r="C1378"/>
      <c r="D1378"/>
    </row>
    <row r="1379" spans="3:4" x14ac:dyDescent="0.25">
      <c r="C1379"/>
      <c r="D1379"/>
    </row>
    <row r="1380" spans="3:4" x14ac:dyDescent="0.25">
      <c r="C1380"/>
      <c r="D1380"/>
    </row>
    <row r="1381" spans="3:4" x14ac:dyDescent="0.25">
      <c r="C1381"/>
      <c r="D1381"/>
    </row>
    <row r="1382" spans="3:4" x14ac:dyDescent="0.25">
      <c r="C1382"/>
      <c r="D1382"/>
    </row>
    <row r="1383" spans="3:4" x14ac:dyDescent="0.25">
      <c r="C1383"/>
      <c r="D1383"/>
    </row>
    <row r="1384" spans="3:4" x14ac:dyDescent="0.25">
      <c r="C1384"/>
      <c r="D1384"/>
    </row>
    <row r="1385" spans="3:4" x14ac:dyDescent="0.25">
      <c r="C1385"/>
      <c r="D1385"/>
    </row>
    <row r="1386" spans="3:4" x14ac:dyDescent="0.25">
      <c r="C1386"/>
      <c r="D1386"/>
    </row>
    <row r="1387" spans="3:4" x14ac:dyDescent="0.25">
      <c r="C1387"/>
      <c r="D1387"/>
    </row>
    <row r="1388" spans="3:4" x14ac:dyDescent="0.25">
      <c r="C1388"/>
      <c r="D1388"/>
    </row>
    <row r="1389" spans="3:4" x14ac:dyDescent="0.25">
      <c r="C1389"/>
      <c r="D1389"/>
    </row>
    <row r="1390" spans="3:4" x14ac:dyDescent="0.25">
      <c r="C1390"/>
      <c r="D1390"/>
    </row>
    <row r="1391" spans="3:4" x14ac:dyDescent="0.25">
      <c r="C1391"/>
      <c r="D1391"/>
    </row>
    <row r="1392" spans="3:4" x14ac:dyDescent="0.25">
      <c r="C1392"/>
      <c r="D1392"/>
    </row>
    <row r="1393" spans="3:4" x14ac:dyDescent="0.25">
      <c r="C1393"/>
      <c r="D1393"/>
    </row>
    <row r="1394" spans="3:4" x14ac:dyDescent="0.25">
      <c r="C1394"/>
      <c r="D1394"/>
    </row>
    <row r="1395" spans="3:4" x14ac:dyDescent="0.25">
      <c r="C1395"/>
      <c r="D1395"/>
    </row>
    <row r="1396" spans="3:4" x14ac:dyDescent="0.25">
      <c r="C1396"/>
      <c r="D1396"/>
    </row>
    <row r="1397" spans="3:4" x14ac:dyDescent="0.25">
      <c r="C1397"/>
      <c r="D1397"/>
    </row>
    <row r="1398" spans="3:4" x14ac:dyDescent="0.25">
      <c r="C1398"/>
      <c r="D1398"/>
    </row>
    <row r="1399" spans="3:4" x14ac:dyDescent="0.25">
      <c r="C1399"/>
      <c r="D1399"/>
    </row>
    <row r="1400" spans="3:4" x14ac:dyDescent="0.25">
      <c r="C1400"/>
      <c r="D1400"/>
    </row>
    <row r="1401" spans="3:4" x14ac:dyDescent="0.25">
      <c r="C1401"/>
      <c r="D1401"/>
    </row>
    <row r="1402" spans="3:4" x14ac:dyDescent="0.25">
      <c r="C1402"/>
      <c r="D1402"/>
    </row>
    <row r="1403" spans="3:4" x14ac:dyDescent="0.25">
      <c r="C1403"/>
      <c r="D1403"/>
    </row>
    <row r="1404" spans="3:4" x14ac:dyDescent="0.25">
      <c r="C1404"/>
      <c r="D1404"/>
    </row>
    <row r="1405" spans="3:4" x14ac:dyDescent="0.25">
      <c r="C1405"/>
      <c r="D1405"/>
    </row>
    <row r="1406" spans="3:4" x14ac:dyDescent="0.25">
      <c r="C1406"/>
      <c r="D1406"/>
    </row>
    <row r="1407" spans="3:4" x14ac:dyDescent="0.25">
      <c r="C1407"/>
      <c r="D1407"/>
    </row>
    <row r="1408" spans="3:4" x14ac:dyDescent="0.25">
      <c r="C1408"/>
      <c r="D1408"/>
    </row>
    <row r="1409" spans="3:4" x14ac:dyDescent="0.25">
      <c r="C1409"/>
      <c r="D1409"/>
    </row>
    <row r="1410" spans="3:4" x14ac:dyDescent="0.25">
      <c r="C1410"/>
      <c r="D1410"/>
    </row>
    <row r="1411" spans="3:4" x14ac:dyDescent="0.25">
      <c r="C1411"/>
      <c r="D1411"/>
    </row>
    <row r="1412" spans="3:4" x14ac:dyDescent="0.25">
      <c r="C1412"/>
      <c r="D1412"/>
    </row>
    <row r="1413" spans="3:4" x14ac:dyDescent="0.25">
      <c r="C1413"/>
      <c r="D1413"/>
    </row>
    <row r="1414" spans="3:4" x14ac:dyDescent="0.25">
      <c r="C1414"/>
      <c r="D1414"/>
    </row>
    <row r="1415" spans="3:4" x14ac:dyDescent="0.25">
      <c r="C1415"/>
      <c r="D1415"/>
    </row>
    <row r="1416" spans="3:4" x14ac:dyDescent="0.25">
      <c r="C1416"/>
      <c r="D1416"/>
    </row>
    <row r="1417" spans="3:4" x14ac:dyDescent="0.25">
      <c r="C1417"/>
      <c r="D1417"/>
    </row>
    <row r="1418" spans="3:4" x14ac:dyDescent="0.25">
      <c r="C1418"/>
      <c r="D1418"/>
    </row>
    <row r="1419" spans="3:4" x14ac:dyDescent="0.25">
      <c r="C1419"/>
      <c r="D1419"/>
    </row>
    <row r="1420" spans="3:4" x14ac:dyDescent="0.25">
      <c r="C1420"/>
      <c r="D1420"/>
    </row>
    <row r="1421" spans="3:4" x14ac:dyDescent="0.25">
      <c r="C1421"/>
      <c r="D1421"/>
    </row>
    <row r="1422" spans="3:4" x14ac:dyDescent="0.25">
      <c r="C1422"/>
      <c r="D1422"/>
    </row>
    <row r="1423" spans="3:4" x14ac:dyDescent="0.25">
      <c r="C1423"/>
      <c r="D1423"/>
    </row>
    <row r="1424" spans="3:4" x14ac:dyDescent="0.25">
      <c r="C1424"/>
      <c r="D1424"/>
    </row>
    <row r="1425" spans="3:4" x14ac:dyDescent="0.25">
      <c r="C1425"/>
      <c r="D1425"/>
    </row>
    <row r="1426" spans="3:4" x14ac:dyDescent="0.25">
      <c r="C1426"/>
      <c r="D1426"/>
    </row>
    <row r="1427" spans="3:4" x14ac:dyDescent="0.25">
      <c r="C1427"/>
      <c r="D1427"/>
    </row>
    <row r="1428" spans="3:4" x14ac:dyDescent="0.25">
      <c r="C1428"/>
      <c r="D1428"/>
    </row>
    <row r="1429" spans="3:4" x14ac:dyDescent="0.25">
      <c r="C1429"/>
      <c r="D1429"/>
    </row>
    <row r="1430" spans="3:4" x14ac:dyDescent="0.25">
      <c r="C1430"/>
      <c r="D1430"/>
    </row>
    <row r="1431" spans="3:4" x14ac:dyDescent="0.25">
      <c r="C1431"/>
      <c r="D1431"/>
    </row>
    <row r="1432" spans="3:4" x14ac:dyDescent="0.25">
      <c r="C1432"/>
      <c r="D1432"/>
    </row>
    <row r="1433" spans="3:4" x14ac:dyDescent="0.25">
      <c r="C1433"/>
      <c r="D1433"/>
    </row>
    <row r="1434" spans="3:4" x14ac:dyDescent="0.25">
      <c r="C1434"/>
      <c r="D1434"/>
    </row>
    <row r="1435" spans="3:4" x14ac:dyDescent="0.25">
      <c r="C1435"/>
      <c r="D1435"/>
    </row>
    <row r="1436" spans="3:4" x14ac:dyDescent="0.25">
      <c r="C1436"/>
      <c r="D1436"/>
    </row>
    <row r="1437" spans="3:4" x14ac:dyDescent="0.25">
      <c r="C1437"/>
      <c r="D1437"/>
    </row>
    <row r="1438" spans="3:4" x14ac:dyDescent="0.25">
      <c r="C1438"/>
      <c r="D1438"/>
    </row>
    <row r="1439" spans="3:4" x14ac:dyDescent="0.25">
      <c r="C1439"/>
      <c r="D1439"/>
    </row>
    <row r="1440" spans="3:4" x14ac:dyDescent="0.25">
      <c r="C1440"/>
      <c r="D1440"/>
    </row>
    <row r="1441" spans="3:4" x14ac:dyDescent="0.25">
      <c r="C1441"/>
      <c r="D1441"/>
    </row>
    <row r="1442" spans="3:4" x14ac:dyDescent="0.25">
      <c r="C1442"/>
      <c r="D1442"/>
    </row>
    <row r="1443" spans="3:4" x14ac:dyDescent="0.25">
      <c r="C1443"/>
      <c r="D1443"/>
    </row>
    <row r="1444" spans="3:4" x14ac:dyDescent="0.25">
      <c r="C1444"/>
      <c r="D1444"/>
    </row>
    <row r="1445" spans="3:4" x14ac:dyDescent="0.25">
      <c r="C1445"/>
      <c r="D1445"/>
    </row>
    <row r="1446" spans="3:4" x14ac:dyDescent="0.25">
      <c r="C1446"/>
      <c r="D1446"/>
    </row>
    <row r="1447" spans="3:4" x14ac:dyDescent="0.25">
      <c r="C1447"/>
      <c r="D1447"/>
    </row>
    <row r="1448" spans="3:4" x14ac:dyDescent="0.25">
      <c r="C1448"/>
      <c r="D1448"/>
    </row>
    <row r="1449" spans="3:4" x14ac:dyDescent="0.25">
      <c r="C1449"/>
      <c r="D1449"/>
    </row>
    <row r="1450" spans="3:4" x14ac:dyDescent="0.25">
      <c r="C1450"/>
      <c r="D1450"/>
    </row>
    <row r="1451" spans="3:4" x14ac:dyDescent="0.25">
      <c r="C1451"/>
      <c r="D1451"/>
    </row>
    <row r="1452" spans="3:4" x14ac:dyDescent="0.25">
      <c r="C1452"/>
      <c r="D1452"/>
    </row>
    <row r="1453" spans="3:4" x14ac:dyDescent="0.25">
      <c r="C1453"/>
      <c r="D1453"/>
    </row>
    <row r="1454" spans="3:4" x14ac:dyDescent="0.25">
      <c r="C1454"/>
      <c r="D1454"/>
    </row>
    <row r="1455" spans="3:4" x14ac:dyDescent="0.25">
      <c r="C1455"/>
      <c r="D1455"/>
    </row>
    <row r="1456" spans="3:4" x14ac:dyDescent="0.25">
      <c r="C1456"/>
      <c r="D1456"/>
    </row>
    <row r="1457" spans="3:4" x14ac:dyDescent="0.25">
      <c r="C1457"/>
      <c r="D1457"/>
    </row>
    <row r="1458" spans="3:4" x14ac:dyDescent="0.25">
      <c r="C1458"/>
      <c r="D1458"/>
    </row>
    <row r="1459" spans="3:4" x14ac:dyDescent="0.25">
      <c r="C1459"/>
      <c r="D1459"/>
    </row>
    <row r="1460" spans="3:4" x14ac:dyDescent="0.25">
      <c r="C1460"/>
      <c r="D1460"/>
    </row>
    <row r="1461" spans="3:4" x14ac:dyDescent="0.25">
      <c r="C1461"/>
      <c r="D1461"/>
    </row>
    <row r="1462" spans="3:4" x14ac:dyDescent="0.25">
      <c r="C1462"/>
      <c r="D1462"/>
    </row>
    <row r="1463" spans="3:4" x14ac:dyDescent="0.25">
      <c r="C1463"/>
      <c r="D1463"/>
    </row>
    <row r="1464" spans="3:4" x14ac:dyDescent="0.25">
      <c r="C1464"/>
      <c r="D1464"/>
    </row>
    <row r="1465" spans="3:4" x14ac:dyDescent="0.25">
      <c r="C1465"/>
      <c r="D1465"/>
    </row>
    <row r="1466" spans="3:4" x14ac:dyDescent="0.25">
      <c r="C1466"/>
      <c r="D1466"/>
    </row>
    <row r="1467" spans="3:4" x14ac:dyDescent="0.25">
      <c r="C1467"/>
      <c r="D1467"/>
    </row>
    <row r="1468" spans="3:4" x14ac:dyDescent="0.25">
      <c r="C1468"/>
      <c r="D1468"/>
    </row>
    <row r="1469" spans="3:4" x14ac:dyDescent="0.25">
      <c r="C1469"/>
      <c r="D1469"/>
    </row>
    <row r="1470" spans="3:4" x14ac:dyDescent="0.25">
      <c r="C1470"/>
      <c r="D1470"/>
    </row>
    <row r="1471" spans="3:4" x14ac:dyDescent="0.25">
      <c r="C1471"/>
      <c r="D1471"/>
    </row>
    <row r="1472" spans="3:4" x14ac:dyDescent="0.25">
      <c r="C1472"/>
      <c r="D1472"/>
    </row>
    <row r="1473" spans="3:4" x14ac:dyDescent="0.25">
      <c r="C1473"/>
      <c r="D1473"/>
    </row>
    <row r="1474" spans="3:4" x14ac:dyDescent="0.25">
      <c r="C1474"/>
      <c r="D1474"/>
    </row>
    <row r="1475" spans="3:4" x14ac:dyDescent="0.25">
      <c r="C1475"/>
      <c r="D1475"/>
    </row>
    <row r="1476" spans="3:4" x14ac:dyDescent="0.25">
      <c r="C1476"/>
      <c r="D1476"/>
    </row>
    <row r="1477" spans="3:4" x14ac:dyDescent="0.25">
      <c r="C1477"/>
      <c r="D1477"/>
    </row>
    <row r="1478" spans="3:4" x14ac:dyDescent="0.25">
      <c r="C1478"/>
      <c r="D1478"/>
    </row>
    <row r="1479" spans="3:4" x14ac:dyDescent="0.25">
      <c r="C1479"/>
      <c r="D1479"/>
    </row>
    <row r="1480" spans="3:4" x14ac:dyDescent="0.25">
      <c r="C1480"/>
      <c r="D1480"/>
    </row>
    <row r="1481" spans="3:4" x14ac:dyDescent="0.25">
      <c r="C1481"/>
      <c r="D1481"/>
    </row>
    <row r="1482" spans="3:4" x14ac:dyDescent="0.25">
      <c r="C1482"/>
      <c r="D1482"/>
    </row>
    <row r="1483" spans="3:4" x14ac:dyDescent="0.25">
      <c r="C1483"/>
      <c r="D1483"/>
    </row>
    <row r="1484" spans="3:4" x14ac:dyDescent="0.25">
      <c r="C1484"/>
      <c r="D1484"/>
    </row>
    <row r="1485" spans="3:4" x14ac:dyDescent="0.25">
      <c r="C1485"/>
      <c r="D1485"/>
    </row>
    <row r="1486" spans="3:4" x14ac:dyDescent="0.25">
      <c r="C1486"/>
      <c r="D1486"/>
    </row>
    <row r="1487" spans="3:4" x14ac:dyDescent="0.25">
      <c r="C1487"/>
      <c r="D1487"/>
    </row>
    <row r="1488" spans="3:4" x14ac:dyDescent="0.25">
      <c r="C1488"/>
      <c r="D1488"/>
    </row>
    <row r="1489" spans="3:4" x14ac:dyDescent="0.25">
      <c r="C1489"/>
      <c r="D1489"/>
    </row>
    <row r="1490" spans="3:4" x14ac:dyDescent="0.25">
      <c r="C1490"/>
      <c r="D1490"/>
    </row>
    <row r="1491" spans="3:4" x14ac:dyDescent="0.25">
      <c r="C1491"/>
      <c r="D1491"/>
    </row>
    <row r="1492" spans="3:4" x14ac:dyDescent="0.25">
      <c r="C1492"/>
      <c r="D1492"/>
    </row>
    <row r="1493" spans="3:4" x14ac:dyDescent="0.25">
      <c r="C1493"/>
      <c r="D1493"/>
    </row>
    <row r="1494" spans="3:4" x14ac:dyDescent="0.25">
      <c r="C1494"/>
      <c r="D1494"/>
    </row>
    <row r="1495" spans="3:4" x14ac:dyDescent="0.25">
      <c r="C1495"/>
      <c r="D1495"/>
    </row>
    <row r="1496" spans="3:4" x14ac:dyDescent="0.25">
      <c r="C1496"/>
      <c r="D1496"/>
    </row>
    <row r="1497" spans="3:4" x14ac:dyDescent="0.25">
      <c r="C1497"/>
      <c r="D1497"/>
    </row>
    <row r="1498" spans="3:4" x14ac:dyDescent="0.25">
      <c r="C1498"/>
      <c r="D1498"/>
    </row>
    <row r="1499" spans="3:4" x14ac:dyDescent="0.25">
      <c r="C1499"/>
      <c r="D1499"/>
    </row>
    <row r="1500" spans="3:4" x14ac:dyDescent="0.25">
      <c r="C1500"/>
      <c r="D1500"/>
    </row>
    <row r="1501" spans="3:4" x14ac:dyDescent="0.25">
      <c r="C1501"/>
      <c r="D1501"/>
    </row>
    <row r="1502" spans="3:4" x14ac:dyDescent="0.25">
      <c r="C1502"/>
      <c r="D1502"/>
    </row>
    <row r="1503" spans="3:4" x14ac:dyDescent="0.25">
      <c r="C1503"/>
      <c r="D1503"/>
    </row>
    <row r="1504" spans="3:4" x14ac:dyDescent="0.25">
      <c r="C1504"/>
      <c r="D1504"/>
    </row>
    <row r="1505" spans="3:4" x14ac:dyDescent="0.25">
      <c r="C1505"/>
      <c r="D1505"/>
    </row>
    <row r="1506" spans="3:4" x14ac:dyDescent="0.25">
      <c r="C1506"/>
      <c r="D1506"/>
    </row>
    <row r="1507" spans="3:4" x14ac:dyDescent="0.25">
      <c r="C1507"/>
      <c r="D1507"/>
    </row>
    <row r="1508" spans="3:4" x14ac:dyDescent="0.25">
      <c r="C1508"/>
      <c r="D1508"/>
    </row>
    <row r="1509" spans="3:4" x14ac:dyDescent="0.25">
      <c r="C1509"/>
      <c r="D1509"/>
    </row>
    <row r="1510" spans="3:4" x14ac:dyDescent="0.25">
      <c r="C1510"/>
      <c r="D1510"/>
    </row>
    <row r="1511" spans="3:4" x14ac:dyDescent="0.25">
      <c r="C1511"/>
      <c r="D1511"/>
    </row>
    <row r="1512" spans="3:4" x14ac:dyDescent="0.25">
      <c r="C1512"/>
      <c r="D1512"/>
    </row>
    <row r="1513" spans="3:4" x14ac:dyDescent="0.25">
      <c r="C1513"/>
      <c r="D1513"/>
    </row>
    <row r="1514" spans="3:4" x14ac:dyDescent="0.25">
      <c r="C1514"/>
      <c r="D1514"/>
    </row>
    <row r="1515" spans="3:4" x14ac:dyDescent="0.25">
      <c r="C1515"/>
      <c r="D1515"/>
    </row>
    <row r="1516" spans="3:4" x14ac:dyDescent="0.25">
      <c r="C1516"/>
      <c r="D1516"/>
    </row>
    <row r="1517" spans="3:4" x14ac:dyDescent="0.25">
      <c r="C1517"/>
      <c r="D1517"/>
    </row>
    <row r="1518" spans="3:4" x14ac:dyDescent="0.25">
      <c r="C1518"/>
      <c r="D1518"/>
    </row>
    <row r="1519" spans="3:4" x14ac:dyDescent="0.25">
      <c r="C1519"/>
      <c r="D1519"/>
    </row>
    <row r="1520" spans="3:4" x14ac:dyDescent="0.25">
      <c r="C1520"/>
      <c r="D1520"/>
    </row>
    <row r="1521" spans="3:4" x14ac:dyDescent="0.25">
      <c r="C1521"/>
      <c r="D1521"/>
    </row>
    <row r="1522" spans="3:4" x14ac:dyDescent="0.25">
      <c r="C1522"/>
      <c r="D1522"/>
    </row>
    <row r="1523" spans="3:4" x14ac:dyDescent="0.25">
      <c r="C1523"/>
      <c r="D1523"/>
    </row>
    <row r="1524" spans="3:4" x14ac:dyDescent="0.25">
      <c r="C1524"/>
      <c r="D1524"/>
    </row>
    <row r="1525" spans="3:4" x14ac:dyDescent="0.25">
      <c r="C1525"/>
      <c r="D1525"/>
    </row>
    <row r="1526" spans="3:4" x14ac:dyDescent="0.25">
      <c r="C1526"/>
      <c r="D1526"/>
    </row>
    <row r="1527" spans="3:4" x14ac:dyDescent="0.25">
      <c r="C1527"/>
      <c r="D1527"/>
    </row>
    <row r="1528" spans="3:4" x14ac:dyDescent="0.25">
      <c r="C1528"/>
      <c r="D1528"/>
    </row>
    <row r="1529" spans="3:4" x14ac:dyDescent="0.25">
      <c r="C1529"/>
      <c r="D1529"/>
    </row>
    <row r="1530" spans="3:4" x14ac:dyDescent="0.25">
      <c r="C1530"/>
      <c r="D1530"/>
    </row>
    <row r="1531" spans="3:4" x14ac:dyDescent="0.25">
      <c r="C1531"/>
      <c r="D1531"/>
    </row>
    <row r="1532" spans="3:4" x14ac:dyDescent="0.25">
      <c r="C1532"/>
      <c r="D1532"/>
    </row>
    <row r="1533" spans="3:4" x14ac:dyDescent="0.25">
      <c r="C1533"/>
      <c r="D1533"/>
    </row>
    <row r="1534" spans="3:4" x14ac:dyDescent="0.25">
      <c r="C1534"/>
      <c r="D1534"/>
    </row>
    <row r="1535" spans="3:4" x14ac:dyDescent="0.25">
      <c r="C1535"/>
      <c r="D1535"/>
    </row>
    <row r="1536" spans="3:4" x14ac:dyDescent="0.25">
      <c r="C1536"/>
      <c r="D1536"/>
    </row>
    <row r="1537" spans="3:4" x14ac:dyDescent="0.25">
      <c r="C1537"/>
      <c r="D1537"/>
    </row>
    <row r="1538" spans="3:4" x14ac:dyDescent="0.25">
      <c r="C1538"/>
      <c r="D1538"/>
    </row>
    <row r="1539" spans="3:4" x14ac:dyDescent="0.25">
      <c r="C1539"/>
      <c r="D1539"/>
    </row>
    <row r="1540" spans="3:4" x14ac:dyDescent="0.25">
      <c r="C1540"/>
      <c r="D1540"/>
    </row>
    <row r="1541" spans="3:4" x14ac:dyDescent="0.25">
      <c r="C1541"/>
      <c r="D1541"/>
    </row>
    <row r="1542" spans="3:4" x14ac:dyDescent="0.25">
      <c r="C1542"/>
      <c r="D1542"/>
    </row>
    <row r="1543" spans="3:4" x14ac:dyDescent="0.25">
      <c r="C1543"/>
      <c r="D1543"/>
    </row>
    <row r="1544" spans="3:4" x14ac:dyDescent="0.25">
      <c r="C1544"/>
      <c r="D1544"/>
    </row>
    <row r="1545" spans="3:4" x14ac:dyDescent="0.25">
      <c r="C1545"/>
      <c r="D1545"/>
    </row>
    <row r="1546" spans="3:4" x14ac:dyDescent="0.25">
      <c r="C1546"/>
      <c r="D1546"/>
    </row>
    <row r="1547" spans="3:4" x14ac:dyDescent="0.25">
      <c r="C1547"/>
      <c r="D1547"/>
    </row>
    <row r="1548" spans="3:4" x14ac:dyDescent="0.25">
      <c r="C1548"/>
      <c r="D1548"/>
    </row>
    <row r="1549" spans="3:4" x14ac:dyDescent="0.25">
      <c r="C1549"/>
      <c r="D1549"/>
    </row>
    <row r="1550" spans="3:4" x14ac:dyDescent="0.25">
      <c r="C1550"/>
      <c r="D1550"/>
    </row>
    <row r="1551" spans="3:4" x14ac:dyDescent="0.25">
      <c r="C1551"/>
      <c r="D1551"/>
    </row>
    <row r="1552" spans="3:4" x14ac:dyDescent="0.25">
      <c r="C1552"/>
      <c r="D1552"/>
    </row>
    <row r="1553" spans="3:4" x14ac:dyDescent="0.25">
      <c r="C1553"/>
      <c r="D1553"/>
    </row>
    <row r="1554" spans="3:4" x14ac:dyDescent="0.25">
      <c r="C1554"/>
      <c r="D1554"/>
    </row>
    <row r="1555" spans="3:4" x14ac:dyDescent="0.25">
      <c r="C1555"/>
      <c r="D1555"/>
    </row>
    <row r="1556" spans="3:4" x14ac:dyDescent="0.25">
      <c r="C1556"/>
      <c r="D1556"/>
    </row>
    <row r="1557" spans="3:4" x14ac:dyDescent="0.25">
      <c r="C1557"/>
      <c r="D1557"/>
    </row>
    <row r="1558" spans="3:4" x14ac:dyDescent="0.25">
      <c r="C1558"/>
      <c r="D1558"/>
    </row>
    <row r="1559" spans="3:4" x14ac:dyDescent="0.25">
      <c r="C1559"/>
      <c r="D1559"/>
    </row>
    <row r="1560" spans="3:4" x14ac:dyDescent="0.25">
      <c r="C1560"/>
      <c r="D1560"/>
    </row>
    <row r="1561" spans="3:4" x14ac:dyDescent="0.25">
      <c r="C1561"/>
      <c r="D1561"/>
    </row>
    <row r="1562" spans="3:4" x14ac:dyDescent="0.25">
      <c r="C1562"/>
      <c r="D1562"/>
    </row>
    <row r="1563" spans="3:4" x14ac:dyDescent="0.25">
      <c r="C1563"/>
      <c r="D1563"/>
    </row>
    <row r="1564" spans="3:4" x14ac:dyDescent="0.25">
      <c r="C1564"/>
      <c r="D1564"/>
    </row>
    <row r="1565" spans="3:4" x14ac:dyDescent="0.25">
      <c r="C1565"/>
      <c r="D1565"/>
    </row>
    <row r="1566" spans="3:4" x14ac:dyDescent="0.25">
      <c r="C1566"/>
      <c r="D1566"/>
    </row>
    <row r="1567" spans="3:4" x14ac:dyDescent="0.25">
      <c r="C1567"/>
      <c r="D1567"/>
    </row>
    <row r="1568" spans="3:4" x14ac:dyDescent="0.25">
      <c r="C1568"/>
      <c r="D1568"/>
    </row>
    <row r="1569" spans="3:4" x14ac:dyDescent="0.25">
      <c r="C1569"/>
      <c r="D1569"/>
    </row>
    <row r="1570" spans="3:4" x14ac:dyDescent="0.25">
      <c r="C1570"/>
      <c r="D1570"/>
    </row>
    <row r="1571" spans="3:4" x14ac:dyDescent="0.25">
      <c r="C1571"/>
      <c r="D1571"/>
    </row>
    <row r="1572" spans="3:4" x14ac:dyDescent="0.25">
      <c r="C1572"/>
      <c r="D1572"/>
    </row>
    <row r="1573" spans="3:4" x14ac:dyDescent="0.25">
      <c r="C1573"/>
      <c r="D1573"/>
    </row>
    <row r="1574" spans="3:4" x14ac:dyDescent="0.25">
      <c r="C1574"/>
      <c r="D1574"/>
    </row>
    <row r="1575" spans="3:4" x14ac:dyDescent="0.25">
      <c r="C1575"/>
      <c r="D1575"/>
    </row>
    <row r="1576" spans="3:4" x14ac:dyDescent="0.25">
      <c r="C1576"/>
      <c r="D1576"/>
    </row>
    <row r="1577" spans="3:4" x14ac:dyDescent="0.25">
      <c r="C1577"/>
      <c r="D1577"/>
    </row>
    <row r="1578" spans="3:4" x14ac:dyDescent="0.25">
      <c r="C1578"/>
      <c r="D1578"/>
    </row>
    <row r="1579" spans="3:4" x14ac:dyDescent="0.25">
      <c r="C1579"/>
      <c r="D1579"/>
    </row>
    <row r="1580" spans="3:4" x14ac:dyDescent="0.25">
      <c r="C1580"/>
      <c r="D1580"/>
    </row>
    <row r="1581" spans="3:4" x14ac:dyDescent="0.25">
      <c r="C1581"/>
      <c r="D1581"/>
    </row>
    <row r="1582" spans="3:4" x14ac:dyDescent="0.25">
      <c r="C1582"/>
      <c r="D1582"/>
    </row>
    <row r="1583" spans="3:4" x14ac:dyDescent="0.25">
      <c r="C1583"/>
      <c r="D1583"/>
    </row>
    <row r="1584" spans="3:4" x14ac:dyDescent="0.25">
      <c r="C1584"/>
      <c r="D1584"/>
    </row>
    <row r="1585" spans="3:4" x14ac:dyDescent="0.25">
      <c r="C1585"/>
      <c r="D1585"/>
    </row>
    <row r="1586" spans="3:4" x14ac:dyDescent="0.25">
      <c r="C1586"/>
      <c r="D1586"/>
    </row>
    <row r="1587" spans="3:4" x14ac:dyDescent="0.25">
      <c r="C1587"/>
      <c r="D1587"/>
    </row>
    <row r="1588" spans="3:4" x14ac:dyDescent="0.25">
      <c r="C1588"/>
      <c r="D1588"/>
    </row>
    <row r="1589" spans="3:4" x14ac:dyDescent="0.25">
      <c r="C1589"/>
      <c r="D1589"/>
    </row>
    <row r="1590" spans="3:4" x14ac:dyDescent="0.25">
      <c r="C1590"/>
      <c r="D1590"/>
    </row>
    <row r="1591" spans="3:4" x14ac:dyDescent="0.25">
      <c r="C1591"/>
      <c r="D1591"/>
    </row>
    <row r="1592" spans="3:4" x14ac:dyDescent="0.25">
      <c r="C1592"/>
      <c r="D1592"/>
    </row>
    <row r="1593" spans="3:4" x14ac:dyDescent="0.25">
      <c r="C1593"/>
      <c r="D1593"/>
    </row>
    <row r="1594" spans="3:4" x14ac:dyDescent="0.25">
      <c r="C1594"/>
      <c r="D1594"/>
    </row>
    <row r="1595" spans="3:4" x14ac:dyDescent="0.25">
      <c r="C1595"/>
      <c r="D1595"/>
    </row>
    <row r="1596" spans="3:4" x14ac:dyDescent="0.25">
      <c r="C1596"/>
      <c r="D1596"/>
    </row>
    <row r="1597" spans="3:4" x14ac:dyDescent="0.25">
      <c r="C1597"/>
      <c r="D1597"/>
    </row>
    <row r="1598" spans="3:4" x14ac:dyDescent="0.25">
      <c r="C1598"/>
      <c r="D1598"/>
    </row>
    <row r="1599" spans="3:4" x14ac:dyDescent="0.25">
      <c r="C1599"/>
      <c r="D1599"/>
    </row>
    <row r="1600" spans="3:4" x14ac:dyDescent="0.25">
      <c r="C1600"/>
      <c r="D1600"/>
    </row>
    <row r="1601" spans="3:4" x14ac:dyDescent="0.25">
      <c r="C1601"/>
      <c r="D1601"/>
    </row>
    <row r="1602" spans="3:4" x14ac:dyDescent="0.25">
      <c r="C1602"/>
      <c r="D1602"/>
    </row>
    <row r="1603" spans="3:4" x14ac:dyDescent="0.25">
      <c r="C1603"/>
      <c r="D1603"/>
    </row>
    <row r="1604" spans="3:4" x14ac:dyDescent="0.25">
      <c r="C1604"/>
      <c r="D1604"/>
    </row>
    <row r="1605" spans="3:4" x14ac:dyDescent="0.25">
      <c r="C1605"/>
      <c r="D1605"/>
    </row>
    <row r="1606" spans="3:4" x14ac:dyDescent="0.25">
      <c r="C1606"/>
      <c r="D1606"/>
    </row>
    <row r="1607" spans="3:4" x14ac:dyDescent="0.25">
      <c r="C1607"/>
      <c r="D1607"/>
    </row>
    <row r="1608" spans="3:4" x14ac:dyDescent="0.25">
      <c r="C1608"/>
      <c r="D1608"/>
    </row>
    <row r="1609" spans="3:4" x14ac:dyDescent="0.25">
      <c r="C1609"/>
      <c r="D1609"/>
    </row>
    <row r="1610" spans="3:4" x14ac:dyDescent="0.25">
      <c r="C1610"/>
      <c r="D1610"/>
    </row>
    <row r="1611" spans="3:4" x14ac:dyDescent="0.25">
      <c r="C1611"/>
      <c r="D1611"/>
    </row>
    <row r="1612" spans="3:4" x14ac:dyDescent="0.25">
      <c r="C1612"/>
      <c r="D1612"/>
    </row>
    <row r="1613" spans="3:4" x14ac:dyDescent="0.25">
      <c r="C1613"/>
      <c r="D1613"/>
    </row>
    <row r="1614" spans="3:4" x14ac:dyDescent="0.25">
      <c r="C1614"/>
      <c r="D1614"/>
    </row>
    <row r="1615" spans="3:4" x14ac:dyDescent="0.25">
      <c r="C1615"/>
      <c r="D1615"/>
    </row>
    <row r="1616" spans="3:4" x14ac:dyDescent="0.25">
      <c r="C1616"/>
      <c r="D1616"/>
    </row>
    <row r="1617" spans="3:4" x14ac:dyDescent="0.25">
      <c r="C1617"/>
      <c r="D1617"/>
    </row>
    <row r="1618" spans="3:4" x14ac:dyDescent="0.25">
      <c r="C1618"/>
      <c r="D1618"/>
    </row>
    <row r="1619" spans="3:4" x14ac:dyDescent="0.25">
      <c r="C1619"/>
      <c r="D1619"/>
    </row>
    <row r="1620" spans="3:4" x14ac:dyDescent="0.25">
      <c r="C1620"/>
      <c r="D1620"/>
    </row>
    <row r="1621" spans="3:4" x14ac:dyDescent="0.25">
      <c r="C1621"/>
      <c r="D1621"/>
    </row>
    <row r="1622" spans="3:4" x14ac:dyDescent="0.25">
      <c r="C1622"/>
      <c r="D1622"/>
    </row>
    <row r="1623" spans="3:4" x14ac:dyDescent="0.25">
      <c r="C1623"/>
      <c r="D1623"/>
    </row>
    <row r="1624" spans="3:4" x14ac:dyDescent="0.25">
      <c r="C1624"/>
      <c r="D1624"/>
    </row>
    <row r="1625" spans="3:4" x14ac:dyDescent="0.25">
      <c r="C1625"/>
      <c r="D1625"/>
    </row>
    <row r="1626" spans="3:4" x14ac:dyDescent="0.25">
      <c r="C1626"/>
      <c r="D1626"/>
    </row>
    <row r="1627" spans="3:4" x14ac:dyDescent="0.25">
      <c r="C1627"/>
      <c r="D1627"/>
    </row>
    <row r="1628" spans="3:4" x14ac:dyDescent="0.25">
      <c r="C1628"/>
      <c r="D1628"/>
    </row>
    <row r="1629" spans="3:4" x14ac:dyDescent="0.25">
      <c r="C1629"/>
      <c r="D1629"/>
    </row>
    <row r="1630" spans="3:4" x14ac:dyDescent="0.25">
      <c r="C1630"/>
      <c r="D1630"/>
    </row>
    <row r="1631" spans="3:4" x14ac:dyDescent="0.25">
      <c r="C1631"/>
      <c r="D1631"/>
    </row>
    <row r="1632" spans="3:4" x14ac:dyDescent="0.25">
      <c r="C1632"/>
      <c r="D1632"/>
    </row>
    <row r="1633" spans="3:4" x14ac:dyDescent="0.25">
      <c r="C1633"/>
      <c r="D1633"/>
    </row>
    <row r="1634" spans="3:4" x14ac:dyDescent="0.25">
      <c r="C1634"/>
      <c r="D1634"/>
    </row>
    <row r="1635" spans="3:4" x14ac:dyDescent="0.25">
      <c r="C1635"/>
      <c r="D1635"/>
    </row>
    <row r="1636" spans="3:4" x14ac:dyDescent="0.25">
      <c r="C1636"/>
      <c r="D1636"/>
    </row>
    <row r="1637" spans="3:4" x14ac:dyDescent="0.25">
      <c r="C1637"/>
      <c r="D1637"/>
    </row>
    <row r="1638" spans="3:4" x14ac:dyDescent="0.25">
      <c r="C1638"/>
      <c r="D1638"/>
    </row>
    <row r="1639" spans="3:4" x14ac:dyDescent="0.25">
      <c r="C1639"/>
      <c r="D1639"/>
    </row>
    <row r="1640" spans="3:4" x14ac:dyDescent="0.25">
      <c r="C1640"/>
      <c r="D1640"/>
    </row>
    <row r="1641" spans="3:4" x14ac:dyDescent="0.25">
      <c r="C1641"/>
      <c r="D1641"/>
    </row>
    <row r="1642" spans="3:4" x14ac:dyDescent="0.25">
      <c r="C1642"/>
      <c r="D1642"/>
    </row>
    <row r="1643" spans="3:4" x14ac:dyDescent="0.25">
      <c r="C1643"/>
      <c r="D1643"/>
    </row>
    <row r="1644" spans="3:4" x14ac:dyDescent="0.25">
      <c r="C1644"/>
      <c r="D1644"/>
    </row>
    <row r="1645" spans="3:4" x14ac:dyDescent="0.25">
      <c r="C1645"/>
      <c r="D1645"/>
    </row>
    <row r="1646" spans="3:4" x14ac:dyDescent="0.25">
      <c r="C1646"/>
      <c r="D1646"/>
    </row>
    <row r="1647" spans="3:4" x14ac:dyDescent="0.25">
      <c r="C1647"/>
      <c r="D1647"/>
    </row>
    <row r="1648" spans="3:4" x14ac:dyDescent="0.25">
      <c r="C1648"/>
      <c r="D1648"/>
    </row>
    <row r="1649" spans="3:4" x14ac:dyDescent="0.25">
      <c r="C1649"/>
      <c r="D1649"/>
    </row>
    <row r="1650" spans="3:4" x14ac:dyDescent="0.25">
      <c r="C1650"/>
      <c r="D1650"/>
    </row>
    <row r="1651" spans="3:4" x14ac:dyDescent="0.25">
      <c r="C1651"/>
      <c r="D1651"/>
    </row>
    <row r="1652" spans="3:4" x14ac:dyDescent="0.25">
      <c r="C1652"/>
      <c r="D1652"/>
    </row>
    <row r="1653" spans="3:4" x14ac:dyDescent="0.25">
      <c r="C1653"/>
      <c r="D1653"/>
    </row>
    <row r="1654" spans="3:4" x14ac:dyDescent="0.25">
      <c r="C1654"/>
      <c r="D1654"/>
    </row>
    <row r="1655" spans="3:4" x14ac:dyDescent="0.25">
      <c r="C1655"/>
      <c r="D1655"/>
    </row>
    <row r="1656" spans="3:4" x14ac:dyDescent="0.25">
      <c r="C1656"/>
      <c r="D1656"/>
    </row>
    <row r="1657" spans="3:4" x14ac:dyDescent="0.25">
      <c r="C1657"/>
      <c r="D1657"/>
    </row>
    <row r="1658" spans="3:4" x14ac:dyDescent="0.25">
      <c r="C1658"/>
      <c r="D1658"/>
    </row>
    <row r="1659" spans="3:4" x14ac:dyDescent="0.25">
      <c r="C1659"/>
      <c r="D1659"/>
    </row>
    <row r="1660" spans="3:4" x14ac:dyDescent="0.25">
      <c r="C1660"/>
      <c r="D1660"/>
    </row>
    <row r="1661" spans="3:4" x14ac:dyDescent="0.25">
      <c r="C1661"/>
      <c r="D1661"/>
    </row>
    <row r="1662" spans="3:4" x14ac:dyDescent="0.25">
      <c r="C1662"/>
      <c r="D1662"/>
    </row>
    <row r="1663" spans="3:4" x14ac:dyDescent="0.25">
      <c r="C1663"/>
      <c r="D1663"/>
    </row>
    <row r="1664" spans="3:4" x14ac:dyDescent="0.25">
      <c r="C1664"/>
      <c r="D1664"/>
    </row>
    <row r="1665" spans="3:4" x14ac:dyDescent="0.25">
      <c r="C1665"/>
      <c r="D1665"/>
    </row>
    <row r="1666" spans="3:4" x14ac:dyDescent="0.25">
      <c r="C1666"/>
      <c r="D1666"/>
    </row>
    <row r="1667" spans="3:4" x14ac:dyDescent="0.25">
      <c r="C1667"/>
      <c r="D1667"/>
    </row>
    <row r="1668" spans="3:4" x14ac:dyDescent="0.25">
      <c r="C1668"/>
      <c r="D1668"/>
    </row>
    <row r="1669" spans="3:4" x14ac:dyDescent="0.25">
      <c r="C1669"/>
      <c r="D1669"/>
    </row>
    <row r="1670" spans="3:4" x14ac:dyDescent="0.25">
      <c r="C1670"/>
      <c r="D1670"/>
    </row>
    <row r="1671" spans="3:4" x14ac:dyDescent="0.25">
      <c r="C1671"/>
      <c r="D1671"/>
    </row>
    <row r="1672" spans="3:4" x14ac:dyDescent="0.25">
      <c r="C1672"/>
      <c r="D1672"/>
    </row>
    <row r="1673" spans="3:4" x14ac:dyDescent="0.25">
      <c r="C1673"/>
      <c r="D1673"/>
    </row>
    <row r="1674" spans="3:4" x14ac:dyDescent="0.25">
      <c r="C1674"/>
      <c r="D1674"/>
    </row>
    <row r="1675" spans="3:4" x14ac:dyDescent="0.25">
      <c r="C1675"/>
      <c r="D1675"/>
    </row>
    <row r="1676" spans="3:4" x14ac:dyDescent="0.25">
      <c r="C1676"/>
      <c r="D1676"/>
    </row>
    <row r="1677" spans="3:4" x14ac:dyDescent="0.25">
      <c r="C1677"/>
      <c r="D1677"/>
    </row>
    <row r="1678" spans="3:4" x14ac:dyDescent="0.25">
      <c r="C1678"/>
      <c r="D1678"/>
    </row>
    <row r="1679" spans="3:4" x14ac:dyDescent="0.25">
      <c r="C1679"/>
      <c r="D1679"/>
    </row>
    <row r="1680" spans="3:4" x14ac:dyDescent="0.25">
      <c r="C1680"/>
      <c r="D1680"/>
    </row>
    <row r="1681" spans="3:4" x14ac:dyDescent="0.25">
      <c r="C1681"/>
      <c r="D1681"/>
    </row>
    <row r="1682" spans="3:4" x14ac:dyDescent="0.25">
      <c r="C1682"/>
      <c r="D1682"/>
    </row>
    <row r="1683" spans="3:4" x14ac:dyDescent="0.25">
      <c r="C1683"/>
      <c r="D1683"/>
    </row>
    <row r="1684" spans="3:4" x14ac:dyDescent="0.25">
      <c r="C1684"/>
      <c r="D1684"/>
    </row>
    <row r="1685" spans="3:4" x14ac:dyDescent="0.25">
      <c r="C1685"/>
      <c r="D1685"/>
    </row>
    <row r="1686" spans="3:4" x14ac:dyDescent="0.25">
      <c r="C1686"/>
      <c r="D1686"/>
    </row>
    <row r="1687" spans="3:4" x14ac:dyDescent="0.25">
      <c r="C1687"/>
      <c r="D1687"/>
    </row>
    <row r="1688" spans="3:4" x14ac:dyDescent="0.25">
      <c r="C1688"/>
      <c r="D1688"/>
    </row>
    <row r="1689" spans="3:4" x14ac:dyDescent="0.25">
      <c r="C1689"/>
      <c r="D1689"/>
    </row>
    <row r="1690" spans="3:4" x14ac:dyDescent="0.25">
      <c r="C1690"/>
      <c r="D1690"/>
    </row>
    <row r="1691" spans="3:4" x14ac:dyDescent="0.25">
      <c r="C1691"/>
      <c r="D1691"/>
    </row>
    <row r="1692" spans="3:4" x14ac:dyDescent="0.25">
      <c r="C1692"/>
      <c r="D1692"/>
    </row>
    <row r="1693" spans="3:4" x14ac:dyDescent="0.25">
      <c r="C1693"/>
      <c r="D1693"/>
    </row>
    <row r="1694" spans="3:4" x14ac:dyDescent="0.25">
      <c r="C1694"/>
      <c r="D1694"/>
    </row>
    <row r="1695" spans="3:4" x14ac:dyDescent="0.25">
      <c r="C1695"/>
      <c r="D1695"/>
    </row>
    <row r="1696" spans="3:4" x14ac:dyDescent="0.25">
      <c r="C1696"/>
      <c r="D1696"/>
    </row>
    <row r="1697" spans="3:4" x14ac:dyDescent="0.25">
      <c r="C1697"/>
      <c r="D1697"/>
    </row>
    <row r="1698" spans="3:4" x14ac:dyDescent="0.25">
      <c r="C1698"/>
      <c r="D1698"/>
    </row>
    <row r="1699" spans="3:4" x14ac:dyDescent="0.25">
      <c r="C1699"/>
      <c r="D1699"/>
    </row>
    <row r="1700" spans="3:4" x14ac:dyDescent="0.25">
      <c r="C1700"/>
      <c r="D1700"/>
    </row>
    <row r="1701" spans="3:4" x14ac:dyDescent="0.25">
      <c r="C1701"/>
      <c r="D1701"/>
    </row>
    <row r="1702" spans="3:4" x14ac:dyDescent="0.25">
      <c r="C1702"/>
      <c r="D1702"/>
    </row>
    <row r="1703" spans="3:4" x14ac:dyDescent="0.25">
      <c r="C1703"/>
      <c r="D1703"/>
    </row>
    <row r="1704" spans="3:4" x14ac:dyDescent="0.25">
      <c r="C1704"/>
      <c r="D1704"/>
    </row>
    <row r="1705" spans="3:4" x14ac:dyDescent="0.25">
      <c r="C1705"/>
      <c r="D1705"/>
    </row>
    <row r="1706" spans="3:4" x14ac:dyDescent="0.25">
      <c r="C1706"/>
      <c r="D1706"/>
    </row>
    <row r="1707" spans="3:4" x14ac:dyDescent="0.25">
      <c r="C1707"/>
      <c r="D1707"/>
    </row>
    <row r="1708" spans="3:4" x14ac:dyDescent="0.25">
      <c r="C1708"/>
      <c r="D1708"/>
    </row>
    <row r="1709" spans="3:4" x14ac:dyDescent="0.25">
      <c r="C1709"/>
      <c r="D1709"/>
    </row>
    <row r="1710" spans="3:4" x14ac:dyDescent="0.25">
      <c r="C1710"/>
      <c r="D1710"/>
    </row>
    <row r="1711" spans="3:4" x14ac:dyDescent="0.25">
      <c r="C1711"/>
      <c r="D1711"/>
    </row>
    <row r="1712" spans="3:4" x14ac:dyDescent="0.25">
      <c r="C1712"/>
      <c r="D1712"/>
    </row>
    <row r="1713" spans="3:4" x14ac:dyDescent="0.25">
      <c r="C1713"/>
      <c r="D1713"/>
    </row>
    <row r="1714" spans="3:4" x14ac:dyDescent="0.25">
      <c r="C1714"/>
      <c r="D1714"/>
    </row>
    <row r="1715" spans="3:4" x14ac:dyDescent="0.25">
      <c r="C1715"/>
      <c r="D1715"/>
    </row>
    <row r="1716" spans="3:4" x14ac:dyDescent="0.25">
      <c r="C1716"/>
      <c r="D1716"/>
    </row>
    <row r="1717" spans="3:4" x14ac:dyDescent="0.25">
      <c r="C1717"/>
      <c r="D1717"/>
    </row>
    <row r="1718" spans="3:4" x14ac:dyDescent="0.25">
      <c r="C1718"/>
      <c r="D1718"/>
    </row>
    <row r="1719" spans="3:4" x14ac:dyDescent="0.25">
      <c r="C1719"/>
      <c r="D1719"/>
    </row>
    <row r="1720" spans="3:4" x14ac:dyDescent="0.25">
      <c r="C1720"/>
      <c r="D1720"/>
    </row>
    <row r="1721" spans="3:4" x14ac:dyDescent="0.25">
      <c r="C1721"/>
      <c r="D1721"/>
    </row>
    <row r="1722" spans="3:4" x14ac:dyDescent="0.25">
      <c r="C1722"/>
      <c r="D1722"/>
    </row>
    <row r="1723" spans="3:4" x14ac:dyDescent="0.25">
      <c r="C1723"/>
      <c r="D1723"/>
    </row>
    <row r="1724" spans="3:4" x14ac:dyDescent="0.25">
      <c r="C1724"/>
      <c r="D1724"/>
    </row>
    <row r="1725" spans="3:4" x14ac:dyDescent="0.25">
      <c r="C1725"/>
      <c r="D1725"/>
    </row>
    <row r="1726" spans="3:4" x14ac:dyDescent="0.25">
      <c r="C1726"/>
      <c r="D1726"/>
    </row>
    <row r="1727" spans="3:4" x14ac:dyDescent="0.25">
      <c r="C1727"/>
      <c r="D1727"/>
    </row>
    <row r="1728" spans="3:4" x14ac:dyDescent="0.25">
      <c r="C1728"/>
      <c r="D1728"/>
    </row>
    <row r="1729" spans="3:4" x14ac:dyDescent="0.25">
      <c r="C1729"/>
      <c r="D1729"/>
    </row>
    <row r="1730" spans="3:4" x14ac:dyDescent="0.25">
      <c r="C1730"/>
      <c r="D1730"/>
    </row>
    <row r="1731" spans="3:4" x14ac:dyDescent="0.25">
      <c r="C1731"/>
      <c r="D1731"/>
    </row>
    <row r="1732" spans="3:4" x14ac:dyDescent="0.25">
      <c r="C1732"/>
      <c r="D1732"/>
    </row>
    <row r="1733" spans="3:4" x14ac:dyDescent="0.25">
      <c r="C1733"/>
      <c r="D1733"/>
    </row>
    <row r="1734" spans="3:4" x14ac:dyDescent="0.25">
      <c r="C1734"/>
      <c r="D1734"/>
    </row>
    <row r="1735" spans="3:4" x14ac:dyDescent="0.25">
      <c r="C1735"/>
      <c r="D1735"/>
    </row>
    <row r="1736" spans="3:4" x14ac:dyDescent="0.25">
      <c r="C1736"/>
      <c r="D1736"/>
    </row>
    <row r="1737" spans="3:4" x14ac:dyDescent="0.25">
      <c r="C1737"/>
      <c r="D1737"/>
    </row>
    <row r="1738" spans="3:4" x14ac:dyDescent="0.25">
      <c r="C1738"/>
      <c r="D1738"/>
    </row>
    <row r="1739" spans="3:4" x14ac:dyDescent="0.25">
      <c r="C1739"/>
      <c r="D1739"/>
    </row>
    <row r="1740" spans="3:4" x14ac:dyDescent="0.25">
      <c r="C1740"/>
      <c r="D1740"/>
    </row>
    <row r="1741" spans="3:4" x14ac:dyDescent="0.25">
      <c r="C1741"/>
      <c r="D1741"/>
    </row>
    <row r="1742" spans="3:4" x14ac:dyDescent="0.25">
      <c r="C1742"/>
      <c r="D1742"/>
    </row>
    <row r="1743" spans="3:4" x14ac:dyDescent="0.25">
      <c r="C1743"/>
      <c r="D1743"/>
    </row>
    <row r="1744" spans="3:4" x14ac:dyDescent="0.25">
      <c r="C1744"/>
      <c r="D1744"/>
    </row>
    <row r="1745" spans="3:4" x14ac:dyDescent="0.25">
      <c r="C1745"/>
      <c r="D1745"/>
    </row>
    <row r="1746" spans="3:4" x14ac:dyDescent="0.25">
      <c r="C1746"/>
      <c r="D1746"/>
    </row>
    <row r="1747" spans="3:4" x14ac:dyDescent="0.25">
      <c r="C1747"/>
      <c r="D1747"/>
    </row>
    <row r="1748" spans="3:4" x14ac:dyDescent="0.25">
      <c r="C1748"/>
      <c r="D1748"/>
    </row>
    <row r="1749" spans="3:4" x14ac:dyDescent="0.25">
      <c r="C1749"/>
      <c r="D1749"/>
    </row>
    <row r="1750" spans="3:4" x14ac:dyDescent="0.25">
      <c r="C1750"/>
      <c r="D1750"/>
    </row>
    <row r="1751" spans="3:4" x14ac:dyDescent="0.25">
      <c r="C1751"/>
      <c r="D1751"/>
    </row>
    <row r="1752" spans="3:4" x14ac:dyDescent="0.25">
      <c r="C1752"/>
      <c r="D1752"/>
    </row>
    <row r="1753" spans="3:4" x14ac:dyDescent="0.25">
      <c r="C1753"/>
      <c r="D1753"/>
    </row>
    <row r="1754" spans="3:4" x14ac:dyDescent="0.25">
      <c r="C1754"/>
      <c r="D1754"/>
    </row>
    <row r="1755" spans="3:4" x14ac:dyDescent="0.25">
      <c r="C1755"/>
      <c r="D1755"/>
    </row>
    <row r="1756" spans="3:4" x14ac:dyDescent="0.25">
      <c r="C1756"/>
      <c r="D1756"/>
    </row>
    <row r="1757" spans="3:4" x14ac:dyDescent="0.25">
      <c r="C1757"/>
      <c r="D1757"/>
    </row>
    <row r="1758" spans="3:4" x14ac:dyDescent="0.25">
      <c r="C1758"/>
      <c r="D1758"/>
    </row>
    <row r="1759" spans="3:4" x14ac:dyDescent="0.25">
      <c r="C1759"/>
      <c r="D1759"/>
    </row>
    <row r="1760" spans="3:4" x14ac:dyDescent="0.25">
      <c r="C1760"/>
      <c r="D1760"/>
    </row>
    <row r="1761" spans="3:4" x14ac:dyDescent="0.25">
      <c r="C1761"/>
      <c r="D1761"/>
    </row>
    <row r="1762" spans="3:4" x14ac:dyDescent="0.25">
      <c r="C1762"/>
      <c r="D1762"/>
    </row>
    <row r="1763" spans="3:4" x14ac:dyDescent="0.25">
      <c r="C1763"/>
      <c r="D1763"/>
    </row>
    <row r="1764" spans="3:4" x14ac:dyDescent="0.25">
      <c r="C1764"/>
      <c r="D1764"/>
    </row>
    <row r="1765" spans="3:4" x14ac:dyDescent="0.25">
      <c r="C1765"/>
      <c r="D1765"/>
    </row>
    <row r="1766" spans="3:4" x14ac:dyDescent="0.25">
      <c r="C1766"/>
      <c r="D1766"/>
    </row>
    <row r="1767" spans="3:4" x14ac:dyDescent="0.25">
      <c r="C1767"/>
      <c r="D1767"/>
    </row>
    <row r="1768" spans="3:4" x14ac:dyDescent="0.25">
      <c r="C1768"/>
      <c r="D1768"/>
    </row>
    <row r="1769" spans="3:4" x14ac:dyDescent="0.25">
      <c r="C1769"/>
      <c r="D1769"/>
    </row>
    <row r="1770" spans="3:4" x14ac:dyDescent="0.25">
      <c r="C1770"/>
      <c r="D1770"/>
    </row>
    <row r="1771" spans="3:4" x14ac:dyDescent="0.25">
      <c r="C1771"/>
      <c r="D1771"/>
    </row>
    <row r="1772" spans="3:4" x14ac:dyDescent="0.25">
      <c r="C1772"/>
      <c r="D1772"/>
    </row>
    <row r="1773" spans="3:4" x14ac:dyDescent="0.25">
      <c r="C1773"/>
      <c r="D1773"/>
    </row>
    <row r="1774" spans="3:4" x14ac:dyDescent="0.25">
      <c r="C1774"/>
      <c r="D1774"/>
    </row>
    <row r="1775" spans="3:4" x14ac:dyDescent="0.25">
      <c r="C1775"/>
      <c r="D1775"/>
    </row>
    <row r="1776" spans="3:4" x14ac:dyDescent="0.25">
      <c r="C1776"/>
      <c r="D1776"/>
    </row>
    <row r="1777" spans="3:4" x14ac:dyDescent="0.25">
      <c r="C1777"/>
      <c r="D1777"/>
    </row>
    <row r="1778" spans="3:4" x14ac:dyDescent="0.25">
      <c r="C1778"/>
      <c r="D1778"/>
    </row>
    <row r="1779" spans="3:4" x14ac:dyDescent="0.25">
      <c r="C1779"/>
      <c r="D1779"/>
    </row>
    <row r="1780" spans="3:4" x14ac:dyDescent="0.25">
      <c r="C1780"/>
      <c r="D1780"/>
    </row>
    <row r="1781" spans="3:4" x14ac:dyDescent="0.25">
      <c r="C1781"/>
      <c r="D1781"/>
    </row>
    <row r="1782" spans="3:4" x14ac:dyDescent="0.25">
      <c r="C1782"/>
      <c r="D1782"/>
    </row>
    <row r="1783" spans="3:4" x14ac:dyDescent="0.25">
      <c r="C1783"/>
      <c r="D1783"/>
    </row>
    <row r="1784" spans="3:4" x14ac:dyDescent="0.25">
      <c r="C1784"/>
      <c r="D1784"/>
    </row>
    <row r="1785" spans="3:4" x14ac:dyDescent="0.25">
      <c r="C1785"/>
      <c r="D1785"/>
    </row>
    <row r="1786" spans="3:4" x14ac:dyDescent="0.25">
      <c r="C1786"/>
      <c r="D1786"/>
    </row>
    <row r="1787" spans="3:4" x14ac:dyDescent="0.25">
      <c r="C1787"/>
      <c r="D1787"/>
    </row>
    <row r="1788" spans="3:4" x14ac:dyDescent="0.25">
      <c r="C1788"/>
      <c r="D1788"/>
    </row>
    <row r="1789" spans="3:4" x14ac:dyDescent="0.25">
      <c r="C1789"/>
      <c r="D1789"/>
    </row>
    <row r="1790" spans="3:4" x14ac:dyDescent="0.25">
      <c r="C1790"/>
      <c r="D1790"/>
    </row>
    <row r="1791" spans="3:4" x14ac:dyDescent="0.25">
      <c r="C1791"/>
      <c r="D1791"/>
    </row>
    <row r="1792" spans="3:4" x14ac:dyDescent="0.25">
      <c r="C1792"/>
      <c r="D1792"/>
    </row>
    <row r="1793" spans="3:4" x14ac:dyDescent="0.25">
      <c r="C1793"/>
      <c r="D1793"/>
    </row>
    <row r="1794" spans="3:4" x14ac:dyDescent="0.25">
      <c r="C1794"/>
      <c r="D1794"/>
    </row>
    <row r="1795" spans="3:4" x14ac:dyDescent="0.25">
      <c r="C1795"/>
      <c r="D1795"/>
    </row>
    <row r="1796" spans="3:4" x14ac:dyDescent="0.25">
      <c r="C1796"/>
      <c r="D1796"/>
    </row>
    <row r="1797" spans="3:4" x14ac:dyDescent="0.25">
      <c r="C1797"/>
      <c r="D1797"/>
    </row>
    <row r="1798" spans="3:4" x14ac:dyDescent="0.25">
      <c r="C1798"/>
      <c r="D1798"/>
    </row>
    <row r="1799" spans="3:4" x14ac:dyDescent="0.25">
      <c r="C1799"/>
      <c r="D1799"/>
    </row>
    <row r="1800" spans="3:4" x14ac:dyDescent="0.25">
      <c r="C1800"/>
      <c r="D1800"/>
    </row>
    <row r="1801" spans="3:4" x14ac:dyDescent="0.25">
      <c r="C1801"/>
      <c r="D1801"/>
    </row>
    <row r="1802" spans="3:4" x14ac:dyDescent="0.25">
      <c r="C1802"/>
      <c r="D1802"/>
    </row>
    <row r="1803" spans="3:4" x14ac:dyDescent="0.25">
      <c r="C1803"/>
      <c r="D1803"/>
    </row>
    <row r="1804" spans="3:4" x14ac:dyDescent="0.25">
      <c r="C1804"/>
      <c r="D1804"/>
    </row>
    <row r="1805" spans="3:4" x14ac:dyDescent="0.25">
      <c r="C1805"/>
      <c r="D1805"/>
    </row>
    <row r="1806" spans="3:4" x14ac:dyDescent="0.25">
      <c r="C1806"/>
      <c r="D1806"/>
    </row>
    <row r="1807" spans="3:4" x14ac:dyDescent="0.25">
      <c r="C1807"/>
      <c r="D1807"/>
    </row>
    <row r="1808" spans="3:4" x14ac:dyDescent="0.25">
      <c r="C1808"/>
      <c r="D1808"/>
    </row>
    <row r="1809" spans="3:4" x14ac:dyDescent="0.25">
      <c r="C1809"/>
      <c r="D1809"/>
    </row>
    <row r="1810" spans="3:4" x14ac:dyDescent="0.25">
      <c r="C1810"/>
      <c r="D1810"/>
    </row>
    <row r="1811" spans="3:4" x14ac:dyDescent="0.25">
      <c r="C1811"/>
      <c r="D1811"/>
    </row>
    <row r="1812" spans="3:4" x14ac:dyDescent="0.25">
      <c r="C1812"/>
      <c r="D1812"/>
    </row>
    <row r="1813" spans="3:4" x14ac:dyDescent="0.25">
      <c r="C1813"/>
      <c r="D1813"/>
    </row>
    <row r="1814" spans="3:4" x14ac:dyDescent="0.25">
      <c r="C1814"/>
      <c r="D1814"/>
    </row>
    <row r="1815" spans="3:4" x14ac:dyDescent="0.25">
      <c r="C1815"/>
      <c r="D1815"/>
    </row>
    <row r="1816" spans="3:4" x14ac:dyDescent="0.25">
      <c r="C1816"/>
      <c r="D1816"/>
    </row>
    <row r="1817" spans="3:4" x14ac:dyDescent="0.25">
      <c r="C1817"/>
      <c r="D1817"/>
    </row>
    <row r="1818" spans="3:4" x14ac:dyDescent="0.25">
      <c r="C1818"/>
      <c r="D1818"/>
    </row>
    <row r="1819" spans="3:4" x14ac:dyDescent="0.25">
      <c r="C1819"/>
      <c r="D1819"/>
    </row>
    <row r="1820" spans="3:4" x14ac:dyDescent="0.25">
      <c r="C1820"/>
      <c r="D1820"/>
    </row>
    <row r="1821" spans="3:4" x14ac:dyDescent="0.25">
      <c r="C1821"/>
      <c r="D1821"/>
    </row>
    <row r="1822" spans="3:4" x14ac:dyDescent="0.25">
      <c r="C1822"/>
      <c r="D1822"/>
    </row>
    <row r="1823" spans="3:4" x14ac:dyDescent="0.25">
      <c r="C1823"/>
      <c r="D1823"/>
    </row>
    <row r="1824" spans="3:4" x14ac:dyDescent="0.25">
      <c r="C1824"/>
      <c r="D1824"/>
    </row>
    <row r="1825" spans="3:4" x14ac:dyDescent="0.25">
      <c r="C1825"/>
      <c r="D1825"/>
    </row>
    <row r="1826" spans="3:4" x14ac:dyDescent="0.25">
      <c r="C1826"/>
      <c r="D1826"/>
    </row>
    <row r="1827" spans="3:4" x14ac:dyDescent="0.25">
      <c r="C1827"/>
      <c r="D1827"/>
    </row>
    <row r="1828" spans="3:4" x14ac:dyDescent="0.25">
      <c r="C1828"/>
      <c r="D1828"/>
    </row>
    <row r="1829" spans="3:4" x14ac:dyDescent="0.25">
      <c r="C1829"/>
      <c r="D1829"/>
    </row>
    <row r="1830" spans="3:4" x14ac:dyDescent="0.25">
      <c r="C1830"/>
      <c r="D1830"/>
    </row>
    <row r="1831" spans="3:4" x14ac:dyDescent="0.25">
      <c r="C1831"/>
      <c r="D1831"/>
    </row>
    <row r="1832" spans="3:4" x14ac:dyDescent="0.25">
      <c r="C1832"/>
      <c r="D1832"/>
    </row>
    <row r="1833" spans="3:4" x14ac:dyDescent="0.25">
      <c r="C1833"/>
      <c r="D1833"/>
    </row>
    <row r="1834" spans="3:4" x14ac:dyDescent="0.25">
      <c r="C1834"/>
      <c r="D1834"/>
    </row>
    <row r="1835" spans="3:4" x14ac:dyDescent="0.25">
      <c r="C1835"/>
      <c r="D1835"/>
    </row>
    <row r="1836" spans="3:4" x14ac:dyDescent="0.25">
      <c r="C1836"/>
      <c r="D1836"/>
    </row>
    <row r="1837" spans="3:4" x14ac:dyDescent="0.25">
      <c r="C1837"/>
      <c r="D1837"/>
    </row>
    <row r="1838" spans="3:4" x14ac:dyDescent="0.25">
      <c r="C1838"/>
      <c r="D1838"/>
    </row>
    <row r="1839" spans="3:4" x14ac:dyDescent="0.25">
      <c r="C1839"/>
      <c r="D1839"/>
    </row>
    <row r="1840" spans="3:4" x14ac:dyDescent="0.25">
      <c r="C1840"/>
      <c r="D1840"/>
    </row>
    <row r="1841" spans="3:4" x14ac:dyDescent="0.25">
      <c r="C1841"/>
      <c r="D1841"/>
    </row>
    <row r="1842" spans="3:4" x14ac:dyDescent="0.25">
      <c r="C1842"/>
      <c r="D1842"/>
    </row>
    <row r="1843" spans="3:4" x14ac:dyDescent="0.25">
      <c r="C1843"/>
      <c r="D1843"/>
    </row>
    <row r="1844" spans="3:4" x14ac:dyDescent="0.25">
      <c r="C1844"/>
      <c r="D1844"/>
    </row>
    <row r="1845" spans="3:4" x14ac:dyDescent="0.25">
      <c r="C1845"/>
      <c r="D1845"/>
    </row>
    <row r="1846" spans="3:4" x14ac:dyDescent="0.25">
      <c r="C1846"/>
      <c r="D1846"/>
    </row>
    <row r="1847" spans="3:4" x14ac:dyDescent="0.25">
      <c r="C1847"/>
      <c r="D1847"/>
    </row>
    <row r="1848" spans="3:4" x14ac:dyDescent="0.25">
      <c r="C1848"/>
      <c r="D1848"/>
    </row>
    <row r="1849" spans="3:4" x14ac:dyDescent="0.25">
      <c r="C1849"/>
      <c r="D1849"/>
    </row>
    <row r="1850" spans="3:4" x14ac:dyDescent="0.25">
      <c r="C1850"/>
      <c r="D1850"/>
    </row>
    <row r="1851" spans="3:4" x14ac:dyDescent="0.25">
      <c r="C1851"/>
      <c r="D1851"/>
    </row>
    <row r="1852" spans="3:4" x14ac:dyDescent="0.25">
      <c r="C1852"/>
      <c r="D1852"/>
    </row>
    <row r="1853" spans="3:4" x14ac:dyDescent="0.25">
      <c r="C1853"/>
      <c r="D1853"/>
    </row>
    <row r="1854" spans="3:4" x14ac:dyDescent="0.25">
      <c r="C1854"/>
      <c r="D1854"/>
    </row>
    <row r="1855" spans="3:4" x14ac:dyDescent="0.25">
      <c r="C1855"/>
      <c r="D1855"/>
    </row>
    <row r="1856" spans="3:4" x14ac:dyDescent="0.25">
      <c r="C1856"/>
      <c r="D1856"/>
    </row>
    <row r="1857" spans="3:4" x14ac:dyDescent="0.25">
      <c r="C1857"/>
      <c r="D1857"/>
    </row>
    <row r="1858" spans="3:4" x14ac:dyDescent="0.25">
      <c r="C1858"/>
      <c r="D1858"/>
    </row>
    <row r="1859" spans="3:4" x14ac:dyDescent="0.25">
      <c r="C1859"/>
      <c r="D1859"/>
    </row>
    <row r="1860" spans="3:4" x14ac:dyDescent="0.25">
      <c r="C1860"/>
      <c r="D1860"/>
    </row>
    <row r="1861" spans="3:4" x14ac:dyDescent="0.25">
      <c r="C1861"/>
      <c r="D1861"/>
    </row>
    <row r="1862" spans="3:4" x14ac:dyDescent="0.25">
      <c r="C1862"/>
      <c r="D1862"/>
    </row>
    <row r="1863" spans="3:4" x14ac:dyDescent="0.25">
      <c r="C1863"/>
      <c r="D1863"/>
    </row>
    <row r="1864" spans="3:4" x14ac:dyDescent="0.25">
      <c r="C1864"/>
      <c r="D1864"/>
    </row>
    <row r="1865" spans="3:4" x14ac:dyDescent="0.25">
      <c r="C1865"/>
      <c r="D1865"/>
    </row>
    <row r="1866" spans="3:4" x14ac:dyDescent="0.25">
      <c r="C1866"/>
      <c r="D1866"/>
    </row>
    <row r="1867" spans="3:4" x14ac:dyDescent="0.25">
      <c r="C1867"/>
      <c r="D1867"/>
    </row>
    <row r="1868" spans="3:4" x14ac:dyDescent="0.25">
      <c r="C1868"/>
      <c r="D1868"/>
    </row>
    <row r="1869" spans="3:4" x14ac:dyDescent="0.25">
      <c r="C1869"/>
      <c r="D1869"/>
    </row>
    <row r="1870" spans="3:4" x14ac:dyDescent="0.25">
      <c r="C1870"/>
      <c r="D1870"/>
    </row>
    <row r="1871" spans="3:4" x14ac:dyDescent="0.25">
      <c r="C1871"/>
      <c r="D1871"/>
    </row>
    <row r="1872" spans="3:4" x14ac:dyDescent="0.25">
      <c r="C1872"/>
      <c r="D1872"/>
    </row>
    <row r="1873" spans="3:4" x14ac:dyDescent="0.25">
      <c r="C1873"/>
      <c r="D1873"/>
    </row>
    <row r="1874" spans="3:4" x14ac:dyDescent="0.25">
      <c r="C1874"/>
      <c r="D1874"/>
    </row>
    <row r="1875" spans="3:4" x14ac:dyDescent="0.25">
      <c r="C1875"/>
      <c r="D1875"/>
    </row>
    <row r="1876" spans="3:4" x14ac:dyDescent="0.25">
      <c r="C1876"/>
      <c r="D1876"/>
    </row>
    <row r="1877" spans="3:4" x14ac:dyDescent="0.25">
      <c r="C1877"/>
      <c r="D1877"/>
    </row>
    <row r="1878" spans="3:4" x14ac:dyDescent="0.25">
      <c r="C1878"/>
      <c r="D1878"/>
    </row>
    <row r="1879" spans="3:4" x14ac:dyDescent="0.25">
      <c r="C1879"/>
      <c r="D1879"/>
    </row>
    <row r="1880" spans="3:4" x14ac:dyDescent="0.25">
      <c r="C1880"/>
      <c r="D1880"/>
    </row>
    <row r="1881" spans="3:4" x14ac:dyDescent="0.25">
      <c r="C1881"/>
      <c r="D1881"/>
    </row>
    <row r="1882" spans="3:4" x14ac:dyDescent="0.25">
      <c r="C1882"/>
      <c r="D1882"/>
    </row>
    <row r="1883" spans="3:4" x14ac:dyDescent="0.25">
      <c r="C1883"/>
      <c r="D1883"/>
    </row>
    <row r="1884" spans="3:4" x14ac:dyDescent="0.25">
      <c r="C1884"/>
      <c r="D1884"/>
    </row>
    <row r="1885" spans="3:4" x14ac:dyDescent="0.25">
      <c r="C1885"/>
      <c r="D1885"/>
    </row>
    <row r="1886" spans="3:4" x14ac:dyDescent="0.25">
      <c r="C1886"/>
      <c r="D1886"/>
    </row>
    <row r="1887" spans="3:4" x14ac:dyDescent="0.25">
      <c r="C1887"/>
      <c r="D1887"/>
    </row>
    <row r="1888" spans="3:4" x14ac:dyDescent="0.25">
      <c r="C1888"/>
      <c r="D1888"/>
    </row>
    <row r="1889" spans="3:4" x14ac:dyDescent="0.25">
      <c r="C1889"/>
      <c r="D1889"/>
    </row>
    <row r="1890" spans="3:4" x14ac:dyDescent="0.25">
      <c r="C1890"/>
      <c r="D1890"/>
    </row>
    <row r="1891" spans="3:4" x14ac:dyDescent="0.25">
      <c r="C1891"/>
      <c r="D1891"/>
    </row>
    <row r="1892" spans="3:4" x14ac:dyDescent="0.25">
      <c r="C1892"/>
      <c r="D1892"/>
    </row>
    <row r="1893" spans="3:4" x14ac:dyDescent="0.25">
      <c r="C1893"/>
      <c r="D1893"/>
    </row>
    <row r="1894" spans="3:4" x14ac:dyDescent="0.25">
      <c r="C1894"/>
      <c r="D1894"/>
    </row>
    <row r="1895" spans="3:4" x14ac:dyDescent="0.25">
      <c r="C1895"/>
      <c r="D1895"/>
    </row>
    <row r="1896" spans="3:4" x14ac:dyDescent="0.25">
      <c r="C1896"/>
      <c r="D1896"/>
    </row>
    <row r="1897" spans="3:4" x14ac:dyDescent="0.25">
      <c r="C1897"/>
      <c r="D1897"/>
    </row>
    <row r="1898" spans="3:4" x14ac:dyDescent="0.25">
      <c r="C1898"/>
      <c r="D1898"/>
    </row>
    <row r="1899" spans="3:4" x14ac:dyDescent="0.25">
      <c r="C1899"/>
      <c r="D1899"/>
    </row>
    <row r="1900" spans="3:4" x14ac:dyDescent="0.25">
      <c r="C1900"/>
      <c r="D1900"/>
    </row>
    <row r="1901" spans="3:4" x14ac:dyDescent="0.25">
      <c r="C1901"/>
      <c r="D1901"/>
    </row>
    <row r="1902" spans="3:4" x14ac:dyDescent="0.25">
      <c r="C1902"/>
      <c r="D1902"/>
    </row>
    <row r="1903" spans="3:4" x14ac:dyDescent="0.25">
      <c r="C1903"/>
      <c r="D1903"/>
    </row>
    <row r="1904" spans="3:4" x14ac:dyDescent="0.25">
      <c r="C1904"/>
      <c r="D1904"/>
    </row>
    <row r="1905" spans="3:4" x14ac:dyDescent="0.25">
      <c r="C1905"/>
      <c r="D1905"/>
    </row>
    <row r="1906" spans="3:4" x14ac:dyDescent="0.25">
      <c r="C1906"/>
      <c r="D1906"/>
    </row>
    <row r="1907" spans="3:4" x14ac:dyDescent="0.25">
      <c r="C1907"/>
      <c r="D1907"/>
    </row>
    <row r="1908" spans="3:4" x14ac:dyDescent="0.25">
      <c r="C1908"/>
      <c r="D1908"/>
    </row>
    <row r="1909" spans="3:4" x14ac:dyDescent="0.25">
      <c r="C1909"/>
      <c r="D1909"/>
    </row>
    <row r="1910" spans="3:4" x14ac:dyDescent="0.25">
      <c r="C1910"/>
      <c r="D1910"/>
    </row>
    <row r="1911" spans="3:4" x14ac:dyDescent="0.25">
      <c r="C1911"/>
      <c r="D1911"/>
    </row>
    <row r="1912" spans="3:4" x14ac:dyDescent="0.25">
      <c r="C1912"/>
      <c r="D1912"/>
    </row>
    <row r="1913" spans="3:4" x14ac:dyDescent="0.25">
      <c r="C1913"/>
      <c r="D1913"/>
    </row>
    <row r="1914" spans="3:4" x14ac:dyDescent="0.25">
      <c r="C1914"/>
      <c r="D1914"/>
    </row>
    <row r="1915" spans="3:4" x14ac:dyDescent="0.25">
      <c r="C1915"/>
      <c r="D1915"/>
    </row>
    <row r="1916" spans="3:4" x14ac:dyDescent="0.25">
      <c r="C1916"/>
      <c r="D1916"/>
    </row>
    <row r="1917" spans="3:4" x14ac:dyDescent="0.25">
      <c r="C1917"/>
      <c r="D1917"/>
    </row>
    <row r="1918" spans="3:4" x14ac:dyDescent="0.25">
      <c r="C1918"/>
      <c r="D1918"/>
    </row>
    <row r="1919" spans="3:4" x14ac:dyDescent="0.25">
      <c r="C1919"/>
      <c r="D1919"/>
    </row>
    <row r="1920" spans="3:4" x14ac:dyDescent="0.25">
      <c r="C1920"/>
      <c r="D1920"/>
    </row>
    <row r="1921" spans="3:4" x14ac:dyDescent="0.25">
      <c r="C1921"/>
      <c r="D1921"/>
    </row>
    <row r="1922" spans="3:4" x14ac:dyDescent="0.25">
      <c r="C1922"/>
      <c r="D1922"/>
    </row>
    <row r="1923" spans="3:4" x14ac:dyDescent="0.25">
      <c r="C1923"/>
      <c r="D1923"/>
    </row>
    <row r="1924" spans="3:4" x14ac:dyDescent="0.25">
      <c r="C1924"/>
      <c r="D1924"/>
    </row>
    <row r="1925" spans="3:4" x14ac:dyDescent="0.25">
      <c r="C1925"/>
      <c r="D1925"/>
    </row>
    <row r="1926" spans="3:4" x14ac:dyDescent="0.25">
      <c r="C1926"/>
      <c r="D1926"/>
    </row>
    <row r="1927" spans="3:4" x14ac:dyDescent="0.25">
      <c r="C1927"/>
      <c r="D1927"/>
    </row>
    <row r="1928" spans="3:4" x14ac:dyDescent="0.25">
      <c r="C1928"/>
      <c r="D1928"/>
    </row>
    <row r="1929" spans="3:4" x14ac:dyDescent="0.25">
      <c r="C1929"/>
      <c r="D1929"/>
    </row>
    <row r="1930" spans="3:4" x14ac:dyDescent="0.25">
      <c r="C1930"/>
      <c r="D1930"/>
    </row>
    <row r="1931" spans="3:4" x14ac:dyDescent="0.25">
      <c r="C1931"/>
      <c r="D1931"/>
    </row>
    <row r="1932" spans="3:4" x14ac:dyDescent="0.25">
      <c r="C1932"/>
      <c r="D1932"/>
    </row>
    <row r="1933" spans="3:4" x14ac:dyDescent="0.25">
      <c r="C1933"/>
      <c r="D1933"/>
    </row>
    <row r="1934" spans="3:4" x14ac:dyDescent="0.25">
      <c r="C1934"/>
      <c r="D1934"/>
    </row>
    <row r="1935" spans="3:4" x14ac:dyDescent="0.25">
      <c r="C1935"/>
      <c r="D1935"/>
    </row>
    <row r="1936" spans="3:4" x14ac:dyDescent="0.25">
      <c r="C1936"/>
      <c r="D1936"/>
    </row>
    <row r="1937" spans="3:4" x14ac:dyDescent="0.25">
      <c r="C1937"/>
      <c r="D1937"/>
    </row>
    <row r="1938" spans="3:4" x14ac:dyDescent="0.25">
      <c r="C1938"/>
      <c r="D1938"/>
    </row>
    <row r="1939" spans="3:4" x14ac:dyDescent="0.25">
      <c r="C1939"/>
      <c r="D1939"/>
    </row>
    <row r="1940" spans="3:4" x14ac:dyDescent="0.25">
      <c r="C1940"/>
      <c r="D1940"/>
    </row>
    <row r="1941" spans="3:4" x14ac:dyDescent="0.25">
      <c r="C1941"/>
      <c r="D1941"/>
    </row>
    <row r="1942" spans="3:4" x14ac:dyDescent="0.25">
      <c r="C1942"/>
      <c r="D1942"/>
    </row>
    <row r="1943" spans="3:4" x14ac:dyDescent="0.25">
      <c r="C1943"/>
      <c r="D1943"/>
    </row>
    <row r="1944" spans="3:4" x14ac:dyDescent="0.25">
      <c r="C1944"/>
      <c r="D1944"/>
    </row>
    <row r="1945" spans="3:4" x14ac:dyDescent="0.25">
      <c r="C1945"/>
      <c r="D1945"/>
    </row>
    <row r="1946" spans="3:4" x14ac:dyDescent="0.25">
      <c r="C1946"/>
      <c r="D1946"/>
    </row>
    <row r="1947" spans="3:4" x14ac:dyDescent="0.25">
      <c r="C1947"/>
      <c r="D1947"/>
    </row>
    <row r="1948" spans="3:4" x14ac:dyDescent="0.25">
      <c r="C1948"/>
      <c r="D1948"/>
    </row>
    <row r="1949" spans="3:4" x14ac:dyDescent="0.25">
      <c r="C1949"/>
      <c r="D1949"/>
    </row>
    <row r="1950" spans="3:4" x14ac:dyDescent="0.25">
      <c r="C1950"/>
      <c r="D1950"/>
    </row>
    <row r="1951" spans="3:4" x14ac:dyDescent="0.25">
      <c r="C1951"/>
      <c r="D1951"/>
    </row>
    <row r="1952" spans="3:4" x14ac:dyDescent="0.25">
      <c r="C1952"/>
      <c r="D1952"/>
    </row>
    <row r="1953" spans="3:4" x14ac:dyDescent="0.25">
      <c r="C1953"/>
      <c r="D1953"/>
    </row>
    <row r="1954" spans="3:4" x14ac:dyDescent="0.25">
      <c r="C1954"/>
      <c r="D1954"/>
    </row>
    <row r="1955" spans="3:4" x14ac:dyDescent="0.25">
      <c r="C1955"/>
      <c r="D1955"/>
    </row>
    <row r="1956" spans="3:4" x14ac:dyDescent="0.25">
      <c r="C1956"/>
      <c r="D1956"/>
    </row>
    <row r="1957" spans="3:4" x14ac:dyDescent="0.25">
      <c r="C1957"/>
      <c r="D1957"/>
    </row>
    <row r="1958" spans="3:4" x14ac:dyDescent="0.25">
      <c r="C1958"/>
      <c r="D1958"/>
    </row>
    <row r="1959" spans="3:4" x14ac:dyDescent="0.25">
      <c r="C1959"/>
      <c r="D1959"/>
    </row>
    <row r="1960" spans="3:4" x14ac:dyDescent="0.25">
      <c r="C1960"/>
      <c r="D1960"/>
    </row>
    <row r="1961" spans="3:4" x14ac:dyDescent="0.25">
      <c r="C1961"/>
      <c r="D1961"/>
    </row>
    <row r="1962" spans="3:4" x14ac:dyDescent="0.25">
      <c r="C1962"/>
      <c r="D1962"/>
    </row>
    <row r="1963" spans="3:4" x14ac:dyDescent="0.25">
      <c r="C1963"/>
      <c r="D1963"/>
    </row>
    <row r="1964" spans="3:4" x14ac:dyDescent="0.25">
      <c r="C1964"/>
      <c r="D1964"/>
    </row>
    <row r="1965" spans="3:4" x14ac:dyDescent="0.25">
      <c r="C1965"/>
      <c r="D1965"/>
    </row>
    <row r="1966" spans="3:4" x14ac:dyDescent="0.25">
      <c r="C1966"/>
      <c r="D1966"/>
    </row>
    <row r="1967" spans="3:4" x14ac:dyDescent="0.25">
      <c r="C1967"/>
      <c r="D1967"/>
    </row>
    <row r="1968" spans="3:4" x14ac:dyDescent="0.25">
      <c r="C1968"/>
      <c r="D1968"/>
    </row>
    <row r="1969" spans="3:4" x14ac:dyDescent="0.25">
      <c r="C1969"/>
      <c r="D1969"/>
    </row>
    <row r="1970" spans="3:4" x14ac:dyDescent="0.25">
      <c r="C1970"/>
      <c r="D1970"/>
    </row>
    <row r="1971" spans="3:4" x14ac:dyDescent="0.25">
      <c r="C1971"/>
      <c r="D1971"/>
    </row>
    <row r="1972" spans="3:4" x14ac:dyDescent="0.25">
      <c r="C1972"/>
      <c r="D1972"/>
    </row>
    <row r="1973" spans="3:4" x14ac:dyDescent="0.25">
      <c r="C1973"/>
      <c r="D1973"/>
    </row>
    <row r="1974" spans="3:4" x14ac:dyDescent="0.25">
      <c r="C1974"/>
      <c r="D1974"/>
    </row>
    <row r="1975" spans="3:4" x14ac:dyDescent="0.25">
      <c r="C1975"/>
      <c r="D1975"/>
    </row>
    <row r="1976" spans="3:4" x14ac:dyDescent="0.25">
      <c r="C1976"/>
      <c r="D1976"/>
    </row>
    <row r="1977" spans="3:4" x14ac:dyDescent="0.25">
      <c r="C1977"/>
      <c r="D1977"/>
    </row>
    <row r="1978" spans="3:4" x14ac:dyDescent="0.25">
      <c r="C1978"/>
      <c r="D1978"/>
    </row>
    <row r="1979" spans="3:4" x14ac:dyDescent="0.25">
      <c r="C1979"/>
      <c r="D1979"/>
    </row>
    <row r="1980" spans="3:4" x14ac:dyDescent="0.25">
      <c r="C1980"/>
      <c r="D1980"/>
    </row>
    <row r="1981" spans="3:4" x14ac:dyDescent="0.25">
      <c r="C1981"/>
      <c r="D1981"/>
    </row>
    <row r="1982" spans="3:4" x14ac:dyDescent="0.25">
      <c r="C1982"/>
      <c r="D1982"/>
    </row>
    <row r="1983" spans="3:4" x14ac:dyDescent="0.25">
      <c r="C1983"/>
      <c r="D1983"/>
    </row>
    <row r="1984" spans="3:4" x14ac:dyDescent="0.25">
      <c r="C1984"/>
      <c r="D1984"/>
    </row>
    <row r="1985" spans="3:4" x14ac:dyDescent="0.25">
      <c r="C1985"/>
      <c r="D1985"/>
    </row>
    <row r="1986" spans="3:4" x14ac:dyDescent="0.25">
      <c r="C1986"/>
      <c r="D1986"/>
    </row>
    <row r="1987" spans="3:4" x14ac:dyDescent="0.25">
      <c r="C1987"/>
      <c r="D1987"/>
    </row>
    <row r="1988" spans="3:4" x14ac:dyDescent="0.25">
      <c r="C1988"/>
      <c r="D1988"/>
    </row>
    <row r="1989" spans="3:4" x14ac:dyDescent="0.25">
      <c r="C1989"/>
      <c r="D1989"/>
    </row>
    <row r="1990" spans="3:4" x14ac:dyDescent="0.25">
      <c r="C1990"/>
      <c r="D1990"/>
    </row>
    <row r="1991" spans="3:4" x14ac:dyDescent="0.25">
      <c r="C1991"/>
      <c r="D1991"/>
    </row>
    <row r="1992" spans="3:4" x14ac:dyDescent="0.25">
      <c r="C1992"/>
      <c r="D1992"/>
    </row>
    <row r="1993" spans="3:4" x14ac:dyDescent="0.25">
      <c r="C1993"/>
      <c r="D1993"/>
    </row>
    <row r="1994" spans="3:4" x14ac:dyDescent="0.25">
      <c r="C1994"/>
      <c r="D1994"/>
    </row>
    <row r="1995" spans="3:4" x14ac:dyDescent="0.25">
      <c r="C1995"/>
      <c r="D1995"/>
    </row>
    <row r="1996" spans="3:4" x14ac:dyDescent="0.25">
      <c r="C1996"/>
      <c r="D1996"/>
    </row>
    <row r="1997" spans="3:4" x14ac:dyDescent="0.25">
      <c r="C1997"/>
      <c r="D1997"/>
    </row>
    <row r="1998" spans="3:4" x14ac:dyDescent="0.25">
      <c r="C1998"/>
      <c r="D1998"/>
    </row>
    <row r="1999" spans="3:4" x14ac:dyDescent="0.25">
      <c r="C1999"/>
      <c r="D1999"/>
    </row>
    <row r="2000" spans="3:4" x14ac:dyDescent="0.25">
      <c r="C2000"/>
      <c r="D2000"/>
    </row>
    <row r="2001" spans="3:4" x14ac:dyDescent="0.25">
      <c r="C2001"/>
      <c r="D2001"/>
    </row>
    <row r="2002" spans="3:4" x14ac:dyDescent="0.25">
      <c r="C2002"/>
      <c r="D2002"/>
    </row>
    <row r="2003" spans="3:4" x14ac:dyDescent="0.25">
      <c r="C2003"/>
      <c r="D2003"/>
    </row>
    <row r="2004" spans="3:4" x14ac:dyDescent="0.25">
      <c r="C2004"/>
      <c r="D2004"/>
    </row>
    <row r="2005" spans="3:4" x14ac:dyDescent="0.25">
      <c r="C2005"/>
      <c r="D2005"/>
    </row>
    <row r="2006" spans="3:4" x14ac:dyDescent="0.25">
      <c r="C2006"/>
      <c r="D2006"/>
    </row>
    <row r="2007" spans="3:4" x14ac:dyDescent="0.25">
      <c r="C2007"/>
      <c r="D2007"/>
    </row>
    <row r="2008" spans="3:4" x14ac:dyDescent="0.25">
      <c r="C2008"/>
      <c r="D2008"/>
    </row>
    <row r="2009" spans="3:4" x14ac:dyDescent="0.25">
      <c r="C2009"/>
      <c r="D2009"/>
    </row>
    <row r="2010" spans="3:4" x14ac:dyDescent="0.25">
      <c r="C2010"/>
      <c r="D2010"/>
    </row>
    <row r="2011" spans="3:4" x14ac:dyDescent="0.25">
      <c r="C2011"/>
      <c r="D2011"/>
    </row>
    <row r="2012" spans="3:4" x14ac:dyDescent="0.25">
      <c r="C2012"/>
      <c r="D2012"/>
    </row>
    <row r="2013" spans="3:4" x14ac:dyDescent="0.25">
      <c r="C2013"/>
      <c r="D2013"/>
    </row>
    <row r="2014" spans="3:4" x14ac:dyDescent="0.25">
      <c r="C2014"/>
      <c r="D2014"/>
    </row>
    <row r="2015" spans="3:4" x14ac:dyDescent="0.25">
      <c r="C2015"/>
      <c r="D2015"/>
    </row>
    <row r="2016" spans="3:4" x14ac:dyDescent="0.25">
      <c r="C2016"/>
      <c r="D2016"/>
    </row>
    <row r="2017" spans="3:4" x14ac:dyDescent="0.25">
      <c r="C2017"/>
      <c r="D2017"/>
    </row>
    <row r="2018" spans="3:4" x14ac:dyDescent="0.25">
      <c r="C2018"/>
      <c r="D2018"/>
    </row>
    <row r="2019" spans="3:4" x14ac:dyDescent="0.25">
      <c r="C2019"/>
      <c r="D2019"/>
    </row>
    <row r="2020" spans="3:4" x14ac:dyDescent="0.25">
      <c r="C2020"/>
      <c r="D2020"/>
    </row>
    <row r="2021" spans="3:4" x14ac:dyDescent="0.25">
      <c r="C2021"/>
      <c r="D2021"/>
    </row>
    <row r="2022" spans="3:4" x14ac:dyDescent="0.25">
      <c r="C2022"/>
      <c r="D2022"/>
    </row>
    <row r="2023" spans="3:4" x14ac:dyDescent="0.25">
      <c r="C2023"/>
      <c r="D2023"/>
    </row>
    <row r="2024" spans="3:4" x14ac:dyDescent="0.25">
      <c r="C2024"/>
      <c r="D2024"/>
    </row>
    <row r="2025" spans="3:4" x14ac:dyDescent="0.25">
      <c r="C2025"/>
      <c r="D2025"/>
    </row>
    <row r="2026" spans="3:4" x14ac:dyDescent="0.25">
      <c r="C2026"/>
      <c r="D2026"/>
    </row>
    <row r="2027" spans="3:4" x14ac:dyDescent="0.25">
      <c r="C2027"/>
      <c r="D2027"/>
    </row>
    <row r="2028" spans="3:4" x14ac:dyDescent="0.25">
      <c r="C2028"/>
      <c r="D2028"/>
    </row>
    <row r="2029" spans="3:4" x14ac:dyDescent="0.25">
      <c r="C2029"/>
      <c r="D2029"/>
    </row>
    <row r="2030" spans="3:4" x14ac:dyDescent="0.25">
      <c r="C2030"/>
      <c r="D2030"/>
    </row>
    <row r="2031" spans="3:4" x14ac:dyDescent="0.25">
      <c r="C2031"/>
      <c r="D2031"/>
    </row>
    <row r="2032" spans="3:4" x14ac:dyDescent="0.25">
      <c r="C2032"/>
      <c r="D2032"/>
    </row>
    <row r="2033" spans="3:4" x14ac:dyDescent="0.25">
      <c r="C2033"/>
      <c r="D2033"/>
    </row>
    <row r="2034" spans="3:4" x14ac:dyDescent="0.25">
      <c r="C2034"/>
      <c r="D2034"/>
    </row>
    <row r="2035" spans="3:4" x14ac:dyDescent="0.25">
      <c r="C2035"/>
      <c r="D2035"/>
    </row>
    <row r="2036" spans="3:4" x14ac:dyDescent="0.25">
      <c r="C2036"/>
      <c r="D2036"/>
    </row>
    <row r="2037" spans="3:4" x14ac:dyDescent="0.25">
      <c r="C2037"/>
      <c r="D2037"/>
    </row>
    <row r="2038" spans="3:4" x14ac:dyDescent="0.25">
      <c r="C2038"/>
      <c r="D2038"/>
    </row>
    <row r="2039" spans="3:4" x14ac:dyDescent="0.25">
      <c r="C2039"/>
      <c r="D2039"/>
    </row>
    <row r="2040" spans="3:4" x14ac:dyDescent="0.25">
      <c r="C2040"/>
      <c r="D2040"/>
    </row>
    <row r="2041" spans="3:4" x14ac:dyDescent="0.25">
      <c r="C2041"/>
      <c r="D2041"/>
    </row>
    <row r="2042" spans="3:4" x14ac:dyDescent="0.25">
      <c r="C2042"/>
      <c r="D2042"/>
    </row>
    <row r="2043" spans="3:4" x14ac:dyDescent="0.25">
      <c r="C2043"/>
      <c r="D2043"/>
    </row>
    <row r="2044" spans="3:4" x14ac:dyDescent="0.25">
      <c r="C2044"/>
      <c r="D2044"/>
    </row>
    <row r="2045" spans="3:4" x14ac:dyDescent="0.25">
      <c r="C2045"/>
      <c r="D2045"/>
    </row>
    <row r="2046" spans="3:4" x14ac:dyDescent="0.25">
      <c r="C2046"/>
      <c r="D2046"/>
    </row>
    <row r="2047" spans="3:4" x14ac:dyDescent="0.25">
      <c r="C2047"/>
      <c r="D2047"/>
    </row>
    <row r="2048" spans="3:4" x14ac:dyDescent="0.25">
      <c r="C2048"/>
      <c r="D2048"/>
    </row>
    <row r="2049" spans="3:4" x14ac:dyDescent="0.25">
      <c r="C2049"/>
      <c r="D2049"/>
    </row>
    <row r="2050" spans="3:4" x14ac:dyDescent="0.25">
      <c r="C2050"/>
      <c r="D2050"/>
    </row>
    <row r="2051" spans="3:4" x14ac:dyDescent="0.25">
      <c r="C2051"/>
      <c r="D2051"/>
    </row>
    <row r="2052" spans="3:4" x14ac:dyDescent="0.25">
      <c r="C2052"/>
      <c r="D2052"/>
    </row>
    <row r="2053" spans="3:4" x14ac:dyDescent="0.25">
      <c r="C2053"/>
      <c r="D2053"/>
    </row>
    <row r="2054" spans="3:4" x14ac:dyDescent="0.25">
      <c r="C2054"/>
      <c r="D2054"/>
    </row>
    <row r="2055" spans="3:4" x14ac:dyDescent="0.25">
      <c r="C2055"/>
      <c r="D2055"/>
    </row>
    <row r="2056" spans="3:4" x14ac:dyDescent="0.25">
      <c r="C2056"/>
      <c r="D2056"/>
    </row>
    <row r="2057" spans="3:4" x14ac:dyDescent="0.25">
      <c r="C2057"/>
      <c r="D2057"/>
    </row>
    <row r="2058" spans="3:4" x14ac:dyDescent="0.25">
      <c r="C2058"/>
      <c r="D2058"/>
    </row>
    <row r="2059" spans="3:4" x14ac:dyDescent="0.25">
      <c r="C2059"/>
      <c r="D2059"/>
    </row>
    <row r="2060" spans="3:4" x14ac:dyDescent="0.25">
      <c r="C2060"/>
      <c r="D2060"/>
    </row>
    <row r="2061" spans="3:4" x14ac:dyDescent="0.25">
      <c r="C2061"/>
      <c r="D2061"/>
    </row>
    <row r="2062" spans="3:4" x14ac:dyDescent="0.25">
      <c r="C2062"/>
      <c r="D2062"/>
    </row>
    <row r="2063" spans="3:4" x14ac:dyDescent="0.25">
      <c r="C2063"/>
      <c r="D2063"/>
    </row>
    <row r="2064" spans="3:4" x14ac:dyDescent="0.25">
      <c r="C2064"/>
      <c r="D2064"/>
    </row>
    <row r="2065" spans="3:4" x14ac:dyDescent="0.25">
      <c r="C2065"/>
      <c r="D2065"/>
    </row>
    <row r="2066" spans="3:4" x14ac:dyDescent="0.25">
      <c r="C2066"/>
      <c r="D2066"/>
    </row>
    <row r="2067" spans="3:4" x14ac:dyDescent="0.25">
      <c r="C2067"/>
      <c r="D2067"/>
    </row>
    <row r="2068" spans="3:4" x14ac:dyDescent="0.25">
      <c r="C2068"/>
      <c r="D2068"/>
    </row>
    <row r="2069" spans="3:4" x14ac:dyDescent="0.25">
      <c r="C2069"/>
      <c r="D2069"/>
    </row>
    <row r="2070" spans="3:4" x14ac:dyDescent="0.25">
      <c r="C2070"/>
      <c r="D2070"/>
    </row>
    <row r="2071" spans="3:4" x14ac:dyDescent="0.25">
      <c r="C2071"/>
      <c r="D2071"/>
    </row>
    <row r="2072" spans="3:4" x14ac:dyDescent="0.25">
      <c r="C2072"/>
      <c r="D2072"/>
    </row>
    <row r="2073" spans="3:4" x14ac:dyDescent="0.25">
      <c r="C2073"/>
      <c r="D2073"/>
    </row>
    <row r="2074" spans="3:4" x14ac:dyDescent="0.25">
      <c r="C2074"/>
      <c r="D2074"/>
    </row>
    <row r="2075" spans="3:4" x14ac:dyDescent="0.25">
      <c r="C2075"/>
      <c r="D2075"/>
    </row>
    <row r="2076" spans="3:4" x14ac:dyDescent="0.25">
      <c r="C2076"/>
      <c r="D2076"/>
    </row>
    <row r="2077" spans="3:4" x14ac:dyDescent="0.25">
      <c r="C2077"/>
      <c r="D2077"/>
    </row>
    <row r="2078" spans="3:4" x14ac:dyDescent="0.25">
      <c r="C2078"/>
      <c r="D2078"/>
    </row>
    <row r="2079" spans="3:4" x14ac:dyDescent="0.25">
      <c r="C2079"/>
      <c r="D2079"/>
    </row>
    <row r="2080" spans="3:4" x14ac:dyDescent="0.25">
      <c r="C2080"/>
      <c r="D2080"/>
    </row>
    <row r="2081" spans="3:4" x14ac:dyDescent="0.25">
      <c r="C2081"/>
      <c r="D2081"/>
    </row>
    <row r="2082" spans="3:4" x14ac:dyDescent="0.25">
      <c r="C2082"/>
      <c r="D2082"/>
    </row>
    <row r="2083" spans="3:4" x14ac:dyDescent="0.25">
      <c r="C2083"/>
      <c r="D2083"/>
    </row>
    <row r="2084" spans="3:4" x14ac:dyDescent="0.25">
      <c r="C2084"/>
      <c r="D2084"/>
    </row>
    <row r="2085" spans="3:4" x14ac:dyDescent="0.25">
      <c r="C2085"/>
      <c r="D2085"/>
    </row>
    <row r="2086" spans="3:4" x14ac:dyDescent="0.25">
      <c r="C2086"/>
      <c r="D2086"/>
    </row>
    <row r="2087" spans="3:4" x14ac:dyDescent="0.25">
      <c r="C2087"/>
      <c r="D2087"/>
    </row>
    <row r="2088" spans="3:4" x14ac:dyDescent="0.25">
      <c r="C2088"/>
      <c r="D2088"/>
    </row>
    <row r="2089" spans="3:4" x14ac:dyDescent="0.25">
      <c r="C2089"/>
      <c r="D2089"/>
    </row>
    <row r="2090" spans="3:4" x14ac:dyDescent="0.25">
      <c r="C2090"/>
      <c r="D2090"/>
    </row>
    <row r="2091" spans="3:4" x14ac:dyDescent="0.25">
      <c r="C2091"/>
      <c r="D2091"/>
    </row>
    <row r="2092" spans="3:4" x14ac:dyDescent="0.25">
      <c r="C2092"/>
      <c r="D2092"/>
    </row>
    <row r="2093" spans="3:4" x14ac:dyDescent="0.25">
      <c r="C2093"/>
      <c r="D2093"/>
    </row>
    <row r="2094" spans="3:4" x14ac:dyDescent="0.25">
      <c r="C2094"/>
      <c r="D2094"/>
    </row>
    <row r="2095" spans="3:4" x14ac:dyDescent="0.25">
      <c r="C2095"/>
      <c r="D2095"/>
    </row>
    <row r="2096" spans="3:4" x14ac:dyDescent="0.25">
      <c r="C2096"/>
      <c r="D2096"/>
    </row>
    <row r="2097" spans="3:4" x14ac:dyDescent="0.25">
      <c r="C2097"/>
      <c r="D2097"/>
    </row>
    <row r="2098" spans="3:4" x14ac:dyDescent="0.25">
      <c r="C2098"/>
      <c r="D2098"/>
    </row>
    <row r="2099" spans="3:4" x14ac:dyDescent="0.25">
      <c r="C2099"/>
      <c r="D2099"/>
    </row>
    <row r="2100" spans="3:4" x14ac:dyDescent="0.25">
      <c r="C2100"/>
      <c r="D2100"/>
    </row>
    <row r="2101" spans="3:4" x14ac:dyDescent="0.25">
      <c r="C2101"/>
      <c r="D2101"/>
    </row>
    <row r="2102" spans="3:4" x14ac:dyDescent="0.25">
      <c r="C2102"/>
      <c r="D2102"/>
    </row>
    <row r="2103" spans="3:4" x14ac:dyDescent="0.25">
      <c r="C2103"/>
      <c r="D2103"/>
    </row>
    <row r="2104" spans="3:4" x14ac:dyDescent="0.25">
      <c r="C2104"/>
      <c r="D2104"/>
    </row>
    <row r="2105" spans="3:4" x14ac:dyDescent="0.25">
      <c r="C2105"/>
      <c r="D2105"/>
    </row>
    <row r="2106" spans="3:4" x14ac:dyDescent="0.25">
      <c r="C2106"/>
      <c r="D2106"/>
    </row>
    <row r="2107" spans="3:4" x14ac:dyDescent="0.25">
      <c r="C2107"/>
      <c r="D2107"/>
    </row>
    <row r="2108" spans="3:4" x14ac:dyDescent="0.25">
      <c r="C2108"/>
      <c r="D2108"/>
    </row>
    <row r="2109" spans="3:4" x14ac:dyDescent="0.25">
      <c r="C2109"/>
      <c r="D2109"/>
    </row>
    <row r="2110" spans="3:4" x14ac:dyDescent="0.25">
      <c r="C2110"/>
      <c r="D2110"/>
    </row>
    <row r="2111" spans="3:4" x14ac:dyDescent="0.25">
      <c r="C2111"/>
      <c r="D2111"/>
    </row>
    <row r="2112" spans="3:4" x14ac:dyDescent="0.25">
      <c r="C2112"/>
      <c r="D2112"/>
    </row>
    <row r="2113" spans="3:4" x14ac:dyDescent="0.25">
      <c r="C2113"/>
      <c r="D2113"/>
    </row>
    <row r="2114" spans="3:4" x14ac:dyDescent="0.25">
      <c r="C2114"/>
      <c r="D2114"/>
    </row>
    <row r="2115" spans="3:4" x14ac:dyDescent="0.25">
      <c r="C2115"/>
      <c r="D2115"/>
    </row>
    <row r="2116" spans="3:4" x14ac:dyDescent="0.25">
      <c r="C2116"/>
      <c r="D2116"/>
    </row>
    <row r="2117" spans="3:4" x14ac:dyDescent="0.25">
      <c r="C2117"/>
      <c r="D2117"/>
    </row>
    <row r="2118" spans="3:4" x14ac:dyDescent="0.25">
      <c r="C2118"/>
      <c r="D2118"/>
    </row>
    <row r="2119" spans="3:4" x14ac:dyDescent="0.25">
      <c r="C2119"/>
      <c r="D2119"/>
    </row>
    <row r="2120" spans="3:4" x14ac:dyDescent="0.25">
      <c r="C2120"/>
      <c r="D2120"/>
    </row>
    <row r="2121" spans="3:4" x14ac:dyDescent="0.25">
      <c r="C2121"/>
      <c r="D2121"/>
    </row>
    <row r="2122" spans="3:4" x14ac:dyDescent="0.25">
      <c r="C2122"/>
      <c r="D2122"/>
    </row>
    <row r="2123" spans="3:4" x14ac:dyDescent="0.25">
      <c r="C2123"/>
      <c r="D2123"/>
    </row>
    <row r="2124" spans="3:4" x14ac:dyDescent="0.25">
      <c r="C2124"/>
      <c r="D2124"/>
    </row>
    <row r="2125" spans="3:4" x14ac:dyDescent="0.25">
      <c r="C2125"/>
      <c r="D2125"/>
    </row>
    <row r="2126" spans="3:4" x14ac:dyDescent="0.25">
      <c r="C2126"/>
      <c r="D2126"/>
    </row>
    <row r="2127" spans="3:4" x14ac:dyDescent="0.25">
      <c r="C2127"/>
      <c r="D2127"/>
    </row>
    <row r="2128" spans="3:4" x14ac:dyDescent="0.25">
      <c r="C2128"/>
      <c r="D2128"/>
    </row>
    <row r="2129" spans="3:4" x14ac:dyDescent="0.25">
      <c r="C2129"/>
      <c r="D2129"/>
    </row>
    <row r="2130" spans="3:4" x14ac:dyDescent="0.25">
      <c r="C2130"/>
      <c r="D2130"/>
    </row>
    <row r="2131" spans="3:4" x14ac:dyDescent="0.25">
      <c r="C2131"/>
      <c r="D2131"/>
    </row>
    <row r="2132" spans="3:4" x14ac:dyDescent="0.25">
      <c r="C2132"/>
      <c r="D2132"/>
    </row>
    <row r="2133" spans="3:4" x14ac:dyDescent="0.25">
      <c r="C2133"/>
      <c r="D2133"/>
    </row>
    <row r="2134" spans="3:4" x14ac:dyDescent="0.25">
      <c r="C2134"/>
      <c r="D2134"/>
    </row>
    <row r="2135" spans="3:4" x14ac:dyDescent="0.25">
      <c r="C2135"/>
      <c r="D2135"/>
    </row>
    <row r="2136" spans="3:4" x14ac:dyDescent="0.25">
      <c r="C2136"/>
      <c r="D2136"/>
    </row>
    <row r="2137" spans="3:4" x14ac:dyDescent="0.25">
      <c r="C2137"/>
      <c r="D2137"/>
    </row>
    <row r="2138" spans="3:4" x14ac:dyDescent="0.25">
      <c r="C2138"/>
      <c r="D2138"/>
    </row>
    <row r="2139" spans="3:4" x14ac:dyDescent="0.25">
      <c r="C2139"/>
      <c r="D2139"/>
    </row>
    <row r="2140" spans="3:4" x14ac:dyDescent="0.25">
      <c r="C2140"/>
      <c r="D2140"/>
    </row>
    <row r="2141" spans="3:4" x14ac:dyDescent="0.25">
      <c r="C2141"/>
      <c r="D2141"/>
    </row>
    <row r="2142" spans="3:4" x14ac:dyDescent="0.25">
      <c r="C2142"/>
      <c r="D2142"/>
    </row>
    <row r="2143" spans="3:4" x14ac:dyDescent="0.25">
      <c r="C2143"/>
      <c r="D2143"/>
    </row>
    <row r="2144" spans="3:4" x14ac:dyDescent="0.25">
      <c r="C2144"/>
      <c r="D2144"/>
    </row>
    <row r="2145" spans="3:4" x14ac:dyDescent="0.25">
      <c r="C2145"/>
      <c r="D2145"/>
    </row>
    <row r="2146" spans="3:4" x14ac:dyDescent="0.25">
      <c r="C2146"/>
      <c r="D2146"/>
    </row>
    <row r="2147" spans="3:4" x14ac:dyDescent="0.25">
      <c r="C2147"/>
      <c r="D2147"/>
    </row>
    <row r="2148" spans="3:4" x14ac:dyDescent="0.25">
      <c r="C2148"/>
      <c r="D2148"/>
    </row>
    <row r="2149" spans="3:4" x14ac:dyDescent="0.25">
      <c r="C2149"/>
      <c r="D2149"/>
    </row>
    <row r="2150" spans="3:4" x14ac:dyDescent="0.25">
      <c r="C2150"/>
      <c r="D2150"/>
    </row>
    <row r="2151" spans="3:4" x14ac:dyDescent="0.25">
      <c r="C2151"/>
      <c r="D2151"/>
    </row>
    <row r="2152" spans="3:4" x14ac:dyDescent="0.25">
      <c r="C2152"/>
      <c r="D2152"/>
    </row>
    <row r="2153" spans="3:4" x14ac:dyDescent="0.25">
      <c r="C2153"/>
      <c r="D2153"/>
    </row>
    <row r="2154" spans="3:4" x14ac:dyDescent="0.25">
      <c r="C2154"/>
      <c r="D2154"/>
    </row>
    <row r="2155" spans="3:4" x14ac:dyDescent="0.25">
      <c r="C2155"/>
      <c r="D2155"/>
    </row>
    <row r="2156" spans="3:4" x14ac:dyDescent="0.25">
      <c r="C2156"/>
      <c r="D2156"/>
    </row>
    <row r="2157" spans="3:4" x14ac:dyDescent="0.25">
      <c r="C2157"/>
      <c r="D2157"/>
    </row>
    <row r="2158" spans="3:4" x14ac:dyDescent="0.25">
      <c r="C2158"/>
      <c r="D2158"/>
    </row>
    <row r="2159" spans="3:4" x14ac:dyDescent="0.25">
      <c r="C2159"/>
      <c r="D2159"/>
    </row>
    <row r="2160" spans="3:4" x14ac:dyDescent="0.25">
      <c r="C2160"/>
      <c r="D2160"/>
    </row>
    <row r="2161" spans="3:4" x14ac:dyDescent="0.25">
      <c r="C2161"/>
      <c r="D2161"/>
    </row>
    <row r="2162" spans="3:4" x14ac:dyDescent="0.25">
      <c r="C2162"/>
      <c r="D2162"/>
    </row>
    <row r="2163" spans="3:4" x14ac:dyDescent="0.25">
      <c r="C2163"/>
      <c r="D2163"/>
    </row>
    <row r="2164" spans="3:4" x14ac:dyDescent="0.25">
      <c r="C2164"/>
      <c r="D2164"/>
    </row>
    <row r="2165" spans="3:4" x14ac:dyDescent="0.25">
      <c r="C2165"/>
      <c r="D2165"/>
    </row>
    <row r="2166" spans="3:4" x14ac:dyDescent="0.25">
      <c r="C2166"/>
      <c r="D2166"/>
    </row>
    <row r="2167" spans="3:4" x14ac:dyDescent="0.25">
      <c r="C2167"/>
      <c r="D2167"/>
    </row>
    <row r="2168" spans="3:4" x14ac:dyDescent="0.25">
      <c r="C2168"/>
      <c r="D2168"/>
    </row>
    <row r="2169" spans="3:4" x14ac:dyDescent="0.25">
      <c r="C2169"/>
      <c r="D2169"/>
    </row>
    <row r="2170" spans="3:4" x14ac:dyDescent="0.25">
      <c r="C2170"/>
      <c r="D2170"/>
    </row>
    <row r="2171" spans="3:4" x14ac:dyDescent="0.25">
      <c r="C2171"/>
      <c r="D2171"/>
    </row>
    <row r="2172" spans="3:4" x14ac:dyDescent="0.25">
      <c r="C2172"/>
      <c r="D2172"/>
    </row>
    <row r="2173" spans="3:4" x14ac:dyDescent="0.25">
      <c r="C2173"/>
      <c r="D2173"/>
    </row>
    <row r="2174" spans="3:4" x14ac:dyDescent="0.25">
      <c r="C2174"/>
      <c r="D2174"/>
    </row>
    <row r="2175" spans="3:4" x14ac:dyDescent="0.25">
      <c r="C2175"/>
      <c r="D2175"/>
    </row>
    <row r="2176" spans="3:4" x14ac:dyDescent="0.25">
      <c r="C2176"/>
      <c r="D2176"/>
    </row>
    <row r="2177" spans="3:4" x14ac:dyDescent="0.25">
      <c r="C2177"/>
      <c r="D2177"/>
    </row>
    <row r="2178" spans="3:4" x14ac:dyDescent="0.25">
      <c r="C2178"/>
      <c r="D2178"/>
    </row>
    <row r="2179" spans="3:4" x14ac:dyDescent="0.25">
      <c r="C2179"/>
      <c r="D2179"/>
    </row>
    <row r="2180" spans="3:4" x14ac:dyDescent="0.25">
      <c r="C2180"/>
      <c r="D2180"/>
    </row>
    <row r="2181" spans="3:4" x14ac:dyDescent="0.25">
      <c r="C2181"/>
      <c r="D2181"/>
    </row>
    <row r="2182" spans="3:4" x14ac:dyDescent="0.25">
      <c r="C2182"/>
      <c r="D2182"/>
    </row>
    <row r="2183" spans="3:4" x14ac:dyDescent="0.25">
      <c r="C2183"/>
      <c r="D2183"/>
    </row>
    <row r="2184" spans="3:4" x14ac:dyDescent="0.25">
      <c r="C2184"/>
      <c r="D2184"/>
    </row>
    <row r="2185" spans="3:4" x14ac:dyDescent="0.25">
      <c r="C2185"/>
      <c r="D2185"/>
    </row>
    <row r="2186" spans="3:4" x14ac:dyDescent="0.25">
      <c r="C2186"/>
      <c r="D2186"/>
    </row>
    <row r="2187" spans="3:4" x14ac:dyDescent="0.25">
      <c r="C2187"/>
      <c r="D2187"/>
    </row>
    <row r="2188" spans="3:4" x14ac:dyDescent="0.25">
      <c r="C2188"/>
      <c r="D2188"/>
    </row>
    <row r="2189" spans="3:4" x14ac:dyDescent="0.25">
      <c r="C2189"/>
      <c r="D2189"/>
    </row>
    <row r="2190" spans="3:4" x14ac:dyDescent="0.25">
      <c r="C2190"/>
      <c r="D2190"/>
    </row>
    <row r="2191" spans="3:4" x14ac:dyDescent="0.25">
      <c r="C2191"/>
      <c r="D2191"/>
    </row>
    <row r="2192" spans="3:4" x14ac:dyDescent="0.25">
      <c r="C2192"/>
      <c r="D2192"/>
    </row>
    <row r="2193" spans="3:4" x14ac:dyDescent="0.25">
      <c r="C2193"/>
      <c r="D2193"/>
    </row>
    <row r="2194" spans="3:4" x14ac:dyDescent="0.25">
      <c r="C2194"/>
      <c r="D2194"/>
    </row>
    <row r="2195" spans="3:4" x14ac:dyDescent="0.25">
      <c r="C2195"/>
      <c r="D2195"/>
    </row>
    <row r="2196" spans="3:4" x14ac:dyDescent="0.25">
      <c r="C2196"/>
      <c r="D2196"/>
    </row>
    <row r="2197" spans="3:4" x14ac:dyDescent="0.25">
      <c r="C2197"/>
      <c r="D2197"/>
    </row>
    <row r="2198" spans="3:4" x14ac:dyDescent="0.25">
      <c r="C2198"/>
      <c r="D2198"/>
    </row>
    <row r="2199" spans="3:4" x14ac:dyDescent="0.25">
      <c r="C2199"/>
      <c r="D2199"/>
    </row>
    <row r="2200" spans="3:4" x14ac:dyDescent="0.25">
      <c r="C2200"/>
      <c r="D2200"/>
    </row>
    <row r="2201" spans="3:4" x14ac:dyDescent="0.25">
      <c r="C2201"/>
      <c r="D2201"/>
    </row>
    <row r="2202" spans="3:4" x14ac:dyDescent="0.25">
      <c r="C2202"/>
      <c r="D2202"/>
    </row>
    <row r="2203" spans="3:4" x14ac:dyDescent="0.25">
      <c r="C2203"/>
      <c r="D2203"/>
    </row>
    <row r="2204" spans="3:4" x14ac:dyDescent="0.25">
      <c r="C2204"/>
      <c r="D2204"/>
    </row>
    <row r="2205" spans="3:4" x14ac:dyDescent="0.25">
      <c r="C2205"/>
      <c r="D2205"/>
    </row>
    <row r="2206" spans="3:4" x14ac:dyDescent="0.25">
      <c r="C2206"/>
      <c r="D2206"/>
    </row>
    <row r="2207" spans="3:4" x14ac:dyDescent="0.25">
      <c r="C2207"/>
      <c r="D2207"/>
    </row>
    <row r="2208" spans="3:4" x14ac:dyDescent="0.25">
      <c r="C2208"/>
      <c r="D2208"/>
    </row>
    <row r="2209" spans="3:4" x14ac:dyDescent="0.25">
      <c r="C2209"/>
      <c r="D2209"/>
    </row>
    <row r="2210" spans="3:4" x14ac:dyDescent="0.25">
      <c r="C2210"/>
      <c r="D2210"/>
    </row>
    <row r="2211" spans="3:4" x14ac:dyDescent="0.25">
      <c r="C2211"/>
      <c r="D2211"/>
    </row>
    <row r="2212" spans="3:4" x14ac:dyDescent="0.25">
      <c r="C2212"/>
      <c r="D2212"/>
    </row>
    <row r="2213" spans="3:4" x14ac:dyDescent="0.25">
      <c r="C2213"/>
      <c r="D2213"/>
    </row>
    <row r="2214" spans="3:4" x14ac:dyDescent="0.25">
      <c r="C2214"/>
      <c r="D2214"/>
    </row>
    <row r="2215" spans="3:4" x14ac:dyDescent="0.25">
      <c r="C2215"/>
      <c r="D2215"/>
    </row>
    <row r="2216" spans="3:4" x14ac:dyDescent="0.25">
      <c r="C2216"/>
      <c r="D2216"/>
    </row>
    <row r="2217" spans="3:4" x14ac:dyDescent="0.25">
      <c r="C2217"/>
      <c r="D2217"/>
    </row>
    <row r="2218" spans="3:4" x14ac:dyDescent="0.25">
      <c r="C2218"/>
      <c r="D2218"/>
    </row>
    <row r="2219" spans="3:4" x14ac:dyDescent="0.25">
      <c r="C2219"/>
      <c r="D2219"/>
    </row>
    <row r="2220" spans="3:4" x14ac:dyDescent="0.25">
      <c r="C2220"/>
      <c r="D2220"/>
    </row>
    <row r="2221" spans="3:4" x14ac:dyDescent="0.25">
      <c r="C2221"/>
      <c r="D2221"/>
    </row>
    <row r="2222" spans="3:4" x14ac:dyDescent="0.25">
      <c r="C2222"/>
      <c r="D2222"/>
    </row>
    <row r="2223" spans="3:4" x14ac:dyDescent="0.25">
      <c r="C2223"/>
      <c r="D2223"/>
    </row>
    <row r="2224" spans="3:4" x14ac:dyDescent="0.25">
      <c r="C2224"/>
      <c r="D2224"/>
    </row>
    <row r="2225" spans="3:4" x14ac:dyDescent="0.25">
      <c r="C2225"/>
      <c r="D2225"/>
    </row>
    <row r="2226" spans="3:4" x14ac:dyDescent="0.25">
      <c r="C2226"/>
      <c r="D2226"/>
    </row>
    <row r="2227" spans="3:4" x14ac:dyDescent="0.25">
      <c r="C2227"/>
      <c r="D2227"/>
    </row>
    <row r="2228" spans="3:4" x14ac:dyDescent="0.25">
      <c r="C2228"/>
      <c r="D2228"/>
    </row>
    <row r="2229" spans="3:4" x14ac:dyDescent="0.25">
      <c r="C2229"/>
      <c r="D2229"/>
    </row>
    <row r="2230" spans="3:4" x14ac:dyDescent="0.25">
      <c r="C2230"/>
      <c r="D2230"/>
    </row>
    <row r="2231" spans="3:4" x14ac:dyDescent="0.25">
      <c r="C2231"/>
      <c r="D2231"/>
    </row>
    <row r="2232" spans="3:4" x14ac:dyDescent="0.25">
      <c r="C2232"/>
      <c r="D2232"/>
    </row>
    <row r="2233" spans="3:4" x14ac:dyDescent="0.25">
      <c r="C2233"/>
      <c r="D2233"/>
    </row>
    <row r="2234" spans="3:4" x14ac:dyDescent="0.25">
      <c r="C2234"/>
      <c r="D2234"/>
    </row>
    <row r="2235" spans="3:4" x14ac:dyDescent="0.25">
      <c r="C2235"/>
      <c r="D2235"/>
    </row>
    <row r="2236" spans="3:4" x14ac:dyDescent="0.25">
      <c r="C2236"/>
      <c r="D2236"/>
    </row>
    <row r="2237" spans="3:4" x14ac:dyDescent="0.25">
      <c r="C2237"/>
      <c r="D2237"/>
    </row>
    <row r="2238" spans="3:4" x14ac:dyDescent="0.25">
      <c r="C2238"/>
      <c r="D2238"/>
    </row>
    <row r="2239" spans="3:4" x14ac:dyDescent="0.25">
      <c r="C2239"/>
      <c r="D2239"/>
    </row>
    <row r="2240" spans="3:4" x14ac:dyDescent="0.25">
      <c r="C2240"/>
      <c r="D2240"/>
    </row>
    <row r="2241" spans="3:4" x14ac:dyDescent="0.25">
      <c r="C2241"/>
      <c r="D2241"/>
    </row>
    <row r="2242" spans="3:4" x14ac:dyDescent="0.25">
      <c r="C2242"/>
      <c r="D2242"/>
    </row>
    <row r="2243" spans="3:4" x14ac:dyDescent="0.25">
      <c r="C2243"/>
      <c r="D2243"/>
    </row>
    <row r="2244" spans="3:4" x14ac:dyDescent="0.25">
      <c r="C2244"/>
      <c r="D2244"/>
    </row>
    <row r="2245" spans="3:4" x14ac:dyDescent="0.25">
      <c r="C2245"/>
      <c r="D2245"/>
    </row>
    <row r="2246" spans="3:4" x14ac:dyDescent="0.25">
      <c r="C2246"/>
      <c r="D2246"/>
    </row>
    <row r="2247" spans="3:4" x14ac:dyDescent="0.25">
      <c r="C2247"/>
      <c r="D2247"/>
    </row>
    <row r="2248" spans="3:4" x14ac:dyDescent="0.25">
      <c r="C2248"/>
      <c r="D2248"/>
    </row>
    <row r="2249" spans="3:4" x14ac:dyDescent="0.25">
      <c r="C2249"/>
      <c r="D2249"/>
    </row>
    <row r="2250" spans="3:4" x14ac:dyDescent="0.25">
      <c r="C2250"/>
      <c r="D2250"/>
    </row>
    <row r="2251" spans="3:4" x14ac:dyDescent="0.25">
      <c r="C2251"/>
      <c r="D2251"/>
    </row>
    <row r="2252" spans="3:4" x14ac:dyDescent="0.25">
      <c r="C2252"/>
      <c r="D2252"/>
    </row>
    <row r="2253" spans="3:4" x14ac:dyDescent="0.25">
      <c r="C2253"/>
      <c r="D2253"/>
    </row>
    <row r="2254" spans="3:4" x14ac:dyDescent="0.25">
      <c r="C2254"/>
      <c r="D2254"/>
    </row>
    <row r="2255" spans="3:4" x14ac:dyDescent="0.25">
      <c r="C2255"/>
      <c r="D2255"/>
    </row>
    <row r="2256" spans="3:4" x14ac:dyDescent="0.25">
      <c r="C2256"/>
      <c r="D2256"/>
    </row>
    <row r="2257" spans="3:4" x14ac:dyDescent="0.25">
      <c r="C2257"/>
      <c r="D2257"/>
    </row>
    <row r="2258" spans="3:4" x14ac:dyDescent="0.25">
      <c r="C2258"/>
      <c r="D2258"/>
    </row>
    <row r="2259" spans="3:4" x14ac:dyDescent="0.25">
      <c r="C2259"/>
      <c r="D2259"/>
    </row>
    <row r="2260" spans="3:4" x14ac:dyDescent="0.25">
      <c r="C2260"/>
      <c r="D2260"/>
    </row>
    <row r="2261" spans="3:4" x14ac:dyDescent="0.25">
      <c r="C2261"/>
      <c r="D2261"/>
    </row>
    <row r="2262" spans="3:4" x14ac:dyDescent="0.25">
      <c r="C2262"/>
      <c r="D2262"/>
    </row>
    <row r="2263" spans="3:4" x14ac:dyDescent="0.25">
      <c r="C2263"/>
      <c r="D2263"/>
    </row>
    <row r="2264" spans="3:4" x14ac:dyDescent="0.25">
      <c r="C2264"/>
      <c r="D2264"/>
    </row>
    <row r="2265" spans="3:4" x14ac:dyDescent="0.25">
      <c r="C2265"/>
      <c r="D2265"/>
    </row>
    <row r="2266" spans="3:4" x14ac:dyDescent="0.25">
      <c r="C2266"/>
      <c r="D2266"/>
    </row>
    <row r="2267" spans="3:4" x14ac:dyDescent="0.25">
      <c r="C2267"/>
      <c r="D2267"/>
    </row>
    <row r="2268" spans="3:4" x14ac:dyDescent="0.25">
      <c r="C2268"/>
      <c r="D2268"/>
    </row>
    <row r="2269" spans="3:4" x14ac:dyDescent="0.25">
      <c r="C2269"/>
      <c r="D2269"/>
    </row>
    <row r="2270" spans="3:4" x14ac:dyDescent="0.25">
      <c r="C2270"/>
      <c r="D2270"/>
    </row>
    <row r="2271" spans="3:4" x14ac:dyDescent="0.25">
      <c r="C2271"/>
      <c r="D2271"/>
    </row>
    <row r="2272" spans="3:4" x14ac:dyDescent="0.25">
      <c r="C2272"/>
      <c r="D2272"/>
    </row>
    <row r="2273" spans="3:4" x14ac:dyDescent="0.25">
      <c r="C2273"/>
      <c r="D2273"/>
    </row>
    <row r="2274" spans="3:4" x14ac:dyDescent="0.25">
      <c r="C2274"/>
      <c r="D2274"/>
    </row>
    <row r="2275" spans="3:4" x14ac:dyDescent="0.25">
      <c r="C2275"/>
      <c r="D2275"/>
    </row>
    <row r="2276" spans="3:4" x14ac:dyDescent="0.25">
      <c r="C2276"/>
      <c r="D2276"/>
    </row>
    <row r="2277" spans="3:4" x14ac:dyDescent="0.25">
      <c r="C2277"/>
      <c r="D2277"/>
    </row>
    <row r="2278" spans="3:4" x14ac:dyDescent="0.25">
      <c r="C2278"/>
      <c r="D2278"/>
    </row>
    <row r="2279" spans="3:4" x14ac:dyDescent="0.25">
      <c r="C2279"/>
      <c r="D2279"/>
    </row>
    <row r="2280" spans="3:4" x14ac:dyDescent="0.25">
      <c r="C2280"/>
      <c r="D2280"/>
    </row>
    <row r="2281" spans="3:4" x14ac:dyDescent="0.25">
      <c r="C2281"/>
      <c r="D2281"/>
    </row>
    <row r="2282" spans="3:4" x14ac:dyDescent="0.25">
      <c r="C2282"/>
      <c r="D2282"/>
    </row>
    <row r="2283" spans="3:4" x14ac:dyDescent="0.25">
      <c r="C2283"/>
      <c r="D2283"/>
    </row>
    <row r="2284" spans="3:4" x14ac:dyDescent="0.25">
      <c r="C2284"/>
      <c r="D2284"/>
    </row>
    <row r="2285" spans="3:4" x14ac:dyDescent="0.25">
      <c r="C2285"/>
      <c r="D2285"/>
    </row>
    <row r="2286" spans="3:4" x14ac:dyDescent="0.25">
      <c r="C2286"/>
      <c r="D2286"/>
    </row>
    <row r="2287" spans="3:4" x14ac:dyDescent="0.25">
      <c r="C2287"/>
      <c r="D2287"/>
    </row>
    <row r="2288" spans="3:4" x14ac:dyDescent="0.25">
      <c r="C2288"/>
      <c r="D2288"/>
    </row>
    <row r="2289" spans="3:4" x14ac:dyDescent="0.25">
      <c r="C2289"/>
      <c r="D2289"/>
    </row>
    <row r="2290" spans="3:4" x14ac:dyDescent="0.25">
      <c r="C2290"/>
      <c r="D2290"/>
    </row>
    <row r="2291" spans="3:4" x14ac:dyDescent="0.25">
      <c r="C2291"/>
      <c r="D2291"/>
    </row>
    <row r="2292" spans="3:4" x14ac:dyDescent="0.25">
      <c r="C2292"/>
      <c r="D2292"/>
    </row>
    <row r="2293" spans="3:4" x14ac:dyDescent="0.25">
      <c r="C2293"/>
      <c r="D2293"/>
    </row>
    <row r="2294" spans="3:4" x14ac:dyDescent="0.25">
      <c r="C2294"/>
      <c r="D2294"/>
    </row>
    <row r="2295" spans="3:4" x14ac:dyDescent="0.25">
      <c r="C2295"/>
      <c r="D2295"/>
    </row>
    <row r="2296" spans="3:4" x14ac:dyDescent="0.25">
      <c r="C2296"/>
      <c r="D2296"/>
    </row>
    <row r="2297" spans="3:4" x14ac:dyDescent="0.25">
      <c r="C2297"/>
      <c r="D2297"/>
    </row>
    <row r="2298" spans="3:4" x14ac:dyDescent="0.25">
      <c r="C2298"/>
      <c r="D2298"/>
    </row>
    <row r="2299" spans="3:4" x14ac:dyDescent="0.25">
      <c r="C2299"/>
      <c r="D2299"/>
    </row>
    <row r="2300" spans="3:4" x14ac:dyDescent="0.25">
      <c r="C2300"/>
      <c r="D2300"/>
    </row>
    <row r="2301" spans="3:4" x14ac:dyDescent="0.25">
      <c r="C2301"/>
      <c r="D2301"/>
    </row>
    <row r="2302" spans="3:4" x14ac:dyDescent="0.25">
      <c r="C2302"/>
      <c r="D2302"/>
    </row>
    <row r="2303" spans="3:4" x14ac:dyDescent="0.25">
      <c r="C2303"/>
      <c r="D2303"/>
    </row>
    <row r="2304" spans="3:4" x14ac:dyDescent="0.25">
      <c r="C2304"/>
      <c r="D2304"/>
    </row>
    <row r="2305" spans="3:4" x14ac:dyDescent="0.25">
      <c r="C2305"/>
      <c r="D2305"/>
    </row>
    <row r="2306" spans="3:4" x14ac:dyDescent="0.25">
      <c r="C2306"/>
      <c r="D2306"/>
    </row>
    <row r="2307" spans="3:4" x14ac:dyDescent="0.25">
      <c r="C2307"/>
      <c r="D2307"/>
    </row>
    <row r="2308" spans="3:4" x14ac:dyDescent="0.25">
      <c r="C2308"/>
      <c r="D2308"/>
    </row>
    <row r="2309" spans="3:4" x14ac:dyDescent="0.25">
      <c r="C2309"/>
      <c r="D2309"/>
    </row>
    <row r="2310" spans="3:4" x14ac:dyDescent="0.25">
      <c r="C2310"/>
      <c r="D2310"/>
    </row>
    <row r="2311" spans="3:4" x14ac:dyDescent="0.25">
      <c r="C2311"/>
      <c r="D2311"/>
    </row>
    <row r="2312" spans="3:4" x14ac:dyDescent="0.25">
      <c r="C2312"/>
      <c r="D2312"/>
    </row>
    <row r="2313" spans="3:4" x14ac:dyDescent="0.25">
      <c r="C2313"/>
      <c r="D2313"/>
    </row>
    <row r="2314" spans="3:4" x14ac:dyDescent="0.25">
      <c r="C2314"/>
      <c r="D2314"/>
    </row>
    <row r="2315" spans="3:4" x14ac:dyDescent="0.25">
      <c r="C2315"/>
      <c r="D2315"/>
    </row>
    <row r="2316" spans="3:4" x14ac:dyDescent="0.25">
      <c r="C2316"/>
      <c r="D2316"/>
    </row>
    <row r="2317" spans="3:4" x14ac:dyDescent="0.25">
      <c r="C2317"/>
      <c r="D2317"/>
    </row>
    <row r="2318" spans="3:4" x14ac:dyDescent="0.25">
      <c r="C2318"/>
      <c r="D2318"/>
    </row>
    <row r="2319" spans="3:4" x14ac:dyDescent="0.25">
      <c r="C2319"/>
      <c r="D2319"/>
    </row>
    <row r="2320" spans="3:4" x14ac:dyDescent="0.25">
      <c r="C2320"/>
      <c r="D2320"/>
    </row>
    <row r="2321" spans="3:4" x14ac:dyDescent="0.25">
      <c r="C2321"/>
      <c r="D2321"/>
    </row>
    <row r="2322" spans="3:4" x14ac:dyDescent="0.25">
      <c r="C2322"/>
      <c r="D2322"/>
    </row>
    <row r="2323" spans="3:4" x14ac:dyDescent="0.25">
      <c r="C2323"/>
      <c r="D2323"/>
    </row>
    <row r="2324" spans="3:4" x14ac:dyDescent="0.25">
      <c r="C2324"/>
      <c r="D2324"/>
    </row>
    <row r="2325" spans="3:4" x14ac:dyDescent="0.25">
      <c r="C2325"/>
      <c r="D2325"/>
    </row>
    <row r="2326" spans="3:4" x14ac:dyDescent="0.25">
      <c r="C2326"/>
      <c r="D2326"/>
    </row>
    <row r="2327" spans="3:4" x14ac:dyDescent="0.25">
      <c r="C2327"/>
      <c r="D2327"/>
    </row>
    <row r="2328" spans="3:4" x14ac:dyDescent="0.25">
      <c r="C2328"/>
      <c r="D2328"/>
    </row>
    <row r="2329" spans="3:4" x14ac:dyDescent="0.25">
      <c r="C2329"/>
      <c r="D2329"/>
    </row>
    <row r="2330" spans="3:4" x14ac:dyDescent="0.25">
      <c r="C2330"/>
      <c r="D2330"/>
    </row>
    <row r="2331" spans="3:4" x14ac:dyDescent="0.25">
      <c r="C2331"/>
      <c r="D2331"/>
    </row>
    <row r="2332" spans="3:4" x14ac:dyDescent="0.25">
      <c r="C2332"/>
      <c r="D2332"/>
    </row>
    <row r="2333" spans="3:4" x14ac:dyDescent="0.25">
      <c r="C2333"/>
      <c r="D2333"/>
    </row>
    <row r="2334" spans="3:4" x14ac:dyDescent="0.25">
      <c r="C2334"/>
      <c r="D2334"/>
    </row>
    <row r="2335" spans="3:4" x14ac:dyDescent="0.25">
      <c r="C2335"/>
      <c r="D2335"/>
    </row>
    <row r="2336" spans="3:4" x14ac:dyDescent="0.25">
      <c r="C2336"/>
      <c r="D2336"/>
    </row>
    <row r="2337" spans="3:4" x14ac:dyDescent="0.25">
      <c r="C2337"/>
      <c r="D2337"/>
    </row>
    <row r="2338" spans="3:4" x14ac:dyDescent="0.25">
      <c r="C2338"/>
      <c r="D2338"/>
    </row>
    <row r="2339" spans="3:4" x14ac:dyDescent="0.25">
      <c r="C2339"/>
      <c r="D2339"/>
    </row>
    <row r="2340" spans="3:4" x14ac:dyDescent="0.25">
      <c r="C2340"/>
      <c r="D2340"/>
    </row>
    <row r="2341" spans="3:4" x14ac:dyDescent="0.25">
      <c r="C2341"/>
      <c r="D2341"/>
    </row>
    <row r="2342" spans="3:4" x14ac:dyDescent="0.25">
      <c r="C2342"/>
      <c r="D2342"/>
    </row>
    <row r="2343" spans="3:4" x14ac:dyDescent="0.25">
      <c r="C2343"/>
      <c r="D2343"/>
    </row>
    <row r="2344" spans="3:4" x14ac:dyDescent="0.25">
      <c r="C2344"/>
      <c r="D2344"/>
    </row>
    <row r="2345" spans="3:4" x14ac:dyDescent="0.25">
      <c r="C2345"/>
      <c r="D2345"/>
    </row>
    <row r="2346" spans="3:4" x14ac:dyDescent="0.25">
      <c r="C2346"/>
      <c r="D2346"/>
    </row>
    <row r="2347" spans="3:4" x14ac:dyDescent="0.25">
      <c r="C2347"/>
      <c r="D2347"/>
    </row>
    <row r="2348" spans="3:4" x14ac:dyDescent="0.25">
      <c r="C2348"/>
      <c r="D2348"/>
    </row>
    <row r="2349" spans="3:4" x14ac:dyDescent="0.25">
      <c r="C2349"/>
      <c r="D2349"/>
    </row>
    <row r="2350" spans="3:4" x14ac:dyDescent="0.25">
      <c r="C2350"/>
      <c r="D2350"/>
    </row>
    <row r="2351" spans="3:4" x14ac:dyDescent="0.25">
      <c r="C2351"/>
      <c r="D2351"/>
    </row>
    <row r="2352" spans="3:4" x14ac:dyDescent="0.25">
      <c r="C2352"/>
      <c r="D2352"/>
    </row>
    <row r="2353" spans="3:4" x14ac:dyDescent="0.25">
      <c r="C2353"/>
      <c r="D2353"/>
    </row>
    <row r="2354" spans="3:4" x14ac:dyDescent="0.25">
      <c r="C2354"/>
      <c r="D2354"/>
    </row>
    <row r="2355" spans="3:4" x14ac:dyDescent="0.25">
      <c r="C2355"/>
      <c r="D2355"/>
    </row>
    <row r="2356" spans="3:4" x14ac:dyDescent="0.25">
      <c r="C2356"/>
      <c r="D2356"/>
    </row>
    <row r="2357" spans="3:4" x14ac:dyDescent="0.25">
      <c r="C2357"/>
      <c r="D2357"/>
    </row>
    <row r="2358" spans="3:4" x14ac:dyDescent="0.25">
      <c r="C2358"/>
      <c r="D2358"/>
    </row>
    <row r="2359" spans="3:4" x14ac:dyDescent="0.25">
      <c r="C2359"/>
      <c r="D2359"/>
    </row>
    <row r="2360" spans="3:4" x14ac:dyDescent="0.25">
      <c r="C2360"/>
      <c r="D2360"/>
    </row>
    <row r="2361" spans="3:4" x14ac:dyDescent="0.25">
      <c r="C2361"/>
      <c r="D2361"/>
    </row>
    <row r="2362" spans="3:4" x14ac:dyDescent="0.25">
      <c r="C2362"/>
      <c r="D2362"/>
    </row>
    <row r="2363" spans="3:4" x14ac:dyDescent="0.25">
      <c r="C2363"/>
      <c r="D2363"/>
    </row>
    <row r="2364" spans="3:4" x14ac:dyDescent="0.25">
      <c r="C2364"/>
      <c r="D2364"/>
    </row>
    <row r="2365" spans="3:4" x14ac:dyDescent="0.25">
      <c r="C2365"/>
      <c r="D2365"/>
    </row>
    <row r="2366" spans="3:4" x14ac:dyDescent="0.25">
      <c r="C2366"/>
      <c r="D2366"/>
    </row>
    <row r="2367" spans="3:4" x14ac:dyDescent="0.25">
      <c r="C2367"/>
      <c r="D2367"/>
    </row>
    <row r="2368" spans="3:4" x14ac:dyDescent="0.25">
      <c r="C2368"/>
      <c r="D2368"/>
    </row>
    <row r="2369" spans="3:4" x14ac:dyDescent="0.25">
      <c r="C2369"/>
      <c r="D2369"/>
    </row>
    <row r="2370" spans="3:4" x14ac:dyDescent="0.25">
      <c r="C2370"/>
      <c r="D2370"/>
    </row>
    <row r="2371" spans="3:4" x14ac:dyDescent="0.25">
      <c r="C2371"/>
      <c r="D2371"/>
    </row>
    <row r="2372" spans="3:4" x14ac:dyDescent="0.25">
      <c r="C2372"/>
      <c r="D2372"/>
    </row>
    <row r="2373" spans="3:4" x14ac:dyDescent="0.25">
      <c r="C2373"/>
      <c r="D2373"/>
    </row>
    <row r="2374" spans="3:4" x14ac:dyDescent="0.25">
      <c r="C2374"/>
      <c r="D2374"/>
    </row>
    <row r="2375" spans="3:4" x14ac:dyDescent="0.25">
      <c r="C2375"/>
      <c r="D2375"/>
    </row>
    <row r="2376" spans="3:4" x14ac:dyDescent="0.25">
      <c r="C2376"/>
      <c r="D2376"/>
    </row>
    <row r="2377" spans="3:4" x14ac:dyDescent="0.25">
      <c r="C2377"/>
      <c r="D2377"/>
    </row>
    <row r="2378" spans="3:4" x14ac:dyDescent="0.25">
      <c r="C2378"/>
      <c r="D2378"/>
    </row>
    <row r="2379" spans="3:4" x14ac:dyDescent="0.25">
      <c r="C2379"/>
      <c r="D2379"/>
    </row>
    <row r="2380" spans="3:4" x14ac:dyDescent="0.25">
      <c r="C2380"/>
      <c r="D2380"/>
    </row>
    <row r="2381" spans="3:4" x14ac:dyDescent="0.25">
      <c r="C2381"/>
      <c r="D2381"/>
    </row>
    <row r="2382" spans="3:4" x14ac:dyDescent="0.25">
      <c r="C2382"/>
      <c r="D2382"/>
    </row>
    <row r="2383" spans="3:4" x14ac:dyDescent="0.25">
      <c r="C2383"/>
      <c r="D2383"/>
    </row>
    <row r="2384" spans="3:4" x14ac:dyDescent="0.25">
      <c r="C2384"/>
      <c r="D2384"/>
    </row>
    <row r="2385" spans="3:4" x14ac:dyDescent="0.25">
      <c r="C2385"/>
      <c r="D2385"/>
    </row>
    <row r="2386" spans="3:4" x14ac:dyDescent="0.25">
      <c r="C2386"/>
      <c r="D2386"/>
    </row>
    <row r="2387" spans="3:4" x14ac:dyDescent="0.25">
      <c r="C2387"/>
      <c r="D2387"/>
    </row>
    <row r="2388" spans="3:4" x14ac:dyDescent="0.25">
      <c r="C2388"/>
      <c r="D2388"/>
    </row>
    <row r="2389" spans="3:4" x14ac:dyDescent="0.25">
      <c r="C2389"/>
      <c r="D2389"/>
    </row>
    <row r="2390" spans="3:4" x14ac:dyDescent="0.25">
      <c r="C2390"/>
      <c r="D2390"/>
    </row>
    <row r="2391" spans="3:4" x14ac:dyDescent="0.25">
      <c r="C2391"/>
      <c r="D2391"/>
    </row>
    <row r="2392" spans="3:4" x14ac:dyDescent="0.25">
      <c r="C2392"/>
      <c r="D2392"/>
    </row>
    <row r="2393" spans="3:4" x14ac:dyDescent="0.25">
      <c r="C2393"/>
      <c r="D2393"/>
    </row>
    <row r="2394" spans="3:4" x14ac:dyDescent="0.25">
      <c r="C2394"/>
      <c r="D2394"/>
    </row>
    <row r="2395" spans="3:4" x14ac:dyDescent="0.25">
      <c r="C2395"/>
      <c r="D2395"/>
    </row>
    <row r="2396" spans="3:4" x14ac:dyDescent="0.25">
      <c r="C2396"/>
      <c r="D2396"/>
    </row>
    <row r="2397" spans="3:4" x14ac:dyDescent="0.25">
      <c r="C2397"/>
      <c r="D2397"/>
    </row>
    <row r="2398" spans="3:4" x14ac:dyDescent="0.25">
      <c r="C2398"/>
      <c r="D2398"/>
    </row>
    <row r="2399" spans="3:4" x14ac:dyDescent="0.25">
      <c r="C2399"/>
      <c r="D2399"/>
    </row>
    <row r="2400" spans="3:4" x14ac:dyDescent="0.25">
      <c r="C2400"/>
      <c r="D2400"/>
    </row>
    <row r="2401" spans="3:4" x14ac:dyDescent="0.25">
      <c r="C2401"/>
      <c r="D2401"/>
    </row>
    <row r="2402" spans="3:4" x14ac:dyDescent="0.25">
      <c r="C2402"/>
      <c r="D2402"/>
    </row>
    <row r="2403" spans="3:4" x14ac:dyDescent="0.25">
      <c r="C2403"/>
      <c r="D2403"/>
    </row>
    <row r="2404" spans="3:4" x14ac:dyDescent="0.25">
      <c r="C2404"/>
      <c r="D2404"/>
    </row>
    <row r="2405" spans="3:4" x14ac:dyDescent="0.25">
      <c r="C2405"/>
      <c r="D2405"/>
    </row>
    <row r="2406" spans="3:4" x14ac:dyDescent="0.25">
      <c r="C2406"/>
      <c r="D2406"/>
    </row>
    <row r="2407" spans="3:4" x14ac:dyDescent="0.25">
      <c r="C2407"/>
      <c r="D2407"/>
    </row>
    <row r="2408" spans="3:4" x14ac:dyDescent="0.25">
      <c r="C2408"/>
      <c r="D2408"/>
    </row>
    <row r="2409" spans="3:4" x14ac:dyDescent="0.25">
      <c r="C2409"/>
      <c r="D2409"/>
    </row>
    <row r="2410" spans="3:4" x14ac:dyDescent="0.25">
      <c r="C2410"/>
      <c r="D2410"/>
    </row>
    <row r="2411" spans="3:4" x14ac:dyDescent="0.25">
      <c r="C2411"/>
      <c r="D2411"/>
    </row>
    <row r="2412" spans="3:4" x14ac:dyDescent="0.25">
      <c r="C2412"/>
      <c r="D2412"/>
    </row>
    <row r="2413" spans="3:4" x14ac:dyDescent="0.25">
      <c r="C2413"/>
      <c r="D2413"/>
    </row>
    <row r="2414" spans="3:4" x14ac:dyDescent="0.25">
      <c r="C2414"/>
      <c r="D2414"/>
    </row>
    <row r="2415" spans="3:4" x14ac:dyDescent="0.25">
      <c r="C2415"/>
      <c r="D2415"/>
    </row>
    <row r="2416" spans="3:4" x14ac:dyDescent="0.25">
      <c r="C2416"/>
      <c r="D2416"/>
    </row>
    <row r="2417" spans="3:4" x14ac:dyDescent="0.25">
      <c r="C2417"/>
      <c r="D2417"/>
    </row>
    <row r="2418" spans="3:4" x14ac:dyDescent="0.25">
      <c r="C2418"/>
      <c r="D2418"/>
    </row>
    <row r="2419" spans="3:4" x14ac:dyDescent="0.25">
      <c r="C2419"/>
      <c r="D2419"/>
    </row>
    <row r="2420" spans="3:4" x14ac:dyDescent="0.25">
      <c r="C2420"/>
      <c r="D2420"/>
    </row>
    <row r="2421" spans="3:4" x14ac:dyDescent="0.25">
      <c r="C2421"/>
      <c r="D2421"/>
    </row>
    <row r="2422" spans="3:4" x14ac:dyDescent="0.25">
      <c r="C2422"/>
      <c r="D2422"/>
    </row>
    <row r="2423" spans="3:4" x14ac:dyDescent="0.25">
      <c r="C2423"/>
      <c r="D2423"/>
    </row>
    <row r="2424" spans="3:4" x14ac:dyDescent="0.25">
      <c r="C2424"/>
      <c r="D2424"/>
    </row>
    <row r="2425" spans="3:4" x14ac:dyDescent="0.25">
      <c r="C2425"/>
      <c r="D2425"/>
    </row>
    <row r="2426" spans="3:4" x14ac:dyDescent="0.25">
      <c r="C2426"/>
      <c r="D2426"/>
    </row>
    <row r="2427" spans="3:4" x14ac:dyDescent="0.25">
      <c r="C2427"/>
      <c r="D2427"/>
    </row>
    <row r="2428" spans="3:4" x14ac:dyDescent="0.25">
      <c r="C2428"/>
      <c r="D2428"/>
    </row>
    <row r="2429" spans="3:4" x14ac:dyDescent="0.25">
      <c r="C2429"/>
      <c r="D2429"/>
    </row>
    <row r="2430" spans="3:4" x14ac:dyDescent="0.25">
      <c r="C2430"/>
      <c r="D2430"/>
    </row>
    <row r="2431" spans="3:4" x14ac:dyDescent="0.25">
      <c r="C2431"/>
      <c r="D2431"/>
    </row>
    <row r="2432" spans="3:4" x14ac:dyDescent="0.25">
      <c r="C2432"/>
      <c r="D2432"/>
    </row>
    <row r="2433" spans="3:4" x14ac:dyDescent="0.25">
      <c r="C2433"/>
      <c r="D2433"/>
    </row>
    <row r="2434" spans="3:4" x14ac:dyDescent="0.25">
      <c r="C2434"/>
      <c r="D2434"/>
    </row>
    <row r="2435" spans="3:4" x14ac:dyDescent="0.25">
      <c r="C2435"/>
      <c r="D2435"/>
    </row>
    <row r="2436" spans="3:4" x14ac:dyDescent="0.25">
      <c r="C2436"/>
      <c r="D2436"/>
    </row>
    <row r="2437" spans="3:4" x14ac:dyDescent="0.25">
      <c r="C2437"/>
      <c r="D2437"/>
    </row>
    <row r="2438" spans="3:4" x14ac:dyDescent="0.25">
      <c r="C2438"/>
      <c r="D2438"/>
    </row>
    <row r="2439" spans="3:4" x14ac:dyDescent="0.25">
      <c r="C2439"/>
      <c r="D2439"/>
    </row>
    <row r="2440" spans="3:4" x14ac:dyDescent="0.25">
      <c r="C2440"/>
      <c r="D2440"/>
    </row>
    <row r="2441" spans="3:4" x14ac:dyDescent="0.25">
      <c r="C2441"/>
      <c r="D2441"/>
    </row>
    <row r="2442" spans="3:4" x14ac:dyDescent="0.25">
      <c r="C2442"/>
      <c r="D2442"/>
    </row>
    <row r="2443" spans="3:4" x14ac:dyDescent="0.25">
      <c r="C2443"/>
      <c r="D2443"/>
    </row>
    <row r="2444" spans="3:4" x14ac:dyDescent="0.25">
      <c r="C2444"/>
      <c r="D2444"/>
    </row>
    <row r="2445" spans="3:4" x14ac:dyDescent="0.25">
      <c r="C2445"/>
      <c r="D2445"/>
    </row>
    <row r="2446" spans="3:4" x14ac:dyDescent="0.25">
      <c r="C2446"/>
      <c r="D2446"/>
    </row>
    <row r="2447" spans="3:4" x14ac:dyDescent="0.25">
      <c r="C2447"/>
      <c r="D2447"/>
    </row>
    <row r="2448" spans="3:4" x14ac:dyDescent="0.25">
      <c r="C2448"/>
      <c r="D2448"/>
    </row>
    <row r="2449" spans="3:4" x14ac:dyDescent="0.25">
      <c r="C2449"/>
      <c r="D2449"/>
    </row>
    <row r="2450" spans="3:4" x14ac:dyDescent="0.25">
      <c r="C2450"/>
      <c r="D2450"/>
    </row>
    <row r="2451" spans="3:4" x14ac:dyDescent="0.25">
      <c r="C2451"/>
      <c r="D2451"/>
    </row>
    <row r="2452" spans="3:4" x14ac:dyDescent="0.25">
      <c r="C2452"/>
      <c r="D2452"/>
    </row>
    <row r="2453" spans="3:4" x14ac:dyDescent="0.25">
      <c r="C2453"/>
      <c r="D2453"/>
    </row>
    <row r="2454" spans="3:4" x14ac:dyDescent="0.25">
      <c r="C2454"/>
      <c r="D2454"/>
    </row>
    <row r="2455" spans="3:4" x14ac:dyDescent="0.25">
      <c r="C2455"/>
      <c r="D2455"/>
    </row>
    <row r="2456" spans="3:4" x14ac:dyDescent="0.25">
      <c r="C2456"/>
      <c r="D2456"/>
    </row>
    <row r="2457" spans="3:4" x14ac:dyDescent="0.25">
      <c r="C2457"/>
      <c r="D2457"/>
    </row>
    <row r="2458" spans="3:4" x14ac:dyDescent="0.25">
      <c r="C2458"/>
      <c r="D2458"/>
    </row>
    <row r="2459" spans="3:4" x14ac:dyDescent="0.25">
      <c r="C2459"/>
      <c r="D2459"/>
    </row>
    <row r="2460" spans="3:4" x14ac:dyDescent="0.25">
      <c r="C2460"/>
      <c r="D2460"/>
    </row>
    <row r="2461" spans="3:4" x14ac:dyDescent="0.25">
      <c r="C2461"/>
      <c r="D2461"/>
    </row>
    <row r="2462" spans="3:4" x14ac:dyDescent="0.25">
      <c r="C2462"/>
      <c r="D2462"/>
    </row>
    <row r="2463" spans="3:4" x14ac:dyDescent="0.25">
      <c r="C2463"/>
      <c r="D2463"/>
    </row>
    <row r="2464" spans="3:4" x14ac:dyDescent="0.25">
      <c r="C2464"/>
      <c r="D2464"/>
    </row>
    <row r="2465" spans="3:4" x14ac:dyDescent="0.25">
      <c r="C2465"/>
      <c r="D2465"/>
    </row>
    <row r="2466" spans="3:4" x14ac:dyDescent="0.25">
      <c r="C2466"/>
      <c r="D2466"/>
    </row>
    <row r="2467" spans="3:4" x14ac:dyDescent="0.25">
      <c r="C2467"/>
      <c r="D2467"/>
    </row>
    <row r="2468" spans="3:4" x14ac:dyDescent="0.25">
      <c r="C2468"/>
      <c r="D2468"/>
    </row>
    <row r="2469" spans="3:4" x14ac:dyDescent="0.25">
      <c r="C2469"/>
      <c r="D2469"/>
    </row>
    <row r="2470" spans="3:4" x14ac:dyDescent="0.25">
      <c r="C2470"/>
      <c r="D2470"/>
    </row>
    <row r="2471" spans="3:4" x14ac:dyDescent="0.25">
      <c r="C2471"/>
      <c r="D2471"/>
    </row>
    <row r="2472" spans="3:4" x14ac:dyDescent="0.25">
      <c r="C2472"/>
      <c r="D2472"/>
    </row>
    <row r="2473" spans="3:4" x14ac:dyDescent="0.25">
      <c r="C2473"/>
      <c r="D2473"/>
    </row>
    <row r="2474" spans="3:4" x14ac:dyDescent="0.25">
      <c r="C2474"/>
      <c r="D2474"/>
    </row>
    <row r="2475" spans="3:4" x14ac:dyDescent="0.25">
      <c r="C2475"/>
      <c r="D2475"/>
    </row>
    <row r="2476" spans="3:4" x14ac:dyDescent="0.25">
      <c r="C2476"/>
      <c r="D2476"/>
    </row>
    <row r="2477" spans="3:4" x14ac:dyDescent="0.25">
      <c r="C2477"/>
      <c r="D2477"/>
    </row>
    <row r="2478" spans="3:4" x14ac:dyDescent="0.25">
      <c r="C2478"/>
      <c r="D2478"/>
    </row>
    <row r="2479" spans="3:4" x14ac:dyDescent="0.25">
      <c r="C2479"/>
      <c r="D2479"/>
    </row>
    <row r="2480" spans="3:4" x14ac:dyDescent="0.25">
      <c r="C2480"/>
      <c r="D2480"/>
    </row>
    <row r="2481" spans="3:4" x14ac:dyDescent="0.25">
      <c r="C2481"/>
      <c r="D2481"/>
    </row>
    <row r="2482" spans="3:4" x14ac:dyDescent="0.25">
      <c r="C2482"/>
      <c r="D2482"/>
    </row>
    <row r="2483" spans="3:4" x14ac:dyDescent="0.25">
      <c r="C2483"/>
      <c r="D2483"/>
    </row>
    <row r="2484" spans="3:4" x14ac:dyDescent="0.25">
      <c r="C2484"/>
      <c r="D2484"/>
    </row>
    <row r="2485" spans="3:4" x14ac:dyDescent="0.25">
      <c r="C2485"/>
      <c r="D2485"/>
    </row>
    <row r="2486" spans="3:4" x14ac:dyDescent="0.25">
      <c r="C2486"/>
      <c r="D2486"/>
    </row>
    <row r="2487" spans="3:4" x14ac:dyDescent="0.25">
      <c r="C2487"/>
      <c r="D2487"/>
    </row>
    <row r="2488" spans="3:4" x14ac:dyDescent="0.25">
      <c r="C2488"/>
      <c r="D2488"/>
    </row>
    <row r="2489" spans="3:4" x14ac:dyDescent="0.25">
      <c r="C2489"/>
      <c r="D2489"/>
    </row>
    <row r="2490" spans="3:4" x14ac:dyDescent="0.25">
      <c r="C2490"/>
      <c r="D2490"/>
    </row>
    <row r="2491" spans="3:4" x14ac:dyDescent="0.25">
      <c r="C2491"/>
      <c r="D2491"/>
    </row>
    <row r="2492" spans="3:4" x14ac:dyDescent="0.25">
      <c r="C2492"/>
      <c r="D2492"/>
    </row>
    <row r="2493" spans="3:4" x14ac:dyDescent="0.25">
      <c r="C2493"/>
      <c r="D2493"/>
    </row>
    <row r="2494" spans="3:4" x14ac:dyDescent="0.25">
      <c r="C2494"/>
      <c r="D2494"/>
    </row>
    <row r="2495" spans="3:4" x14ac:dyDescent="0.25">
      <c r="C2495"/>
      <c r="D2495"/>
    </row>
    <row r="2496" spans="3:4" x14ac:dyDescent="0.25">
      <c r="C2496"/>
      <c r="D2496"/>
    </row>
    <row r="2497" spans="3:4" x14ac:dyDescent="0.25">
      <c r="C2497"/>
      <c r="D2497"/>
    </row>
    <row r="2498" spans="3:4" x14ac:dyDescent="0.25">
      <c r="C2498"/>
      <c r="D2498"/>
    </row>
    <row r="2499" spans="3:4" x14ac:dyDescent="0.25">
      <c r="C2499"/>
      <c r="D2499"/>
    </row>
    <row r="2500" spans="3:4" x14ac:dyDescent="0.25">
      <c r="C2500"/>
      <c r="D2500"/>
    </row>
    <row r="2501" spans="3:4" x14ac:dyDescent="0.25">
      <c r="C2501"/>
      <c r="D2501"/>
    </row>
    <row r="2502" spans="3:4" x14ac:dyDescent="0.25">
      <c r="C2502"/>
      <c r="D2502"/>
    </row>
    <row r="2503" spans="3:4" x14ac:dyDescent="0.25">
      <c r="C2503"/>
      <c r="D2503"/>
    </row>
    <row r="2504" spans="3:4" x14ac:dyDescent="0.25">
      <c r="C2504"/>
      <c r="D2504"/>
    </row>
    <row r="2505" spans="3:4" x14ac:dyDescent="0.25">
      <c r="C2505"/>
      <c r="D2505"/>
    </row>
    <row r="2506" spans="3:4" x14ac:dyDescent="0.25">
      <c r="C2506"/>
      <c r="D2506"/>
    </row>
    <row r="2507" spans="3:4" x14ac:dyDescent="0.25">
      <c r="C2507"/>
      <c r="D2507"/>
    </row>
    <row r="2508" spans="3:4" x14ac:dyDescent="0.25">
      <c r="C2508"/>
      <c r="D2508"/>
    </row>
    <row r="2509" spans="3:4" x14ac:dyDescent="0.25">
      <c r="C2509"/>
      <c r="D2509"/>
    </row>
    <row r="2510" spans="3:4" x14ac:dyDescent="0.25">
      <c r="C2510"/>
      <c r="D2510"/>
    </row>
    <row r="2511" spans="3:4" x14ac:dyDescent="0.25">
      <c r="C2511"/>
      <c r="D2511"/>
    </row>
    <row r="2512" spans="3:4" x14ac:dyDescent="0.25">
      <c r="C2512"/>
      <c r="D2512"/>
    </row>
    <row r="2513" spans="3:4" x14ac:dyDescent="0.25">
      <c r="C2513"/>
      <c r="D2513"/>
    </row>
    <row r="2514" spans="3:4" x14ac:dyDescent="0.25">
      <c r="C2514"/>
      <c r="D2514"/>
    </row>
    <row r="2515" spans="3:4" x14ac:dyDescent="0.25">
      <c r="C2515"/>
      <c r="D2515"/>
    </row>
    <row r="2516" spans="3:4" x14ac:dyDescent="0.25">
      <c r="C2516"/>
      <c r="D2516"/>
    </row>
    <row r="2517" spans="3:4" x14ac:dyDescent="0.25">
      <c r="C2517"/>
      <c r="D2517"/>
    </row>
    <row r="2518" spans="3:4" x14ac:dyDescent="0.25">
      <c r="C2518"/>
      <c r="D2518"/>
    </row>
    <row r="2519" spans="3:4" x14ac:dyDescent="0.25">
      <c r="C2519"/>
      <c r="D2519"/>
    </row>
    <row r="2520" spans="3:4" x14ac:dyDescent="0.25">
      <c r="C2520"/>
      <c r="D2520"/>
    </row>
    <row r="2521" spans="3:4" x14ac:dyDescent="0.25">
      <c r="C2521"/>
      <c r="D2521"/>
    </row>
    <row r="2522" spans="3:4" x14ac:dyDescent="0.25">
      <c r="C2522"/>
      <c r="D2522"/>
    </row>
    <row r="2523" spans="3:4" x14ac:dyDescent="0.25">
      <c r="C2523"/>
      <c r="D2523"/>
    </row>
    <row r="2524" spans="3:4" x14ac:dyDescent="0.25">
      <c r="C2524"/>
      <c r="D2524"/>
    </row>
    <row r="2525" spans="3:4" x14ac:dyDescent="0.25">
      <c r="C2525"/>
      <c r="D2525"/>
    </row>
    <row r="2526" spans="3:4" x14ac:dyDescent="0.25">
      <c r="C2526"/>
      <c r="D2526"/>
    </row>
    <row r="2527" spans="3:4" x14ac:dyDescent="0.25">
      <c r="C2527"/>
      <c r="D2527"/>
    </row>
    <row r="2528" spans="3:4" x14ac:dyDescent="0.25">
      <c r="C2528"/>
      <c r="D2528"/>
    </row>
    <row r="2529" spans="3:4" x14ac:dyDescent="0.25">
      <c r="C2529"/>
      <c r="D2529"/>
    </row>
    <row r="2530" spans="3:4" x14ac:dyDescent="0.25">
      <c r="C2530"/>
      <c r="D2530"/>
    </row>
    <row r="2531" spans="3:4" x14ac:dyDescent="0.25">
      <c r="C2531"/>
      <c r="D2531"/>
    </row>
    <row r="2532" spans="3:4" x14ac:dyDescent="0.25">
      <c r="C2532"/>
      <c r="D2532"/>
    </row>
    <row r="2533" spans="3:4" x14ac:dyDescent="0.25">
      <c r="C2533"/>
      <c r="D2533"/>
    </row>
    <row r="2534" spans="3:4" x14ac:dyDescent="0.25">
      <c r="C2534"/>
      <c r="D2534"/>
    </row>
    <row r="2535" spans="3:4" x14ac:dyDescent="0.25">
      <c r="C2535"/>
      <c r="D2535"/>
    </row>
    <row r="2536" spans="3:4" x14ac:dyDescent="0.25">
      <c r="C2536"/>
      <c r="D2536"/>
    </row>
    <row r="2537" spans="3:4" x14ac:dyDescent="0.25">
      <c r="C2537"/>
      <c r="D2537"/>
    </row>
    <row r="2538" spans="3:4" x14ac:dyDescent="0.25">
      <c r="C2538"/>
      <c r="D2538"/>
    </row>
    <row r="2539" spans="3:4" x14ac:dyDescent="0.25">
      <c r="C2539"/>
      <c r="D2539"/>
    </row>
    <row r="2540" spans="3:4" x14ac:dyDescent="0.25">
      <c r="C2540"/>
      <c r="D2540"/>
    </row>
    <row r="2541" spans="3:4" x14ac:dyDescent="0.25">
      <c r="C2541"/>
      <c r="D2541"/>
    </row>
    <row r="2542" spans="3:4" x14ac:dyDescent="0.25">
      <c r="C2542"/>
      <c r="D2542"/>
    </row>
    <row r="2543" spans="3:4" x14ac:dyDescent="0.25">
      <c r="C2543"/>
      <c r="D2543"/>
    </row>
    <row r="2544" spans="3:4" x14ac:dyDescent="0.25">
      <c r="C2544"/>
      <c r="D2544"/>
    </row>
    <row r="2545" spans="3:4" x14ac:dyDescent="0.25">
      <c r="C2545"/>
      <c r="D2545"/>
    </row>
    <row r="2546" spans="3:4" x14ac:dyDescent="0.25">
      <c r="C2546"/>
      <c r="D2546"/>
    </row>
    <row r="2547" spans="3:4" x14ac:dyDescent="0.25">
      <c r="C2547"/>
      <c r="D2547"/>
    </row>
    <row r="2548" spans="3:4" x14ac:dyDescent="0.25">
      <c r="C2548"/>
      <c r="D2548"/>
    </row>
    <row r="2549" spans="3:4" x14ac:dyDescent="0.25">
      <c r="C2549"/>
      <c r="D2549"/>
    </row>
    <row r="2550" spans="3:4" x14ac:dyDescent="0.25">
      <c r="C2550"/>
      <c r="D2550"/>
    </row>
    <row r="2551" spans="3:4" x14ac:dyDescent="0.25">
      <c r="C2551"/>
      <c r="D2551"/>
    </row>
    <row r="2552" spans="3:4" x14ac:dyDescent="0.25">
      <c r="C2552"/>
      <c r="D2552"/>
    </row>
    <row r="2553" spans="3:4" x14ac:dyDescent="0.25">
      <c r="C2553"/>
      <c r="D2553"/>
    </row>
    <row r="2554" spans="3:4" x14ac:dyDescent="0.25">
      <c r="C2554"/>
      <c r="D2554"/>
    </row>
    <row r="2555" spans="3:4" x14ac:dyDescent="0.25">
      <c r="C2555"/>
      <c r="D2555"/>
    </row>
    <row r="2556" spans="3:4" x14ac:dyDescent="0.25">
      <c r="C2556"/>
      <c r="D2556"/>
    </row>
    <row r="2557" spans="3:4" x14ac:dyDescent="0.25">
      <c r="C2557"/>
      <c r="D2557"/>
    </row>
    <row r="2558" spans="3:4" x14ac:dyDescent="0.25">
      <c r="C2558"/>
      <c r="D2558"/>
    </row>
    <row r="2559" spans="3:4" x14ac:dyDescent="0.25">
      <c r="C2559"/>
      <c r="D2559"/>
    </row>
    <row r="2560" spans="3:4" x14ac:dyDescent="0.25">
      <c r="C2560"/>
      <c r="D2560"/>
    </row>
    <row r="2561" spans="3:4" x14ac:dyDescent="0.25">
      <c r="C2561"/>
      <c r="D2561"/>
    </row>
    <row r="2562" spans="3:4" x14ac:dyDescent="0.25">
      <c r="C2562"/>
      <c r="D2562"/>
    </row>
    <row r="2563" spans="3:4" x14ac:dyDescent="0.25">
      <c r="C2563"/>
      <c r="D2563"/>
    </row>
    <row r="2564" spans="3:4" x14ac:dyDescent="0.25">
      <c r="C2564"/>
      <c r="D2564"/>
    </row>
    <row r="2565" spans="3:4" x14ac:dyDescent="0.25">
      <c r="C2565"/>
      <c r="D2565"/>
    </row>
    <row r="2566" spans="3:4" x14ac:dyDescent="0.25">
      <c r="C2566"/>
      <c r="D2566"/>
    </row>
    <row r="2567" spans="3:4" x14ac:dyDescent="0.25">
      <c r="C2567"/>
      <c r="D2567"/>
    </row>
    <row r="2568" spans="3:4" x14ac:dyDescent="0.25">
      <c r="C2568"/>
      <c r="D2568"/>
    </row>
    <row r="2569" spans="3:4" x14ac:dyDescent="0.25">
      <c r="C2569"/>
      <c r="D2569"/>
    </row>
    <row r="2570" spans="3:4" x14ac:dyDescent="0.25">
      <c r="C2570"/>
      <c r="D2570"/>
    </row>
    <row r="2571" spans="3:4" x14ac:dyDescent="0.25">
      <c r="C2571"/>
      <c r="D2571"/>
    </row>
    <row r="2572" spans="3:4" x14ac:dyDescent="0.25">
      <c r="C2572"/>
      <c r="D2572"/>
    </row>
    <row r="2573" spans="3:4" x14ac:dyDescent="0.25">
      <c r="C2573"/>
      <c r="D2573"/>
    </row>
    <row r="2574" spans="3:4" x14ac:dyDescent="0.25">
      <c r="C2574"/>
      <c r="D2574"/>
    </row>
    <row r="2575" spans="3:4" x14ac:dyDescent="0.25">
      <c r="C2575"/>
      <c r="D2575"/>
    </row>
    <row r="2576" spans="3:4" x14ac:dyDescent="0.25">
      <c r="C2576"/>
      <c r="D2576"/>
    </row>
    <row r="2577" spans="3:4" x14ac:dyDescent="0.25">
      <c r="C2577"/>
      <c r="D2577"/>
    </row>
    <row r="2578" spans="3:4" x14ac:dyDescent="0.25">
      <c r="C2578"/>
      <c r="D2578"/>
    </row>
    <row r="2579" spans="3:4" x14ac:dyDescent="0.25">
      <c r="C2579"/>
      <c r="D2579"/>
    </row>
    <row r="2580" spans="3:4" x14ac:dyDescent="0.25">
      <c r="C2580"/>
      <c r="D2580"/>
    </row>
    <row r="2581" spans="3:4" x14ac:dyDescent="0.25">
      <c r="C2581"/>
      <c r="D2581"/>
    </row>
    <row r="2582" spans="3:4" x14ac:dyDescent="0.25">
      <c r="C2582"/>
      <c r="D2582"/>
    </row>
    <row r="2583" spans="3:4" x14ac:dyDescent="0.25">
      <c r="C2583"/>
      <c r="D2583"/>
    </row>
    <row r="2584" spans="3:4" x14ac:dyDescent="0.25">
      <c r="C2584"/>
      <c r="D2584"/>
    </row>
    <row r="2585" spans="3:4" x14ac:dyDescent="0.25">
      <c r="C2585"/>
      <c r="D2585"/>
    </row>
    <row r="2586" spans="3:4" x14ac:dyDescent="0.25">
      <c r="C2586"/>
      <c r="D2586"/>
    </row>
    <row r="2587" spans="3:4" x14ac:dyDescent="0.25">
      <c r="C2587"/>
      <c r="D2587"/>
    </row>
    <row r="2588" spans="3:4" x14ac:dyDescent="0.25">
      <c r="C2588"/>
      <c r="D2588"/>
    </row>
    <row r="2589" spans="3:4" x14ac:dyDescent="0.25">
      <c r="C2589"/>
      <c r="D2589"/>
    </row>
    <row r="2590" spans="3:4" x14ac:dyDescent="0.25">
      <c r="C2590"/>
      <c r="D2590"/>
    </row>
    <row r="2591" spans="3:4" x14ac:dyDescent="0.25">
      <c r="C2591"/>
      <c r="D2591"/>
    </row>
    <row r="2592" spans="3:4" x14ac:dyDescent="0.25">
      <c r="C2592"/>
      <c r="D2592"/>
    </row>
    <row r="2593" spans="3:4" x14ac:dyDescent="0.25">
      <c r="C2593"/>
      <c r="D2593"/>
    </row>
    <row r="2594" spans="3:4" x14ac:dyDescent="0.25">
      <c r="C2594"/>
      <c r="D2594"/>
    </row>
    <row r="2595" spans="3:4" x14ac:dyDescent="0.25">
      <c r="C2595"/>
      <c r="D2595"/>
    </row>
    <row r="2596" spans="3:4" x14ac:dyDescent="0.25">
      <c r="C2596"/>
      <c r="D2596"/>
    </row>
    <row r="2597" spans="3:4" x14ac:dyDescent="0.25">
      <c r="C2597"/>
      <c r="D2597"/>
    </row>
    <row r="2598" spans="3:4" x14ac:dyDescent="0.25">
      <c r="C2598"/>
      <c r="D2598"/>
    </row>
    <row r="2599" spans="3:4" x14ac:dyDescent="0.25">
      <c r="C2599"/>
      <c r="D2599"/>
    </row>
    <row r="2600" spans="3:4" x14ac:dyDescent="0.25">
      <c r="C2600"/>
      <c r="D2600"/>
    </row>
    <row r="2601" spans="3:4" x14ac:dyDescent="0.25">
      <c r="C2601"/>
      <c r="D2601"/>
    </row>
    <row r="2602" spans="3:4" x14ac:dyDescent="0.25">
      <c r="C2602"/>
      <c r="D2602"/>
    </row>
    <row r="2603" spans="3:4" x14ac:dyDescent="0.25">
      <c r="C2603"/>
      <c r="D2603"/>
    </row>
    <row r="2604" spans="3:4" x14ac:dyDescent="0.25">
      <c r="C2604"/>
      <c r="D2604"/>
    </row>
    <row r="2605" spans="3:4" x14ac:dyDescent="0.25">
      <c r="C2605"/>
      <c r="D2605"/>
    </row>
    <row r="2606" spans="3:4" x14ac:dyDescent="0.25">
      <c r="C2606"/>
      <c r="D2606"/>
    </row>
    <row r="2607" spans="3:4" x14ac:dyDescent="0.25">
      <c r="C2607"/>
      <c r="D2607"/>
    </row>
    <row r="2608" spans="3:4" x14ac:dyDescent="0.25">
      <c r="C2608"/>
      <c r="D2608"/>
    </row>
    <row r="2609" spans="3:4" x14ac:dyDescent="0.25">
      <c r="C2609"/>
      <c r="D2609"/>
    </row>
    <row r="2610" spans="3:4" x14ac:dyDescent="0.25">
      <c r="C2610"/>
      <c r="D2610"/>
    </row>
    <row r="2611" spans="3:4" x14ac:dyDescent="0.25">
      <c r="C2611"/>
      <c r="D2611"/>
    </row>
    <row r="2612" spans="3:4" x14ac:dyDescent="0.25">
      <c r="C2612"/>
      <c r="D2612"/>
    </row>
    <row r="2613" spans="3:4" x14ac:dyDescent="0.25">
      <c r="C2613"/>
      <c r="D2613"/>
    </row>
    <row r="2614" spans="3:4" x14ac:dyDescent="0.25">
      <c r="C2614"/>
      <c r="D2614"/>
    </row>
    <row r="2615" spans="3:4" x14ac:dyDescent="0.25">
      <c r="C2615"/>
      <c r="D2615"/>
    </row>
    <row r="2616" spans="3:4" x14ac:dyDescent="0.25">
      <c r="C2616"/>
      <c r="D2616"/>
    </row>
    <row r="2617" spans="3:4" x14ac:dyDescent="0.25">
      <c r="C2617"/>
      <c r="D2617"/>
    </row>
    <row r="2618" spans="3:4" x14ac:dyDescent="0.25">
      <c r="C2618"/>
      <c r="D2618"/>
    </row>
    <row r="2619" spans="3:4" x14ac:dyDescent="0.25">
      <c r="C2619"/>
      <c r="D2619"/>
    </row>
    <row r="2620" spans="3:4" x14ac:dyDescent="0.25">
      <c r="C2620"/>
      <c r="D2620"/>
    </row>
    <row r="2621" spans="3:4" x14ac:dyDescent="0.25">
      <c r="C2621"/>
      <c r="D2621"/>
    </row>
    <row r="2622" spans="3:4" x14ac:dyDescent="0.25">
      <c r="C2622"/>
      <c r="D2622"/>
    </row>
    <row r="2623" spans="3:4" x14ac:dyDescent="0.25">
      <c r="C2623"/>
      <c r="D2623"/>
    </row>
    <row r="2624" spans="3:4" x14ac:dyDescent="0.25">
      <c r="C2624"/>
      <c r="D2624"/>
    </row>
    <row r="2625" spans="3:4" x14ac:dyDescent="0.25">
      <c r="C2625"/>
      <c r="D2625"/>
    </row>
    <row r="2626" spans="3:4" x14ac:dyDescent="0.25">
      <c r="C2626"/>
      <c r="D2626"/>
    </row>
    <row r="2627" spans="3:4" x14ac:dyDescent="0.25">
      <c r="C2627"/>
      <c r="D2627"/>
    </row>
    <row r="2628" spans="3:4" x14ac:dyDescent="0.25">
      <c r="C2628"/>
      <c r="D2628"/>
    </row>
    <row r="2629" spans="3:4" x14ac:dyDescent="0.25">
      <c r="C2629"/>
      <c r="D2629"/>
    </row>
    <row r="2630" spans="3:4" x14ac:dyDescent="0.25">
      <c r="C2630"/>
      <c r="D2630"/>
    </row>
    <row r="2631" spans="3:4" x14ac:dyDescent="0.25">
      <c r="C2631"/>
      <c r="D2631"/>
    </row>
    <row r="2632" spans="3:4" x14ac:dyDescent="0.25">
      <c r="C2632"/>
      <c r="D2632"/>
    </row>
    <row r="2633" spans="3:4" x14ac:dyDescent="0.25">
      <c r="C2633"/>
      <c r="D2633"/>
    </row>
    <row r="2634" spans="3:4" x14ac:dyDescent="0.25">
      <c r="C2634"/>
      <c r="D2634"/>
    </row>
    <row r="2635" spans="3:4" x14ac:dyDescent="0.25">
      <c r="C2635"/>
      <c r="D2635"/>
    </row>
    <row r="2636" spans="3:4" x14ac:dyDescent="0.25">
      <c r="C2636"/>
      <c r="D2636"/>
    </row>
    <row r="2637" spans="3:4" x14ac:dyDescent="0.25">
      <c r="C2637"/>
      <c r="D2637"/>
    </row>
    <row r="2638" spans="3:4" x14ac:dyDescent="0.25">
      <c r="C2638"/>
      <c r="D2638"/>
    </row>
    <row r="2639" spans="3:4" x14ac:dyDescent="0.25">
      <c r="C2639"/>
      <c r="D2639"/>
    </row>
    <row r="2640" spans="3:4" x14ac:dyDescent="0.25">
      <c r="C2640"/>
      <c r="D2640"/>
    </row>
    <row r="2641" spans="3:4" x14ac:dyDescent="0.25">
      <c r="C2641"/>
      <c r="D2641"/>
    </row>
    <row r="2642" spans="3:4" x14ac:dyDescent="0.25">
      <c r="C2642"/>
      <c r="D2642"/>
    </row>
    <row r="2643" spans="3:4" x14ac:dyDescent="0.25">
      <c r="C2643"/>
      <c r="D2643"/>
    </row>
    <row r="2644" spans="3:4" x14ac:dyDescent="0.25">
      <c r="C2644"/>
      <c r="D2644"/>
    </row>
    <row r="2645" spans="3:4" x14ac:dyDescent="0.25">
      <c r="C2645"/>
      <c r="D2645"/>
    </row>
    <row r="2646" spans="3:4" x14ac:dyDescent="0.25">
      <c r="C2646"/>
      <c r="D2646"/>
    </row>
    <row r="2647" spans="3:4" x14ac:dyDescent="0.25">
      <c r="C2647"/>
      <c r="D2647"/>
    </row>
    <row r="2648" spans="3:4" x14ac:dyDescent="0.25">
      <c r="C2648"/>
      <c r="D2648"/>
    </row>
    <row r="2649" spans="3:4" x14ac:dyDescent="0.25">
      <c r="C2649"/>
      <c r="D2649"/>
    </row>
    <row r="2650" spans="3:4" x14ac:dyDescent="0.25">
      <c r="C2650"/>
      <c r="D2650"/>
    </row>
    <row r="2651" spans="3:4" x14ac:dyDescent="0.25">
      <c r="C2651"/>
      <c r="D2651"/>
    </row>
    <row r="2652" spans="3:4" x14ac:dyDescent="0.25">
      <c r="C2652"/>
      <c r="D2652"/>
    </row>
    <row r="2653" spans="3:4" x14ac:dyDescent="0.25">
      <c r="C2653"/>
      <c r="D2653"/>
    </row>
    <row r="2654" spans="3:4" x14ac:dyDescent="0.25">
      <c r="C2654"/>
      <c r="D2654"/>
    </row>
    <row r="2655" spans="3:4" x14ac:dyDescent="0.25">
      <c r="C2655"/>
      <c r="D2655"/>
    </row>
    <row r="2656" spans="3:4" x14ac:dyDescent="0.25">
      <c r="C2656"/>
      <c r="D2656"/>
    </row>
    <row r="2657" spans="3:4" x14ac:dyDescent="0.25">
      <c r="C2657"/>
      <c r="D2657"/>
    </row>
    <row r="2658" spans="3:4" x14ac:dyDescent="0.25">
      <c r="C2658"/>
      <c r="D2658"/>
    </row>
    <row r="2659" spans="3:4" x14ac:dyDescent="0.25">
      <c r="C2659"/>
      <c r="D2659"/>
    </row>
    <row r="2660" spans="3:4" x14ac:dyDescent="0.25">
      <c r="C2660"/>
      <c r="D2660"/>
    </row>
    <row r="2661" spans="3:4" x14ac:dyDescent="0.25">
      <c r="C2661"/>
      <c r="D2661"/>
    </row>
    <row r="2662" spans="3:4" x14ac:dyDescent="0.25">
      <c r="C2662"/>
      <c r="D2662"/>
    </row>
    <row r="2663" spans="3:4" x14ac:dyDescent="0.25">
      <c r="C2663"/>
      <c r="D2663"/>
    </row>
    <row r="2664" spans="3:4" x14ac:dyDescent="0.25">
      <c r="C2664"/>
      <c r="D2664"/>
    </row>
    <row r="2665" spans="3:4" x14ac:dyDescent="0.25">
      <c r="C2665"/>
      <c r="D2665"/>
    </row>
    <row r="2666" spans="3:4" x14ac:dyDescent="0.25">
      <c r="C2666"/>
      <c r="D2666"/>
    </row>
    <row r="2667" spans="3:4" x14ac:dyDescent="0.25">
      <c r="C2667"/>
      <c r="D2667"/>
    </row>
    <row r="2668" spans="3:4" x14ac:dyDescent="0.25">
      <c r="C2668"/>
      <c r="D2668"/>
    </row>
    <row r="2669" spans="3:4" x14ac:dyDescent="0.25">
      <c r="C2669"/>
      <c r="D2669"/>
    </row>
    <row r="2670" spans="3:4" x14ac:dyDescent="0.25">
      <c r="C2670"/>
      <c r="D2670"/>
    </row>
    <row r="2671" spans="3:4" x14ac:dyDescent="0.25">
      <c r="C2671"/>
      <c r="D2671"/>
    </row>
    <row r="2672" spans="3:4" x14ac:dyDescent="0.25">
      <c r="C2672"/>
      <c r="D2672"/>
    </row>
    <row r="2673" spans="3:4" x14ac:dyDescent="0.25">
      <c r="C2673"/>
      <c r="D2673"/>
    </row>
    <row r="2674" spans="3:4" x14ac:dyDescent="0.25">
      <c r="C2674"/>
      <c r="D2674"/>
    </row>
    <row r="2675" spans="3:4" x14ac:dyDescent="0.25">
      <c r="C2675"/>
      <c r="D2675"/>
    </row>
    <row r="2676" spans="3:4" x14ac:dyDescent="0.25">
      <c r="C2676"/>
      <c r="D2676"/>
    </row>
    <row r="2677" spans="3:4" x14ac:dyDescent="0.25">
      <c r="C2677"/>
      <c r="D2677"/>
    </row>
    <row r="2678" spans="3:4" x14ac:dyDescent="0.25">
      <c r="C2678"/>
      <c r="D2678"/>
    </row>
    <row r="2679" spans="3:4" x14ac:dyDescent="0.25">
      <c r="C2679"/>
      <c r="D2679"/>
    </row>
    <row r="2680" spans="3:4" x14ac:dyDescent="0.25">
      <c r="C2680"/>
      <c r="D2680"/>
    </row>
    <row r="2681" spans="3:4" x14ac:dyDescent="0.25">
      <c r="C2681"/>
      <c r="D2681"/>
    </row>
    <row r="2682" spans="3:4" x14ac:dyDescent="0.25">
      <c r="C2682"/>
      <c r="D2682"/>
    </row>
    <row r="2683" spans="3:4" x14ac:dyDescent="0.25">
      <c r="C2683"/>
      <c r="D2683"/>
    </row>
    <row r="2684" spans="3:4" x14ac:dyDescent="0.25">
      <c r="C2684"/>
      <c r="D2684"/>
    </row>
    <row r="2685" spans="3:4" x14ac:dyDescent="0.25">
      <c r="C2685"/>
      <c r="D2685"/>
    </row>
    <row r="2686" spans="3:4" x14ac:dyDescent="0.25">
      <c r="C2686"/>
      <c r="D2686"/>
    </row>
    <row r="2687" spans="3:4" x14ac:dyDescent="0.25">
      <c r="C2687"/>
      <c r="D2687"/>
    </row>
    <row r="2688" spans="3:4" x14ac:dyDescent="0.25">
      <c r="C2688"/>
      <c r="D2688"/>
    </row>
    <row r="2689" spans="3:4" x14ac:dyDescent="0.25">
      <c r="C2689"/>
      <c r="D2689"/>
    </row>
    <row r="2690" spans="3:4" x14ac:dyDescent="0.25">
      <c r="C2690"/>
      <c r="D2690"/>
    </row>
    <row r="2691" spans="3:4" x14ac:dyDescent="0.25">
      <c r="C2691"/>
      <c r="D2691"/>
    </row>
    <row r="2692" spans="3:4" x14ac:dyDescent="0.25">
      <c r="C2692"/>
      <c r="D2692"/>
    </row>
    <row r="2693" spans="3:4" x14ac:dyDescent="0.25">
      <c r="C2693"/>
      <c r="D2693"/>
    </row>
    <row r="2694" spans="3:4" x14ac:dyDescent="0.25">
      <c r="C2694"/>
      <c r="D2694"/>
    </row>
    <row r="2695" spans="3:4" x14ac:dyDescent="0.25">
      <c r="C2695"/>
      <c r="D2695"/>
    </row>
    <row r="2696" spans="3:4" x14ac:dyDescent="0.25">
      <c r="C2696"/>
      <c r="D2696"/>
    </row>
    <row r="2697" spans="3:4" x14ac:dyDescent="0.25">
      <c r="C2697"/>
      <c r="D2697"/>
    </row>
    <row r="2698" spans="3:4" x14ac:dyDescent="0.25">
      <c r="C2698"/>
      <c r="D2698"/>
    </row>
    <row r="2699" spans="3:4" x14ac:dyDescent="0.25">
      <c r="C2699"/>
      <c r="D2699"/>
    </row>
    <row r="2700" spans="3:4" x14ac:dyDescent="0.25">
      <c r="C2700"/>
      <c r="D2700"/>
    </row>
    <row r="2701" spans="3:4" x14ac:dyDescent="0.25">
      <c r="C2701"/>
      <c r="D2701"/>
    </row>
    <row r="2702" spans="3:4" x14ac:dyDescent="0.25">
      <c r="C2702"/>
      <c r="D2702"/>
    </row>
    <row r="2703" spans="3:4" x14ac:dyDescent="0.25">
      <c r="C2703"/>
      <c r="D2703"/>
    </row>
    <row r="2704" spans="3:4" x14ac:dyDescent="0.25">
      <c r="C2704"/>
      <c r="D2704"/>
    </row>
    <row r="2705" spans="3:4" x14ac:dyDescent="0.25">
      <c r="C2705"/>
      <c r="D2705"/>
    </row>
    <row r="2706" spans="3:4" x14ac:dyDescent="0.25">
      <c r="C2706"/>
      <c r="D2706"/>
    </row>
    <row r="2707" spans="3:4" x14ac:dyDescent="0.25">
      <c r="C2707"/>
      <c r="D2707"/>
    </row>
    <row r="2708" spans="3:4" x14ac:dyDescent="0.25">
      <c r="C2708"/>
      <c r="D2708"/>
    </row>
    <row r="2709" spans="3:4" x14ac:dyDescent="0.25">
      <c r="C2709"/>
      <c r="D2709"/>
    </row>
    <row r="2710" spans="3:4" x14ac:dyDescent="0.25">
      <c r="C2710"/>
      <c r="D2710"/>
    </row>
    <row r="2711" spans="3:4" x14ac:dyDescent="0.25">
      <c r="C2711"/>
      <c r="D2711"/>
    </row>
    <row r="2712" spans="3:4" x14ac:dyDescent="0.25">
      <c r="C2712"/>
      <c r="D2712"/>
    </row>
    <row r="2713" spans="3:4" x14ac:dyDescent="0.25">
      <c r="C2713"/>
      <c r="D2713"/>
    </row>
    <row r="2714" spans="3:4" x14ac:dyDescent="0.25">
      <c r="C2714"/>
      <c r="D2714"/>
    </row>
    <row r="2715" spans="3:4" x14ac:dyDescent="0.25">
      <c r="C2715"/>
      <c r="D2715"/>
    </row>
    <row r="2716" spans="3:4" x14ac:dyDescent="0.25">
      <c r="C2716"/>
      <c r="D2716"/>
    </row>
    <row r="2717" spans="3:4" x14ac:dyDescent="0.25">
      <c r="C2717"/>
      <c r="D2717"/>
    </row>
    <row r="2718" spans="3:4" x14ac:dyDescent="0.25">
      <c r="C2718"/>
      <c r="D2718"/>
    </row>
    <row r="2719" spans="3:4" x14ac:dyDescent="0.25">
      <c r="C2719"/>
      <c r="D2719"/>
    </row>
    <row r="2720" spans="3:4" x14ac:dyDescent="0.25">
      <c r="C2720"/>
      <c r="D2720"/>
    </row>
    <row r="2721" spans="3:4" x14ac:dyDescent="0.25">
      <c r="C2721"/>
      <c r="D2721"/>
    </row>
    <row r="2722" spans="3:4" x14ac:dyDescent="0.25">
      <c r="C2722"/>
      <c r="D2722"/>
    </row>
    <row r="2723" spans="3:4" x14ac:dyDescent="0.25">
      <c r="C2723"/>
      <c r="D2723"/>
    </row>
    <row r="2724" spans="3:4" x14ac:dyDescent="0.25">
      <c r="C2724"/>
      <c r="D2724"/>
    </row>
    <row r="2725" spans="3:4" x14ac:dyDescent="0.25">
      <c r="C2725"/>
      <c r="D2725"/>
    </row>
    <row r="2726" spans="3:4" x14ac:dyDescent="0.25">
      <c r="C2726"/>
      <c r="D2726"/>
    </row>
    <row r="2727" spans="3:4" x14ac:dyDescent="0.25">
      <c r="C2727"/>
      <c r="D2727"/>
    </row>
    <row r="2728" spans="3:4" x14ac:dyDescent="0.25">
      <c r="C2728"/>
      <c r="D2728"/>
    </row>
    <row r="2729" spans="3:4" x14ac:dyDescent="0.25">
      <c r="C2729"/>
      <c r="D2729"/>
    </row>
    <row r="2730" spans="3:4" x14ac:dyDescent="0.25">
      <c r="C2730"/>
      <c r="D2730"/>
    </row>
    <row r="2731" spans="3:4" x14ac:dyDescent="0.25">
      <c r="C2731"/>
      <c r="D2731"/>
    </row>
    <row r="2732" spans="3:4" x14ac:dyDescent="0.25">
      <c r="C2732"/>
      <c r="D2732"/>
    </row>
    <row r="2733" spans="3:4" x14ac:dyDescent="0.25">
      <c r="C2733"/>
      <c r="D2733"/>
    </row>
    <row r="2734" spans="3:4" x14ac:dyDescent="0.25">
      <c r="C2734"/>
      <c r="D2734"/>
    </row>
    <row r="2735" spans="3:4" x14ac:dyDescent="0.25">
      <c r="C2735"/>
      <c r="D2735"/>
    </row>
    <row r="2736" spans="3:4" x14ac:dyDescent="0.25">
      <c r="C2736"/>
      <c r="D2736"/>
    </row>
    <row r="2737" spans="3:4" x14ac:dyDescent="0.25">
      <c r="C2737"/>
      <c r="D2737"/>
    </row>
    <row r="2738" spans="3:4" x14ac:dyDescent="0.25">
      <c r="C2738"/>
      <c r="D2738"/>
    </row>
    <row r="2739" spans="3:4" x14ac:dyDescent="0.25">
      <c r="C2739"/>
      <c r="D2739"/>
    </row>
    <row r="2740" spans="3:4" x14ac:dyDescent="0.25">
      <c r="C2740"/>
      <c r="D2740"/>
    </row>
    <row r="2741" spans="3:4" x14ac:dyDescent="0.25">
      <c r="C2741"/>
      <c r="D2741"/>
    </row>
    <row r="2742" spans="3:4" x14ac:dyDescent="0.25">
      <c r="C2742"/>
      <c r="D2742"/>
    </row>
    <row r="2743" spans="3:4" x14ac:dyDescent="0.25">
      <c r="C2743"/>
      <c r="D2743"/>
    </row>
    <row r="2744" spans="3:4" x14ac:dyDescent="0.25">
      <c r="C2744"/>
      <c r="D2744"/>
    </row>
    <row r="2745" spans="3:4" x14ac:dyDescent="0.25">
      <c r="C2745"/>
      <c r="D2745"/>
    </row>
    <row r="2746" spans="3:4" x14ac:dyDescent="0.25">
      <c r="C2746"/>
      <c r="D2746"/>
    </row>
    <row r="2747" spans="3:4" x14ac:dyDescent="0.25">
      <c r="C2747"/>
      <c r="D2747"/>
    </row>
    <row r="2748" spans="3:4" x14ac:dyDescent="0.25">
      <c r="C2748"/>
      <c r="D2748"/>
    </row>
    <row r="2749" spans="3:4" x14ac:dyDescent="0.25">
      <c r="C2749"/>
      <c r="D2749"/>
    </row>
    <row r="2750" spans="3:4" x14ac:dyDescent="0.25">
      <c r="C2750"/>
      <c r="D2750"/>
    </row>
    <row r="2751" spans="3:4" x14ac:dyDescent="0.25">
      <c r="C2751"/>
      <c r="D2751"/>
    </row>
    <row r="2752" spans="3:4" x14ac:dyDescent="0.25">
      <c r="C2752"/>
      <c r="D2752"/>
    </row>
    <row r="2753" spans="3:4" x14ac:dyDescent="0.25">
      <c r="C2753"/>
      <c r="D2753"/>
    </row>
    <row r="2754" spans="3:4" x14ac:dyDescent="0.25">
      <c r="C2754"/>
      <c r="D2754"/>
    </row>
    <row r="2755" spans="3:4" x14ac:dyDescent="0.25">
      <c r="C2755"/>
      <c r="D2755"/>
    </row>
    <row r="2756" spans="3:4" x14ac:dyDescent="0.25">
      <c r="C2756"/>
      <c r="D2756"/>
    </row>
    <row r="2757" spans="3:4" x14ac:dyDescent="0.25">
      <c r="C2757"/>
      <c r="D2757"/>
    </row>
    <row r="2758" spans="3:4" x14ac:dyDescent="0.25">
      <c r="C2758"/>
      <c r="D2758"/>
    </row>
    <row r="2759" spans="3:4" x14ac:dyDescent="0.25">
      <c r="C2759"/>
      <c r="D2759"/>
    </row>
    <row r="2760" spans="3:4" x14ac:dyDescent="0.25">
      <c r="C2760"/>
      <c r="D2760"/>
    </row>
    <row r="2761" spans="3:4" x14ac:dyDescent="0.25">
      <c r="C2761"/>
      <c r="D2761"/>
    </row>
    <row r="2762" spans="3:4" x14ac:dyDescent="0.25">
      <c r="C2762"/>
      <c r="D2762"/>
    </row>
    <row r="2763" spans="3:4" x14ac:dyDescent="0.25">
      <c r="C2763"/>
      <c r="D2763"/>
    </row>
    <row r="2764" spans="3:4" x14ac:dyDescent="0.25">
      <c r="C2764"/>
      <c r="D2764"/>
    </row>
    <row r="2765" spans="3:4" x14ac:dyDescent="0.25">
      <c r="C2765"/>
      <c r="D2765"/>
    </row>
    <row r="2766" spans="3:4" x14ac:dyDescent="0.25">
      <c r="C2766"/>
      <c r="D2766"/>
    </row>
    <row r="2767" spans="3:4" x14ac:dyDescent="0.25">
      <c r="C2767"/>
      <c r="D2767"/>
    </row>
    <row r="2768" spans="3:4" x14ac:dyDescent="0.25">
      <c r="C2768"/>
      <c r="D2768"/>
    </row>
    <row r="2769" spans="3:4" x14ac:dyDescent="0.25">
      <c r="C2769"/>
      <c r="D2769"/>
    </row>
    <row r="2770" spans="3:4" x14ac:dyDescent="0.25">
      <c r="C2770"/>
      <c r="D2770"/>
    </row>
    <row r="2771" spans="3:4" x14ac:dyDescent="0.25">
      <c r="C2771"/>
      <c r="D2771"/>
    </row>
    <row r="2772" spans="3:4" x14ac:dyDescent="0.25">
      <c r="C2772"/>
      <c r="D2772"/>
    </row>
    <row r="2773" spans="3:4" x14ac:dyDescent="0.25">
      <c r="C2773"/>
      <c r="D2773"/>
    </row>
    <row r="2774" spans="3:4" x14ac:dyDescent="0.25">
      <c r="C2774"/>
      <c r="D2774"/>
    </row>
    <row r="2775" spans="3:4" x14ac:dyDescent="0.25">
      <c r="C2775"/>
      <c r="D2775"/>
    </row>
    <row r="2776" spans="3:4" x14ac:dyDescent="0.25">
      <c r="C2776"/>
      <c r="D2776"/>
    </row>
    <row r="2777" spans="3:4" x14ac:dyDescent="0.25">
      <c r="C2777"/>
      <c r="D2777"/>
    </row>
    <row r="2778" spans="3:4" x14ac:dyDescent="0.25">
      <c r="C2778"/>
      <c r="D2778"/>
    </row>
    <row r="2779" spans="3:4" x14ac:dyDescent="0.25">
      <c r="C2779"/>
      <c r="D2779"/>
    </row>
    <row r="2780" spans="3:4" x14ac:dyDescent="0.25">
      <c r="C2780"/>
      <c r="D2780"/>
    </row>
    <row r="2781" spans="3:4" x14ac:dyDescent="0.25">
      <c r="C2781"/>
      <c r="D2781"/>
    </row>
    <row r="2782" spans="3:4" x14ac:dyDescent="0.25">
      <c r="C2782"/>
      <c r="D2782"/>
    </row>
    <row r="2783" spans="3:4" x14ac:dyDescent="0.25">
      <c r="C2783"/>
      <c r="D2783"/>
    </row>
    <row r="2784" spans="3:4" x14ac:dyDescent="0.25">
      <c r="C2784"/>
      <c r="D2784"/>
    </row>
    <row r="2785" spans="3:4" x14ac:dyDescent="0.25">
      <c r="C2785"/>
      <c r="D2785"/>
    </row>
    <row r="2786" spans="3:4" x14ac:dyDescent="0.25">
      <c r="C2786"/>
      <c r="D2786"/>
    </row>
    <row r="2787" spans="3:4" x14ac:dyDescent="0.25">
      <c r="C2787"/>
      <c r="D2787"/>
    </row>
    <row r="2788" spans="3:4" x14ac:dyDescent="0.25">
      <c r="C2788"/>
      <c r="D2788"/>
    </row>
    <row r="2789" spans="3:4" x14ac:dyDescent="0.25">
      <c r="C2789"/>
      <c r="D2789"/>
    </row>
    <row r="2790" spans="3:4" x14ac:dyDescent="0.25">
      <c r="C2790"/>
      <c r="D2790"/>
    </row>
    <row r="2791" spans="3:4" x14ac:dyDescent="0.25">
      <c r="C2791"/>
      <c r="D2791"/>
    </row>
    <row r="2792" spans="3:4" x14ac:dyDescent="0.25">
      <c r="C2792"/>
      <c r="D2792"/>
    </row>
    <row r="2793" spans="3:4" x14ac:dyDescent="0.25">
      <c r="C2793"/>
      <c r="D2793"/>
    </row>
    <row r="2794" spans="3:4" x14ac:dyDescent="0.25">
      <c r="C2794"/>
      <c r="D2794"/>
    </row>
    <row r="2795" spans="3:4" x14ac:dyDescent="0.25">
      <c r="C2795"/>
      <c r="D2795"/>
    </row>
    <row r="2796" spans="3:4" x14ac:dyDescent="0.25">
      <c r="C2796"/>
      <c r="D2796"/>
    </row>
    <row r="2797" spans="3:4" x14ac:dyDescent="0.25">
      <c r="C2797"/>
      <c r="D2797"/>
    </row>
    <row r="2798" spans="3:4" x14ac:dyDescent="0.25">
      <c r="C2798"/>
      <c r="D2798"/>
    </row>
    <row r="2799" spans="3:4" x14ac:dyDescent="0.25">
      <c r="C2799"/>
      <c r="D2799"/>
    </row>
    <row r="2800" spans="3:4" x14ac:dyDescent="0.25">
      <c r="C2800"/>
      <c r="D2800"/>
    </row>
    <row r="2801" spans="3:4" x14ac:dyDescent="0.25">
      <c r="C2801"/>
      <c r="D2801"/>
    </row>
    <row r="2802" spans="3:4" x14ac:dyDescent="0.25">
      <c r="C2802"/>
      <c r="D2802"/>
    </row>
    <row r="2803" spans="3:4" x14ac:dyDescent="0.25">
      <c r="C2803"/>
      <c r="D2803"/>
    </row>
    <row r="2804" spans="3:4" x14ac:dyDescent="0.25">
      <c r="C2804"/>
      <c r="D2804"/>
    </row>
    <row r="2805" spans="3:4" x14ac:dyDescent="0.25">
      <c r="C2805"/>
      <c r="D2805"/>
    </row>
    <row r="2806" spans="3:4" x14ac:dyDescent="0.25">
      <c r="C2806"/>
      <c r="D2806"/>
    </row>
    <row r="2807" spans="3:4" x14ac:dyDescent="0.25">
      <c r="C2807"/>
      <c r="D2807"/>
    </row>
    <row r="2808" spans="3:4" x14ac:dyDescent="0.25">
      <c r="C2808"/>
      <c r="D2808"/>
    </row>
    <row r="2809" spans="3:4" x14ac:dyDescent="0.25">
      <c r="C2809"/>
      <c r="D2809"/>
    </row>
    <row r="2810" spans="3:4" x14ac:dyDescent="0.25">
      <c r="C2810"/>
      <c r="D2810"/>
    </row>
    <row r="2811" spans="3:4" x14ac:dyDescent="0.25">
      <c r="C2811"/>
      <c r="D2811"/>
    </row>
    <row r="2812" spans="3:4" x14ac:dyDescent="0.25">
      <c r="C2812"/>
      <c r="D2812"/>
    </row>
    <row r="2813" spans="3:4" x14ac:dyDescent="0.25">
      <c r="C2813"/>
      <c r="D2813"/>
    </row>
    <row r="2814" spans="3:4" x14ac:dyDescent="0.25">
      <c r="C2814"/>
      <c r="D2814"/>
    </row>
    <row r="2815" spans="3:4" x14ac:dyDescent="0.25">
      <c r="C2815"/>
      <c r="D2815"/>
    </row>
    <row r="2816" spans="3:4" x14ac:dyDescent="0.25">
      <c r="C2816"/>
      <c r="D2816"/>
    </row>
    <row r="2817" spans="3:4" x14ac:dyDescent="0.25">
      <c r="C2817"/>
      <c r="D2817"/>
    </row>
    <row r="2818" spans="3:4" x14ac:dyDescent="0.25">
      <c r="C2818"/>
      <c r="D2818"/>
    </row>
    <row r="2819" spans="3:4" x14ac:dyDescent="0.25">
      <c r="C2819"/>
      <c r="D2819"/>
    </row>
    <row r="2820" spans="3:4" x14ac:dyDescent="0.25">
      <c r="C2820"/>
      <c r="D2820"/>
    </row>
    <row r="2821" spans="3:4" x14ac:dyDescent="0.25">
      <c r="C2821"/>
      <c r="D2821"/>
    </row>
    <row r="2822" spans="3:4" x14ac:dyDescent="0.25">
      <c r="C2822"/>
      <c r="D2822"/>
    </row>
    <row r="2823" spans="3:4" x14ac:dyDescent="0.25">
      <c r="C2823"/>
      <c r="D2823"/>
    </row>
    <row r="2824" spans="3:4" x14ac:dyDescent="0.25">
      <c r="C2824"/>
      <c r="D2824"/>
    </row>
    <row r="2825" spans="3:4" x14ac:dyDescent="0.25">
      <c r="C2825"/>
      <c r="D2825"/>
    </row>
    <row r="2826" spans="3:4" x14ac:dyDescent="0.25">
      <c r="C2826"/>
      <c r="D2826"/>
    </row>
    <row r="2827" spans="3:4" x14ac:dyDescent="0.25">
      <c r="C2827"/>
      <c r="D2827"/>
    </row>
    <row r="2828" spans="3:4" x14ac:dyDescent="0.25">
      <c r="C2828"/>
      <c r="D2828"/>
    </row>
    <row r="2829" spans="3:4" x14ac:dyDescent="0.25">
      <c r="C2829"/>
      <c r="D2829"/>
    </row>
    <row r="2830" spans="3:4" x14ac:dyDescent="0.25">
      <c r="C2830"/>
      <c r="D2830"/>
    </row>
    <row r="2831" spans="3:4" x14ac:dyDescent="0.25">
      <c r="C2831"/>
      <c r="D2831"/>
    </row>
    <row r="2832" spans="3:4" x14ac:dyDescent="0.25">
      <c r="C2832"/>
      <c r="D2832"/>
    </row>
    <row r="2833" spans="3:4" x14ac:dyDescent="0.25">
      <c r="C2833"/>
      <c r="D2833"/>
    </row>
    <row r="2834" spans="3:4" x14ac:dyDescent="0.25">
      <c r="C2834"/>
      <c r="D2834"/>
    </row>
    <row r="2835" spans="3:4" x14ac:dyDescent="0.25">
      <c r="C2835"/>
      <c r="D2835"/>
    </row>
    <row r="2836" spans="3:4" x14ac:dyDescent="0.25">
      <c r="C2836"/>
      <c r="D2836"/>
    </row>
    <row r="2837" spans="3:4" x14ac:dyDescent="0.25">
      <c r="C2837"/>
      <c r="D2837"/>
    </row>
    <row r="2838" spans="3:4" x14ac:dyDescent="0.25">
      <c r="C2838"/>
      <c r="D2838"/>
    </row>
    <row r="2839" spans="3:4" x14ac:dyDescent="0.25">
      <c r="C2839"/>
      <c r="D2839"/>
    </row>
    <row r="2840" spans="3:4" x14ac:dyDescent="0.25">
      <c r="C2840"/>
      <c r="D2840"/>
    </row>
    <row r="2841" spans="3:4" x14ac:dyDescent="0.25">
      <c r="C2841"/>
      <c r="D2841"/>
    </row>
    <row r="2842" spans="3:4" x14ac:dyDescent="0.25">
      <c r="C2842"/>
      <c r="D2842"/>
    </row>
    <row r="2843" spans="3:4" x14ac:dyDescent="0.25">
      <c r="C2843"/>
      <c r="D2843"/>
    </row>
    <row r="2844" spans="3:4" x14ac:dyDescent="0.25">
      <c r="C2844"/>
      <c r="D2844"/>
    </row>
    <row r="2845" spans="3:4" x14ac:dyDescent="0.25">
      <c r="C2845"/>
      <c r="D2845"/>
    </row>
    <row r="2846" spans="3:4" x14ac:dyDescent="0.25">
      <c r="C2846"/>
      <c r="D2846"/>
    </row>
    <row r="2847" spans="3:4" x14ac:dyDescent="0.25">
      <c r="C2847"/>
      <c r="D2847"/>
    </row>
    <row r="2848" spans="3:4" x14ac:dyDescent="0.25">
      <c r="C2848"/>
      <c r="D2848"/>
    </row>
    <row r="2849" spans="3:4" x14ac:dyDescent="0.25">
      <c r="C2849"/>
      <c r="D2849"/>
    </row>
    <row r="2850" spans="3:4" x14ac:dyDescent="0.25">
      <c r="C2850"/>
      <c r="D2850"/>
    </row>
    <row r="2851" spans="3:4" x14ac:dyDescent="0.25">
      <c r="C2851"/>
      <c r="D2851"/>
    </row>
    <row r="2852" spans="3:4" x14ac:dyDescent="0.25">
      <c r="C2852"/>
      <c r="D2852"/>
    </row>
    <row r="2853" spans="3:4" x14ac:dyDescent="0.25">
      <c r="C2853"/>
      <c r="D2853"/>
    </row>
    <row r="2854" spans="3:4" x14ac:dyDescent="0.25">
      <c r="C2854"/>
      <c r="D2854"/>
    </row>
    <row r="2855" spans="3:4" x14ac:dyDescent="0.25">
      <c r="C2855"/>
      <c r="D2855"/>
    </row>
    <row r="2856" spans="3:4" x14ac:dyDescent="0.25">
      <c r="C2856"/>
      <c r="D2856"/>
    </row>
    <row r="2857" spans="3:4" x14ac:dyDescent="0.25">
      <c r="C2857"/>
      <c r="D2857"/>
    </row>
    <row r="2858" spans="3:4" x14ac:dyDescent="0.25">
      <c r="C2858"/>
      <c r="D2858"/>
    </row>
    <row r="2859" spans="3:4" x14ac:dyDescent="0.25">
      <c r="C2859"/>
      <c r="D2859"/>
    </row>
    <row r="2860" spans="3:4" x14ac:dyDescent="0.25">
      <c r="C2860"/>
      <c r="D2860"/>
    </row>
    <row r="2861" spans="3:4" x14ac:dyDescent="0.25">
      <c r="C2861"/>
      <c r="D2861"/>
    </row>
    <row r="2862" spans="3:4" x14ac:dyDescent="0.25">
      <c r="C2862"/>
      <c r="D2862"/>
    </row>
    <row r="2863" spans="3:4" x14ac:dyDescent="0.25">
      <c r="C2863"/>
      <c r="D2863"/>
    </row>
    <row r="2864" spans="3:4" x14ac:dyDescent="0.25">
      <c r="C2864"/>
      <c r="D2864"/>
    </row>
    <row r="2865" spans="3:4" x14ac:dyDescent="0.25">
      <c r="C2865"/>
      <c r="D2865"/>
    </row>
    <row r="2866" spans="3:4" x14ac:dyDescent="0.25">
      <c r="C2866"/>
      <c r="D2866"/>
    </row>
    <row r="2867" spans="3:4" x14ac:dyDescent="0.25">
      <c r="C2867"/>
      <c r="D2867"/>
    </row>
    <row r="2868" spans="3:4" x14ac:dyDescent="0.25">
      <c r="C2868"/>
      <c r="D2868"/>
    </row>
    <row r="2869" spans="3:4" x14ac:dyDescent="0.25">
      <c r="C2869"/>
      <c r="D2869"/>
    </row>
    <row r="2870" spans="3:4" x14ac:dyDescent="0.25">
      <c r="C2870"/>
      <c r="D2870"/>
    </row>
    <row r="2871" spans="3:4" x14ac:dyDescent="0.25">
      <c r="C2871"/>
      <c r="D2871"/>
    </row>
    <row r="2872" spans="3:4" x14ac:dyDescent="0.25">
      <c r="C2872"/>
      <c r="D2872"/>
    </row>
    <row r="2873" spans="3:4" x14ac:dyDescent="0.25">
      <c r="C2873"/>
      <c r="D2873"/>
    </row>
    <row r="2874" spans="3:4" x14ac:dyDescent="0.25">
      <c r="C2874"/>
      <c r="D2874"/>
    </row>
    <row r="2875" spans="3:4" x14ac:dyDescent="0.25">
      <c r="C2875"/>
      <c r="D2875"/>
    </row>
    <row r="2876" spans="3:4" x14ac:dyDescent="0.25">
      <c r="C2876"/>
      <c r="D2876"/>
    </row>
    <row r="2877" spans="3:4" x14ac:dyDescent="0.25">
      <c r="C2877"/>
      <c r="D2877"/>
    </row>
    <row r="2878" spans="3:4" x14ac:dyDescent="0.25">
      <c r="C2878"/>
      <c r="D2878"/>
    </row>
    <row r="2879" spans="3:4" x14ac:dyDescent="0.25">
      <c r="C2879"/>
      <c r="D2879"/>
    </row>
    <row r="2880" spans="3:4" x14ac:dyDescent="0.25">
      <c r="C2880"/>
      <c r="D2880"/>
    </row>
    <row r="2881" spans="3:4" x14ac:dyDescent="0.25">
      <c r="C2881"/>
      <c r="D2881"/>
    </row>
    <row r="2882" spans="3:4" x14ac:dyDescent="0.25">
      <c r="C2882"/>
      <c r="D2882"/>
    </row>
    <row r="2883" spans="3:4" x14ac:dyDescent="0.25">
      <c r="C2883"/>
      <c r="D2883"/>
    </row>
    <row r="2884" spans="3:4" x14ac:dyDescent="0.25">
      <c r="C2884"/>
      <c r="D2884"/>
    </row>
    <row r="2885" spans="3:4" x14ac:dyDescent="0.25">
      <c r="C2885"/>
      <c r="D2885"/>
    </row>
    <row r="2886" spans="3:4" x14ac:dyDescent="0.25">
      <c r="C2886"/>
      <c r="D2886"/>
    </row>
    <row r="2887" spans="3:4" x14ac:dyDescent="0.25">
      <c r="C2887"/>
      <c r="D2887"/>
    </row>
    <row r="2888" spans="3:4" x14ac:dyDescent="0.25">
      <c r="C2888"/>
      <c r="D2888"/>
    </row>
    <row r="2889" spans="3:4" x14ac:dyDescent="0.25">
      <c r="C2889"/>
      <c r="D2889"/>
    </row>
    <row r="2890" spans="3:4" x14ac:dyDescent="0.25">
      <c r="C2890"/>
      <c r="D2890"/>
    </row>
    <row r="2891" spans="3:4" x14ac:dyDescent="0.25">
      <c r="C2891"/>
      <c r="D2891"/>
    </row>
    <row r="2892" spans="3:4" x14ac:dyDescent="0.25">
      <c r="C2892"/>
      <c r="D2892"/>
    </row>
    <row r="2893" spans="3:4" x14ac:dyDescent="0.25">
      <c r="C2893"/>
      <c r="D2893"/>
    </row>
    <row r="2894" spans="3:4" x14ac:dyDescent="0.25">
      <c r="C2894"/>
      <c r="D2894"/>
    </row>
    <row r="2895" spans="3:4" x14ac:dyDescent="0.25">
      <c r="C2895"/>
      <c r="D2895"/>
    </row>
    <row r="2896" spans="3:4" x14ac:dyDescent="0.25">
      <c r="C2896"/>
      <c r="D2896"/>
    </row>
    <row r="2897" spans="3:4" x14ac:dyDescent="0.25">
      <c r="C2897"/>
      <c r="D2897"/>
    </row>
    <row r="2898" spans="3:4" x14ac:dyDescent="0.25">
      <c r="C2898"/>
      <c r="D2898"/>
    </row>
    <row r="2899" spans="3:4" x14ac:dyDescent="0.25">
      <c r="C2899"/>
      <c r="D2899"/>
    </row>
    <row r="2900" spans="3:4" x14ac:dyDescent="0.25">
      <c r="C2900"/>
      <c r="D2900"/>
    </row>
    <row r="2901" spans="3:4" x14ac:dyDescent="0.25">
      <c r="C2901"/>
      <c r="D2901"/>
    </row>
    <row r="2902" spans="3:4" x14ac:dyDescent="0.25">
      <c r="C2902"/>
      <c r="D2902"/>
    </row>
    <row r="2903" spans="3:4" x14ac:dyDescent="0.25">
      <c r="C2903"/>
      <c r="D2903"/>
    </row>
    <row r="2904" spans="3:4" x14ac:dyDescent="0.25">
      <c r="C2904"/>
      <c r="D2904"/>
    </row>
    <row r="2905" spans="3:4" x14ac:dyDescent="0.25">
      <c r="C2905"/>
      <c r="D2905"/>
    </row>
    <row r="2906" spans="3:4" x14ac:dyDescent="0.25">
      <c r="C2906"/>
      <c r="D2906"/>
    </row>
    <row r="2907" spans="3:4" x14ac:dyDescent="0.25">
      <c r="C2907"/>
      <c r="D2907"/>
    </row>
    <row r="2908" spans="3:4" x14ac:dyDescent="0.25">
      <c r="C2908"/>
      <c r="D2908"/>
    </row>
    <row r="2909" spans="3:4" x14ac:dyDescent="0.25">
      <c r="C2909"/>
      <c r="D2909"/>
    </row>
    <row r="2910" spans="3:4" x14ac:dyDescent="0.25">
      <c r="C2910"/>
      <c r="D2910"/>
    </row>
    <row r="2911" spans="3:4" x14ac:dyDescent="0.25">
      <c r="C2911"/>
      <c r="D2911"/>
    </row>
    <row r="2912" spans="3:4" x14ac:dyDescent="0.25">
      <c r="C2912"/>
      <c r="D2912"/>
    </row>
    <row r="2913" spans="3:4" x14ac:dyDescent="0.25">
      <c r="C2913"/>
      <c r="D2913"/>
    </row>
    <row r="2914" spans="3:4" x14ac:dyDescent="0.25">
      <c r="C2914"/>
      <c r="D2914"/>
    </row>
    <row r="2915" spans="3:4" x14ac:dyDescent="0.25">
      <c r="C2915"/>
      <c r="D2915"/>
    </row>
    <row r="2916" spans="3:4" x14ac:dyDescent="0.25">
      <c r="C2916"/>
      <c r="D2916"/>
    </row>
    <row r="2917" spans="3:4" x14ac:dyDescent="0.25">
      <c r="C2917"/>
      <c r="D2917"/>
    </row>
    <row r="2918" spans="3:4" x14ac:dyDescent="0.25">
      <c r="C2918"/>
      <c r="D2918"/>
    </row>
    <row r="2919" spans="3:4" x14ac:dyDescent="0.25">
      <c r="C2919"/>
      <c r="D2919"/>
    </row>
    <row r="2920" spans="3:4" x14ac:dyDescent="0.25">
      <c r="C2920"/>
      <c r="D2920"/>
    </row>
    <row r="2921" spans="3:4" x14ac:dyDescent="0.25">
      <c r="C2921"/>
      <c r="D2921"/>
    </row>
    <row r="2922" spans="3:4" x14ac:dyDescent="0.25">
      <c r="C2922"/>
      <c r="D2922"/>
    </row>
    <row r="2923" spans="3:4" x14ac:dyDescent="0.25">
      <c r="C2923"/>
      <c r="D2923"/>
    </row>
    <row r="2924" spans="3:4" x14ac:dyDescent="0.25">
      <c r="C2924"/>
      <c r="D2924"/>
    </row>
    <row r="2925" spans="3:4" x14ac:dyDescent="0.25">
      <c r="C2925"/>
      <c r="D2925"/>
    </row>
    <row r="2926" spans="3:4" x14ac:dyDescent="0.25">
      <c r="C2926"/>
      <c r="D2926"/>
    </row>
    <row r="2927" spans="3:4" x14ac:dyDescent="0.25">
      <c r="C2927"/>
      <c r="D2927"/>
    </row>
    <row r="2928" spans="3:4" x14ac:dyDescent="0.25">
      <c r="C2928"/>
      <c r="D2928"/>
    </row>
    <row r="2929" spans="3:4" x14ac:dyDescent="0.25">
      <c r="C2929"/>
      <c r="D2929"/>
    </row>
    <row r="2930" spans="3:4" x14ac:dyDescent="0.25">
      <c r="C2930"/>
      <c r="D2930"/>
    </row>
    <row r="2931" spans="3:4" x14ac:dyDescent="0.25">
      <c r="C2931"/>
      <c r="D2931"/>
    </row>
    <row r="2932" spans="3:4" x14ac:dyDescent="0.25">
      <c r="C2932"/>
      <c r="D2932"/>
    </row>
    <row r="2933" spans="3:4" x14ac:dyDescent="0.25">
      <c r="C2933"/>
      <c r="D2933"/>
    </row>
    <row r="2934" spans="3:4" x14ac:dyDescent="0.25">
      <c r="C2934"/>
      <c r="D2934"/>
    </row>
    <row r="2935" spans="3:4" x14ac:dyDescent="0.25">
      <c r="C2935"/>
      <c r="D2935"/>
    </row>
    <row r="2936" spans="3:4" x14ac:dyDescent="0.25">
      <c r="C2936"/>
      <c r="D2936"/>
    </row>
    <row r="2937" spans="3:4" x14ac:dyDescent="0.25">
      <c r="C2937"/>
      <c r="D2937"/>
    </row>
    <row r="2938" spans="3:4" x14ac:dyDescent="0.25">
      <c r="C2938"/>
      <c r="D2938"/>
    </row>
    <row r="2939" spans="3:4" x14ac:dyDescent="0.25">
      <c r="C2939"/>
      <c r="D2939"/>
    </row>
    <row r="2940" spans="3:4" x14ac:dyDescent="0.25">
      <c r="C2940"/>
      <c r="D2940"/>
    </row>
    <row r="2941" spans="3:4" x14ac:dyDescent="0.25">
      <c r="C2941"/>
      <c r="D2941"/>
    </row>
    <row r="2942" spans="3:4" x14ac:dyDescent="0.25">
      <c r="C2942"/>
      <c r="D2942"/>
    </row>
    <row r="2943" spans="3:4" x14ac:dyDescent="0.25">
      <c r="C2943"/>
      <c r="D2943"/>
    </row>
    <row r="2944" spans="3:4" x14ac:dyDescent="0.25">
      <c r="C2944"/>
      <c r="D2944"/>
    </row>
    <row r="2945" spans="3:4" x14ac:dyDescent="0.25">
      <c r="C2945"/>
      <c r="D2945"/>
    </row>
    <row r="2946" spans="3:4" x14ac:dyDescent="0.25">
      <c r="C2946"/>
      <c r="D2946"/>
    </row>
    <row r="2947" spans="3:4" x14ac:dyDescent="0.25">
      <c r="C2947"/>
      <c r="D2947"/>
    </row>
    <row r="2948" spans="3:4" x14ac:dyDescent="0.25">
      <c r="C2948"/>
      <c r="D2948"/>
    </row>
    <row r="2949" spans="3:4" x14ac:dyDescent="0.25">
      <c r="C2949"/>
      <c r="D2949"/>
    </row>
    <row r="2950" spans="3:4" x14ac:dyDescent="0.25">
      <c r="C2950"/>
      <c r="D2950"/>
    </row>
    <row r="2951" spans="3:4" x14ac:dyDescent="0.25">
      <c r="C2951"/>
      <c r="D2951"/>
    </row>
    <row r="2952" spans="3:4" x14ac:dyDescent="0.25">
      <c r="C2952"/>
      <c r="D2952"/>
    </row>
    <row r="2953" spans="3:4" x14ac:dyDescent="0.25">
      <c r="C2953"/>
      <c r="D2953"/>
    </row>
    <row r="2954" spans="3:4" x14ac:dyDescent="0.25">
      <c r="C2954"/>
      <c r="D2954"/>
    </row>
    <row r="2955" spans="3:4" x14ac:dyDescent="0.25">
      <c r="C2955"/>
      <c r="D2955"/>
    </row>
    <row r="2956" spans="3:4" x14ac:dyDescent="0.25">
      <c r="C2956"/>
      <c r="D2956"/>
    </row>
    <row r="2957" spans="3:4" x14ac:dyDescent="0.25">
      <c r="C2957"/>
      <c r="D2957"/>
    </row>
    <row r="2958" spans="3:4" x14ac:dyDescent="0.25">
      <c r="C2958"/>
      <c r="D2958"/>
    </row>
    <row r="2959" spans="3:4" x14ac:dyDescent="0.25">
      <c r="C2959"/>
      <c r="D2959"/>
    </row>
    <row r="2960" spans="3:4" x14ac:dyDescent="0.25">
      <c r="C2960"/>
      <c r="D2960"/>
    </row>
    <row r="2961" spans="3:4" x14ac:dyDescent="0.25">
      <c r="C2961"/>
      <c r="D2961"/>
    </row>
    <row r="2962" spans="3:4" x14ac:dyDescent="0.25">
      <c r="C2962"/>
      <c r="D2962"/>
    </row>
    <row r="2963" spans="3:4" x14ac:dyDescent="0.25">
      <c r="C2963"/>
      <c r="D2963"/>
    </row>
    <row r="2964" spans="3:4" x14ac:dyDescent="0.25">
      <c r="C2964"/>
      <c r="D2964"/>
    </row>
    <row r="2965" spans="3:4" x14ac:dyDescent="0.25">
      <c r="C2965"/>
      <c r="D2965"/>
    </row>
    <row r="2966" spans="3:4" x14ac:dyDescent="0.25">
      <c r="C2966"/>
      <c r="D2966"/>
    </row>
    <row r="2967" spans="3:4" x14ac:dyDescent="0.25">
      <c r="C2967"/>
      <c r="D2967"/>
    </row>
    <row r="2968" spans="3:4" x14ac:dyDescent="0.25">
      <c r="C2968"/>
      <c r="D2968"/>
    </row>
    <row r="2969" spans="3:4" x14ac:dyDescent="0.25">
      <c r="C2969"/>
      <c r="D2969"/>
    </row>
    <row r="2970" spans="3:4" x14ac:dyDescent="0.25">
      <c r="C2970"/>
      <c r="D2970"/>
    </row>
    <row r="2971" spans="3:4" x14ac:dyDescent="0.25">
      <c r="C2971"/>
      <c r="D2971"/>
    </row>
    <row r="2972" spans="3:4" x14ac:dyDescent="0.25">
      <c r="C2972"/>
      <c r="D2972"/>
    </row>
    <row r="2973" spans="3:4" x14ac:dyDescent="0.25">
      <c r="C2973"/>
      <c r="D2973"/>
    </row>
    <row r="2974" spans="3:4" x14ac:dyDescent="0.25">
      <c r="C2974"/>
      <c r="D2974"/>
    </row>
    <row r="2975" spans="3:4" x14ac:dyDescent="0.25">
      <c r="C2975"/>
      <c r="D2975"/>
    </row>
    <row r="2976" spans="3:4" x14ac:dyDescent="0.25">
      <c r="C2976"/>
      <c r="D2976"/>
    </row>
    <row r="2977" spans="3:4" x14ac:dyDescent="0.25">
      <c r="C2977"/>
      <c r="D2977"/>
    </row>
    <row r="2978" spans="3:4" x14ac:dyDescent="0.25">
      <c r="C2978"/>
      <c r="D2978"/>
    </row>
    <row r="2979" spans="3:4" x14ac:dyDescent="0.25">
      <c r="C2979"/>
      <c r="D2979"/>
    </row>
    <row r="2980" spans="3:4" x14ac:dyDescent="0.25">
      <c r="C2980"/>
      <c r="D2980"/>
    </row>
    <row r="2981" spans="3:4" x14ac:dyDescent="0.25">
      <c r="C2981"/>
      <c r="D2981"/>
    </row>
    <row r="2982" spans="3:4" x14ac:dyDescent="0.25">
      <c r="C2982"/>
      <c r="D2982"/>
    </row>
    <row r="2983" spans="3:4" x14ac:dyDescent="0.25">
      <c r="C2983"/>
      <c r="D2983"/>
    </row>
    <row r="2984" spans="3:4" x14ac:dyDescent="0.25">
      <c r="C2984"/>
      <c r="D2984"/>
    </row>
    <row r="2985" spans="3:4" x14ac:dyDescent="0.25">
      <c r="C2985"/>
      <c r="D2985"/>
    </row>
    <row r="2986" spans="3:4" x14ac:dyDescent="0.25">
      <c r="C2986"/>
      <c r="D2986"/>
    </row>
    <row r="2987" spans="3:4" x14ac:dyDescent="0.25">
      <c r="C2987"/>
      <c r="D2987"/>
    </row>
    <row r="2988" spans="3:4" x14ac:dyDescent="0.25">
      <c r="C2988"/>
      <c r="D2988"/>
    </row>
    <row r="2989" spans="3:4" x14ac:dyDescent="0.25">
      <c r="C2989"/>
      <c r="D2989"/>
    </row>
    <row r="2990" spans="3:4" x14ac:dyDescent="0.25">
      <c r="C2990"/>
      <c r="D2990"/>
    </row>
    <row r="2991" spans="3:4" x14ac:dyDescent="0.25">
      <c r="C2991"/>
      <c r="D2991"/>
    </row>
    <row r="2992" spans="3:4" x14ac:dyDescent="0.25">
      <c r="C2992"/>
      <c r="D2992"/>
    </row>
    <row r="2993" spans="3:4" x14ac:dyDescent="0.25">
      <c r="C2993"/>
      <c r="D2993"/>
    </row>
    <row r="2994" spans="3:4" x14ac:dyDescent="0.25">
      <c r="C2994"/>
      <c r="D2994"/>
    </row>
    <row r="2995" spans="3:4" x14ac:dyDescent="0.25">
      <c r="C2995"/>
      <c r="D2995"/>
    </row>
    <row r="2996" spans="3:4" x14ac:dyDescent="0.25">
      <c r="C2996"/>
      <c r="D2996"/>
    </row>
    <row r="2997" spans="3:4" x14ac:dyDescent="0.25">
      <c r="C2997"/>
      <c r="D2997"/>
    </row>
    <row r="2998" spans="3:4" x14ac:dyDescent="0.25">
      <c r="C2998"/>
      <c r="D2998"/>
    </row>
    <row r="2999" spans="3:4" x14ac:dyDescent="0.25">
      <c r="C2999"/>
      <c r="D2999"/>
    </row>
    <row r="3000" spans="3:4" x14ac:dyDescent="0.25">
      <c r="C3000"/>
      <c r="D3000"/>
    </row>
    <row r="3001" spans="3:4" x14ac:dyDescent="0.25">
      <c r="C3001"/>
      <c r="D3001"/>
    </row>
    <row r="3002" spans="3:4" x14ac:dyDescent="0.25">
      <c r="C3002"/>
      <c r="D3002"/>
    </row>
    <row r="3003" spans="3:4" x14ac:dyDescent="0.25">
      <c r="C3003"/>
      <c r="D3003"/>
    </row>
    <row r="3004" spans="3:4" x14ac:dyDescent="0.25">
      <c r="C3004"/>
      <c r="D3004"/>
    </row>
    <row r="3005" spans="3:4" x14ac:dyDescent="0.25">
      <c r="C3005"/>
      <c r="D3005"/>
    </row>
    <row r="3006" spans="3:4" x14ac:dyDescent="0.25">
      <c r="C3006"/>
      <c r="D3006"/>
    </row>
    <row r="3007" spans="3:4" x14ac:dyDescent="0.25">
      <c r="C3007"/>
      <c r="D3007"/>
    </row>
    <row r="3008" spans="3:4" x14ac:dyDescent="0.25">
      <c r="C3008"/>
      <c r="D3008"/>
    </row>
    <row r="3009" spans="3:4" x14ac:dyDescent="0.25">
      <c r="C3009"/>
      <c r="D3009"/>
    </row>
    <row r="3010" spans="3:4" x14ac:dyDescent="0.25">
      <c r="C3010"/>
      <c r="D3010"/>
    </row>
    <row r="3011" spans="3:4" x14ac:dyDescent="0.25">
      <c r="C3011"/>
      <c r="D3011"/>
    </row>
    <row r="3012" spans="3:4" x14ac:dyDescent="0.25">
      <c r="C3012"/>
      <c r="D3012"/>
    </row>
    <row r="3013" spans="3:4" x14ac:dyDescent="0.25">
      <c r="C3013"/>
      <c r="D3013"/>
    </row>
    <row r="3014" spans="3:4" x14ac:dyDescent="0.25">
      <c r="C3014"/>
      <c r="D3014"/>
    </row>
    <row r="3015" spans="3:4" x14ac:dyDescent="0.25">
      <c r="C3015"/>
      <c r="D3015"/>
    </row>
    <row r="3016" spans="3:4" x14ac:dyDescent="0.25">
      <c r="C3016"/>
      <c r="D3016"/>
    </row>
    <row r="3017" spans="3:4" x14ac:dyDescent="0.25">
      <c r="C3017"/>
      <c r="D3017"/>
    </row>
    <row r="3018" spans="3:4" x14ac:dyDescent="0.25">
      <c r="C3018"/>
      <c r="D3018"/>
    </row>
    <row r="3019" spans="3:4" x14ac:dyDescent="0.25">
      <c r="C3019"/>
      <c r="D3019"/>
    </row>
    <row r="3020" spans="3:4" x14ac:dyDescent="0.25">
      <c r="C3020"/>
      <c r="D3020"/>
    </row>
    <row r="3021" spans="3:4" x14ac:dyDescent="0.25">
      <c r="C3021"/>
      <c r="D3021"/>
    </row>
    <row r="3022" spans="3:4" x14ac:dyDescent="0.25">
      <c r="C3022"/>
      <c r="D3022"/>
    </row>
    <row r="3023" spans="3:4" x14ac:dyDescent="0.25">
      <c r="C3023"/>
      <c r="D3023"/>
    </row>
    <row r="3024" spans="3:4" x14ac:dyDescent="0.25">
      <c r="C3024"/>
      <c r="D3024"/>
    </row>
    <row r="3025" spans="3:4" x14ac:dyDescent="0.25">
      <c r="C3025"/>
      <c r="D3025"/>
    </row>
    <row r="3026" spans="3:4" x14ac:dyDescent="0.25">
      <c r="C3026"/>
      <c r="D3026"/>
    </row>
    <row r="3027" spans="3:4" x14ac:dyDescent="0.25">
      <c r="C3027"/>
      <c r="D3027"/>
    </row>
    <row r="3028" spans="3:4" x14ac:dyDescent="0.25">
      <c r="C3028"/>
      <c r="D3028"/>
    </row>
    <row r="3029" spans="3:4" x14ac:dyDescent="0.25">
      <c r="C3029"/>
      <c r="D3029"/>
    </row>
    <row r="3030" spans="3:4" x14ac:dyDescent="0.25">
      <c r="C3030"/>
      <c r="D3030"/>
    </row>
    <row r="3031" spans="3:4" x14ac:dyDescent="0.25">
      <c r="C3031"/>
      <c r="D3031"/>
    </row>
    <row r="3032" spans="3:4" x14ac:dyDescent="0.25">
      <c r="C3032"/>
      <c r="D3032"/>
    </row>
    <row r="3033" spans="3:4" x14ac:dyDescent="0.25">
      <c r="C3033"/>
      <c r="D3033"/>
    </row>
    <row r="3034" spans="3:4" x14ac:dyDescent="0.25">
      <c r="C3034"/>
      <c r="D3034"/>
    </row>
    <row r="3035" spans="3:4" x14ac:dyDescent="0.25">
      <c r="C3035"/>
      <c r="D3035"/>
    </row>
    <row r="3036" spans="3:4" x14ac:dyDescent="0.25">
      <c r="C3036"/>
      <c r="D3036"/>
    </row>
    <row r="3037" spans="3:4" x14ac:dyDescent="0.25">
      <c r="C3037"/>
      <c r="D3037"/>
    </row>
    <row r="3038" spans="3:4" x14ac:dyDescent="0.25">
      <c r="C3038"/>
      <c r="D3038"/>
    </row>
    <row r="3039" spans="3:4" x14ac:dyDescent="0.25">
      <c r="C3039"/>
      <c r="D3039"/>
    </row>
    <row r="3040" spans="3:4" x14ac:dyDescent="0.25">
      <c r="C3040"/>
      <c r="D3040"/>
    </row>
    <row r="3041" spans="3:4" x14ac:dyDescent="0.25">
      <c r="C3041"/>
      <c r="D3041"/>
    </row>
    <row r="3042" spans="3:4" x14ac:dyDescent="0.25">
      <c r="C3042"/>
      <c r="D3042"/>
    </row>
    <row r="3043" spans="3:4" x14ac:dyDescent="0.25">
      <c r="C3043"/>
      <c r="D3043"/>
    </row>
    <row r="3044" spans="3:4" x14ac:dyDescent="0.25">
      <c r="C3044"/>
      <c r="D3044"/>
    </row>
    <row r="3045" spans="3:4" x14ac:dyDescent="0.25">
      <c r="C3045"/>
      <c r="D3045"/>
    </row>
    <row r="3046" spans="3:4" x14ac:dyDescent="0.25">
      <c r="C3046"/>
      <c r="D3046"/>
    </row>
    <row r="3047" spans="3:4" x14ac:dyDescent="0.25">
      <c r="C3047"/>
      <c r="D3047"/>
    </row>
    <row r="3048" spans="3:4" x14ac:dyDescent="0.25">
      <c r="C3048"/>
      <c r="D3048"/>
    </row>
    <row r="3049" spans="3:4" x14ac:dyDescent="0.25">
      <c r="C3049"/>
      <c r="D3049"/>
    </row>
    <row r="3050" spans="3:4" x14ac:dyDescent="0.25">
      <c r="C3050"/>
      <c r="D3050"/>
    </row>
    <row r="3051" spans="3:4" x14ac:dyDescent="0.25">
      <c r="C3051"/>
      <c r="D3051"/>
    </row>
    <row r="3052" spans="3:4" x14ac:dyDescent="0.25">
      <c r="C3052"/>
      <c r="D3052"/>
    </row>
    <row r="3053" spans="3:4" x14ac:dyDescent="0.25">
      <c r="C3053"/>
      <c r="D3053"/>
    </row>
    <row r="3054" spans="3:4" x14ac:dyDescent="0.25">
      <c r="C3054"/>
      <c r="D3054"/>
    </row>
    <row r="3055" spans="3:4" x14ac:dyDescent="0.25">
      <c r="C3055"/>
      <c r="D3055"/>
    </row>
    <row r="3056" spans="3:4" x14ac:dyDescent="0.25">
      <c r="C3056"/>
      <c r="D3056"/>
    </row>
    <row r="3057" spans="3:4" x14ac:dyDescent="0.25">
      <c r="C3057"/>
      <c r="D3057"/>
    </row>
    <row r="3058" spans="3:4" x14ac:dyDescent="0.25">
      <c r="C3058"/>
      <c r="D3058"/>
    </row>
    <row r="3059" spans="3:4" x14ac:dyDescent="0.25">
      <c r="C3059"/>
      <c r="D3059"/>
    </row>
    <row r="3060" spans="3:4" x14ac:dyDescent="0.25">
      <c r="C3060"/>
      <c r="D3060"/>
    </row>
    <row r="3061" spans="3:4" x14ac:dyDescent="0.25">
      <c r="C3061"/>
      <c r="D3061"/>
    </row>
    <row r="3062" spans="3:4" x14ac:dyDescent="0.25">
      <c r="C3062"/>
      <c r="D3062"/>
    </row>
    <row r="3063" spans="3:4" x14ac:dyDescent="0.25">
      <c r="C3063"/>
      <c r="D3063"/>
    </row>
    <row r="3064" spans="3:4" x14ac:dyDescent="0.25">
      <c r="C3064"/>
      <c r="D3064"/>
    </row>
    <row r="3065" spans="3:4" x14ac:dyDescent="0.25">
      <c r="C3065"/>
      <c r="D3065"/>
    </row>
    <row r="3066" spans="3:4" x14ac:dyDescent="0.25">
      <c r="C3066"/>
      <c r="D3066"/>
    </row>
    <row r="3067" spans="3:4" x14ac:dyDescent="0.25">
      <c r="C3067"/>
      <c r="D3067"/>
    </row>
    <row r="3068" spans="3:4" x14ac:dyDescent="0.25">
      <c r="C3068"/>
      <c r="D3068"/>
    </row>
    <row r="3069" spans="3:4" x14ac:dyDescent="0.25">
      <c r="C3069"/>
      <c r="D3069"/>
    </row>
    <row r="3070" spans="3:4" x14ac:dyDescent="0.25">
      <c r="C3070"/>
      <c r="D3070"/>
    </row>
    <row r="3071" spans="3:4" x14ac:dyDescent="0.25">
      <c r="C3071"/>
      <c r="D3071"/>
    </row>
    <row r="3072" spans="3:4" x14ac:dyDescent="0.25">
      <c r="C3072"/>
      <c r="D3072"/>
    </row>
    <row r="3073" spans="3:4" x14ac:dyDescent="0.25">
      <c r="C3073"/>
      <c r="D3073"/>
    </row>
    <row r="3074" spans="3:4" x14ac:dyDescent="0.25">
      <c r="C3074"/>
      <c r="D3074"/>
    </row>
    <row r="3075" spans="3:4" x14ac:dyDescent="0.25">
      <c r="C3075"/>
      <c r="D3075"/>
    </row>
    <row r="3076" spans="3:4" x14ac:dyDescent="0.25">
      <c r="C3076"/>
      <c r="D3076"/>
    </row>
    <row r="3077" spans="3:4" x14ac:dyDescent="0.25">
      <c r="C3077"/>
      <c r="D3077"/>
    </row>
    <row r="3078" spans="3:4" x14ac:dyDescent="0.25">
      <c r="C3078"/>
      <c r="D3078"/>
    </row>
    <row r="3079" spans="3:4" x14ac:dyDescent="0.25">
      <c r="C3079"/>
      <c r="D3079"/>
    </row>
    <row r="3080" spans="3:4" x14ac:dyDescent="0.25">
      <c r="C3080"/>
      <c r="D3080"/>
    </row>
    <row r="3081" spans="3:4" x14ac:dyDescent="0.25">
      <c r="C3081"/>
      <c r="D3081"/>
    </row>
    <row r="3082" spans="3:4" x14ac:dyDescent="0.25">
      <c r="C3082"/>
      <c r="D3082"/>
    </row>
    <row r="3083" spans="3:4" x14ac:dyDescent="0.25">
      <c r="C3083"/>
      <c r="D3083"/>
    </row>
    <row r="3084" spans="3:4" x14ac:dyDescent="0.25">
      <c r="C3084"/>
      <c r="D3084"/>
    </row>
    <row r="3085" spans="3:4" x14ac:dyDescent="0.25">
      <c r="C3085"/>
      <c r="D3085"/>
    </row>
    <row r="3086" spans="3:4" x14ac:dyDescent="0.25">
      <c r="C3086"/>
      <c r="D3086"/>
    </row>
    <row r="3087" spans="3:4" x14ac:dyDescent="0.25">
      <c r="C3087"/>
      <c r="D3087"/>
    </row>
    <row r="3088" spans="3:4" x14ac:dyDescent="0.25">
      <c r="C3088"/>
      <c r="D3088"/>
    </row>
    <row r="3089" spans="3:4" x14ac:dyDescent="0.25">
      <c r="C3089"/>
      <c r="D3089"/>
    </row>
    <row r="3090" spans="3:4" x14ac:dyDescent="0.25">
      <c r="C3090"/>
      <c r="D3090"/>
    </row>
    <row r="3091" spans="3:4" x14ac:dyDescent="0.25">
      <c r="C3091"/>
      <c r="D3091"/>
    </row>
    <row r="3092" spans="3:4" x14ac:dyDescent="0.25">
      <c r="C3092"/>
      <c r="D3092"/>
    </row>
    <row r="3093" spans="3:4" x14ac:dyDescent="0.25">
      <c r="C3093"/>
      <c r="D3093"/>
    </row>
    <row r="3094" spans="3:4" x14ac:dyDescent="0.25">
      <c r="C3094"/>
      <c r="D3094"/>
    </row>
    <row r="3095" spans="3:4" x14ac:dyDescent="0.25">
      <c r="C3095"/>
      <c r="D3095"/>
    </row>
    <row r="3096" spans="3:4" x14ac:dyDescent="0.25">
      <c r="C3096"/>
      <c r="D3096"/>
    </row>
    <row r="3097" spans="3:4" x14ac:dyDescent="0.25">
      <c r="C3097"/>
      <c r="D3097"/>
    </row>
    <row r="3098" spans="3:4" x14ac:dyDescent="0.25">
      <c r="C3098"/>
      <c r="D3098"/>
    </row>
    <row r="3099" spans="3:4" x14ac:dyDescent="0.25">
      <c r="C3099"/>
      <c r="D3099"/>
    </row>
    <row r="3100" spans="3:4" x14ac:dyDescent="0.25">
      <c r="C3100"/>
      <c r="D3100"/>
    </row>
    <row r="3101" spans="3:4" x14ac:dyDescent="0.25">
      <c r="C3101"/>
      <c r="D3101"/>
    </row>
    <row r="3102" spans="3:4" x14ac:dyDescent="0.25">
      <c r="C3102"/>
      <c r="D3102"/>
    </row>
    <row r="3103" spans="3:4" x14ac:dyDescent="0.25">
      <c r="C3103"/>
      <c r="D3103"/>
    </row>
    <row r="3104" spans="3:4" x14ac:dyDescent="0.25">
      <c r="C3104"/>
      <c r="D3104"/>
    </row>
    <row r="3105" spans="3:4" x14ac:dyDescent="0.25">
      <c r="C3105"/>
      <c r="D3105"/>
    </row>
    <row r="3106" spans="3:4" x14ac:dyDescent="0.25">
      <c r="C3106"/>
      <c r="D3106"/>
    </row>
    <row r="3107" spans="3:4" x14ac:dyDescent="0.25">
      <c r="C3107"/>
      <c r="D3107"/>
    </row>
    <row r="3108" spans="3:4" x14ac:dyDescent="0.25">
      <c r="C3108"/>
      <c r="D3108"/>
    </row>
    <row r="3109" spans="3:4" x14ac:dyDescent="0.25">
      <c r="C3109"/>
      <c r="D3109"/>
    </row>
    <row r="3110" spans="3:4" x14ac:dyDescent="0.25">
      <c r="C3110"/>
      <c r="D3110"/>
    </row>
    <row r="3111" spans="3:4" x14ac:dyDescent="0.25">
      <c r="C3111"/>
      <c r="D3111"/>
    </row>
    <row r="3112" spans="3:4" x14ac:dyDescent="0.25">
      <c r="C3112"/>
      <c r="D3112"/>
    </row>
    <row r="3113" spans="3:4" x14ac:dyDescent="0.25">
      <c r="C3113"/>
      <c r="D3113"/>
    </row>
    <row r="3114" spans="3:4" x14ac:dyDescent="0.25">
      <c r="C3114"/>
      <c r="D3114"/>
    </row>
    <row r="3115" spans="3:4" x14ac:dyDescent="0.25">
      <c r="C3115"/>
      <c r="D3115"/>
    </row>
    <row r="3116" spans="3:4" x14ac:dyDescent="0.25">
      <c r="C3116"/>
      <c r="D3116"/>
    </row>
    <row r="3117" spans="3:4" x14ac:dyDescent="0.25">
      <c r="C3117"/>
      <c r="D3117"/>
    </row>
    <row r="3118" spans="3:4" x14ac:dyDescent="0.25">
      <c r="C3118"/>
      <c r="D3118"/>
    </row>
    <row r="3119" spans="3:4" x14ac:dyDescent="0.25">
      <c r="C3119"/>
      <c r="D3119"/>
    </row>
    <row r="3120" spans="3:4" x14ac:dyDescent="0.25">
      <c r="C3120"/>
      <c r="D3120"/>
    </row>
    <row r="3121" spans="3:4" x14ac:dyDescent="0.25">
      <c r="C3121"/>
      <c r="D3121"/>
    </row>
    <row r="3122" spans="3:4" x14ac:dyDescent="0.25">
      <c r="C3122"/>
      <c r="D3122"/>
    </row>
    <row r="3123" spans="3:4" x14ac:dyDescent="0.25">
      <c r="C3123"/>
      <c r="D3123"/>
    </row>
    <row r="3124" spans="3:4" x14ac:dyDescent="0.25">
      <c r="C3124"/>
      <c r="D3124"/>
    </row>
    <row r="3125" spans="3:4" x14ac:dyDescent="0.25">
      <c r="C3125"/>
      <c r="D3125"/>
    </row>
    <row r="3126" spans="3:4" x14ac:dyDescent="0.25">
      <c r="C3126"/>
      <c r="D3126"/>
    </row>
    <row r="3127" spans="3:4" x14ac:dyDescent="0.25">
      <c r="C3127"/>
      <c r="D3127"/>
    </row>
    <row r="3128" spans="3:4" x14ac:dyDescent="0.25">
      <c r="C3128"/>
      <c r="D3128"/>
    </row>
    <row r="3129" spans="3:4" x14ac:dyDescent="0.25">
      <c r="C3129"/>
      <c r="D3129"/>
    </row>
    <row r="3130" spans="3:4" x14ac:dyDescent="0.25">
      <c r="C3130"/>
      <c r="D3130"/>
    </row>
    <row r="3131" spans="3:4" x14ac:dyDescent="0.25">
      <c r="C3131"/>
      <c r="D3131"/>
    </row>
    <row r="3132" spans="3:4" x14ac:dyDescent="0.25">
      <c r="C3132"/>
      <c r="D3132"/>
    </row>
    <row r="3133" spans="3:4" x14ac:dyDescent="0.25">
      <c r="C3133"/>
      <c r="D3133"/>
    </row>
    <row r="3134" spans="3:4" x14ac:dyDescent="0.25">
      <c r="C3134"/>
      <c r="D3134"/>
    </row>
    <row r="3135" spans="3:4" x14ac:dyDescent="0.25">
      <c r="C3135"/>
      <c r="D3135"/>
    </row>
    <row r="3136" spans="3:4" x14ac:dyDescent="0.25">
      <c r="C3136"/>
      <c r="D3136"/>
    </row>
    <row r="3137" spans="3:4" x14ac:dyDescent="0.25">
      <c r="C3137"/>
      <c r="D3137"/>
    </row>
    <row r="3138" spans="3:4" x14ac:dyDescent="0.25">
      <c r="C3138"/>
      <c r="D3138"/>
    </row>
    <row r="3139" spans="3:4" x14ac:dyDescent="0.25">
      <c r="C3139"/>
      <c r="D3139"/>
    </row>
    <row r="3140" spans="3:4" x14ac:dyDescent="0.25">
      <c r="C3140"/>
      <c r="D3140"/>
    </row>
    <row r="3141" spans="3:4" x14ac:dyDescent="0.25">
      <c r="C3141"/>
      <c r="D3141"/>
    </row>
    <row r="3142" spans="3:4" x14ac:dyDescent="0.25">
      <c r="C3142"/>
      <c r="D3142"/>
    </row>
    <row r="3143" spans="3:4" x14ac:dyDescent="0.25">
      <c r="C3143"/>
      <c r="D3143"/>
    </row>
    <row r="3144" spans="3:4" x14ac:dyDescent="0.25">
      <c r="C3144"/>
      <c r="D3144"/>
    </row>
    <row r="3145" spans="3:4" x14ac:dyDescent="0.25">
      <c r="C3145"/>
      <c r="D3145"/>
    </row>
    <row r="3146" spans="3:4" x14ac:dyDescent="0.25">
      <c r="C3146"/>
      <c r="D3146"/>
    </row>
    <row r="3147" spans="3:4" x14ac:dyDescent="0.25">
      <c r="C3147"/>
      <c r="D3147"/>
    </row>
    <row r="3148" spans="3:4" x14ac:dyDescent="0.25">
      <c r="C3148"/>
      <c r="D3148"/>
    </row>
    <row r="3149" spans="3:4" x14ac:dyDescent="0.25">
      <c r="C3149"/>
      <c r="D3149"/>
    </row>
    <row r="3150" spans="3:4" x14ac:dyDescent="0.25">
      <c r="C3150"/>
      <c r="D3150"/>
    </row>
    <row r="3151" spans="3:4" x14ac:dyDescent="0.25">
      <c r="C3151"/>
      <c r="D3151"/>
    </row>
    <row r="3152" spans="3:4" x14ac:dyDescent="0.25">
      <c r="C3152"/>
      <c r="D3152"/>
    </row>
    <row r="3153" spans="3:4" x14ac:dyDescent="0.25">
      <c r="C3153"/>
      <c r="D3153"/>
    </row>
    <row r="3154" spans="3:4" x14ac:dyDescent="0.25">
      <c r="C3154"/>
      <c r="D3154"/>
    </row>
    <row r="3155" spans="3:4" x14ac:dyDescent="0.25">
      <c r="C3155"/>
      <c r="D3155"/>
    </row>
    <row r="3156" spans="3:4" x14ac:dyDescent="0.25">
      <c r="C3156"/>
      <c r="D3156"/>
    </row>
    <row r="3157" spans="3:4" x14ac:dyDescent="0.25">
      <c r="C3157"/>
      <c r="D3157"/>
    </row>
    <row r="3158" spans="3:4" x14ac:dyDescent="0.25">
      <c r="C3158"/>
      <c r="D3158"/>
    </row>
    <row r="3159" spans="3:4" x14ac:dyDescent="0.25">
      <c r="C3159"/>
      <c r="D3159"/>
    </row>
    <row r="3160" spans="3:4" x14ac:dyDescent="0.25">
      <c r="C3160"/>
      <c r="D3160"/>
    </row>
    <row r="3161" spans="3:4" x14ac:dyDescent="0.25">
      <c r="C3161"/>
      <c r="D3161"/>
    </row>
    <row r="3162" spans="3:4" x14ac:dyDescent="0.25">
      <c r="C3162"/>
      <c r="D3162"/>
    </row>
    <row r="3163" spans="3:4" x14ac:dyDescent="0.25">
      <c r="C3163"/>
      <c r="D3163"/>
    </row>
    <row r="3164" spans="3:4" x14ac:dyDescent="0.25">
      <c r="C3164"/>
      <c r="D3164"/>
    </row>
    <row r="3165" spans="3:4" x14ac:dyDescent="0.25">
      <c r="C3165"/>
      <c r="D3165"/>
    </row>
    <row r="3166" spans="3:4" x14ac:dyDescent="0.25">
      <c r="C3166"/>
      <c r="D3166"/>
    </row>
    <row r="3167" spans="3:4" x14ac:dyDescent="0.25">
      <c r="C3167"/>
      <c r="D3167"/>
    </row>
    <row r="3168" spans="3:4" x14ac:dyDescent="0.25">
      <c r="C3168"/>
      <c r="D3168"/>
    </row>
    <row r="3169" spans="3:4" x14ac:dyDescent="0.25">
      <c r="C3169"/>
      <c r="D3169"/>
    </row>
    <row r="3170" spans="3:4" x14ac:dyDescent="0.25">
      <c r="C3170"/>
      <c r="D3170"/>
    </row>
    <row r="3171" spans="3:4" x14ac:dyDescent="0.25">
      <c r="C3171"/>
      <c r="D3171"/>
    </row>
    <row r="3172" spans="3:4" x14ac:dyDescent="0.25">
      <c r="C3172"/>
      <c r="D3172"/>
    </row>
    <row r="3173" spans="3:4" x14ac:dyDescent="0.25">
      <c r="C3173"/>
      <c r="D3173"/>
    </row>
    <row r="3174" spans="3:4" x14ac:dyDescent="0.25">
      <c r="C3174"/>
      <c r="D3174"/>
    </row>
    <row r="3175" spans="3:4" x14ac:dyDescent="0.25">
      <c r="C3175"/>
      <c r="D3175"/>
    </row>
    <row r="3176" spans="3:4" x14ac:dyDescent="0.25">
      <c r="C3176"/>
      <c r="D3176"/>
    </row>
    <row r="3177" spans="3:4" x14ac:dyDescent="0.25">
      <c r="C3177"/>
      <c r="D3177"/>
    </row>
    <row r="3178" spans="3:4" x14ac:dyDescent="0.25">
      <c r="C3178"/>
      <c r="D3178"/>
    </row>
    <row r="3179" spans="3:4" x14ac:dyDescent="0.25">
      <c r="C3179"/>
      <c r="D3179"/>
    </row>
    <row r="3180" spans="3:4" x14ac:dyDescent="0.25">
      <c r="C3180"/>
      <c r="D3180"/>
    </row>
    <row r="3181" spans="3:4" x14ac:dyDescent="0.25">
      <c r="C3181"/>
      <c r="D3181"/>
    </row>
    <row r="3182" spans="3:4" x14ac:dyDescent="0.25">
      <c r="C3182"/>
      <c r="D3182"/>
    </row>
    <row r="3183" spans="3:4" x14ac:dyDescent="0.25">
      <c r="C3183"/>
      <c r="D3183"/>
    </row>
    <row r="3184" spans="3:4" x14ac:dyDescent="0.25">
      <c r="C3184"/>
      <c r="D3184"/>
    </row>
    <row r="3185" spans="3:4" x14ac:dyDescent="0.25">
      <c r="C3185"/>
      <c r="D3185"/>
    </row>
    <row r="3186" spans="3:4" x14ac:dyDescent="0.25">
      <c r="C3186"/>
      <c r="D3186"/>
    </row>
    <row r="3187" spans="3:4" x14ac:dyDescent="0.25">
      <c r="C3187"/>
      <c r="D3187"/>
    </row>
    <row r="3188" spans="3:4" x14ac:dyDescent="0.25">
      <c r="C3188"/>
      <c r="D3188"/>
    </row>
    <row r="3189" spans="3:4" x14ac:dyDescent="0.25">
      <c r="C3189"/>
      <c r="D3189"/>
    </row>
    <row r="3190" spans="3:4" x14ac:dyDescent="0.25">
      <c r="C3190"/>
      <c r="D3190"/>
    </row>
    <row r="3191" spans="3:4" x14ac:dyDescent="0.25">
      <c r="C3191"/>
      <c r="D3191"/>
    </row>
    <row r="3192" spans="3:4" x14ac:dyDescent="0.25">
      <c r="C3192"/>
      <c r="D3192"/>
    </row>
    <row r="3193" spans="3:4" x14ac:dyDescent="0.25">
      <c r="C3193"/>
      <c r="D3193"/>
    </row>
    <row r="3194" spans="3:4" x14ac:dyDescent="0.25">
      <c r="C3194"/>
      <c r="D3194"/>
    </row>
    <row r="3195" spans="3:4" x14ac:dyDescent="0.25">
      <c r="C3195"/>
      <c r="D3195"/>
    </row>
    <row r="3196" spans="3:4" x14ac:dyDescent="0.25">
      <c r="C3196"/>
      <c r="D3196"/>
    </row>
    <row r="3197" spans="3:4" x14ac:dyDescent="0.25">
      <c r="C3197"/>
      <c r="D3197"/>
    </row>
    <row r="3198" spans="3:4" x14ac:dyDescent="0.25">
      <c r="C3198"/>
      <c r="D3198"/>
    </row>
    <row r="3199" spans="3:4" x14ac:dyDescent="0.25">
      <c r="C3199"/>
      <c r="D3199"/>
    </row>
    <row r="3200" spans="3:4" x14ac:dyDescent="0.25">
      <c r="C3200"/>
      <c r="D3200"/>
    </row>
    <row r="3201" spans="3:4" x14ac:dyDescent="0.25">
      <c r="C3201"/>
      <c r="D3201"/>
    </row>
    <row r="3202" spans="3:4" x14ac:dyDescent="0.25">
      <c r="C3202"/>
      <c r="D3202"/>
    </row>
    <row r="3203" spans="3:4" x14ac:dyDescent="0.25">
      <c r="C3203"/>
      <c r="D3203"/>
    </row>
    <row r="3204" spans="3:4" x14ac:dyDescent="0.25">
      <c r="C3204"/>
      <c r="D3204"/>
    </row>
    <row r="3205" spans="3:4" x14ac:dyDescent="0.25">
      <c r="C3205"/>
      <c r="D3205"/>
    </row>
    <row r="3206" spans="3:4" x14ac:dyDescent="0.25">
      <c r="C3206"/>
      <c r="D3206"/>
    </row>
    <row r="3207" spans="3:4" x14ac:dyDescent="0.25">
      <c r="C3207"/>
      <c r="D3207"/>
    </row>
    <row r="3208" spans="3:4" x14ac:dyDescent="0.25">
      <c r="C3208"/>
      <c r="D3208"/>
    </row>
    <row r="3209" spans="3:4" x14ac:dyDescent="0.25">
      <c r="C3209"/>
      <c r="D3209"/>
    </row>
    <row r="3210" spans="3:4" x14ac:dyDescent="0.25">
      <c r="C3210"/>
      <c r="D3210"/>
    </row>
    <row r="3211" spans="3:4" x14ac:dyDescent="0.25">
      <c r="C3211"/>
      <c r="D3211"/>
    </row>
    <row r="3212" spans="3:4" x14ac:dyDescent="0.25">
      <c r="C3212"/>
      <c r="D3212"/>
    </row>
    <row r="3213" spans="3:4" x14ac:dyDescent="0.25">
      <c r="C3213"/>
      <c r="D3213"/>
    </row>
    <row r="3214" spans="3:4" x14ac:dyDescent="0.25">
      <c r="C3214"/>
      <c r="D3214"/>
    </row>
    <row r="3215" spans="3:4" x14ac:dyDescent="0.25">
      <c r="C3215"/>
      <c r="D3215"/>
    </row>
    <row r="3216" spans="3:4" x14ac:dyDescent="0.25">
      <c r="C3216"/>
      <c r="D3216"/>
    </row>
    <row r="3217" spans="3:4" x14ac:dyDescent="0.25">
      <c r="C3217"/>
      <c r="D3217"/>
    </row>
    <row r="3218" spans="3:4" x14ac:dyDescent="0.25">
      <c r="C3218"/>
      <c r="D3218"/>
    </row>
    <row r="3219" spans="3:4" x14ac:dyDescent="0.25">
      <c r="C3219"/>
      <c r="D3219"/>
    </row>
    <row r="3220" spans="3:4" x14ac:dyDescent="0.25">
      <c r="C3220"/>
      <c r="D3220"/>
    </row>
    <row r="3221" spans="3:4" x14ac:dyDescent="0.25">
      <c r="C3221"/>
      <c r="D3221"/>
    </row>
    <row r="3222" spans="3:4" x14ac:dyDescent="0.25">
      <c r="C3222"/>
      <c r="D3222"/>
    </row>
    <row r="3223" spans="3:4" x14ac:dyDescent="0.25">
      <c r="C3223"/>
      <c r="D3223"/>
    </row>
    <row r="3224" spans="3:4" x14ac:dyDescent="0.25">
      <c r="C3224"/>
      <c r="D3224"/>
    </row>
    <row r="3225" spans="3:4" x14ac:dyDescent="0.25">
      <c r="C3225"/>
      <c r="D3225"/>
    </row>
    <row r="3226" spans="3:4" x14ac:dyDescent="0.25">
      <c r="C3226"/>
      <c r="D3226"/>
    </row>
    <row r="3227" spans="3:4" x14ac:dyDescent="0.25">
      <c r="C3227"/>
      <c r="D3227"/>
    </row>
    <row r="3228" spans="3:4" x14ac:dyDescent="0.25">
      <c r="C3228"/>
      <c r="D3228"/>
    </row>
    <row r="3229" spans="3:4" x14ac:dyDescent="0.25">
      <c r="C3229"/>
      <c r="D3229"/>
    </row>
    <row r="3230" spans="3:4" x14ac:dyDescent="0.25">
      <c r="C3230"/>
      <c r="D3230"/>
    </row>
    <row r="3231" spans="3:4" x14ac:dyDescent="0.25">
      <c r="C3231"/>
      <c r="D3231"/>
    </row>
    <row r="3232" spans="3:4" x14ac:dyDescent="0.25">
      <c r="C3232"/>
      <c r="D3232"/>
    </row>
    <row r="3233" spans="3:4" x14ac:dyDescent="0.25">
      <c r="C3233"/>
      <c r="D3233"/>
    </row>
    <row r="3234" spans="3:4" x14ac:dyDescent="0.25">
      <c r="C3234"/>
      <c r="D3234"/>
    </row>
    <row r="3235" spans="3:4" x14ac:dyDescent="0.25">
      <c r="C3235"/>
      <c r="D3235"/>
    </row>
    <row r="3236" spans="3:4" x14ac:dyDescent="0.25">
      <c r="C3236"/>
      <c r="D3236"/>
    </row>
    <row r="3237" spans="3:4" x14ac:dyDescent="0.25">
      <c r="C3237"/>
      <c r="D3237"/>
    </row>
    <row r="3238" spans="3:4" x14ac:dyDescent="0.25">
      <c r="C3238"/>
      <c r="D3238"/>
    </row>
    <row r="3239" spans="3:4" x14ac:dyDescent="0.25">
      <c r="C3239"/>
      <c r="D3239"/>
    </row>
    <row r="3240" spans="3:4" x14ac:dyDescent="0.25">
      <c r="C3240"/>
      <c r="D3240"/>
    </row>
    <row r="3241" spans="3:4" x14ac:dyDescent="0.25">
      <c r="C3241"/>
      <c r="D3241"/>
    </row>
    <row r="3242" spans="3:4" x14ac:dyDescent="0.25">
      <c r="C3242"/>
      <c r="D3242"/>
    </row>
    <row r="3243" spans="3:4" x14ac:dyDescent="0.25">
      <c r="C3243"/>
      <c r="D3243"/>
    </row>
    <row r="3244" spans="3:4" x14ac:dyDescent="0.25">
      <c r="C3244"/>
      <c r="D3244"/>
    </row>
    <row r="3245" spans="3:4" x14ac:dyDescent="0.25">
      <c r="C3245"/>
      <c r="D3245"/>
    </row>
    <row r="3246" spans="3:4" x14ac:dyDescent="0.25">
      <c r="C3246"/>
      <c r="D3246"/>
    </row>
    <row r="3247" spans="3:4" x14ac:dyDescent="0.25">
      <c r="C3247"/>
      <c r="D3247"/>
    </row>
    <row r="3248" spans="3:4" x14ac:dyDescent="0.25">
      <c r="C3248"/>
      <c r="D3248"/>
    </row>
    <row r="3249" spans="3:4" x14ac:dyDescent="0.25">
      <c r="C3249"/>
      <c r="D3249"/>
    </row>
    <row r="3250" spans="3:4" x14ac:dyDescent="0.25">
      <c r="C3250"/>
      <c r="D3250"/>
    </row>
    <row r="3251" spans="3:4" x14ac:dyDescent="0.25">
      <c r="C3251"/>
      <c r="D3251"/>
    </row>
    <row r="3252" spans="3:4" x14ac:dyDescent="0.25">
      <c r="C3252"/>
      <c r="D3252"/>
    </row>
    <row r="3253" spans="3:4" x14ac:dyDescent="0.25">
      <c r="C3253"/>
      <c r="D3253"/>
    </row>
    <row r="3254" spans="3:4" x14ac:dyDescent="0.25">
      <c r="C3254"/>
      <c r="D3254"/>
    </row>
    <row r="3255" spans="3:4" x14ac:dyDescent="0.25">
      <c r="C3255"/>
      <c r="D3255"/>
    </row>
    <row r="3256" spans="3:4" x14ac:dyDescent="0.25">
      <c r="C3256"/>
      <c r="D3256"/>
    </row>
    <row r="3257" spans="3:4" x14ac:dyDescent="0.25">
      <c r="C3257"/>
      <c r="D3257"/>
    </row>
    <row r="3258" spans="3:4" x14ac:dyDescent="0.25">
      <c r="C3258"/>
      <c r="D3258"/>
    </row>
    <row r="3259" spans="3:4" x14ac:dyDescent="0.25">
      <c r="C3259"/>
      <c r="D3259"/>
    </row>
    <row r="3260" spans="3:4" x14ac:dyDescent="0.25">
      <c r="C3260"/>
      <c r="D3260"/>
    </row>
    <row r="3261" spans="3:4" x14ac:dyDescent="0.25">
      <c r="C3261"/>
      <c r="D3261"/>
    </row>
    <row r="3262" spans="3:4" x14ac:dyDescent="0.25">
      <c r="C3262"/>
      <c r="D3262"/>
    </row>
    <row r="3263" spans="3:4" x14ac:dyDescent="0.25">
      <c r="C3263"/>
      <c r="D3263"/>
    </row>
    <row r="3264" spans="3:4" x14ac:dyDescent="0.25">
      <c r="C3264"/>
      <c r="D3264"/>
    </row>
    <row r="3265" spans="3:4" x14ac:dyDescent="0.25">
      <c r="C3265"/>
      <c r="D3265"/>
    </row>
    <row r="3266" spans="3:4" x14ac:dyDescent="0.25">
      <c r="C3266"/>
      <c r="D3266"/>
    </row>
    <row r="3267" spans="3:4" x14ac:dyDescent="0.25">
      <c r="C3267"/>
      <c r="D3267"/>
    </row>
    <row r="3268" spans="3:4" x14ac:dyDescent="0.25">
      <c r="C3268"/>
      <c r="D3268"/>
    </row>
    <row r="3269" spans="3:4" x14ac:dyDescent="0.25">
      <c r="C3269"/>
      <c r="D3269"/>
    </row>
    <row r="3270" spans="3:4" x14ac:dyDescent="0.25">
      <c r="C3270"/>
      <c r="D3270"/>
    </row>
    <row r="3271" spans="3:4" x14ac:dyDescent="0.25">
      <c r="C3271"/>
      <c r="D3271"/>
    </row>
    <row r="3272" spans="3:4" x14ac:dyDescent="0.25">
      <c r="C3272"/>
      <c r="D3272"/>
    </row>
    <row r="3273" spans="3:4" x14ac:dyDescent="0.25">
      <c r="C3273"/>
      <c r="D3273"/>
    </row>
    <row r="3274" spans="3:4" x14ac:dyDescent="0.25">
      <c r="C3274"/>
      <c r="D3274"/>
    </row>
    <row r="3275" spans="3:4" x14ac:dyDescent="0.25">
      <c r="C3275"/>
      <c r="D3275"/>
    </row>
    <row r="3276" spans="3:4" x14ac:dyDescent="0.25">
      <c r="C3276"/>
      <c r="D3276"/>
    </row>
    <row r="3277" spans="3:4" x14ac:dyDescent="0.25">
      <c r="C3277"/>
      <c r="D3277"/>
    </row>
    <row r="3278" spans="3:4" x14ac:dyDescent="0.25">
      <c r="C3278"/>
      <c r="D3278"/>
    </row>
    <row r="3279" spans="3:4" x14ac:dyDescent="0.25">
      <c r="C3279"/>
      <c r="D3279"/>
    </row>
    <row r="3280" spans="3:4" x14ac:dyDescent="0.25">
      <c r="C3280"/>
      <c r="D3280"/>
    </row>
    <row r="3281" spans="3:4" x14ac:dyDescent="0.25">
      <c r="C3281"/>
      <c r="D3281"/>
    </row>
    <row r="3282" spans="3:4" x14ac:dyDescent="0.25">
      <c r="C3282"/>
      <c r="D3282"/>
    </row>
    <row r="3283" spans="3:4" x14ac:dyDescent="0.25">
      <c r="C3283"/>
      <c r="D3283"/>
    </row>
    <row r="3284" spans="3:4" x14ac:dyDescent="0.25">
      <c r="C3284"/>
      <c r="D3284"/>
    </row>
    <row r="3285" spans="3:4" x14ac:dyDescent="0.25">
      <c r="C3285"/>
      <c r="D3285"/>
    </row>
    <row r="3286" spans="3:4" x14ac:dyDescent="0.25">
      <c r="C3286"/>
      <c r="D3286"/>
    </row>
    <row r="3287" spans="3:4" x14ac:dyDescent="0.25">
      <c r="C3287"/>
      <c r="D3287"/>
    </row>
    <row r="3288" spans="3:4" x14ac:dyDescent="0.25">
      <c r="C3288"/>
      <c r="D3288"/>
    </row>
    <row r="3289" spans="3:4" x14ac:dyDescent="0.25">
      <c r="C3289"/>
      <c r="D3289"/>
    </row>
    <row r="3290" spans="3:4" x14ac:dyDescent="0.25">
      <c r="C3290"/>
      <c r="D3290"/>
    </row>
    <row r="3291" spans="3:4" x14ac:dyDescent="0.25">
      <c r="C3291"/>
      <c r="D3291"/>
    </row>
    <row r="3292" spans="3:4" x14ac:dyDescent="0.25">
      <c r="C3292"/>
      <c r="D3292"/>
    </row>
    <row r="3293" spans="3:4" x14ac:dyDescent="0.25">
      <c r="C3293"/>
      <c r="D3293"/>
    </row>
    <row r="3294" spans="3:4" x14ac:dyDescent="0.25">
      <c r="C3294"/>
      <c r="D3294"/>
    </row>
    <row r="3295" spans="3:4" x14ac:dyDescent="0.25">
      <c r="C3295"/>
      <c r="D3295"/>
    </row>
    <row r="3296" spans="3:4" x14ac:dyDescent="0.25">
      <c r="C3296"/>
      <c r="D3296"/>
    </row>
    <row r="3297" spans="3:4" x14ac:dyDescent="0.25">
      <c r="C3297"/>
      <c r="D3297"/>
    </row>
    <row r="3298" spans="3:4" x14ac:dyDescent="0.25">
      <c r="C3298"/>
      <c r="D3298"/>
    </row>
    <row r="3299" spans="3:4" x14ac:dyDescent="0.25">
      <c r="C3299"/>
      <c r="D3299"/>
    </row>
    <row r="3300" spans="3:4" x14ac:dyDescent="0.25">
      <c r="C3300"/>
      <c r="D3300"/>
    </row>
    <row r="3301" spans="3:4" x14ac:dyDescent="0.25">
      <c r="C3301"/>
      <c r="D3301"/>
    </row>
    <row r="3302" spans="3:4" x14ac:dyDescent="0.25">
      <c r="C3302"/>
      <c r="D3302"/>
    </row>
    <row r="3303" spans="3:4" x14ac:dyDescent="0.25">
      <c r="C3303"/>
      <c r="D3303"/>
    </row>
    <row r="3304" spans="3:4" x14ac:dyDescent="0.25">
      <c r="C3304"/>
      <c r="D3304"/>
    </row>
    <row r="3305" spans="3:4" x14ac:dyDescent="0.25">
      <c r="C3305"/>
      <c r="D3305"/>
    </row>
    <row r="3306" spans="3:4" x14ac:dyDescent="0.25">
      <c r="C3306"/>
      <c r="D3306"/>
    </row>
    <row r="3307" spans="3:4" x14ac:dyDescent="0.25">
      <c r="C3307"/>
      <c r="D3307"/>
    </row>
    <row r="3308" spans="3:4" x14ac:dyDescent="0.25">
      <c r="C3308"/>
      <c r="D3308"/>
    </row>
    <row r="3309" spans="3:4" x14ac:dyDescent="0.25">
      <c r="C3309"/>
      <c r="D3309"/>
    </row>
    <row r="3310" spans="3:4" x14ac:dyDescent="0.25">
      <c r="C3310"/>
      <c r="D3310"/>
    </row>
    <row r="3311" spans="3:4" x14ac:dyDescent="0.25">
      <c r="C3311"/>
      <c r="D3311"/>
    </row>
    <row r="3312" spans="3:4" x14ac:dyDescent="0.25">
      <c r="C3312"/>
      <c r="D3312"/>
    </row>
    <row r="3313" spans="3:4" x14ac:dyDescent="0.25">
      <c r="C3313"/>
      <c r="D3313"/>
    </row>
    <row r="3314" spans="3:4" x14ac:dyDescent="0.25">
      <c r="C3314"/>
      <c r="D3314"/>
    </row>
    <row r="3315" spans="3:4" x14ac:dyDescent="0.25">
      <c r="C3315"/>
      <c r="D3315"/>
    </row>
    <row r="3316" spans="3:4" x14ac:dyDescent="0.25">
      <c r="C3316"/>
      <c r="D3316"/>
    </row>
    <row r="3317" spans="3:4" x14ac:dyDescent="0.25">
      <c r="C3317"/>
      <c r="D3317"/>
    </row>
    <row r="3318" spans="3:4" x14ac:dyDescent="0.25">
      <c r="C3318"/>
      <c r="D3318"/>
    </row>
    <row r="3319" spans="3:4" x14ac:dyDescent="0.25">
      <c r="C3319"/>
      <c r="D3319"/>
    </row>
    <row r="3320" spans="3:4" x14ac:dyDescent="0.25">
      <c r="C3320"/>
      <c r="D3320"/>
    </row>
    <row r="3321" spans="3:4" x14ac:dyDescent="0.25">
      <c r="C3321"/>
      <c r="D3321"/>
    </row>
    <row r="3322" spans="3:4" x14ac:dyDescent="0.25">
      <c r="C3322"/>
      <c r="D3322"/>
    </row>
    <row r="3323" spans="3:4" x14ac:dyDescent="0.25">
      <c r="C3323"/>
      <c r="D3323"/>
    </row>
    <row r="3324" spans="3:4" x14ac:dyDescent="0.25">
      <c r="C3324"/>
      <c r="D3324"/>
    </row>
    <row r="3325" spans="3:4" x14ac:dyDescent="0.25">
      <c r="C3325"/>
      <c r="D3325"/>
    </row>
    <row r="3326" spans="3:4" x14ac:dyDescent="0.25">
      <c r="C3326"/>
      <c r="D3326"/>
    </row>
    <row r="3327" spans="3:4" x14ac:dyDescent="0.25">
      <c r="C3327"/>
      <c r="D3327"/>
    </row>
    <row r="3328" spans="3:4" x14ac:dyDescent="0.25">
      <c r="C3328"/>
      <c r="D3328"/>
    </row>
    <row r="3329" spans="3:4" x14ac:dyDescent="0.25">
      <c r="C3329"/>
      <c r="D3329"/>
    </row>
    <row r="3330" spans="3:4" x14ac:dyDescent="0.25">
      <c r="C3330"/>
      <c r="D3330"/>
    </row>
    <row r="3331" spans="3:4" x14ac:dyDescent="0.25">
      <c r="C3331"/>
      <c r="D3331"/>
    </row>
    <row r="3332" spans="3:4" x14ac:dyDescent="0.25">
      <c r="C3332"/>
      <c r="D3332"/>
    </row>
    <row r="3333" spans="3:4" x14ac:dyDescent="0.25">
      <c r="C3333"/>
      <c r="D3333"/>
    </row>
    <row r="3334" spans="3:4" x14ac:dyDescent="0.25">
      <c r="C3334"/>
      <c r="D3334"/>
    </row>
    <row r="3335" spans="3:4" x14ac:dyDescent="0.25">
      <c r="C3335"/>
      <c r="D3335"/>
    </row>
    <row r="3336" spans="3:4" x14ac:dyDescent="0.25">
      <c r="C3336"/>
      <c r="D3336"/>
    </row>
    <row r="3337" spans="3:4" x14ac:dyDescent="0.25">
      <c r="C3337"/>
      <c r="D3337"/>
    </row>
    <row r="3338" spans="3:4" x14ac:dyDescent="0.25">
      <c r="C3338"/>
      <c r="D3338"/>
    </row>
    <row r="3339" spans="3:4" x14ac:dyDescent="0.25">
      <c r="C3339"/>
      <c r="D3339"/>
    </row>
    <row r="3340" spans="3:4" x14ac:dyDescent="0.25">
      <c r="C3340"/>
      <c r="D3340"/>
    </row>
    <row r="3341" spans="3:4" x14ac:dyDescent="0.25">
      <c r="C3341"/>
      <c r="D3341"/>
    </row>
    <row r="3342" spans="3:4" x14ac:dyDescent="0.25">
      <c r="C3342"/>
      <c r="D3342"/>
    </row>
    <row r="3343" spans="3:4" x14ac:dyDescent="0.25">
      <c r="C3343"/>
      <c r="D3343"/>
    </row>
    <row r="3344" spans="3:4" x14ac:dyDescent="0.25">
      <c r="C3344"/>
      <c r="D3344"/>
    </row>
    <row r="3345" spans="3:4" x14ac:dyDescent="0.25">
      <c r="C3345"/>
      <c r="D3345"/>
    </row>
    <row r="3346" spans="3:4" x14ac:dyDescent="0.25">
      <c r="C3346"/>
      <c r="D3346"/>
    </row>
    <row r="3347" spans="3:4" x14ac:dyDescent="0.25">
      <c r="C3347"/>
      <c r="D3347"/>
    </row>
    <row r="3348" spans="3:4" x14ac:dyDescent="0.25">
      <c r="C3348"/>
      <c r="D3348"/>
    </row>
    <row r="3349" spans="3:4" x14ac:dyDescent="0.25">
      <c r="C3349"/>
      <c r="D3349"/>
    </row>
    <row r="3350" spans="3:4" x14ac:dyDescent="0.25">
      <c r="C3350"/>
      <c r="D3350"/>
    </row>
    <row r="3351" spans="3:4" x14ac:dyDescent="0.25">
      <c r="C3351"/>
      <c r="D3351"/>
    </row>
    <row r="3352" spans="3:4" x14ac:dyDescent="0.25">
      <c r="C3352"/>
      <c r="D3352"/>
    </row>
    <row r="3353" spans="3:4" x14ac:dyDescent="0.25">
      <c r="C3353"/>
      <c r="D3353"/>
    </row>
    <row r="3354" spans="3:4" x14ac:dyDescent="0.25">
      <c r="C3354"/>
      <c r="D3354"/>
    </row>
    <row r="3355" spans="3:4" x14ac:dyDescent="0.25">
      <c r="C3355"/>
      <c r="D3355"/>
    </row>
    <row r="3356" spans="3:4" x14ac:dyDescent="0.25">
      <c r="C3356"/>
      <c r="D3356"/>
    </row>
    <row r="3357" spans="3:4" x14ac:dyDescent="0.25">
      <c r="C3357"/>
      <c r="D3357"/>
    </row>
    <row r="3358" spans="3:4" x14ac:dyDescent="0.25">
      <c r="C3358"/>
      <c r="D3358"/>
    </row>
    <row r="3359" spans="3:4" x14ac:dyDescent="0.25">
      <c r="C3359"/>
      <c r="D3359"/>
    </row>
    <row r="3360" spans="3:4" x14ac:dyDescent="0.25">
      <c r="C3360"/>
      <c r="D3360"/>
    </row>
    <row r="3361" spans="3:4" x14ac:dyDescent="0.25">
      <c r="C3361"/>
      <c r="D3361"/>
    </row>
    <row r="3362" spans="3:4" x14ac:dyDescent="0.25">
      <c r="C3362"/>
      <c r="D3362"/>
    </row>
    <row r="3363" spans="3:4" x14ac:dyDescent="0.25">
      <c r="C3363"/>
      <c r="D3363"/>
    </row>
    <row r="3364" spans="3:4" x14ac:dyDescent="0.25">
      <c r="C3364"/>
      <c r="D3364"/>
    </row>
    <row r="3365" spans="3:4" x14ac:dyDescent="0.25">
      <c r="C3365"/>
      <c r="D3365"/>
    </row>
    <row r="3366" spans="3:4" x14ac:dyDescent="0.25">
      <c r="C3366"/>
      <c r="D3366"/>
    </row>
    <row r="3367" spans="3:4" x14ac:dyDescent="0.25">
      <c r="C3367"/>
      <c r="D3367"/>
    </row>
    <row r="3368" spans="3:4" x14ac:dyDescent="0.25">
      <c r="C3368"/>
      <c r="D3368"/>
    </row>
    <row r="3369" spans="3:4" x14ac:dyDescent="0.25">
      <c r="C3369"/>
      <c r="D3369"/>
    </row>
    <row r="3370" spans="3:4" x14ac:dyDescent="0.25">
      <c r="C3370"/>
      <c r="D3370"/>
    </row>
    <row r="3371" spans="3:4" x14ac:dyDescent="0.25">
      <c r="C3371"/>
      <c r="D3371"/>
    </row>
    <row r="3372" spans="3:4" x14ac:dyDescent="0.25">
      <c r="C3372"/>
      <c r="D3372"/>
    </row>
    <row r="3373" spans="3:4" x14ac:dyDescent="0.25">
      <c r="C3373"/>
      <c r="D3373"/>
    </row>
    <row r="3374" spans="3:4" x14ac:dyDescent="0.25">
      <c r="C3374"/>
      <c r="D3374"/>
    </row>
    <row r="3375" spans="3:4" x14ac:dyDescent="0.25">
      <c r="C3375"/>
      <c r="D3375"/>
    </row>
    <row r="3376" spans="3:4" x14ac:dyDescent="0.25">
      <c r="C3376"/>
      <c r="D3376"/>
    </row>
    <row r="3377" spans="3:4" x14ac:dyDescent="0.25">
      <c r="C3377"/>
      <c r="D3377"/>
    </row>
    <row r="3378" spans="3:4" x14ac:dyDescent="0.25">
      <c r="C3378"/>
      <c r="D3378"/>
    </row>
    <row r="3379" spans="3:4" x14ac:dyDescent="0.25">
      <c r="C3379"/>
      <c r="D3379"/>
    </row>
    <row r="3380" spans="3:4" x14ac:dyDescent="0.25">
      <c r="C3380"/>
      <c r="D3380"/>
    </row>
    <row r="3381" spans="3:4" x14ac:dyDescent="0.25">
      <c r="C3381"/>
      <c r="D3381"/>
    </row>
    <row r="3382" spans="3:4" x14ac:dyDescent="0.25">
      <c r="C3382"/>
      <c r="D3382"/>
    </row>
    <row r="3383" spans="3:4" x14ac:dyDescent="0.25">
      <c r="C3383"/>
      <c r="D3383"/>
    </row>
    <row r="3384" spans="3:4" x14ac:dyDescent="0.25">
      <c r="C3384"/>
      <c r="D3384"/>
    </row>
    <row r="3385" spans="3:4" x14ac:dyDescent="0.25">
      <c r="C3385"/>
      <c r="D3385"/>
    </row>
    <row r="3386" spans="3:4" x14ac:dyDescent="0.25">
      <c r="C3386"/>
      <c r="D3386"/>
    </row>
    <row r="3387" spans="3:4" x14ac:dyDescent="0.25">
      <c r="C3387"/>
      <c r="D3387"/>
    </row>
    <row r="3388" spans="3:4" x14ac:dyDescent="0.25">
      <c r="C3388"/>
      <c r="D3388"/>
    </row>
    <row r="3389" spans="3:4" x14ac:dyDescent="0.25">
      <c r="C3389"/>
      <c r="D3389"/>
    </row>
    <row r="3390" spans="3:4" x14ac:dyDescent="0.25">
      <c r="C3390"/>
      <c r="D3390"/>
    </row>
    <row r="3391" spans="3:4" x14ac:dyDescent="0.25">
      <c r="C3391"/>
      <c r="D3391"/>
    </row>
    <row r="3392" spans="3:4" x14ac:dyDescent="0.25">
      <c r="C3392"/>
      <c r="D3392"/>
    </row>
    <row r="3393" spans="3:4" x14ac:dyDescent="0.25">
      <c r="C3393"/>
      <c r="D3393"/>
    </row>
    <row r="3394" spans="3:4" x14ac:dyDescent="0.25">
      <c r="C3394"/>
      <c r="D3394"/>
    </row>
    <row r="3395" spans="3:4" x14ac:dyDescent="0.25">
      <c r="C3395"/>
      <c r="D3395"/>
    </row>
    <row r="3396" spans="3:4" x14ac:dyDescent="0.25">
      <c r="C3396"/>
      <c r="D3396"/>
    </row>
    <row r="3397" spans="3:4" x14ac:dyDescent="0.25">
      <c r="C3397"/>
      <c r="D3397"/>
    </row>
    <row r="3398" spans="3:4" x14ac:dyDescent="0.25">
      <c r="C3398"/>
      <c r="D3398"/>
    </row>
    <row r="3399" spans="3:4" x14ac:dyDescent="0.25">
      <c r="C3399"/>
      <c r="D3399"/>
    </row>
    <row r="3400" spans="3:4" x14ac:dyDescent="0.25">
      <c r="C3400"/>
      <c r="D3400"/>
    </row>
    <row r="3401" spans="3:4" x14ac:dyDescent="0.25">
      <c r="C3401"/>
      <c r="D3401"/>
    </row>
    <row r="3402" spans="3:4" x14ac:dyDescent="0.25">
      <c r="C3402"/>
      <c r="D3402"/>
    </row>
    <row r="3403" spans="3:4" x14ac:dyDescent="0.25">
      <c r="C3403"/>
      <c r="D3403"/>
    </row>
    <row r="3404" spans="3:4" x14ac:dyDescent="0.25">
      <c r="C3404"/>
      <c r="D3404"/>
    </row>
    <row r="3405" spans="3:4" x14ac:dyDescent="0.25">
      <c r="C3405"/>
      <c r="D3405"/>
    </row>
    <row r="3406" spans="3:4" x14ac:dyDescent="0.25">
      <c r="C3406"/>
      <c r="D3406"/>
    </row>
    <row r="3407" spans="3:4" x14ac:dyDescent="0.25">
      <c r="C3407"/>
      <c r="D3407"/>
    </row>
    <row r="3408" spans="3:4" x14ac:dyDescent="0.25">
      <c r="C3408"/>
      <c r="D3408"/>
    </row>
    <row r="3409" spans="3:4" x14ac:dyDescent="0.25">
      <c r="C3409"/>
      <c r="D3409"/>
    </row>
    <row r="3410" spans="3:4" x14ac:dyDescent="0.25">
      <c r="C3410"/>
      <c r="D3410"/>
    </row>
    <row r="3411" spans="3:4" x14ac:dyDescent="0.25">
      <c r="C3411"/>
      <c r="D3411"/>
    </row>
    <row r="3412" spans="3:4" x14ac:dyDescent="0.25">
      <c r="C3412"/>
      <c r="D3412"/>
    </row>
    <row r="3413" spans="3:4" x14ac:dyDescent="0.25">
      <c r="C3413"/>
      <c r="D3413"/>
    </row>
    <row r="3414" spans="3:4" x14ac:dyDescent="0.25">
      <c r="C3414"/>
      <c r="D3414"/>
    </row>
    <row r="3415" spans="3:4" x14ac:dyDescent="0.25">
      <c r="C3415"/>
      <c r="D3415"/>
    </row>
    <row r="3416" spans="3:4" x14ac:dyDescent="0.25">
      <c r="C3416"/>
      <c r="D3416"/>
    </row>
    <row r="3417" spans="3:4" x14ac:dyDescent="0.25">
      <c r="C3417"/>
      <c r="D3417"/>
    </row>
    <row r="3418" spans="3:4" x14ac:dyDescent="0.25">
      <c r="C3418"/>
      <c r="D3418"/>
    </row>
    <row r="3419" spans="3:4" x14ac:dyDescent="0.25">
      <c r="C3419"/>
      <c r="D3419"/>
    </row>
    <row r="3420" spans="3:4" x14ac:dyDescent="0.25">
      <c r="C3420"/>
      <c r="D3420"/>
    </row>
    <row r="3421" spans="3:4" x14ac:dyDescent="0.25">
      <c r="C3421"/>
      <c r="D3421"/>
    </row>
    <row r="3422" spans="3:4" x14ac:dyDescent="0.25">
      <c r="C3422"/>
      <c r="D3422"/>
    </row>
    <row r="3423" spans="3:4" x14ac:dyDescent="0.25">
      <c r="C3423"/>
      <c r="D3423"/>
    </row>
    <row r="3424" spans="3:4" x14ac:dyDescent="0.25">
      <c r="C3424"/>
      <c r="D3424"/>
    </row>
    <row r="3425" spans="3:4" x14ac:dyDescent="0.25">
      <c r="C3425"/>
      <c r="D3425"/>
    </row>
    <row r="3426" spans="3:4" x14ac:dyDescent="0.25">
      <c r="C3426"/>
      <c r="D3426"/>
    </row>
    <row r="3427" spans="3:4" x14ac:dyDescent="0.25">
      <c r="C3427"/>
      <c r="D3427"/>
    </row>
    <row r="3428" spans="3:4" x14ac:dyDescent="0.25">
      <c r="C3428"/>
      <c r="D3428"/>
    </row>
    <row r="3429" spans="3:4" x14ac:dyDescent="0.25">
      <c r="C3429"/>
      <c r="D3429"/>
    </row>
    <row r="3430" spans="3:4" x14ac:dyDescent="0.25">
      <c r="C3430"/>
      <c r="D3430"/>
    </row>
    <row r="3431" spans="3:4" x14ac:dyDescent="0.25">
      <c r="C3431"/>
      <c r="D3431"/>
    </row>
    <row r="3432" spans="3:4" x14ac:dyDescent="0.25">
      <c r="C3432"/>
      <c r="D3432"/>
    </row>
    <row r="3433" spans="3:4" x14ac:dyDescent="0.25">
      <c r="C3433"/>
      <c r="D3433"/>
    </row>
    <row r="3434" spans="3:4" x14ac:dyDescent="0.25">
      <c r="C3434"/>
      <c r="D3434"/>
    </row>
    <row r="3435" spans="3:4" x14ac:dyDescent="0.25">
      <c r="C3435"/>
      <c r="D3435"/>
    </row>
    <row r="3436" spans="3:4" x14ac:dyDescent="0.25">
      <c r="C3436"/>
      <c r="D3436"/>
    </row>
    <row r="3437" spans="3:4" x14ac:dyDescent="0.25">
      <c r="C3437"/>
      <c r="D3437"/>
    </row>
    <row r="3438" spans="3:4" x14ac:dyDescent="0.25">
      <c r="C3438"/>
      <c r="D3438"/>
    </row>
    <row r="3439" spans="3:4" x14ac:dyDescent="0.25">
      <c r="C3439"/>
      <c r="D3439"/>
    </row>
    <row r="3440" spans="3:4" x14ac:dyDescent="0.25">
      <c r="C3440"/>
      <c r="D3440"/>
    </row>
    <row r="3441" spans="3:4" x14ac:dyDescent="0.25">
      <c r="C3441"/>
      <c r="D3441"/>
    </row>
    <row r="3442" spans="3:4" x14ac:dyDescent="0.25">
      <c r="C3442"/>
      <c r="D3442"/>
    </row>
    <row r="3443" spans="3:4" x14ac:dyDescent="0.25">
      <c r="C3443"/>
      <c r="D3443"/>
    </row>
    <row r="3444" spans="3:4" x14ac:dyDescent="0.25">
      <c r="C3444"/>
      <c r="D3444"/>
    </row>
    <row r="3445" spans="3:4" x14ac:dyDescent="0.25">
      <c r="C3445"/>
      <c r="D3445"/>
    </row>
    <row r="3446" spans="3:4" x14ac:dyDescent="0.25">
      <c r="C3446"/>
      <c r="D3446"/>
    </row>
    <row r="3447" spans="3:4" x14ac:dyDescent="0.25">
      <c r="C3447"/>
      <c r="D3447"/>
    </row>
    <row r="3448" spans="3:4" x14ac:dyDescent="0.25">
      <c r="C3448"/>
      <c r="D3448"/>
    </row>
    <row r="3449" spans="3:4" x14ac:dyDescent="0.25">
      <c r="C3449"/>
      <c r="D3449"/>
    </row>
    <row r="3450" spans="3:4" x14ac:dyDescent="0.25">
      <c r="C3450"/>
      <c r="D3450"/>
    </row>
    <row r="3451" spans="3:4" x14ac:dyDescent="0.25">
      <c r="C3451"/>
      <c r="D3451"/>
    </row>
    <row r="3452" spans="3:4" x14ac:dyDescent="0.25">
      <c r="C3452"/>
      <c r="D3452"/>
    </row>
    <row r="3453" spans="3:4" x14ac:dyDescent="0.25">
      <c r="C3453"/>
      <c r="D3453"/>
    </row>
    <row r="3454" spans="3:4" x14ac:dyDescent="0.25">
      <c r="C3454"/>
      <c r="D3454"/>
    </row>
    <row r="3455" spans="3:4" x14ac:dyDescent="0.25">
      <c r="C3455"/>
      <c r="D3455"/>
    </row>
    <row r="3456" spans="3:4" x14ac:dyDescent="0.25">
      <c r="C3456"/>
      <c r="D3456"/>
    </row>
    <row r="3457" spans="3:4" x14ac:dyDescent="0.25">
      <c r="C3457"/>
      <c r="D3457"/>
    </row>
    <row r="3458" spans="3:4" x14ac:dyDescent="0.25">
      <c r="C3458"/>
      <c r="D3458"/>
    </row>
    <row r="3459" spans="3:4" x14ac:dyDescent="0.25">
      <c r="C3459"/>
      <c r="D3459"/>
    </row>
    <row r="3460" spans="3:4" x14ac:dyDescent="0.25">
      <c r="C3460"/>
      <c r="D3460"/>
    </row>
    <row r="3461" spans="3:4" x14ac:dyDescent="0.25">
      <c r="C3461"/>
      <c r="D3461"/>
    </row>
    <row r="3462" spans="3:4" x14ac:dyDescent="0.25">
      <c r="C3462"/>
      <c r="D3462"/>
    </row>
    <row r="3463" spans="3:4" x14ac:dyDescent="0.25">
      <c r="C3463"/>
      <c r="D3463"/>
    </row>
    <row r="3464" spans="3:4" x14ac:dyDescent="0.25">
      <c r="C3464"/>
      <c r="D3464"/>
    </row>
    <row r="3465" spans="3:4" x14ac:dyDescent="0.25">
      <c r="C3465"/>
      <c r="D3465"/>
    </row>
    <row r="3466" spans="3:4" x14ac:dyDescent="0.25">
      <c r="C3466"/>
      <c r="D3466"/>
    </row>
    <row r="3467" spans="3:4" x14ac:dyDescent="0.25">
      <c r="C3467"/>
      <c r="D3467"/>
    </row>
    <row r="3468" spans="3:4" x14ac:dyDescent="0.25">
      <c r="C3468"/>
      <c r="D3468"/>
    </row>
    <row r="3469" spans="3:4" x14ac:dyDescent="0.25">
      <c r="C3469"/>
      <c r="D3469"/>
    </row>
    <row r="3470" spans="3:4" x14ac:dyDescent="0.25">
      <c r="C3470"/>
      <c r="D3470"/>
    </row>
    <row r="3471" spans="3:4" x14ac:dyDescent="0.25">
      <c r="C3471"/>
      <c r="D3471"/>
    </row>
    <row r="3472" spans="3:4" x14ac:dyDescent="0.25">
      <c r="C3472"/>
      <c r="D3472"/>
    </row>
    <row r="3473" spans="3:4" x14ac:dyDescent="0.25">
      <c r="C3473"/>
      <c r="D3473"/>
    </row>
    <row r="3474" spans="3:4" x14ac:dyDescent="0.25">
      <c r="C3474"/>
      <c r="D3474"/>
    </row>
    <row r="3475" spans="3:4" x14ac:dyDescent="0.25">
      <c r="C3475"/>
      <c r="D3475"/>
    </row>
    <row r="3476" spans="3:4" x14ac:dyDescent="0.25">
      <c r="C3476"/>
      <c r="D3476"/>
    </row>
    <row r="3477" spans="3:4" x14ac:dyDescent="0.25">
      <c r="C3477"/>
      <c r="D3477"/>
    </row>
    <row r="3478" spans="3:4" x14ac:dyDescent="0.25">
      <c r="C3478"/>
      <c r="D3478"/>
    </row>
    <row r="3479" spans="3:4" x14ac:dyDescent="0.25">
      <c r="C3479"/>
      <c r="D3479"/>
    </row>
    <row r="3480" spans="3:4" x14ac:dyDescent="0.25">
      <c r="C3480"/>
      <c r="D3480"/>
    </row>
    <row r="3481" spans="3:4" x14ac:dyDescent="0.25">
      <c r="C3481"/>
      <c r="D3481"/>
    </row>
    <row r="3482" spans="3:4" x14ac:dyDescent="0.25">
      <c r="C3482"/>
      <c r="D3482"/>
    </row>
    <row r="3483" spans="3:4" x14ac:dyDescent="0.25">
      <c r="C3483"/>
      <c r="D3483"/>
    </row>
    <row r="3484" spans="3:4" x14ac:dyDescent="0.25">
      <c r="C3484"/>
      <c r="D3484"/>
    </row>
    <row r="3485" spans="3:4" x14ac:dyDescent="0.25">
      <c r="C3485"/>
      <c r="D3485"/>
    </row>
    <row r="3486" spans="3:4" x14ac:dyDescent="0.25">
      <c r="C3486"/>
      <c r="D3486"/>
    </row>
    <row r="3487" spans="3:4" x14ac:dyDescent="0.25">
      <c r="C3487"/>
      <c r="D3487"/>
    </row>
    <row r="3488" spans="3:4" x14ac:dyDescent="0.25">
      <c r="C3488"/>
      <c r="D3488"/>
    </row>
    <row r="3489" spans="3:4" x14ac:dyDescent="0.25">
      <c r="C3489"/>
      <c r="D3489"/>
    </row>
    <row r="3490" spans="3:4" x14ac:dyDescent="0.25">
      <c r="C3490"/>
      <c r="D3490"/>
    </row>
    <row r="3491" spans="3:4" x14ac:dyDescent="0.25">
      <c r="C3491"/>
      <c r="D3491"/>
    </row>
    <row r="3492" spans="3:4" x14ac:dyDescent="0.25">
      <c r="C3492"/>
      <c r="D3492"/>
    </row>
    <row r="3493" spans="3:4" x14ac:dyDescent="0.25">
      <c r="C3493"/>
      <c r="D3493"/>
    </row>
    <row r="3494" spans="3:4" x14ac:dyDescent="0.25">
      <c r="C3494"/>
      <c r="D3494"/>
    </row>
    <row r="3495" spans="3:4" x14ac:dyDescent="0.25">
      <c r="C3495"/>
      <c r="D3495"/>
    </row>
    <row r="3496" spans="3:4" x14ac:dyDescent="0.25">
      <c r="C3496"/>
      <c r="D3496"/>
    </row>
    <row r="3497" spans="3:4" x14ac:dyDescent="0.25">
      <c r="C3497"/>
      <c r="D3497"/>
    </row>
    <row r="3498" spans="3:4" x14ac:dyDescent="0.25">
      <c r="C3498"/>
      <c r="D3498"/>
    </row>
    <row r="3499" spans="3:4" x14ac:dyDescent="0.25">
      <c r="C3499"/>
      <c r="D3499"/>
    </row>
    <row r="3500" spans="3:4" x14ac:dyDescent="0.25">
      <c r="C3500"/>
      <c r="D3500"/>
    </row>
    <row r="3501" spans="3:4" x14ac:dyDescent="0.25">
      <c r="C3501"/>
      <c r="D3501"/>
    </row>
    <row r="3502" spans="3:4" x14ac:dyDescent="0.25">
      <c r="C3502"/>
      <c r="D3502"/>
    </row>
    <row r="3503" spans="3:4" x14ac:dyDescent="0.25">
      <c r="C3503"/>
      <c r="D3503"/>
    </row>
    <row r="3504" spans="3:4" x14ac:dyDescent="0.25">
      <c r="C3504"/>
      <c r="D3504"/>
    </row>
    <row r="3505" spans="3:4" x14ac:dyDescent="0.25">
      <c r="C3505"/>
      <c r="D3505"/>
    </row>
    <row r="3506" spans="3:4" x14ac:dyDescent="0.25">
      <c r="C3506"/>
      <c r="D3506"/>
    </row>
    <row r="3507" spans="3:4" x14ac:dyDescent="0.25">
      <c r="C3507"/>
      <c r="D3507"/>
    </row>
    <row r="3508" spans="3:4" x14ac:dyDescent="0.25">
      <c r="C3508"/>
      <c r="D3508"/>
    </row>
    <row r="3509" spans="3:4" x14ac:dyDescent="0.25">
      <c r="C3509"/>
      <c r="D3509"/>
    </row>
    <row r="3510" spans="3:4" x14ac:dyDescent="0.25">
      <c r="C3510"/>
      <c r="D3510"/>
    </row>
    <row r="3511" spans="3:4" x14ac:dyDescent="0.25">
      <c r="C3511"/>
      <c r="D3511"/>
    </row>
    <row r="3512" spans="3:4" x14ac:dyDescent="0.25">
      <c r="C3512"/>
      <c r="D3512"/>
    </row>
    <row r="3513" spans="3:4" x14ac:dyDescent="0.25">
      <c r="C3513"/>
      <c r="D3513"/>
    </row>
    <row r="3514" spans="3:4" x14ac:dyDescent="0.25">
      <c r="C3514"/>
      <c r="D3514"/>
    </row>
    <row r="3515" spans="3:4" x14ac:dyDescent="0.25">
      <c r="C3515"/>
      <c r="D3515"/>
    </row>
    <row r="3516" spans="3:4" x14ac:dyDescent="0.25">
      <c r="C3516"/>
      <c r="D3516"/>
    </row>
    <row r="3517" spans="3:4" x14ac:dyDescent="0.25">
      <c r="C3517"/>
      <c r="D3517"/>
    </row>
    <row r="3518" spans="3:4" x14ac:dyDescent="0.25">
      <c r="C3518"/>
      <c r="D3518"/>
    </row>
    <row r="3519" spans="3:4" x14ac:dyDescent="0.25">
      <c r="C3519"/>
      <c r="D3519"/>
    </row>
    <row r="3520" spans="3:4" x14ac:dyDescent="0.25">
      <c r="C3520"/>
      <c r="D3520"/>
    </row>
    <row r="3521" spans="3:4" x14ac:dyDescent="0.25">
      <c r="C3521"/>
      <c r="D3521"/>
    </row>
    <row r="3522" spans="3:4" x14ac:dyDescent="0.25">
      <c r="C3522"/>
      <c r="D3522"/>
    </row>
    <row r="3523" spans="3:4" x14ac:dyDescent="0.25">
      <c r="C3523"/>
      <c r="D3523"/>
    </row>
    <row r="3524" spans="3:4" x14ac:dyDescent="0.25">
      <c r="C3524"/>
      <c r="D3524"/>
    </row>
    <row r="3525" spans="3:4" x14ac:dyDescent="0.25">
      <c r="C3525"/>
      <c r="D3525"/>
    </row>
    <row r="3526" spans="3:4" x14ac:dyDescent="0.25">
      <c r="C3526"/>
      <c r="D3526"/>
    </row>
    <row r="3527" spans="3:4" x14ac:dyDescent="0.25">
      <c r="C3527"/>
      <c r="D3527"/>
    </row>
    <row r="3528" spans="3:4" x14ac:dyDescent="0.25">
      <c r="C3528"/>
      <c r="D3528"/>
    </row>
    <row r="3529" spans="3:4" x14ac:dyDescent="0.25">
      <c r="C3529"/>
      <c r="D3529"/>
    </row>
    <row r="3530" spans="3:4" x14ac:dyDescent="0.25">
      <c r="C3530"/>
      <c r="D3530"/>
    </row>
    <row r="3531" spans="3:4" x14ac:dyDescent="0.25">
      <c r="C3531"/>
      <c r="D3531"/>
    </row>
    <row r="3532" spans="3:4" x14ac:dyDescent="0.25">
      <c r="C3532"/>
      <c r="D3532"/>
    </row>
    <row r="3533" spans="3:4" x14ac:dyDescent="0.25">
      <c r="C3533"/>
      <c r="D3533"/>
    </row>
    <row r="3534" spans="3:4" x14ac:dyDescent="0.25">
      <c r="C3534"/>
      <c r="D3534"/>
    </row>
    <row r="3535" spans="3:4" x14ac:dyDescent="0.25">
      <c r="C3535"/>
      <c r="D3535"/>
    </row>
    <row r="3536" spans="3:4" x14ac:dyDescent="0.25">
      <c r="C3536"/>
      <c r="D3536"/>
    </row>
    <row r="3537" spans="3:4" x14ac:dyDescent="0.25">
      <c r="C3537"/>
      <c r="D3537"/>
    </row>
    <row r="3538" spans="3:4" x14ac:dyDescent="0.25">
      <c r="C3538"/>
      <c r="D3538"/>
    </row>
    <row r="3539" spans="3:4" x14ac:dyDescent="0.25">
      <c r="C3539"/>
      <c r="D3539"/>
    </row>
    <row r="3540" spans="3:4" x14ac:dyDescent="0.25">
      <c r="C3540"/>
      <c r="D3540"/>
    </row>
    <row r="3541" spans="3:4" x14ac:dyDescent="0.25">
      <c r="C3541"/>
      <c r="D3541"/>
    </row>
    <row r="3542" spans="3:4" x14ac:dyDescent="0.25">
      <c r="C3542"/>
      <c r="D3542"/>
    </row>
    <row r="3543" spans="3:4" x14ac:dyDescent="0.25">
      <c r="C3543"/>
      <c r="D3543"/>
    </row>
    <row r="3544" spans="3:4" x14ac:dyDescent="0.25">
      <c r="C3544"/>
      <c r="D3544"/>
    </row>
    <row r="3545" spans="3:4" x14ac:dyDescent="0.25">
      <c r="C3545"/>
      <c r="D3545"/>
    </row>
    <row r="3546" spans="3:4" x14ac:dyDescent="0.25">
      <c r="C3546"/>
      <c r="D3546"/>
    </row>
    <row r="3547" spans="3:4" x14ac:dyDescent="0.25">
      <c r="C3547"/>
      <c r="D3547"/>
    </row>
    <row r="3548" spans="3:4" x14ac:dyDescent="0.25">
      <c r="C3548"/>
      <c r="D3548"/>
    </row>
    <row r="3549" spans="3:4" x14ac:dyDescent="0.25">
      <c r="C3549"/>
      <c r="D3549"/>
    </row>
    <row r="3550" spans="3:4" x14ac:dyDescent="0.25">
      <c r="C3550"/>
      <c r="D3550"/>
    </row>
    <row r="3551" spans="3:4" x14ac:dyDescent="0.25">
      <c r="C3551"/>
      <c r="D3551"/>
    </row>
    <row r="3552" spans="3:4" x14ac:dyDescent="0.25">
      <c r="C3552"/>
      <c r="D3552"/>
    </row>
    <row r="3553" spans="3:4" x14ac:dyDescent="0.25">
      <c r="C3553"/>
      <c r="D3553"/>
    </row>
    <row r="3554" spans="3:4" x14ac:dyDescent="0.25">
      <c r="C3554"/>
      <c r="D3554"/>
    </row>
    <row r="3555" spans="3:4" x14ac:dyDescent="0.25">
      <c r="C3555"/>
      <c r="D3555"/>
    </row>
    <row r="3556" spans="3:4" x14ac:dyDescent="0.25">
      <c r="C3556"/>
      <c r="D3556"/>
    </row>
    <row r="3557" spans="3:4" x14ac:dyDescent="0.25">
      <c r="C3557"/>
      <c r="D3557"/>
    </row>
    <row r="3558" spans="3:4" x14ac:dyDescent="0.25">
      <c r="C3558"/>
      <c r="D3558"/>
    </row>
    <row r="3559" spans="3:4" x14ac:dyDescent="0.25">
      <c r="C3559"/>
      <c r="D3559"/>
    </row>
    <row r="3560" spans="3:4" x14ac:dyDescent="0.25">
      <c r="C3560"/>
      <c r="D3560"/>
    </row>
    <row r="3561" spans="3:4" x14ac:dyDescent="0.25">
      <c r="C3561"/>
      <c r="D3561"/>
    </row>
    <row r="3562" spans="3:4" x14ac:dyDescent="0.25">
      <c r="C3562"/>
      <c r="D3562"/>
    </row>
    <row r="3563" spans="3:4" x14ac:dyDescent="0.25">
      <c r="C3563"/>
      <c r="D3563"/>
    </row>
    <row r="3564" spans="3:4" x14ac:dyDescent="0.25">
      <c r="C3564"/>
      <c r="D3564"/>
    </row>
    <row r="3565" spans="3:4" x14ac:dyDescent="0.25">
      <c r="C3565"/>
      <c r="D3565"/>
    </row>
    <row r="3566" spans="3:4" x14ac:dyDescent="0.25">
      <c r="C3566"/>
      <c r="D3566"/>
    </row>
    <row r="3567" spans="3:4" x14ac:dyDescent="0.25">
      <c r="C3567"/>
      <c r="D3567"/>
    </row>
    <row r="3568" spans="3:4" x14ac:dyDescent="0.25">
      <c r="C3568"/>
      <c r="D3568"/>
    </row>
    <row r="3569" spans="3:4" x14ac:dyDescent="0.25">
      <c r="C3569"/>
      <c r="D3569"/>
    </row>
    <row r="3570" spans="3:4" x14ac:dyDescent="0.25">
      <c r="C3570"/>
      <c r="D3570"/>
    </row>
    <row r="3571" spans="3:4" x14ac:dyDescent="0.25">
      <c r="C3571"/>
      <c r="D3571"/>
    </row>
    <row r="3572" spans="3:4" x14ac:dyDescent="0.25">
      <c r="C3572"/>
      <c r="D3572"/>
    </row>
    <row r="3573" spans="3:4" x14ac:dyDescent="0.25">
      <c r="C3573"/>
      <c r="D3573"/>
    </row>
    <row r="3574" spans="3:4" x14ac:dyDescent="0.25">
      <c r="C3574"/>
      <c r="D3574"/>
    </row>
    <row r="3575" spans="3:4" x14ac:dyDescent="0.25">
      <c r="C3575"/>
      <c r="D3575"/>
    </row>
    <row r="3576" spans="3:4" x14ac:dyDescent="0.25">
      <c r="C3576"/>
      <c r="D3576"/>
    </row>
    <row r="3577" spans="3:4" x14ac:dyDescent="0.25">
      <c r="C3577"/>
      <c r="D3577"/>
    </row>
    <row r="3578" spans="3:4" x14ac:dyDescent="0.25">
      <c r="C3578"/>
      <c r="D3578"/>
    </row>
    <row r="3579" spans="3:4" x14ac:dyDescent="0.25">
      <c r="C3579"/>
      <c r="D3579"/>
    </row>
    <row r="3580" spans="3:4" x14ac:dyDescent="0.25">
      <c r="C3580"/>
      <c r="D3580"/>
    </row>
    <row r="3581" spans="3:4" x14ac:dyDescent="0.25">
      <c r="C3581"/>
      <c r="D3581"/>
    </row>
    <row r="3582" spans="3:4" x14ac:dyDescent="0.25">
      <c r="C3582"/>
      <c r="D3582"/>
    </row>
    <row r="3583" spans="3:4" x14ac:dyDescent="0.25">
      <c r="C3583"/>
      <c r="D3583"/>
    </row>
    <row r="3584" spans="3:4" x14ac:dyDescent="0.25">
      <c r="C3584"/>
      <c r="D3584"/>
    </row>
    <row r="3585" spans="3:4" x14ac:dyDescent="0.25">
      <c r="C3585"/>
      <c r="D3585"/>
    </row>
    <row r="3586" spans="3:4" x14ac:dyDescent="0.25">
      <c r="C3586"/>
      <c r="D3586"/>
    </row>
    <row r="3587" spans="3:4" x14ac:dyDescent="0.25">
      <c r="C3587"/>
      <c r="D3587"/>
    </row>
    <row r="3588" spans="3:4" x14ac:dyDescent="0.25">
      <c r="C3588"/>
      <c r="D3588"/>
    </row>
    <row r="3589" spans="3:4" x14ac:dyDescent="0.25">
      <c r="C3589"/>
      <c r="D3589"/>
    </row>
    <row r="3590" spans="3:4" x14ac:dyDescent="0.25">
      <c r="C3590"/>
      <c r="D3590"/>
    </row>
    <row r="3591" spans="3:4" x14ac:dyDescent="0.25">
      <c r="C3591"/>
      <c r="D3591"/>
    </row>
    <row r="3592" spans="3:4" x14ac:dyDescent="0.25">
      <c r="C3592"/>
      <c r="D3592"/>
    </row>
    <row r="3593" spans="3:4" x14ac:dyDescent="0.25">
      <c r="C3593"/>
      <c r="D3593"/>
    </row>
    <row r="3594" spans="3:4" x14ac:dyDescent="0.25">
      <c r="C3594"/>
      <c r="D3594"/>
    </row>
    <row r="3595" spans="3:4" x14ac:dyDescent="0.25">
      <c r="C3595"/>
      <c r="D3595"/>
    </row>
    <row r="3596" spans="3:4" x14ac:dyDescent="0.25">
      <c r="C3596"/>
      <c r="D3596"/>
    </row>
    <row r="3597" spans="3:4" x14ac:dyDescent="0.25">
      <c r="C3597"/>
      <c r="D3597"/>
    </row>
    <row r="3598" spans="3:4" x14ac:dyDescent="0.25">
      <c r="C3598"/>
      <c r="D3598"/>
    </row>
    <row r="3599" spans="3:4" x14ac:dyDescent="0.25">
      <c r="C3599"/>
      <c r="D3599"/>
    </row>
    <row r="3600" spans="3:4" x14ac:dyDescent="0.25">
      <c r="C3600"/>
      <c r="D3600"/>
    </row>
    <row r="3601" spans="3:4" x14ac:dyDescent="0.25">
      <c r="C3601"/>
      <c r="D3601"/>
    </row>
    <row r="3602" spans="3:4" x14ac:dyDescent="0.25">
      <c r="C3602"/>
      <c r="D3602"/>
    </row>
    <row r="3603" spans="3:4" x14ac:dyDescent="0.25">
      <c r="C3603"/>
      <c r="D3603"/>
    </row>
    <row r="3604" spans="3:4" x14ac:dyDescent="0.25">
      <c r="C3604"/>
      <c r="D3604"/>
    </row>
    <row r="3605" spans="3:4" x14ac:dyDescent="0.25">
      <c r="C3605"/>
      <c r="D3605"/>
    </row>
    <row r="3606" spans="3:4" x14ac:dyDescent="0.25">
      <c r="C3606"/>
      <c r="D3606"/>
    </row>
    <row r="3607" spans="3:4" x14ac:dyDescent="0.25">
      <c r="C3607"/>
      <c r="D3607"/>
    </row>
    <row r="3608" spans="3:4" x14ac:dyDescent="0.25">
      <c r="C3608"/>
      <c r="D3608"/>
    </row>
    <row r="3609" spans="3:4" x14ac:dyDescent="0.25">
      <c r="C3609"/>
      <c r="D3609"/>
    </row>
    <row r="3610" spans="3:4" x14ac:dyDescent="0.25">
      <c r="C3610"/>
      <c r="D3610"/>
    </row>
    <row r="3611" spans="3:4" x14ac:dyDescent="0.25">
      <c r="C3611"/>
      <c r="D3611"/>
    </row>
    <row r="3612" spans="3:4" x14ac:dyDescent="0.25">
      <c r="C3612"/>
      <c r="D3612"/>
    </row>
    <row r="3613" spans="3:4" x14ac:dyDescent="0.25">
      <c r="C3613"/>
      <c r="D3613"/>
    </row>
    <row r="3614" spans="3:4" x14ac:dyDescent="0.25">
      <c r="C3614"/>
      <c r="D3614"/>
    </row>
    <row r="3615" spans="3:4" x14ac:dyDescent="0.25">
      <c r="C3615"/>
      <c r="D3615"/>
    </row>
    <row r="3616" spans="3:4" x14ac:dyDescent="0.25">
      <c r="C3616"/>
      <c r="D3616"/>
    </row>
    <row r="3617" spans="3:4" x14ac:dyDescent="0.25">
      <c r="C3617"/>
      <c r="D3617"/>
    </row>
    <row r="3618" spans="3:4" x14ac:dyDescent="0.25">
      <c r="C3618"/>
      <c r="D3618"/>
    </row>
    <row r="3619" spans="3:4" x14ac:dyDescent="0.25">
      <c r="C3619"/>
      <c r="D3619"/>
    </row>
    <row r="3620" spans="3:4" x14ac:dyDescent="0.25">
      <c r="C3620"/>
      <c r="D3620"/>
    </row>
    <row r="3621" spans="3:4" x14ac:dyDescent="0.25">
      <c r="C3621"/>
      <c r="D3621"/>
    </row>
    <row r="3622" spans="3:4" x14ac:dyDescent="0.25">
      <c r="C3622"/>
      <c r="D3622"/>
    </row>
    <row r="3623" spans="3:4" x14ac:dyDescent="0.25">
      <c r="C3623"/>
      <c r="D3623"/>
    </row>
    <row r="3624" spans="3:4" x14ac:dyDescent="0.25">
      <c r="C3624"/>
      <c r="D3624"/>
    </row>
    <row r="3625" spans="3:4" x14ac:dyDescent="0.25">
      <c r="C3625"/>
      <c r="D3625"/>
    </row>
    <row r="3626" spans="3:4" x14ac:dyDescent="0.25">
      <c r="C3626"/>
      <c r="D3626"/>
    </row>
    <row r="3627" spans="3:4" x14ac:dyDescent="0.25">
      <c r="C3627"/>
      <c r="D3627"/>
    </row>
    <row r="3628" spans="3:4" x14ac:dyDescent="0.25">
      <c r="C3628"/>
      <c r="D3628"/>
    </row>
    <row r="3629" spans="3:4" x14ac:dyDescent="0.25">
      <c r="C3629"/>
      <c r="D3629"/>
    </row>
    <row r="3630" spans="3:4" x14ac:dyDescent="0.25">
      <c r="C3630"/>
      <c r="D3630"/>
    </row>
    <row r="3631" spans="3:4" x14ac:dyDescent="0.25">
      <c r="C3631"/>
      <c r="D3631"/>
    </row>
    <row r="3632" spans="3:4" x14ac:dyDescent="0.25">
      <c r="C3632"/>
      <c r="D3632"/>
    </row>
    <row r="3633" spans="3:4" x14ac:dyDescent="0.25">
      <c r="C3633"/>
      <c r="D3633"/>
    </row>
    <row r="3634" spans="3:4" x14ac:dyDescent="0.25">
      <c r="C3634"/>
      <c r="D3634"/>
    </row>
    <row r="3635" spans="3:4" x14ac:dyDescent="0.25">
      <c r="C3635"/>
      <c r="D3635"/>
    </row>
    <row r="3636" spans="3:4" x14ac:dyDescent="0.25">
      <c r="C3636"/>
      <c r="D3636"/>
    </row>
    <row r="3637" spans="3:4" x14ac:dyDescent="0.25">
      <c r="C3637"/>
      <c r="D3637"/>
    </row>
    <row r="3638" spans="3:4" x14ac:dyDescent="0.25">
      <c r="C3638"/>
      <c r="D3638"/>
    </row>
    <row r="3639" spans="3:4" x14ac:dyDescent="0.25">
      <c r="C3639"/>
      <c r="D3639"/>
    </row>
    <row r="3640" spans="3:4" x14ac:dyDescent="0.25">
      <c r="C3640"/>
      <c r="D3640"/>
    </row>
    <row r="3641" spans="3:4" x14ac:dyDescent="0.25">
      <c r="C3641"/>
      <c r="D3641"/>
    </row>
    <row r="3642" spans="3:4" x14ac:dyDescent="0.25">
      <c r="C3642"/>
      <c r="D3642"/>
    </row>
    <row r="3643" spans="3:4" x14ac:dyDescent="0.25">
      <c r="C3643"/>
      <c r="D3643"/>
    </row>
    <row r="3644" spans="3:4" x14ac:dyDescent="0.25">
      <c r="C3644"/>
      <c r="D3644"/>
    </row>
    <row r="3645" spans="3:4" x14ac:dyDescent="0.25">
      <c r="C3645"/>
      <c r="D3645"/>
    </row>
    <row r="3646" spans="3:4" x14ac:dyDescent="0.25">
      <c r="C3646"/>
      <c r="D3646"/>
    </row>
    <row r="3647" spans="3:4" x14ac:dyDescent="0.25">
      <c r="C3647"/>
      <c r="D3647"/>
    </row>
    <row r="3648" spans="3:4" x14ac:dyDescent="0.25">
      <c r="C3648"/>
      <c r="D3648"/>
    </row>
    <row r="3649" spans="3:4" x14ac:dyDescent="0.25">
      <c r="C3649"/>
      <c r="D3649"/>
    </row>
    <row r="3650" spans="3:4" x14ac:dyDescent="0.25">
      <c r="C3650"/>
      <c r="D3650"/>
    </row>
    <row r="3651" spans="3:4" x14ac:dyDescent="0.25">
      <c r="C3651"/>
      <c r="D3651"/>
    </row>
    <row r="3652" spans="3:4" x14ac:dyDescent="0.25">
      <c r="C3652"/>
      <c r="D3652"/>
    </row>
    <row r="3653" spans="3:4" x14ac:dyDescent="0.25">
      <c r="C3653"/>
      <c r="D3653"/>
    </row>
    <row r="3654" spans="3:4" x14ac:dyDescent="0.25">
      <c r="C3654"/>
      <c r="D3654"/>
    </row>
    <row r="3655" spans="3:4" x14ac:dyDescent="0.25">
      <c r="C3655"/>
      <c r="D3655"/>
    </row>
    <row r="3656" spans="3:4" x14ac:dyDescent="0.25">
      <c r="C3656"/>
      <c r="D3656"/>
    </row>
    <row r="3657" spans="3:4" x14ac:dyDescent="0.25">
      <c r="C3657"/>
      <c r="D3657"/>
    </row>
    <row r="3658" spans="3:4" x14ac:dyDescent="0.25">
      <c r="C3658"/>
      <c r="D3658"/>
    </row>
    <row r="3659" spans="3:4" x14ac:dyDescent="0.25">
      <c r="C3659"/>
      <c r="D3659"/>
    </row>
    <row r="3660" spans="3:4" x14ac:dyDescent="0.25">
      <c r="C3660"/>
      <c r="D3660"/>
    </row>
    <row r="3661" spans="3:4" x14ac:dyDescent="0.25">
      <c r="C3661"/>
      <c r="D3661"/>
    </row>
    <row r="3662" spans="3:4" x14ac:dyDescent="0.25">
      <c r="C3662"/>
      <c r="D3662"/>
    </row>
    <row r="3663" spans="3:4" x14ac:dyDescent="0.25">
      <c r="C3663"/>
      <c r="D3663"/>
    </row>
    <row r="3664" spans="3:4" x14ac:dyDescent="0.25">
      <c r="C3664"/>
      <c r="D3664"/>
    </row>
    <row r="3665" spans="3:4" x14ac:dyDescent="0.25">
      <c r="C3665"/>
      <c r="D3665"/>
    </row>
    <row r="3666" spans="3:4" x14ac:dyDescent="0.25">
      <c r="C3666"/>
      <c r="D3666"/>
    </row>
    <row r="3667" spans="3:4" x14ac:dyDescent="0.25">
      <c r="C3667"/>
      <c r="D3667"/>
    </row>
    <row r="3668" spans="3:4" x14ac:dyDescent="0.25">
      <c r="C3668"/>
      <c r="D3668"/>
    </row>
    <row r="3669" spans="3:4" x14ac:dyDescent="0.25">
      <c r="C3669"/>
      <c r="D3669"/>
    </row>
    <row r="3670" spans="3:4" x14ac:dyDescent="0.25">
      <c r="C3670"/>
      <c r="D3670"/>
    </row>
    <row r="3671" spans="3:4" x14ac:dyDescent="0.25">
      <c r="C3671"/>
      <c r="D3671"/>
    </row>
    <row r="3672" spans="3:4" x14ac:dyDescent="0.25">
      <c r="C3672"/>
      <c r="D3672"/>
    </row>
    <row r="3673" spans="3:4" x14ac:dyDescent="0.25">
      <c r="C3673"/>
      <c r="D3673"/>
    </row>
    <row r="3674" spans="3:4" x14ac:dyDescent="0.25">
      <c r="C3674"/>
      <c r="D3674"/>
    </row>
    <row r="3675" spans="3:4" x14ac:dyDescent="0.25">
      <c r="C3675"/>
      <c r="D3675"/>
    </row>
    <row r="3676" spans="3:4" x14ac:dyDescent="0.25">
      <c r="C3676"/>
      <c r="D3676"/>
    </row>
    <row r="3677" spans="3:4" x14ac:dyDescent="0.25">
      <c r="C3677"/>
      <c r="D3677"/>
    </row>
    <row r="3678" spans="3:4" x14ac:dyDescent="0.25">
      <c r="C3678"/>
      <c r="D3678"/>
    </row>
    <row r="3679" spans="3:4" x14ac:dyDescent="0.25">
      <c r="C3679"/>
      <c r="D3679"/>
    </row>
    <row r="3680" spans="3:4" x14ac:dyDescent="0.25">
      <c r="C3680"/>
      <c r="D3680"/>
    </row>
    <row r="3681" spans="3:4" x14ac:dyDescent="0.25">
      <c r="C3681"/>
      <c r="D3681"/>
    </row>
    <row r="3682" spans="3:4" x14ac:dyDescent="0.25">
      <c r="C3682"/>
      <c r="D3682"/>
    </row>
    <row r="3683" spans="3:4" x14ac:dyDescent="0.25">
      <c r="C3683"/>
      <c r="D3683"/>
    </row>
    <row r="3684" spans="3:4" x14ac:dyDescent="0.25">
      <c r="C3684"/>
      <c r="D3684"/>
    </row>
    <row r="3685" spans="3:4" x14ac:dyDescent="0.25">
      <c r="C3685"/>
      <c r="D3685"/>
    </row>
    <row r="3686" spans="3:4" x14ac:dyDescent="0.25">
      <c r="C3686"/>
      <c r="D3686"/>
    </row>
    <row r="3687" spans="3:4" x14ac:dyDescent="0.25">
      <c r="C3687"/>
      <c r="D3687"/>
    </row>
    <row r="3688" spans="3:4" x14ac:dyDescent="0.25">
      <c r="C3688"/>
      <c r="D3688"/>
    </row>
    <row r="3689" spans="3:4" x14ac:dyDescent="0.25">
      <c r="C3689"/>
      <c r="D3689"/>
    </row>
    <row r="3690" spans="3:4" x14ac:dyDescent="0.25">
      <c r="C3690"/>
      <c r="D3690"/>
    </row>
    <row r="3691" spans="3:4" x14ac:dyDescent="0.25">
      <c r="C3691"/>
      <c r="D3691"/>
    </row>
    <row r="3692" spans="3:4" x14ac:dyDescent="0.25">
      <c r="C3692"/>
      <c r="D3692"/>
    </row>
    <row r="3693" spans="3:4" x14ac:dyDescent="0.25">
      <c r="C3693"/>
      <c r="D3693"/>
    </row>
    <row r="3694" spans="3:4" x14ac:dyDescent="0.25">
      <c r="C3694"/>
      <c r="D3694"/>
    </row>
    <row r="3695" spans="3:4" x14ac:dyDescent="0.25">
      <c r="C3695"/>
      <c r="D3695"/>
    </row>
    <row r="3696" spans="3:4" x14ac:dyDescent="0.25">
      <c r="C3696"/>
      <c r="D3696"/>
    </row>
    <row r="3697" spans="3:4" x14ac:dyDescent="0.25">
      <c r="C3697"/>
      <c r="D3697"/>
    </row>
    <row r="3698" spans="3:4" x14ac:dyDescent="0.25">
      <c r="C3698"/>
      <c r="D3698"/>
    </row>
    <row r="3699" spans="3:4" x14ac:dyDescent="0.25">
      <c r="C3699"/>
      <c r="D3699"/>
    </row>
    <row r="3700" spans="3:4" x14ac:dyDescent="0.25">
      <c r="C3700"/>
      <c r="D3700"/>
    </row>
    <row r="3701" spans="3:4" x14ac:dyDescent="0.25">
      <c r="C3701"/>
      <c r="D3701"/>
    </row>
    <row r="3702" spans="3:4" x14ac:dyDescent="0.25">
      <c r="C3702"/>
      <c r="D3702"/>
    </row>
    <row r="3703" spans="3:4" x14ac:dyDescent="0.25">
      <c r="C3703"/>
      <c r="D3703"/>
    </row>
    <row r="3704" spans="3:4" x14ac:dyDescent="0.25">
      <c r="C3704"/>
      <c r="D3704"/>
    </row>
    <row r="3705" spans="3:4" x14ac:dyDescent="0.25">
      <c r="C3705"/>
      <c r="D3705"/>
    </row>
    <row r="3706" spans="3:4" x14ac:dyDescent="0.25">
      <c r="C3706"/>
      <c r="D3706"/>
    </row>
    <row r="3707" spans="3:4" x14ac:dyDescent="0.25">
      <c r="C3707"/>
      <c r="D3707"/>
    </row>
    <row r="3708" spans="3:4" x14ac:dyDescent="0.25">
      <c r="C3708"/>
      <c r="D3708"/>
    </row>
    <row r="3709" spans="3:4" x14ac:dyDescent="0.25">
      <c r="C3709"/>
      <c r="D3709"/>
    </row>
    <row r="3710" spans="3:4" x14ac:dyDescent="0.25">
      <c r="C3710"/>
      <c r="D3710"/>
    </row>
    <row r="3711" spans="3:4" x14ac:dyDescent="0.25">
      <c r="C3711"/>
      <c r="D3711"/>
    </row>
    <row r="3712" spans="3:4" x14ac:dyDescent="0.25">
      <c r="C3712"/>
      <c r="D3712"/>
    </row>
    <row r="3713" spans="3:4" x14ac:dyDescent="0.25">
      <c r="C3713"/>
      <c r="D3713"/>
    </row>
    <row r="3714" spans="3:4" x14ac:dyDescent="0.25">
      <c r="C3714"/>
      <c r="D3714"/>
    </row>
    <row r="3715" spans="3:4" x14ac:dyDescent="0.25">
      <c r="C3715"/>
      <c r="D3715"/>
    </row>
    <row r="3716" spans="3:4" x14ac:dyDescent="0.25">
      <c r="C3716"/>
      <c r="D3716"/>
    </row>
    <row r="3717" spans="3:4" x14ac:dyDescent="0.25">
      <c r="C3717"/>
      <c r="D3717"/>
    </row>
    <row r="3718" spans="3:4" x14ac:dyDescent="0.25">
      <c r="C3718"/>
      <c r="D3718"/>
    </row>
    <row r="3719" spans="3:4" x14ac:dyDescent="0.25">
      <c r="C3719"/>
      <c r="D3719"/>
    </row>
    <row r="3720" spans="3:4" x14ac:dyDescent="0.25">
      <c r="C3720"/>
      <c r="D3720"/>
    </row>
    <row r="3721" spans="3:4" x14ac:dyDescent="0.25">
      <c r="C3721"/>
      <c r="D3721"/>
    </row>
    <row r="3722" spans="3:4" x14ac:dyDescent="0.25">
      <c r="C3722"/>
      <c r="D3722"/>
    </row>
    <row r="3723" spans="3:4" x14ac:dyDescent="0.25">
      <c r="C3723"/>
      <c r="D3723"/>
    </row>
    <row r="3724" spans="3:4" x14ac:dyDescent="0.25">
      <c r="C3724"/>
      <c r="D3724"/>
    </row>
    <row r="3725" spans="3:4" x14ac:dyDescent="0.25">
      <c r="C3725"/>
      <c r="D3725"/>
    </row>
    <row r="3726" spans="3:4" x14ac:dyDescent="0.25">
      <c r="C3726"/>
      <c r="D3726"/>
    </row>
    <row r="3727" spans="3:4" x14ac:dyDescent="0.25">
      <c r="C3727"/>
      <c r="D3727"/>
    </row>
    <row r="3728" spans="3:4" x14ac:dyDescent="0.25">
      <c r="C3728"/>
      <c r="D3728"/>
    </row>
    <row r="3729" spans="3:4" x14ac:dyDescent="0.25">
      <c r="C3729"/>
      <c r="D3729"/>
    </row>
    <row r="3730" spans="3:4" x14ac:dyDescent="0.25">
      <c r="C3730"/>
      <c r="D3730"/>
    </row>
    <row r="3731" spans="3:4" x14ac:dyDescent="0.25">
      <c r="C3731"/>
      <c r="D3731"/>
    </row>
    <row r="3732" spans="3:4" x14ac:dyDescent="0.25">
      <c r="C3732"/>
      <c r="D3732"/>
    </row>
    <row r="3733" spans="3:4" x14ac:dyDescent="0.25">
      <c r="C3733"/>
      <c r="D3733"/>
    </row>
    <row r="3734" spans="3:4" x14ac:dyDescent="0.25">
      <c r="C3734"/>
      <c r="D3734"/>
    </row>
    <row r="3735" spans="3:4" x14ac:dyDescent="0.25">
      <c r="C3735"/>
      <c r="D3735"/>
    </row>
    <row r="3736" spans="3:4" x14ac:dyDescent="0.25">
      <c r="C3736"/>
      <c r="D3736"/>
    </row>
    <row r="3737" spans="3:4" x14ac:dyDescent="0.25">
      <c r="C3737"/>
      <c r="D3737"/>
    </row>
    <row r="3738" spans="3:4" x14ac:dyDescent="0.25">
      <c r="C3738"/>
      <c r="D3738"/>
    </row>
    <row r="3739" spans="3:4" x14ac:dyDescent="0.25">
      <c r="C3739"/>
      <c r="D3739"/>
    </row>
    <row r="3740" spans="3:4" x14ac:dyDescent="0.25">
      <c r="C3740"/>
      <c r="D3740"/>
    </row>
    <row r="3741" spans="3:4" x14ac:dyDescent="0.25">
      <c r="C3741"/>
      <c r="D3741"/>
    </row>
    <row r="3742" spans="3:4" x14ac:dyDescent="0.25">
      <c r="C3742"/>
      <c r="D3742"/>
    </row>
    <row r="3743" spans="3:4" x14ac:dyDescent="0.25">
      <c r="C3743"/>
      <c r="D3743"/>
    </row>
    <row r="3744" spans="3:4" x14ac:dyDescent="0.25">
      <c r="C3744"/>
      <c r="D3744"/>
    </row>
    <row r="3745" spans="3:4" x14ac:dyDescent="0.25">
      <c r="C3745"/>
      <c r="D3745"/>
    </row>
    <row r="3746" spans="3:4" x14ac:dyDescent="0.25">
      <c r="C3746"/>
      <c r="D3746"/>
    </row>
    <row r="3747" spans="3:4" x14ac:dyDescent="0.25">
      <c r="C3747"/>
      <c r="D3747"/>
    </row>
    <row r="3748" spans="3:4" x14ac:dyDescent="0.25">
      <c r="C3748"/>
      <c r="D3748"/>
    </row>
    <row r="3749" spans="3:4" x14ac:dyDescent="0.25">
      <c r="C3749"/>
      <c r="D3749"/>
    </row>
    <row r="3750" spans="3:4" x14ac:dyDescent="0.25">
      <c r="C3750"/>
      <c r="D3750"/>
    </row>
    <row r="3751" spans="3:4" x14ac:dyDescent="0.25">
      <c r="C3751"/>
      <c r="D3751"/>
    </row>
    <row r="3752" spans="3:4" x14ac:dyDescent="0.25">
      <c r="C3752"/>
      <c r="D3752"/>
    </row>
    <row r="3753" spans="3:4" x14ac:dyDescent="0.25">
      <c r="C3753"/>
      <c r="D3753"/>
    </row>
    <row r="3754" spans="3:4" x14ac:dyDescent="0.25">
      <c r="C3754"/>
      <c r="D3754"/>
    </row>
    <row r="3755" spans="3:4" x14ac:dyDescent="0.25">
      <c r="C3755"/>
      <c r="D3755"/>
    </row>
    <row r="3756" spans="3:4" x14ac:dyDescent="0.25">
      <c r="C3756"/>
      <c r="D3756"/>
    </row>
    <row r="3757" spans="3:4" x14ac:dyDescent="0.25">
      <c r="C3757"/>
      <c r="D3757"/>
    </row>
    <row r="3758" spans="3:4" x14ac:dyDescent="0.25">
      <c r="C3758"/>
      <c r="D3758"/>
    </row>
    <row r="3759" spans="3:4" x14ac:dyDescent="0.25">
      <c r="C3759"/>
      <c r="D3759"/>
    </row>
    <row r="3760" spans="3:4" x14ac:dyDescent="0.25">
      <c r="C3760"/>
      <c r="D3760"/>
    </row>
    <row r="3761" spans="3:4" x14ac:dyDescent="0.25">
      <c r="C3761"/>
      <c r="D3761"/>
    </row>
    <row r="3762" spans="3:4" x14ac:dyDescent="0.25">
      <c r="C3762"/>
      <c r="D3762"/>
    </row>
    <row r="3763" spans="3:4" x14ac:dyDescent="0.25">
      <c r="C3763"/>
      <c r="D3763"/>
    </row>
    <row r="3764" spans="3:4" x14ac:dyDescent="0.25">
      <c r="C3764"/>
      <c r="D3764"/>
    </row>
    <row r="3765" spans="3:4" x14ac:dyDescent="0.25">
      <c r="C3765"/>
      <c r="D3765"/>
    </row>
    <row r="3766" spans="3:4" x14ac:dyDescent="0.25">
      <c r="C3766"/>
      <c r="D3766"/>
    </row>
    <row r="3767" spans="3:4" x14ac:dyDescent="0.25">
      <c r="C3767"/>
      <c r="D3767"/>
    </row>
    <row r="3768" spans="3:4" x14ac:dyDescent="0.25">
      <c r="C3768"/>
      <c r="D3768"/>
    </row>
    <row r="3769" spans="3:4" x14ac:dyDescent="0.25">
      <c r="C3769"/>
      <c r="D3769"/>
    </row>
    <row r="3770" spans="3:4" x14ac:dyDescent="0.25">
      <c r="C3770"/>
      <c r="D3770"/>
    </row>
    <row r="3771" spans="3:4" x14ac:dyDescent="0.25">
      <c r="C3771"/>
      <c r="D3771"/>
    </row>
    <row r="3772" spans="3:4" x14ac:dyDescent="0.25">
      <c r="C3772"/>
      <c r="D3772"/>
    </row>
    <row r="3773" spans="3:4" x14ac:dyDescent="0.25">
      <c r="C3773"/>
      <c r="D3773"/>
    </row>
    <row r="3774" spans="3:4" x14ac:dyDescent="0.25">
      <c r="C3774"/>
      <c r="D3774"/>
    </row>
    <row r="3775" spans="3:4" x14ac:dyDescent="0.25">
      <c r="C3775"/>
      <c r="D3775"/>
    </row>
    <row r="3776" spans="3:4" x14ac:dyDescent="0.25">
      <c r="C3776"/>
      <c r="D3776"/>
    </row>
    <row r="3777" spans="3:4" x14ac:dyDescent="0.25">
      <c r="C3777"/>
      <c r="D3777"/>
    </row>
    <row r="3778" spans="3:4" x14ac:dyDescent="0.25">
      <c r="C3778"/>
      <c r="D3778"/>
    </row>
    <row r="3779" spans="3:4" x14ac:dyDescent="0.25">
      <c r="C3779"/>
      <c r="D3779"/>
    </row>
    <row r="3780" spans="3:4" x14ac:dyDescent="0.25">
      <c r="C3780"/>
      <c r="D3780"/>
    </row>
    <row r="3781" spans="3:4" x14ac:dyDescent="0.25">
      <c r="C3781"/>
      <c r="D3781"/>
    </row>
    <row r="3782" spans="3:4" x14ac:dyDescent="0.25">
      <c r="C3782"/>
      <c r="D3782"/>
    </row>
    <row r="3783" spans="3:4" x14ac:dyDescent="0.25">
      <c r="C3783"/>
      <c r="D3783"/>
    </row>
    <row r="3784" spans="3:4" x14ac:dyDescent="0.25">
      <c r="C3784"/>
      <c r="D3784"/>
    </row>
    <row r="3785" spans="3:4" x14ac:dyDescent="0.25">
      <c r="C3785"/>
      <c r="D3785"/>
    </row>
    <row r="3786" spans="3:4" x14ac:dyDescent="0.25">
      <c r="C3786"/>
      <c r="D3786"/>
    </row>
    <row r="3787" spans="3:4" x14ac:dyDescent="0.25">
      <c r="C3787"/>
      <c r="D3787"/>
    </row>
    <row r="3788" spans="3:4" x14ac:dyDescent="0.25">
      <c r="C3788"/>
      <c r="D3788"/>
    </row>
    <row r="3789" spans="3:4" x14ac:dyDescent="0.25">
      <c r="C3789"/>
      <c r="D3789"/>
    </row>
    <row r="3790" spans="3:4" x14ac:dyDescent="0.25">
      <c r="C3790"/>
      <c r="D3790"/>
    </row>
    <row r="3791" spans="3:4" x14ac:dyDescent="0.25">
      <c r="C3791"/>
      <c r="D3791"/>
    </row>
    <row r="3792" spans="3:4" x14ac:dyDescent="0.25">
      <c r="C3792"/>
      <c r="D3792"/>
    </row>
    <row r="3793" spans="3:4" x14ac:dyDescent="0.25">
      <c r="C3793"/>
      <c r="D3793"/>
    </row>
    <row r="3794" spans="3:4" x14ac:dyDescent="0.25">
      <c r="C3794"/>
      <c r="D3794"/>
    </row>
    <row r="3795" spans="3:4" x14ac:dyDescent="0.25">
      <c r="C3795"/>
      <c r="D3795"/>
    </row>
    <row r="3796" spans="3:4" x14ac:dyDescent="0.25">
      <c r="C3796"/>
      <c r="D3796"/>
    </row>
    <row r="3797" spans="3:4" x14ac:dyDescent="0.25">
      <c r="C3797"/>
      <c r="D3797"/>
    </row>
    <row r="3798" spans="3:4" x14ac:dyDescent="0.25">
      <c r="C3798"/>
      <c r="D3798"/>
    </row>
    <row r="3799" spans="3:4" x14ac:dyDescent="0.25">
      <c r="C3799"/>
      <c r="D3799"/>
    </row>
    <row r="3800" spans="3:4" x14ac:dyDescent="0.25">
      <c r="C3800"/>
      <c r="D3800"/>
    </row>
    <row r="3801" spans="3:4" x14ac:dyDescent="0.25">
      <c r="C3801"/>
      <c r="D3801"/>
    </row>
    <row r="3802" spans="3:4" x14ac:dyDescent="0.25">
      <c r="C3802"/>
      <c r="D3802"/>
    </row>
    <row r="3803" spans="3:4" x14ac:dyDescent="0.25">
      <c r="C3803"/>
      <c r="D3803"/>
    </row>
    <row r="3804" spans="3:4" x14ac:dyDescent="0.25">
      <c r="C3804"/>
      <c r="D3804"/>
    </row>
    <row r="3805" spans="3:4" x14ac:dyDescent="0.25">
      <c r="C3805"/>
      <c r="D3805"/>
    </row>
    <row r="3806" spans="3:4" x14ac:dyDescent="0.25">
      <c r="C3806"/>
      <c r="D3806"/>
    </row>
    <row r="3807" spans="3:4" x14ac:dyDescent="0.25">
      <c r="C3807"/>
      <c r="D3807"/>
    </row>
    <row r="3808" spans="3:4" x14ac:dyDescent="0.25">
      <c r="C3808"/>
      <c r="D3808"/>
    </row>
    <row r="3809" spans="3:4" x14ac:dyDescent="0.25">
      <c r="C3809"/>
      <c r="D3809"/>
    </row>
    <row r="3810" spans="3:4" x14ac:dyDescent="0.25">
      <c r="C3810"/>
      <c r="D3810"/>
    </row>
    <row r="3811" spans="3:4" x14ac:dyDescent="0.25">
      <c r="C3811"/>
      <c r="D3811"/>
    </row>
    <row r="3812" spans="3:4" x14ac:dyDescent="0.25">
      <c r="C3812"/>
      <c r="D3812"/>
    </row>
    <row r="3813" spans="3:4" x14ac:dyDescent="0.25">
      <c r="C3813"/>
      <c r="D3813"/>
    </row>
    <row r="3814" spans="3:4" x14ac:dyDescent="0.25">
      <c r="C3814"/>
      <c r="D3814"/>
    </row>
    <row r="3815" spans="3:4" x14ac:dyDescent="0.25">
      <c r="C3815"/>
      <c r="D3815"/>
    </row>
    <row r="3816" spans="3:4" x14ac:dyDescent="0.25">
      <c r="C3816"/>
      <c r="D3816"/>
    </row>
    <row r="3817" spans="3:4" x14ac:dyDescent="0.25">
      <c r="C3817"/>
      <c r="D3817"/>
    </row>
    <row r="3818" spans="3:4" x14ac:dyDescent="0.25">
      <c r="C3818"/>
      <c r="D3818"/>
    </row>
    <row r="3819" spans="3:4" x14ac:dyDescent="0.25">
      <c r="C3819"/>
      <c r="D3819"/>
    </row>
    <row r="3820" spans="3:4" x14ac:dyDescent="0.25">
      <c r="C3820"/>
      <c r="D3820"/>
    </row>
    <row r="3821" spans="3:4" x14ac:dyDescent="0.25">
      <c r="C3821"/>
      <c r="D3821"/>
    </row>
    <row r="3822" spans="3:4" x14ac:dyDescent="0.25">
      <c r="C3822"/>
      <c r="D3822"/>
    </row>
    <row r="3823" spans="3:4" x14ac:dyDescent="0.25">
      <c r="C3823"/>
      <c r="D3823"/>
    </row>
    <row r="3824" spans="3:4" x14ac:dyDescent="0.25">
      <c r="C3824"/>
      <c r="D3824"/>
    </row>
    <row r="3825" spans="3:4" x14ac:dyDescent="0.25">
      <c r="C3825"/>
      <c r="D3825"/>
    </row>
    <row r="3826" spans="3:4" x14ac:dyDescent="0.25">
      <c r="C3826"/>
      <c r="D3826"/>
    </row>
    <row r="3827" spans="3:4" x14ac:dyDescent="0.25">
      <c r="C3827"/>
      <c r="D3827"/>
    </row>
    <row r="3828" spans="3:4" x14ac:dyDescent="0.25">
      <c r="C3828"/>
      <c r="D3828"/>
    </row>
    <row r="3829" spans="3:4" x14ac:dyDescent="0.25">
      <c r="C3829"/>
      <c r="D3829"/>
    </row>
    <row r="3830" spans="3:4" x14ac:dyDescent="0.25">
      <c r="C3830"/>
      <c r="D3830"/>
    </row>
    <row r="3831" spans="3:4" x14ac:dyDescent="0.25">
      <c r="C3831"/>
      <c r="D3831"/>
    </row>
    <row r="3832" spans="3:4" x14ac:dyDescent="0.25">
      <c r="C3832"/>
      <c r="D3832"/>
    </row>
    <row r="3833" spans="3:4" x14ac:dyDescent="0.25">
      <c r="C3833"/>
      <c r="D3833"/>
    </row>
    <row r="3834" spans="3:4" x14ac:dyDescent="0.25">
      <c r="C3834"/>
      <c r="D3834"/>
    </row>
    <row r="3835" spans="3:4" x14ac:dyDescent="0.25">
      <c r="C3835"/>
      <c r="D3835"/>
    </row>
    <row r="3836" spans="3:4" x14ac:dyDescent="0.25">
      <c r="C3836"/>
      <c r="D3836"/>
    </row>
    <row r="3837" spans="3:4" x14ac:dyDescent="0.25">
      <c r="C3837"/>
      <c r="D3837"/>
    </row>
    <row r="3838" spans="3:4" x14ac:dyDescent="0.25">
      <c r="C3838"/>
      <c r="D3838"/>
    </row>
    <row r="3839" spans="3:4" x14ac:dyDescent="0.25">
      <c r="C3839"/>
      <c r="D3839"/>
    </row>
    <row r="3840" spans="3:4" x14ac:dyDescent="0.25">
      <c r="C3840"/>
      <c r="D3840"/>
    </row>
    <row r="3841" spans="3:4" x14ac:dyDescent="0.25">
      <c r="C3841"/>
      <c r="D3841"/>
    </row>
    <row r="3842" spans="3:4" x14ac:dyDescent="0.25">
      <c r="C3842"/>
      <c r="D3842"/>
    </row>
    <row r="3843" spans="3:4" x14ac:dyDescent="0.25">
      <c r="C3843"/>
      <c r="D3843"/>
    </row>
    <row r="3844" spans="3:4" x14ac:dyDescent="0.25">
      <c r="C3844"/>
      <c r="D3844"/>
    </row>
    <row r="3845" spans="3:4" x14ac:dyDescent="0.25">
      <c r="C3845"/>
      <c r="D3845"/>
    </row>
    <row r="3846" spans="3:4" x14ac:dyDescent="0.25">
      <c r="C3846"/>
      <c r="D3846"/>
    </row>
    <row r="3847" spans="3:4" x14ac:dyDescent="0.25">
      <c r="C3847"/>
      <c r="D3847"/>
    </row>
    <row r="3848" spans="3:4" x14ac:dyDescent="0.25">
      <c r="C3848"/>
      <c r="D3848"/>
    </row>
    <row r="3849" spans="3:4" x14ac:dyDescent="0.25">
      <c r="C3849"/>
      <c r="D3849"/>
    </row>
    <row r="3850" spans="3:4" x14ac:dyDescent="0.25">
      <c r="C3850"/>
      <c r="D3850"/>
    </row>
    <row r="3851" spans="3:4" x14ac:dyDescent="0.25">
      <c r="C3851"/>
      <c r="D3851"/>
    </row>
    <row r="3852" spans="3:4" x14ac:dyDescent="0.25">
      <c r="C3852"/>
      <c r="D3852"/>
    </row>
    <row r="3853" spans="3:4" x14ac:dyDescent="0.25">
      <c r="C3853"/>
      <c r="D3853"/>
    </row>
    <row r="3854" spans="3:4" x14ac:dyDescent="0.25">
      <c r="C3854"/>
      <c r="D3854"/>
    </row>
    <row r="3855" spans="3:4" x14ac:dyDescent="0.25">
      <c r="C3855"/>
      <c r="D3855"/>
    </row>
    <row r="3856" spans="3:4" x14ac:dyDescent="0.25">
      <c r="C3856"/>
      <c r="D3856"/>
    </row>
    <row r="3857" spans="3:4" x14ac:dyDescent="0.25">
      <c r="C3857"/>
      <c r="D3857"/>
    </row>
    <row r="3858" spans="3:4" x14ac:dyDescent="0.25">
      <c r="C3858"/>
      <c r="D3858"/>
    </row>
    <row r="3859" spans="3:4" x14ac:dyDescent="0.25">
      <c r="C3859"/>
      <c r="D3859"/>
    </row>
    <row r="3860" spans="3:4" x14ac:dyDescent="0.25">
      <c r="C3860"/>
      <c r="D3860"/>
    </row>
    <row r="3861" spans="3:4" x14ac:dyDescent="0.25">
      <c r="C3861"/>
      <c r="D3861"/>
    </row>
    <row r="3862" spans="3:4" x14ac:dyDescent="0.25">
      <c r="C3862"/>
      <c r="D3862"/>
    </row>
    <row r="3863" spans="3:4" x14ac:dyDescent="0.25">
      <c r="C3863"/>
      <c r="D3863"/>
    </row>
    <row r="3864" spans="3:4" x14ac:dyDescent="0.25">
      <c r="C3864"/>
      <c r="D3864"/>
    </row>
    <row r="3865" spans="3:4" x14ac:dyDescent="0.25">
      <c r="C3865"/>
      <c r="D3865"/>
    </row>
    <row r="3866" spans="3:4" x14ac:dyDescent="0.25">
      <c r="C3866"/>
      <c r="D3866"/>
    </row>
    <row r="3867" spans="3:4" x14ac:dyDescent="0.25">
      <c r="C3867"/>
      <c r="D3867"/>
    </row>
    <row r="3868" spans="3:4" x14ac:dyDescent="0.25">
      <c r="C3868"/>
      <c r="D3868"/>
    </row>
    <row r="3869" spans="3:4" x14ac:dyDescent="0.25">
      <c r="C3869"/>
      <c r="D3869"/>
    </row>
    <row r="3870" spans="3:4" x14ac:dyDescent="0.25">
      <c r="C3870"/>
      <c r="D3870"/>
    </row>
    <row r="3871" spans="3:4" x14ac:dyDescent="0.25">
      <c r="C3871"/>
      <c r="D3871"/>
    </row>
    <row r="3872" spans="3:4" x14ac:dyDescent="0.25">
      <c r="C3872"/>
      <c r="D3872"/>
    </row>
    <row r="3873" spans="3:4" x14ac:dyDescent="0.25">
      <c r="C3873"/>
      <c r="D3873"/>
    </row>
    <row r="3874" spans="3:4" x14ac:dyDescent="0.25">
      <c r="C3874"/>
      <c r="D3874"/>
    </row>
    <row r="3875" spans="3:4" x14ac:dyDescent="0.25">
      <c r="C3875"/>
      <c r="D3875"/>
    </row>
    <row r="3876" spans="3:4" x14ac:dyDescent="0.25">
      <c r="C3876"/>
      <c r="D3876"/>
    </row>
    <row r="3877" spans="3:4" x14ac:dyDescent="0.25">
      <c r="C3877"/>
      <c r="D3877"/>
    </row>
    <row r="3878" spans="3:4" x14ac:dyDescent="0.25">
      <c r="C3878"/>
      <c r="D3878"/>
    </row>
    <row r="3879" spans="3:4" x14ac:dyDescent="0.25">
      <c r="C3879"/>
      <c r="D3879"/>
    </row>
    <row r="3880" spans="3:4" x14ac:dyDescent="0.25">
      <c r="C3880"/>
      <c r="D3880"/>
    </row>
    <row r="3881" spans="3:4" x14ac:dyDescent="0.25">
      <c r="C3881"/>
      <c r="D3881"/>
    </row>
    <row r="3882" spans="3:4" x14ac:dyDescent="0.25">
      <c r="C3882"/>
      <c r="D3882"/>
    </row>
    <row r="3883" spans="3:4" x14ac:dyDescent="0.25">
      <c r="C3883"/>
      <c r="D3883"/>
    </row>
    <row r="3884" spans="3:4" x14ac:dyDescent="0.25">
      <c r="C3884"/>
      <c r="D3884"/>
    </row>
    <row r="3885" spans="3:4" x14ac:dyDescent="0.25">
      <c r="C3885"/>
      <c r="D3885"/>
    </row>
    <row r="3886" spans="3:4" x14ac:dyDescent="0.25">
      <c r="C3886"/>
      <c r="D3886"/>
    </row>
    <row r="3887" spans="3:4" x14ac:dyDescent="0.25">
      <c r="C3887"/>
      <c r="D3887"/>
    </row>
    <row r="3888" spans="3:4" x14ac:dyDescent="0.25">
      <c r="C3888"/>
      <c r="D3888"/>
    </row>
    <row r="3889" spans="3:4" x14ac:dyDescent="0.25">
      <c r="C3889"/>
      <c r="D3889"/>
    </row>
    <row r="3890" spans="3:4" x14ac:dyDescent="0.25">
      <c r="C3890"/>
      <c r="D3890"/>
    </row>
    <row r="3891" spans="3:4" x14ac:dyDescent="0.25">
      <c r="C3891"/>
      <c r="D3891"/>
    </row>
    <row r="3892" spans="3:4" x14ac:dyDescent="0.25">
      <c r="C3892"/>
      <c r="D3892"/>
    </row>
    <row r="3893" spans="3:4" x14ac:dyDescent="0.25">
      <c r="C3893"/>
      <c r="D3893"/>
    </row>
    <row r="3894" spans="3:4" x14ac:dyDescent="0.25">
      <c r="C3894"/>
      <c r="D3894"/>
    </row>
    <row r="3895" spans="3:4" x14ac:dyDescent="0.25">
      <c r="C3895"/>
      <c r="D3895"/>
    </row>
    <row r="3896" spans="3:4" x14ac:dyDescent="0.25">
      <c r="C3896"/>
      <c r="D3896"/>
    </row>
    <row r="3897" spans="3:4" x14ac:dyDescent="0.25">
      <c r="C3897"/>
      <c r="D3897"/>
    </row>
    <row r="3898" spans="3:4" x14ac:dyDescent="0.25">
      <c r="C3898"/>
      <c r="D3898"/>
    </row>
    <row r="3899" spans="3:4" x14ac:dyDescent="0.25">
      <c r="C3899"/>
      <c r="D3899"/>
    </row>
    <row r="3900" spans="3:4" x14ac:dyDescent="0.25">
      <c r="C3900"/>
      <c r="D3900"/>
    </row>
    <row r="3901" spans="3:4" x14ac:dyDescent="0.25">
      <c r="C3901"/>
      <c r="D3901"/>
    </row>
    <row r="3902" spans="3:4" x14ac:dyDescent="0.25">
      <c r="C3902"/>
      <c r="D3902"/>
    </row>
    <row r="3903" spans="3:4" x14ac:dyDescent="0.25">
      <c r="C3903"/>
      <c r="D3903"/>
    </row>
    <row r="3904" spans="3:4" x14ac:dyDescent="0.25">
      <c r="C3904"/>
      <c r="D3904"/>
    </row>
    <row r="3905" spans="3:4" x14ac:dyDescent="0.25">
      <c r="C3905"/>
      <c r="D3905"/>
    </row>
    <row r="3906" spans="3:4" x14ac:dyDescent="0.25">
      <c r="C3906"/>
      <c r="D3906"/>
    </row>
    <row r="3907" spans="3:4" x14ac:dyDescent="0.25">
      <c r="C3907"/>
      <c r="D3907"/>
    </row>
    <row r="3908" spans="3:4" x14ac:dyDescent="0.25">
      <c r="C3908"/>
      <c r="D3908"/>
    </row>
    <row r="3909" spans="3:4" x14ac:dyDescent="0.25">
      <c r="C3909"/>
      <c r="D3909"/>
    </row>
    <row r="3910" spans="3:4" x14ac:dyDescent="0.25">
      <c r="C3910"/>
      <c r="D3910"/>
    </row>
    <row r="3911" spans="3:4" x14ac:dyDescent="0.25">
      <c r="C3911"/>
      <c r="D3911"/>
    </row>
    <row r="3912" spans="3:4" x14ac:dyDescent="0.25">
      <c r="C3912"/>
      <c r="D3912"/>
    </row>
    <row r="3913" spans="3:4" x14ac:dyDescent="0.25">
      <c r="C3913"/>
      <c r="D3913"/>
    </row>
    <row r="3914" spans="3:4" x14ac:dyDescent="0.25">
      <c r="C3914"/>
      <c r="D3914"/>
    </row>
    <row r="3915" spans="3:4" x14ac:dyDescent="0.25">
      <c r="C3915"/>
      <c r="D3915"/>
    </row>
    <row r="3916" spans="3:4" x14ac:dyDescent="0.25">
      <c r="C3916"/>
      <c r="D3916"/>
    </row>
    <row r="3917" spans="3:4" x14ac:dyDescent="0.25">
      <c r="C3917"/>
      <c r="D3917"/>
    </row>
    <row r="3918" spans="3:4" x14ac:dyDescent="0.25">
      <c r="C3918"/>
      <c r="D3918"/>
    </row>
    <row r="3919" spans="3:4" x14ac:dyDescent="0.25">
      <c r="C3919"/>
      <c r="D3919"/>
    </row>
    <row r="3920" spans="3:4" x14ac:dyDescent="0.25">
      <c r="C3920"/>
      <c r="D3920"/>
    </row>
    <row r="3921" spans="3:4" x14ac:dyDescent="0.25">
      <c r="C3921"/>
      <c r="D3921"/>
    </row>
    <row r="3922" spans="3:4" x14ac:dyDescent="0.25">
      <c r="C3922"/>
      <c r="D3922"/>
    </row>
    <row r="3923" spans="3:4" x14ac:dyDescent="0.25">
      <c r="C3923"/>
      <c r="D3923"/>
    </row>
    <row r="3924" spans="3:4" x14ac:dyDescent="0.25">
      <c r="C3924"/>
      <c r="D3924"/>
    </row>
    <row r="3925" spans="3:4" x14ac:dyDescent="0.25">
      <c r="C3925"/>
      <c r="D3925"/>
    </row>
    <row r="3926" spans="3:4" x14ac:dyDescent="0.25">
      <c r="C3926"/>
      <c r="D3926"/>
    </row>
    <row r="3927" spans="3:4" x14ac:dyDescent="0.25">
      <c r="C3927"/>
      <c r="D3927"/>
    </row>
    <row r="3928" spans="3:4" x14ac:dyDescent="0.25">
      <c r="C3928"/>
      <c r="D3928"/>
    </row>
    <row r="3929" spans="3:4" x14ac:dyDescent="0.25">
      <c r="C3929"/>
      <c r="D3929"/>
    </row>
    <row r="3930" spans="3:4" x14ac:dyDescent="0.25">
      <c r="C3930"/>
      <c r="D3930"/>
    </row>
    <row r="3931" spans="3:4" x14ac:dyDescent="0.25">
      <c r="C3931"/>
      <c r="D3931"/>
    </row>
    <row r="3932" spans="3:4" x14ac:dyDescent="0.25">
      <c r="C3932"/>
      <c r="D3932"/>
    </row>
    <row r="3933" spans="3:4" x14ac:dyDescent="0.25">
      <c r="C3933"/>
      <c r="D3933"/>
    </row>
    <row r="3934" spans="3:4" x14ac:dyDescent="0.25">
      <c r="C3934"/>
      <c r="D3934"/>
    </row>
    <row r="3935" spans="3:4" x14ac:dyDescent="0.25">
      <c r="C3935"/>
      <c r="D3935"/>
    </row>
    <row r="3936" spans="3:4" x14ac:dyDescent="0.25">
      <c r="C3936"/>
      <c r="D3936"/>
    </row>
    <row r="3937" spans="3:4" x14ac:dyDescent="0.25">
      <c r="C3937"/>
      <c r="D3937"/>
    </row>
    <row r="3938" spans="3:4" x14ac:dyDescent="0.25">
      <c r="C3938"/>
      <c r="D3938"/>
    </row>
    <row r="3939" spans="3:4" x14ac:dyDescent="0.25">
      <c r="C3939"/>
      <c r="D3939"/>
    </row>
    <row r="3940" spans="3:4" x14ac:dyDescent="0.25">
      <c r="C3940"/>
      <c r="D3940"/>
    </row>
    <row r="3941" spans="3:4" x14ac:dyDescent="0.25">
      <c r="C3941"/>
      <c r="D3941"/>
    </row>
    <row r="3942" spans="3:4" x14ac:dyDescent="0.25">
      <c r="C3942"/>
      <c r="D3942"/>
    </row>
    <row r="3943" spans="3:4" x14ac:dyDescent="0.25">
      <c r="C3943"/>
      <c r="D3943"/>
    </row>
    <row r="3944" spans="3:4" x14ac:dyDescent="0.25">
      <c r="C3944"/>
      <c r="D3944"/>
    </row>
    <row r="3945" spans="3:4" x14ac:dyDescent="0.25">
      <c r="C3945"/>
      <c r="D3945"/>
    </row>
    <row r="3946" spans="3:4" x14ac:dyDescent="0.25">
      <c r="C3946"/>
      <c r="D3946"/>
    </row>
    <row r="3947" spans="3:4" x14ac:dyDescent="0.25">
      <c r="C3947"/>
      <c r="D3947"/>
    </row>
    <row r="3948" spans="3:4" x14ac:dyDescent="0.25">
      <c r="C3948"/>
      <c r="D3948"/>
    </row>
    <row r="3949" spans="3:4" x14ac:dyDescent="0.25">
      <c r="C3949"/>
      <c r="D3949"/>
    </row>
    <row r="3950" spans="3:4" x14ac:dyDescent="0.25">
      <c r="C3950"/>
      <c r="D3950"/>
    </row>
    <row r="3951" spans="3:4" x14ac:dyDescent="0.25">
      <c r="C3951"/>
      <c r="D3951"/>
    </row>
    <row r="3952" spans="3:4" x14ac:dyDescent="0.25">
      <c r="C3952"/>
      <c r="D3952"/>
    </row>
    <row r="3953" spans="3:4" x14ac:dyDescent="0.25">
      <c r="C3953"/>
      <c r="D3953"/>
    </row>
    <row r="3954" spans="3:4" x14ac:dyDescent="0.25">
      <c r="C3954"/>
      <c r="D3954"/>
    </row>
    <row r="3955" spans="3:4" x14ac:dyDescent="0.25">
      <c r="C3955"/>
      <c r="D3955"/>
    </row>
    <row r="3956" spans="3:4" x14ac:dyDescent="0.25">
      <c r="C3956"/>
      <c r="D3956"/>
    </row>
    <row r="3957" spans="3:4" x14ac:dyDescent="0.25">
      <c r="C3957"/>
      <c r="D3957"/>
    </row>
    <row r="3958" spans="3:4" x14ac:dyDescent="0.25">
      <c r="C3958"/>
      <c r="D3958"/>
    </row>
    <row r="3959" spans="3:4" x14ac:dyDescent="0.25">
      <c r="C3959"/>
      <c r="D3959"/>
    </row>
    <row r="3960" spans="3:4" x14ac:dyDescent="0.25">
      <c r="C3960"/>
      <c r="D3960"/>
    </row>
    <row r="3961" spans="3:4" x14ac:dyDescent="0.25">
      <c r="C3961"/>
      <c r="D3961"/>
    </row>
    <row r="3962" spans="3:4" x14ac:dyDescent="0.25">
      <c r="C3962"/>
      <c r="D3962"/>
    </row>
    <row r="3963" spans="3:4" x14ac:dyDescent="0.25">
      <c r="C3963"/>
      <c r="D3963"/>
    </row>
    <row r="3964" spans="3:4" x14ac:dyDescent="0.25">
      <c r="C3964"/>
      <c r="D3964"/>
    </row>
    <row r="3965" spans="3:4" x14ac:dyDescent="0.25">
      <c r="C3965"/>
      <c r="D3965"/>
    </row>
    <row r="3966" spans="3:4" x14ac:dyDescent="0.25">
      <c r="C3966"/>
      <c r="D3966"/>
    </row>
    <row r="3967" spans="3:4" x14ac:dyDescent="0.25">
      <c r="C3967"/>
      <c r="D3967"/>
    </row>
    <row r="3968" spans="3:4" x14ac:dyDescent="0.25">
      <c r="C3968"/>
      <c r="D3968"/>
    </row>
    <row r="3969" spans="3:4" x14ac:dyDescent="0.25">
      <c r="C3969"/>
      <c r="D3969"/>
    </row>
    <row r="3970" spans="3:4" x14ac:dyDescent="0.25">
      <c r="C3970"/>
      <c r="D3970"/>
    </row>
    <row r="3971" spans="3:4" x14ac:dyDescent="0.25">
      <c r="C3971"/>
      <c r="D3971"/>
    </row>
    <row r="3972" spans="3:4" x14ac:dyDescent="0.25">
      <c r="C3972"/>
      <c r="D3972"/>
    </row>
    <row r="3973" spans="3:4" x14ac:dyDescent="0.25">
      <c r="C3973"/>
      <c r="D3973"/>
    </row>
    <row r="3974" spans="3:4" x14ac:dyDescent="0.25">
      <c r="C3974"/>
      <c r="D3974"/>
    </row>
    <row r="3975" spans="3:4" x14ac:dyDescent="0.25">
      <c r="C3975"/>
      <c r="D3975"/>
    </row>
    <row r="3976" spans="3:4" x14ac:dyDescent="0.25">
      <c r="C3976"/>
      <c r="D3976"/>
    </row>
    <row r="3977" spans="3:4" x14ac:dyDescent="0.25">
      <c r="C3977"/>
      <c r="D3977"/>
    </row>
    <row r="3978" spans="3:4" x14ac:dyDescent="0.25">
      <c r="C3978"/>
      <c r="D3978"/>
    </row>
    <row r="3979" spans="3:4" x14ac:dyDescent="0.25">
      <c r="C3979"/>
      <c r="D3979"/>
    </row>
    <row r="3980" spans="3:4" x14ac:dyDescent="0.25">
      <c r="C3980"/>
      <c r="D3980"/>
    </row>
    <row r="3981" spans="3:4" x14ac:dyDescent="0.25">
      <c r="C3981"/>
      <c r="D3981"/>
    </row>
    <row r="3982" spans="3:4" x14ac:dyDescent="0.25">
      <c r="C3982"/>
      <c r="D3982"/>
    </row>
    <row r="3983" spans="3:4" x14ac:dyDescent="0.25">
      <c r="C3983"/>
      <c r="D3983"/>
    </row>
    <row r="3984" spans="3:4" x14ac:dyDescent="0.25">
      <c r="C3984"/>
      <c r="D3984"/>
    </row>
    <row r="3985" spans="3:4" x14ac:dyDescent="0.25">
      <c r="C3985"/>
      <c r="D3985"/>
    </row>
    <row r="3986" spans="3:4" x14ac:dyDescent="0.25">
      <c r="C3986"/>
      <c r="D3986"/>
    </row>
    <row r="3987" spans="3:4" x14ac:dyDescent="0.25">
      <c r="C3987"/>
      <c r="D3987"/>
    </row>
    <row r="3988" spans="3:4" x14ac:dyDescent="0.25">
      <c r="C3988"/>
      <c r="D3988"/>
    </row>
    <row r="3989" spans="3:4" x14ac:dyDescent="0.25">
      <c r="C3989"/>
      <c r="D3989"/>
    </row>
    <row r="3990" spans="3:4" x14ac:dyDescent="0.25">
      <c r="C3990"/>
      <c r="D3990"/>
    </row>
    <row r="3991" spans="3:4" x14ac:dyDescent="0.25">
      <c r="C3991"/>
      <c r="D3991"/>
    </row>
    <row r="3992" spans="3:4" x14ac:dyDescent="0.25">
      <c r="C3992"/>
      <c r="D3992"/>
    </row>
    <row r="3993" spans="3:4" x14ac:dyDescent="0.25">
      <c r="C3993"/>
      <c r="D3993"/>
    </row>
    <row r="3994" spans="3:4" x14ac:dyDescent="0.25">
      <c r="C3994"/>
      <c r="D3994"/>
    </row>
    <row r="3995" spans="3:4" x14ac:dyDescent="0.25">
      <c r="C3995"/>
      <c r="D3995"/>
    </row>
    <row r="3996" spans="3:4" x14ac:dyDescent="0.25">
      <c r="C3996"/>
      <c r="D3996"/>
    </row>
    <row r="3997" spans="3:4" x14ac:dyDescent="0.25">
      <c r="C3997"/>
      <c r="D3997"/>
    </row>
    <row r="3998" spans="3:4" x14ac:dyDescent="0.25">
      <c r="C3998"/>
      <c r="D3998"/>
    </row>
    <row r="3999" spans="3:4" x14ac:dyDescent="0.25">
      <c r="C3999"/>
      <c r="D3999"/>
    </row>
    <row r="4000" spans="3:4" x14ac:dyDescent="0.25">
      <c r="C4000"/>
      <c r="D4000"/>
    </row>
    <row r="4001" spans="3:4" x14ac:dyDescent="0.25">
      <c r="C4001"/>
      <c r="D4001"/>
    </row>
    <row r="4002" spans="3:4" x14ac:dyDescent="0.25">
      <c r="C4002"/>
      <c r="D4002"/>
    </row>
    <row r="4003" spans="3:4" x14ac:dyDescent="0.25">
      <c r="C4003"/>
      <c r="D4003"/>
    </row>
    <row r="4004" spans="3:4" x14ac:dyDescent="0.25">
      <c r="C4004"/>
      <c r="D4004"/>
    </row>
    <row r="4005" spans="3:4" x14ac:dyDescent="0.25">
      <c r="C4005"/>
      <c r="D4005"/>
    </row>
    <row r="4006" spans="3:4" x14ac:dyDescent="0.25">
      <c r="C4006"/>
      <c r="D4006"/>
    </row>
    <row r="4007" spans="3:4" x14ac:dyDescent="0.25">
      <c r="C4007"/>
      <c r="D4007"/>
    </row>
    <row r="4008" spans="3:4" x14ac:dyDescent="0.25">
      <c r="C4008"/>
      <c r="D4008"/>
    </row>
    <row r="4009" spans="3:4" x14ac:dyDescent="0.25">
      <c r="C4009"/>
      <c r="D4009"/>
    </row>
    <row r="4010" spans="3:4" x14ac:dyDescent="0.25">
      <c r="C4010"/>
      <c r="D4010"/>
    </row>
    <row r="4011" spans="3:4" x14ac:dyDescent="0.25">
      <c r="C4011"/>
      <c r="D4011"/>
    </row>
    <row r="4012" spans="3:4" x14ac:dyDescent="0.25">
      <c r="C4012"/>
      <c r="D4012"/>
    </row>
    <row r="4013" spans="3:4" x14ac:dyDescent="0.25">
      <c r="C4013"/>
      <c r="D4013"/>
    </row>
    <row r="4014" spans="3:4" x14ac:dyDescent="0.25">
      <c r="C4014"/>
      <c r="D4014"/>
    </row>
    <row r="4015" spans="3:4" x14ac:dyDescent="0.25">
      <c r="C4015"/>
      <c r="D4015"/>
    </row>
    <row r="4016" spans="3:4" x14ac:dyDescent="0.25">
      <c r="C4016"/>
      <c r="D4016"/>
    </row>
    <row r="4017" spans="3:4" x14ac:dyDescent="0.25">
      <c r="C4017"/>
      <c r="D4017"/>
    </row>
    <row r="4018" spans="3:4" x14ac:dyDescent="0.25">
      <c r="C4018"/>
      <c r="D4018"/>
    </row>
    <row r="4019" spans="3:4" x14ac:dyDescent="0.25">
      <c r="C4019"/>
      <c r="D4019"/>
    </row>
    <row r="4020" spans="3:4" x14ac:dyDescent="0.25">
      <c r="C4020"/>
      <c r="D4020"/>
    </row>
    <row r="4021" spans="3:4" x14ac:dyDescent="0.25">
      <c r="C4021"/>
      <c r="D4021"/>
    </row>
    <row r="4022" spans="3:4" x14ac:dyDescent="0.25">
      <c r="C4022"/>
      <c r="D4022"/>
    </row>
    <row r="4023" spans="3:4" x14ac:dyDescent="0.25">
      <c r="C4023"/>
      <c r="D4023"/>
    </row>
    <row r="4024" spans="3:4" x14ac:dyDescent="0.25">
      <c r="C4024"/>
      <c r="D4024"/>
    </row>
    <row r="4025" spans="3:4" x14ac:dyDescent="0.25">
      <c r="C4025"/>
      <c r="D4025"/>
    </row>
    <row r="4026" spans="3:4" x14ac:dyDescent="0.25">
      <c r="C4026"/>
      <c r="D4026"/>
    </row>
    <row r="4027" spans="3:4" x14ac:dyDescent="0.25">
      <c r="C4027"/>
      <c r="D4027"/>
    </row>
    <row r="4028" spans="3:4" x14ac:dyDescent="0.25">
      <c r="C4028"/>
      <c r="D4028"/>
    </row>
    <row r="4029" spans="3:4" x14ac:dyDescent="0.25">
      <c r="C4029"/>
      <c r="D4029"/>
    </row>
    <row r="4030" spans="3:4" x14ac:dyDescent="0.25">
      <c r="C4030"/>
      <c r="D4030"/>
    </row>
    <row r="4031" spans="3:4" x14ac:dyDescent="0.25">
      <c r="C4031"/>
      <c r="D4031"/>
    </row>
    <row r="4032" spans="3:4" x14ac:dyDescent="0.25">
      <c r="C4032"/>
      <c r="D4032"/>
    </row>
    <row r="4033" spans="3:4" x14ac:dyDescent="0.25">
      <c r="C4033"/>
      <c r="D4033"/>
    </row>
    <row r="4034" spans="3:4" x14ac:dyDescent="0.25">
      <c r="C4034"/>
      <c r="D4034"/>
    </row>
    <row r="4035" spans="3:4" x14ac:dyDescent="0.25">
      <c r="C4035"/>
      <c r="D4035"/>
    </row>
    <row r="4036" spans="3:4" x14ac:dyDescent="0.25">
      <c r="C4036"/>
      <c r="D4036"/>
    </row>
    <row r="4037" spans="3:4" x14ac:dyDescent="0.25">
      <c r="C4037"/>
      <c r="D4037"/>
    </row>
    <row r="4038" spans="3:4" x14ac:dyDescent="0.25">
      <c r="C4038"/>
      <c r="D4038"/>
    </row>
    <row r="4039" spans="3:4" x14ac:dyDescent="0.25">
      <c r="C4039"/>
      <c r="D4039"/>
    </row>
    <row r="4040" spans="3:4" x14ac:dyDescent="0.25">
      <c r="C4040"/>
      <c r="D4040"/>
    </row>
    <row r="4041" spans="3:4" x14ac:dyDescent="0.25">
      <c r="C4041"/>
      <c r="D4041"/>
    </row>
    <row r="4042" spans="3:4" x14ac:dyDescent="0.25">
      <c r="C4042"/>
      <c r="D4042"/>
    </row>
    <row r="4043" spans="3:4" x14ac:dyDescent="0.25">
      <c r="C4043"/>
      <c r="D4043"/>
    </row>
    <row r="4044" spans="3:4" x14ac:dyDescent="0.25">
      <c r="C4044"/>
      <c r="D4044"/>
    </row>
    <row r="4045" spans="3:4" x14ac:dyDescent="0.25">
      <c r="C4045"/>
      <c r="D4045"/>
    </row>
    <row r="4046" spans="3:4" x14ac:dyDescent="0.25">
      <c r="C4046"/>
      <c r="D4046"/>
    </row>
    <row r="4047" spans="3:4" x14ac:dyDescent="0.25">
      <c r="C4047"/>
      <c r="D4047"/>
    </row>
    <row r="4048" spans="3:4" x14ac:dyDescent="0.25">
      <c r="C4048"/>
      <c r="D4048"/>
    </row>
    <row r="4049" spans="3:4" x14ac:dyDescent="0.25">
      <c r="C4049"/>
      <c r="D4049"/>
    </row>
    <row r="4050" spans="3:4" x14ac:dyDescent="0.25">
      <c r="C4050"/>
      <c r="D4050"/>
    </row>
    <row r="4051" spans="3:4" x14ac:dyDescent="0.25">
      <c r="C4051"/>
      <c r="D4051"/>
    </row>
    <row r="4052" spans="3:4" x14ac:dyDescent="0.25">
      <c r="C4052"/>
      <c r="D4052"/>
    </row>
    <row r="4053" spans="3:4" x14ac:dyDescent="0.25">
      <c r="C4053"/>
      <c r="D4053"/>
    </row>
    <row r="4054" spans="3:4" x14ac:dyDescent="0.25">
      <c r="C4054"/>
      <c r="D4054"/>
    </row>
    <row r="4055" spans="3:4" x14ac:dyDescent="0.25">
      <c r="C4055"/>
      <c r="D4055"/>
    </row>
    <row r="4056" spans="3:4" x14ac:dyDescent="0.25">
      <c r="C4056"/>
      <c r="D4056"/>
    </row>
    <row r="4057" spans="3:4" x14ac:dyDescent="0.25">
      <c r="C4057"/>
      <c r="D4057"/>
    </row>
    <row r="4058" spans="3:4" x14ac:dyDescent="0.25">
      <c r="C4058"/>
      <c r="D4058"/>
    </row>
    <row r="4059" spans="3:4" x14ac:dyDescent="0.25">
      <c r="C4059"/>
      <c r="D4059"/>
    </row>
    <row r="4060" spans="3:4" x14ac:dyDescent="0.25">
      <c r="C4060"/>
      <c r="D4060"/>
    </row>
    <row r="4061" spans="3:4" x14ac:dyDescent="0.25">
      <c r="C4061"/>
      <c r="D4061"/>
    </row>
    <row r="4062" spans="3:4" x14ac:dyDescent="0.25">
      <c r="C4062"/>
      <c r="D4062"/>
    </row>
    <row r="4063" spans="3:4" x14ac:dyDescent="0.25">
      <c r="C4063"/>
      <c r="D4063"/>
    </row>
    <row r="4064" spans="3:4" x14ac:dyDescent="0.25">
      <c r="C4064"/>
      <c r="D4064"/>
    </row>
    <row r="4065" spans="3:4" x14ac:dyDescent="0.25">
      <c r="C4065"/>
      <c r="D4065"/>
    </row>
    <row r="4066" spans="3:4" x14ac:dyDescent="0.25">
      <c r="C4066"/>
      <c r="D4066"/>
    </row>
    <row r="4067" spans="3:4" x14ac:dyDescent="0.25">
      <c r="C4067"/>
      <c r="D4067"/>
    </row>
    <row r="4068" spans="3:4" x14ac:dyDescent="0.25">
      <c r="C4068"/>
      <c r="D4068"/>
    </row>
    <row r="4069" spans="3:4" x14ac:dyDescent="0.25">
      <c r="C4069"/>
      <c r="D4069"/>
    </row>
    <row r="4070" spans="3:4" x14ac:dyDescent="0.25">
      <c r="C4070"/>
      <c r="D4070"/>
    </row>
    <row r="4071" spans="3:4" x14ac:dyDescent="0.25">
      <c r="C4071"/>
      <c r="D4071"/>
    </row>
    <row r="4072" spans="3:4" x14ac:dyDescent="0.25">
      <c r="C4072"/>
      <c r="D4072"/>
    </row>
    <row r="4073" spans="3:4" x14ac:dyDescent="0.25">
      <c r="C4073"/>
      <c r="D4073"/>
    </row>
    <row r="4074" spans="3:4" x14ac:dyDescent="0.25">
      <c r="C4074"/>
      <c r="D4074"/>
    </row>
    <row r="4075" spans="3:4" x14ac:dyDescent="0.25">
      <c r="C4075"/>
      <c r="D4075"/>
    </row>
    <row r="4076" spans="3:4" x14ac:dyDescent="0.25">
      <c r="C4076"/>
      <c r="D4076"/>
    </row>
    <row r="4077" spans="3:4" x14ac:dyDescent="0.25">
      <c r="C4077"/>
      <c r="D4077"/>
    </row>
    <row r="4078" spans="3:4" x14ac:dyDescent="0.25">
      <c r="C4078"/>
      <c r="D4078"/>
    </row>
    <row r="4079" spans="3:4" x14ac:dyDescent="0.25">
      <c r="C4079"/>
      <c r="D4079"/>
    </row>
    <row r="4080" spans="3:4" x14ac:dyDescent="0.25">
      <c r="C4080"/>
      <c r="D4080"/>
    </row>
    <row r="4081" spans="3:4" x14ac:dyDescent="0.25">
      <c r="C4081"/>
      <c r="D4081"/>
    </row>
    <row r="4082" spans="3:4" x14ac:dyDescent="0.25">
      <c r="C4082"/>
      <c r="D4082"/>
    </row>
    <row r="4083" spans="3:4" x14ac:dyDescent="0.25">
      <c r="C4083"/>
      <c r="D4083"/>
    </row>
    <row r="4084" spans="3:4" x14ac:dyDescent="0.25">
      <c r="C4084"/>
      <c r="D4084"/>
    </row>
    <row r="4085" spans="3:4" x14ac:dyDescent="0.25">
      <c r="C4085"/>
      <c r="D4085"/>
    </row>
    <row r="4086" spans="3:4" x14ac:dyDescent="0.25">
      <c r="C4086"/>
      <c r="D4086"/>
    </row>
    <row r="4087" spans="3:4" x14ac:dyDescent="0.25">
      <c r="C4087"/>
      <c r="D4087"/>
    </row>
    <row r="4088" spans="3:4" x14ac:dyDescent="0.25">
      <c r="C4088"/>
      <c r="D4088"/>
    </row>
    <row r="4089" spans="3:4" x14ac:dyDescent="0.25">
      <c r="C4089"/>
      <c r="D4089"/>
    </row>
    <row r="4090" spans="3:4" x14ac:dyDescent="0.25">
      <c r="C4090"/>
      <c r="D4090"/>
    </row>
    <row r="4091" spans="3:4" x14ac:dyDescent="0.25">
      <c r="C4091"/>
      <c r="D4091"/>
    </row>
    <row r="4092" spans="3:4" x14ac:dyDescent="0.25">
      <c r="C4092"/>
      <c r="D4092"/>
    </row>
    <row r="4093" spans="3:4" x14ac:dyDescent="0.25">
      <c r="C4093"/>
      <c r="D4093"/>
    </row>
    <row r="4094" spans="3:4" x14ac:dyDescent="0.25">
      <c r="C4094"/>
      <c r="D4094"/>
    </row>
    <row r="4095" spans="3:4" x14ac:dyDescent="0.25">
      <c r="C4095"/>
      <c r="D4095"/>
    </row>
    <row r="4096" spans="3:4" x14ac:dyDescent="0.25">
      <c r="C4096"/>
      <c r="D4096"/>
    </row>
    <row r="4097" spans="3:4" x14ac:dyDescent="0.25">
      <c r="C4097"/>
      <c r="D4097"/>
    </row>
    <row r="4098" spans="3:4" x14ac:dyDescent="0.25">
      <c r="C4098"/>
      <c r="D4098"/>
    </row>
    <row r="4099" spans="3:4" x14ac:dyDescent="0.25">
      <c r="C4099"/>
      <c r="D4099"/>
    </row>
    <row r="4100" spans="3:4" x14ac:dyDescent="0.25">
      <c r="C4100"/>
      <c r="D4100"/>
    </row>
    <row r="4101" spans="3:4" x14ac:dyDescent="0.25">
      <c r="C4101"/>
      <c r="D4101"/>
    </row>
    <row r="4102" spans="3:4" x14ac:dyDescent="0.25">
      <c r="C4102"/>
      <c r="D4102"/>
    </row>
    <row r="4103" spans="3:4" x14ac:dyDescent="0.25">
      <c r="C4103"/>
      <c r="D4103"/>
    </row>
    <row r="4104" spans="3:4" x14ac:dyDescent="0.25">
      <c r="C4104"/>
      <c r="D4104"/>
    </row>
    <row r="4105" spans="3:4" x14ac:dyDescent="0.25">
      <c r="C4105"/>
      <c r="D4105"/>
    </row>
    <row r="4106" spans="3:4" x14ac:dyDescent="0.25">
      <c r="C4106"/>
      <c r="D4106"/>
    </row>
    <row r="4107" spans="3:4" x14ac:dyDescent="0.25">
      <c r="C4107"/>
      <c r="D4107"/>
    </row>
    <row r="4108" spans="3:4" x14ac:dyDescent="0.25">
      <c r="C4108"/>
      <c r="D4108"/>
    </row>
    <row r="4109" spans="3:4" x14ac:dyDescent="0.25">
      <c r="C4109"/>
      <c r="D4109"/>
    </row>
    <row r="4110" spans="3:4" x14ac:dyDescent="0.25">
      <c r="C4110"/>
      <c r="D4110"/>
    </row>
    <row r="4111" spans="3:4" x14ac:dyDescent="0.25">
      <c r="C4111"/>
      <c r="D4111"/>
    </row>
    <row r="4112" spans="3:4" x14ac:dyDescent="0.25">
      <c r="C4112"/>
      <c r="D4112"/>
    </row>
    <row r="4113" spans="3:4" x14ac:dyDescent="0.25">
      <c r="C4113"/>
      <c r="D4113"/>
    </row>
    <row r="4114" spans="3:4" x14ac:dyDescent="0.25">
      <c r="C4114"/>
      <c r="D4114"/>
    </row>
    <row r="4115" spans="3:4" x14ac:dyDescent="0.25">
      <c r="C4115"/>
      <c r="D4115"/>
    </row>
    <row r="4116" spans="3:4" x14ac:dyDescent="0.25">
      <c r="C4116"/>
      <c r="D4116"/>
    </row>
    <row r="4117" spans="3:4" x14ac:dyDescent="0.25">
      <c r="C4117"/>
      <c r="D4117"/>
    </row>
    <row r="4118" spans="3:4" x14ac:dyDescent="0.25">
      <c r="C4118"/>
      <c r="D4118"/>
    </row>
    <row r="4119" spans="3:4" x14ac:dyDescent="0.25">
      <c r="C4119"/>
      <c r="D4119"/>
    </row>
    <row r="4120" spans="3:4" x14ac:dyDescent="0.25">
      <c r="C4120"/>
      <c r="D4120"/>
    </row>
    <row r="4121" spans="3:4" x14ac:dyDescent="0.25">
      <c r="C4121"/>
      <c r="D4121"/>
    </row>
    <row r="4122" spans="3:4" x14ac:dyDescent="0.25">
      <c r="C4122"/>
      <c r="D4122"/>
    </row>
    <row r="4123" spans="3:4" x14ac:dyDescent="0.25">
      <c r="C4123"/>
      <c r="D4123"/>
    </row>
    <row r="4124" spans="3:4" x14ac:dyDescent="0.25">
      <c r="C4124"/>
      <c r="D4124"/>
    </row>
    <row r="4125" spans="3:4" x14ac:dyDescent="0.25">
      <c r="C4125"/>
      <c r="D4125"/>
    </row>
    <row r="4126" spans="3:4" x14ac:dyDescent="0.25">
      <c r="C4126"/>
      <c r="D4126"/>
    </row>
    <row r="4127" spans="3:4" x14ac:dyDescent="0.25">
      <c r="C4127"/>
      <c r="D4127"/>
    </row>
    <row r="4128" spans="3:4" x14ac:dyDescent="0.25">
      <c r="C4128"/>
      <c r="D4128"/>
    </row>
    <row r="4129" spans="3:4" x14ac:dyDescent="0.25">
      <c r="C4129"/>
      <c r="D4129"/>
    </row>
    <row r="4130" spans="3:4" x14ac:dyDescent="0.25">
      <c r="C4130"/>
      <c r="D4130"/>
    </row>
    <row r="4131" spans="3:4" x14ac:dyDescent="0.25">
      <c r="C4131"/>
      <c r="D4131"/>
    </row>
    <row r="4132" spans="3:4" x14ac:dyDescent="0.25">
      <c r="C4132"/>
      <c r="D4132"/>
    </row>
    <row r="4133" spans="3:4" x14ac:dyDescent="0.25">
      <c r="C4133"/>
      <c r="D4133"/>
    </row>
    <row r="4134" spans="3:4" x14ac:dyDescent="0.25">
      <c r="C4134"/>
      <c r="D4134"/>
    </row>
    <row r="4135" spans="3:4" x14ac:dyDescent="0.25">
      <c r="C4135"/>
      <c r="D4135"/>
    </row>
    <row r="4136" spans="3:4" x14ac:dyDescent="0.25">
      <c r="C4136"/>
      <c r="D4136"/>
    </row>
    <row r="4137" spans="3:4" x14ac:dyDescent="0.25">
      <c r="C4137"/>
      <c r="D4137"/>
    </row>
    <row r="4138" spans="3:4" x14ac:dyDescent="0.25">
      <c r="C4138"/>
      <c r="D4138"/>
    </row>
    <row r="4139" spans="3:4" x14ac:dyDescent="0.25">
      <c r="C4139"/>
      <c r="D4139"/>
    </row>
    <row r="4140" spans="3:4" x14ac:dyDescent="0.25">
      <c r="C4140"/>
      <c r="D4140"/>
    </row>
    <row r="4141" spans="3:4" x14ac:dyDescent="0.25">
      <c r="C4141"/>
      <c r="D4141"/>
    </row>
    <row r="4142" spans="3:4" x14ac:dyDescent="0.25">
      <c r="C4142"/>
      <c r="D4142"/>
    </row>
    <row r="4143" spans="3:4" x14ac:dyDescent="0.25">
      <c r="C4143"/>
      <c r="D4143"/>
    </row>
    <row r="4144" spans="3:4" x14ac:dyDescent="0.25">
      <c r="C4144"/>
      <c r="D4144"/>
    </row>
    <row r="4145" spans="3:4" x14ac:dyDescent="0.25">
      <c r="C4145"/>
      <c r="D4145"/>
    </row>
    <row r="4146" spans="3:4" x14ac:dyDescent="0.25">
      <c r="C4146"/>
      <c r="D4146"/>
    </row>
    <row r="4147" spans="3:4" x14ac:dyDescent="0.25">
      <c r="C4147"/>
      <c r="D4147"/>
    </row>
    <row r="4148" spans="3:4" x14ac:dyDescent="0.25">
      <c r="C4148"/>
      <c r="D4148"/>
    </row>
    <row r="4149" spans="3:4" x14ac:dyDescent="0.25">
      <c r="C4149"/>
      <c r="D4149"/>
    </row>
    <row r="4150" spans="3:4" x14ac:dyDescent="0.25">
      <c r="C4150"/>
      <c r="D4150"/>
    </row>
    <row r="4151" spans="3:4" x14ac:dyDescent="0.25">
      <c r="C4151"/>
      <c r="D4151"/>
    </row>
    <row r="4152" spans="3:4" x14ac:dyDescent="0.25">
      <c r="C4152"/>
      <c r="D4152"/>
    </row>
    <row r="4153" spans="3:4" x14ac:dyDescent="0.25">
      <c r="C4153"/>
      <c r="D4153"/>
    </row>
    <row r="4154" spans="3:4" x14ac:dyDescent="0.25">
      <c r="C4154"/>
      <c r="D4154"/>
    </row>
    <row r="4155" spans="3:4" x14ac:dyDescent="0.25">
      <c r="C4155"/>
      <c r="D4155"/>
    </row>
    <row r="4156" spans="3:4" x14ac:dyDescent="0.25">
      <c r="C4156"/>
      <c r="D4156"/>
    </row>
    <row r="4157" spans="3:4" x14ac:dyDescent="0.25">
      <c r="C4157"/>
      <c r="D4157"/>
    </row>
    <row r="4158" spans="3:4" x14ac:dyDescent="0.25">
      <c r="C4158"/>
      <c r="D4158"/>
    </row>
    <row r="4159" spans="3:4" x14ac:dyDescent="0.25">
      <c r="C4159"/>
      <c r="D4159"/>
    </row>
    <row r="4160" spans="3:4" x14ac:dyDescent="0.25">
      <c r="C4160"/>
      <c r="D4160"/>
    </row>
    <row r="4161" spans="3:4" x14ac:dyDescent="0.25">
      <c r="C4161"/>
      <c r="D4161"/>
    </row>
    <row r="4162" spans="3:4" x14ac:dyDescent="0.25">
      <c r="C4162"/>
      <c r="D4162"/>
    </row>
    <row r="4163" spans="3:4" x14ac:dyDescent="0.25">
      <c r="C4163"/>
      <c r="D4163"/>
    </row>
    <row r="4164" spans="3:4" x14ac:dyDescent="0.25">
      <c r="C4164"/>
      <c r="D4164"/>
    </row>
    <row r="4165" spans="3:4" x14ac:dyDescent="0.25">
      <c r="C4165"/>
      <c r="D4165"/>
    </row>
    <row r="4166" spans="3:4" x14ac:dyDescent="0.25">
      <c r="C4166"/>
      <c r="D4166"/>
    </row>
    <row r="4167" spans="3:4" x14ac:dyDescent="0.25">
      <c r="C4167"/>
      <c r="D4167"/>
    </row>
    <row r="4168" spans="3:4" x14ac:dyDescent="0.25">
      <c r="C4168"/>
      <c r="D4168"/>
    </row>
    <row r="4169" spans="3:4" x14ac:dyDescent="0.25">
      <c r="C4169"/>
      <c r="D4169"/>
    </row>
    <row r="4170" spans="3:4" x14ac:dyDescent="0.25">
      <c r="C4170"/>
      <c r="D4170"/>
    </row>
    <row r="4171" spans="3:4" x14ac:dyDescent="0.25">
      <c r="C4171"/>
      <c r="D4171"/>
    </row>
    <row r="4172" spans="3:4" x14ac:dyDescent="0.25">
      <c r="C4172"/>
      <c r="D4172"/>
    </row>
    <row r="4173" spans="3:4" x14ac:dyDescent="0.25">
      <c r="C4173"/>
      <c r="D4173"/>
    </row>
    <row r="4174" spans="3:4" x14ac:dyDescent="0.25">
      <c r="C4174"/>
      <c r="D4174"/>
    </row>
    <row r="4175" spans="3:4" x14ac:dyDescent="0.25">
      <c r="C4175"/>
      <c r="D4175"/>
    </row>
    <row r="4176" spans="3:4" x14ac:dyDescent="0.25">
      <c r="C4176"/>
      <c r="D4176"/>
    </row>
    <row r="4177" spans="3:4" x14ac:dyDescent="0.25">
      <c r="C4177"/>
      <c r="D4177"/>
    </row>
    <row r="4178" spans="3:4" x14ac:dyDescent="0.25">
      <c r="C4178"/>
      <c r="D4178"/>
    </row>
    <row r="4179" spans="3:4" x14ac:dyDescent="0.25">
      <c r="C4179"/>
      <c r="D4179"/>
    </row>
    <row r="4180" spans="3:4" x14ac:dyDescent="0.25">
      <c r="C4180"/>
      <c r="D4180"/>
    </row>
    <row r="4181" spans="3:4" x14ac:dyDescent="0.25">
      <c r="C4181"/>
      <c r="D4181"/>
    </row>
    <row r="4182" spans="3:4" x14ac:dyDescent="0.25">
      <c r="C4182"/>
      <c r="D4182"/>
    </row>
    <row r="4183" spans="3:4" x14ac:dyDescent="0.25">
      <c r="C4183"/>
      <c r="D4183"/>
    </row>
    <row r="4184" spans="3:4" x14ac:dyDescent="0.25">
      <c r="C4184"/>
      <c r="D4184"/>
    </row>
    <row r="4185" spans="3:4" x14ac:dyDescent="0.25">
      <c r="C4185"/>
      <c r="D4185"/>
    </row>
    <row r="4186" spans="3:4" x14ac:dyDescent="0.25">
      <c r="C4186"/>
      <c r="D4186"/>
    </row>
    <row r="4187" spans="3:4" x14ac:dyDescent="0.25">
      <c r="C4187"/>
      <c r="D4187"/>
    </row>
    <row r="4188" spans="3:4" x14ac:dyDescent="0.25">
      <c r="C4188"/>
      <c r="D4188"/>
    </row>
    <row r="4189" spans="3:4" x14ac:dyDescent="0.25">
      <c r="C4189"/>
      <c r="D4189"/>
    </row>
    <row r="4190" spans="3:4" x14ac:dyDescent="0.25">
      <c r="C4190"/>
      <c r="D4190"/>
    </row>
    <row r="4191" spans="3:4" x14ac:dyDescent="0.25">
      <c r="C4191"/>
      <c r="D4191"/>
    </row>
    <row r="4192" spans="3:4" x14ac:dyDescent="0.25">
      <c r="C4192"/>
      <c r="D4192"/>
    </row>
    <row r="4193" spans="3:4" x14ac:dyDescent="0.25">
      <c r="C4193"/>
      <c r="D4193"/>
    </row>
    <row r="4194" spans="3:4" x14ac:dyDescent="0.25">
      <c r="C4194"/>
      <c r="D4194"/>
    </row>
    <row r="4195" spans="3:4" x14ac:dyDescent="0.25">
      <c r="C4195"/>
      <c r="D4195"/>
    </row>
    <row r="4196" spans="3:4" x14ac:dyDescent="0.25">
      <c r="C4196"/>
      <c r="D4196"/>
    </row>
    <row r="4197" spans="3:4" x14ac:dyDescent="0.25">
      <c r="C4197"/>
      <c r="D4197"/>
    </row>
    <row r="4198" spans="3:4" x14ac:dyDescent="0.25">
      <c r="C4198"/>
      <c r="D4198"/>
    </row>
    <row r="4199" spans="3:4" x14ac:dyDescent="0.25">
      <c r="C4199"/>
      <c r="D4199"/>
    </row>
    <row r="4200" spans="3:4" x14ac:dyDescent="0.25">
      <c r="C4200"/>
      <c r="D4200"/>
    </row>
    <row r="4201" spans="3:4" x14ac:dyDescent="0.25">
      <c r="C4201"/>
      <c r="D4201"/>
    </row>
    <row r="4202" spans="3:4" x14ac:dyDescent="0.25">
      <c r="C4202"/>
      <c r="D4202"/>
    </row>
    <row r="4203" spans="3:4" x14ac:dyDescent="0.25">
      <c r="C4203"/>
      <c r="D4203"/>
    </row>
    <row r="4204" spans="3:4" x14ac:dyDescent="0.25">
      <c r="C4204"/>
      <c r="D4204"/>
    </row>
    <row r="4205" spans="3:4" x14ac:dyDescent="0.25">
      <c r="C4205"/>
      <c r="D4205"/>
    </row>
    <row r="4206" spans="3:4" x14ac:dyDescent="0.25">
      <c r="C4206"/>
      <c r="D4206"/>
    </row>
    <row r="4207" spans="3:4" x14ac:dyDescent="0.25">
      <c r="C4207"/>
      <c r="D4207"/>
    </row>
    <row r="4208" spans="3:4" x14ac:dyDescent="0.25">
      <c r="C4208"/>
      <c r="D4208"/>
    </row>
    <row r="4209" spans="3:4" x14ac:dyDescent="0.25">
      <c r="C4209"/>
      <c r="D4209"/>
    </row>
    <row r="4210" spans="3:4" x14ac:dyDescent="0.25">
      <c r="C4210"/>
      <c r="D4210"/>
    </row>
    <row r="4211" spans="3:4" x14ac:dyDescent="0.25">
      <c r="C4211"/>
      <c r="D4211"/>
    </row>
    <row r="4212" spans="3:4" x14ac:dyDescent="0.25">
      <c r="C4212"/>
      <c r="D4212"/>
    </row>
    <row r="4213" spans="3:4" x14ac:dyDescent="0.25">
      <c r="C4213"/>
      <c r="D4213"/>
    </row>
    <row r="4214" spans="3:4" x14ac:dyDescent="0.25">
      <c r="C4214"/>
      <c r="D4214"/>
    </row>
    <row r="4215" spans="3:4" x14ac:dyDescent="0.25">
      <c r="C4215"/>
      <c r="D4215"/>
    </row>
    <row r="4216" spans="3:4" x14ac:dyDescent="0.25">
      <c r="C4216"/>
      <c r="D4216"/>
    </row>
    <row r="4217" spans="3:4" x14ac:dyDescent="0.25">
      <c r="C4217"/>
      <c r="D4217"/>
    </row>
    <row r="4218" spans="3:4" x14ac:dyDescent="0.25">
      <c r="C4218"/>
      <c r="D4218"/>
    </row>
    <row r="4219" spans="3:4" x14ac:dyDescent="0.25">
      <c r="C4219"/>
      <c r="D4219"/>
    </row>
    <row r="4220" spans="3:4" x14ac:dyDescent="0.25">
      <c r="C4220"/>
      <c r="D4220"/>
    </row>
    <row r="4221" spans="3:4" x14ac:dyDescent="0.25">
      <c r="C4221"/>
      <c r="D4221"/>
    </row>
    <row r="4222" spans="3:4" x14ac:dyDescent="0.25">
      <c r="C4222"/>
      <c r="D4222"/>
    </row>
    <row r="4223" spans="3:4" x14ac:dyDescent="0.25">
      <c r="C4223"/>
      <c r="D4223"/>
    </row>
    <row r="4224" spans="3:4" x14ac:dyDescent="0.25">
      <c r="C4224"/>
      <c r="D4224"/>
    </row>
    <row r="4225" spans="3:4" x14ac:dyDescent="0.25">
      <c r="C4225"/>
      <c r="D4225"/>
    </row>
    <row r="4226" spans="3:4" x14ac:dyDescent="0.25">
      <c r="C4226"/>
      <c r="D4226"/>
    </row>
    <row r="4227" spans="3:4" x14ac:dyDescent="0.25">
      <c r="C4227"/>
      <c r="D4227"/>
    </row>
    <row r="4228" spans="3:4" x14ac:dyDescent="0.25">
      <c r="C4228"/>
      <c r="D4228"/>
    </row>
    <row r="4229" spans="3:4" x14ac:dyDescent="0.25">
      <c r="C4229"/>
      <c r="D4229"/>
    </row>
    <row r="4230" spans="3:4" x14ac:dyDescent="0.25">
      <c r="C4230"/>
      <c r="D4230"/>
    </row>
    <row r="4231" spans="3:4" x14ac:dyDescent="0.25">
      <c r="C4231"/>
      <c r="D4231"/>
    </row>
    <row r="4232" spans="3:4" x14ac:dyDescent="0.25">
      <c r="C4232"/>
      <c r="D4232"/>
    </row>
    <row r="4233" spans="3:4" x14ac:dyDescent="0.25">
      <c r="C4233"/>
      <c r="D4233"/>
    </row>
    <row r="4234" spans="3:4" x14ac:dyDescent="0.25">
      <c r="C4234"/>
      <c r="D4234"/>
    </row>
    <row r="4235" spans="3:4" x14ac:dyDescent="0.25">
      <c r="C4235"/>
      <c r="D4235"/>
    </row>
    <row r="4236" spans="3:4" x14ac:dyDescent="0.25">
      <c r="C4236"/>
      <c r="D4236"/>
    </row>
    <row r="4237" spans="3:4" x14ac:dyDescent="0.25">
      <c r="C4237"/>
      <c r="D4237"/>
    </row>
    <row r="4238" spans="3:4" x14ac:dyDescent="0.25">
      <c r="C4238"/>
      <c r="D4238"/>
    </row>
    <row r="4239" spans="3:4" x14ac:dyDescent="0.25">
      <c r="C4239"/>
      <c r="D4239"/>
    </row>
    <row r="4240" spans="3:4" x14ac:dyDescent="0.25">
      <c r="C4240"/>
      <c r="D4240"/>
    </row>
    <row r="4241" spans="3:4" x14ac:dyDescent="0.25">
      <c r="C4241"/>
      <c r="D4241"/>
    </row>
    <row r="4242" spans="3:4" x14ac:dyDescent="0.25">
      <c r="C4242"/>
      <c r="D4242"/>
    </row>
    <row r="4243" spans="3:4" x14ac:dyDescent="0.25">
      <c r="C4243"/>
      <c r="D4243"/>
    </row>
    <row r="4244" spans="3:4" x14ac:dyDescent="0.25">
      <c r="C4244"/>
      <c r="D4244"/>
    </row>
    <row r="4245" spans="3:4" x14ac:dyDescent="0.25">
      <c r="C4245"/>
      <c r="D4245"/>
    </row>
    <row r="4246" spans="3:4" x14ac:dyDescent="0.25">
      <c r="C4246"/>
      <c r="D4246"/>
    </row>
    <row r="4247" spans="3:4" x14ac:dyDescent="0.25">
      <c r="C4247"/>
      <c r="D4247"/>
    </row>
    <row r="4248" spans="3:4" x14ac:dyDescent="0.25">
      <c r="C4248"/>
      <c r="D4248"/>
    </row>
    <row r="4249" spans="3:4" x14ac:dyDescent="0.25">
      <c r="C4249"/>
      <c r="D4249"/>
    </row>
    <row r="4250" spans="3:4" x14ac:dyDescent="0.25">
      <c r="C4250"/>
      <c r="D4250"/>
    </row>
    <row r="4251" spans="3:4" x14ac:dyDescent="0.25">
      <c r="C4251"/>
      <c r="D4251"/>
    </row>
    <row r="4252" spans="3:4" x14ac:dyDescent="0.25">
      <c r="C4252"/>
      <c r="D4252"/>
    </row>
    <row r="4253" spans="3:4" x14ac:dyDescent="0.25">
      <c r="C4253"/>
      <c r="D4253"/>
    </row>
    <row r="4254" spans="3:4" x14ac:dyDescent="0.25">
      <c r="C4254"/>
      <c r="D4254"/>
    </row>
    <row r="4255" spans="3:4" x14ac:dyDescent="0.25">
      <c r="C4255"/>
      <c r="D4255"/>
    </row>
    <row r="4256" spans="3:4" x14ac:dyDescent="0.25">
      <c r="C4256"/>
      <c r="D4256"/>
    </row>
    <row r="4257" spans="3:4" x14ac:dyDescent="0.25">
      <c r="C4257"/>
      <c r="D4257"/>
    </row>
    <row r="4258" spans="3:4" x14ac:dyDescent="0.25">
      <c r="C4258"/>
      <c r="D4258"/>
    </row>
    <row r="4259" spans="3:4" x14ac:dyDescent="0.25">
      <c r="C4259"/>
      <c r="D4259"/>
    </row>
    <row r="4260" spans="3:4" x14ac:dyDescent="0.25">
      <c r="C4260"/>
      <c r="D4260"/>
    </row>
    <row r="4261" spans="3:4" x14ac:dyDescent="0.25">
      <c r="C4261"/>
      <c r="D4261"/>
    </row>
    <row r="4262" spans="3:4" x14ac:dyDescent="0.25">
      <c r="C4262"/>
      <c r="D4262"/>
    </row>
    <row r="4263" spans="3:4" x14ac:dyDescent="0.25">
      <c r="C4263"/>
      <c r="D4263"/>
    </row>
    <row r="4264" spans="3:4" x14ac:dyDescent="0.25">
      <c r="C4264"/>
      <c r="D4264"/>
    </row>
    <row r="4265" spans="3:4" x14ac:dyDescent="0.25">
      <c r="C4265"/>
      <c r="D4265"/>
    </row>
    <row r="4266" spans="3:4" x14ac:dyDescent="0.25">
      <c r="C4266"/>
      <c r="D4266"/>
    </row>
    <row r="4267" spans="3:4" x14ac:dyDescent="0.25">
      <c r="C4267"/>
      <c r="D4267"/>
    </row>
    <row r="4268" spans="3:4" x14ac:dyDescent="0.25">
      <c r="C4268"/>
      <c r="D4268"/>
    </row>
    <row r="4269" spans="3:4" x14ac:dyDescent="0.25">
      <c r="C4269"/>
      <c r="D4269"/>
    </row>
    <row r="4270" spans="3:4" x14ac:dyDescent="0.25">
      <c r="C4270"/>
      <c r="D4270"/>
    </row>
    <row r="4271" spans="3:4" x14ac:dyDescent="0.25">
      <c r="C4271"/>
      <c r="D4271"/>
    </row>
    <row r="4272" spans="3:4" x14ac:dyDescent="0.25">
      <c r="C4272"/>
      <c r="D4272"/>
    </row>
    <row r="4273" spans="3:4" x14ac:dyDescent="0.25">
      <c r="C4273"/>
      <c r="D4273"/>
    </row>
    <row r="4274" spans="3:4" x14ac:dyDescent="0.25">
      <c r="C4274"/>
      <c r="D4274"/>
    </row>
    <row r="4275" spans="3:4" x14ac:dyDescent="0.25">
      <c r="C4275"/>
      <c r="D4275"/>
    </row>
    <row r="4276" spans="3:4" x14ac:dyDescent="0.25">
      <c r="C4276"/>
      <c r="D4276"/>
    </row>
    <row r="4277" spans="3:4" x14ac:dyDescent="0.25">
      <c r="C4277"/>
      <c r="D4277"/>
    </row>
    <row r="4278" spans="3:4" x14ac:dyDescent="0.25">
      <c r="C4278"/>
      <c r="D4278"/>
    </row>
    <row r="4279" spans="3:4" x14ac:dyDescent="0.25">
      <c r="C4279"/>
      <c r="D4279"/>
    </row>
    <row r="4280" spans="3:4" x14ac:dyDescent="0.25">
      <c r="C4280"/>
      <c r="D4280"/>
    </row>
    <row r="4281" spans="3:4" x14ac:dyDescent="0.25">
      <c r="C4281"/>
      <c r="D4281"/>
    </row>
    <row r="4282" spans="3:4" x14ac:dyDescent="0.25">
      <c r="C4282"/>
      <c r="D4282"/>
    </row>
    <row r="4283" spans="3:4" x14ac:dyDescent="0.25">
      <c r="C4283"/>
      <c r="D4283"/>
    </row>
    <row r="4284" spans="3:4" x14ac:dyDescent="0.25">
      <c r="C4284"/>
      <c r="D4284"/>
    </row>
    <row r="4285" spans="3:4" x14ac:dyDescent="0.25">
      <c r="C4285"/>
      <c r="D4285"/>
    </row>
    <row r="4286" spans="3:4" x14ac:dyDescent="0.25">
      <c r="C4286"/>
      <c r="D4286"/>
    </row>
    <row r="4287" spans="3:4" x14ac:dyDescent="0.25">
      <c r="C4287"/>
      <c r="D4287"/>
    </row>
    <row r="4288" spans="3:4" x14ac:dyDescent="0.25">
      <c r="C4288"/>
      <c r="D4288"/>
    </row>
    <row r="4289" spans="3:4" x14ac:dyDescent="0.25">
      <c r="C4289"/>
      <c r="D4289"/>
    </row>
    <row r="4290" spans="3:4" x14ac:dyDescent="0.25">
      <c r="C4290"/>
      <c r="D4290"/>
    </row>
    <row r="4291" spans="3:4" x14ac:dyDescent="0.25">
      <c r="C4291"/>
      <c r="D4291"/>
    </row>
    <row r="4292" spans="3:4" x14ac:dyDescent="0.25">
      <c r="C4292"/>
      <c r="D4292"/>
    </row>
    <row r="4293" spans="3:4" x14ac:dyDescent="0.25">
      <c r="C4293"/>
      <c r="D4293"/>
    </row>
    <row r="4294" spans="3:4" x14ac:dyDescent="0.25">
      <c r="C4294"/>
      <c r="D4294"/>
    </row>
    <row r="4295" spans="3:4" x14ac:dyDescent="0.25">
      <c r="C4295"/>
      <c r="D4295"/>
    </row>
    <row r="4296" spans="3:4" x14ac:dyDescent="0.25">
      <c r="C4296"/>
      <c r="D4296"/>
    </row>
    <row r="4297" spans="3:4" x14ac:dyDescent="0.25">
      <c r="C4297"/>
      <c r="D4297"/>
    </row>
    <row r="4298" spans="3:4" x14ac:dyDescent="0.25">
      <c r="C4298"/>
      <c r="D4298"/>
    </row>
    <row r="4299" spans="3:4" x14ac:dyDescent="0.25">
      <c r="C4299"/>
      <c r="D4299"/>
    </row>
    <row r="4300" spans="3:4" x14ac:dyDescent="0.25">
      <c r="C4300"/>
      <c r="D4300"/>
    </row>
    <row r="4301" spans="3:4" x14ac:dyDescent="0.25">
      <c r="C4301"/>
      <c r="D4301"/>
    </row>
    <row r="4302" spans="3:4" x14ac:dyDescent="0.25">
      <c r="C4302"/>
      <c r="D4302"/>
    </row>
    <row r="4303" spans="3:4" x14ac:dyDescent="0.25">
      <c r="C4303"/>
      <c r="D4303"/>
    </row>
    <row r="4304" spans="3:4" x14ac:dyDescent="0.25">
      <c r="C4304"/>
      <c r="D4304"/>
    </row>
    <row r="4305" spans="3:4" x14ac:dyDescent="0.25">
      <c r="C4305"/>
      <c r="D4305"/>
    </row>
    <row r="4306" spans="3:4" x14ac:dyDescent="0.25">
      <c r="C4306"/>
      <c r="D4306"/>
    </row>
    <row r="4307" spans="3:4" x14ac:dyDescent="0.25">
      <c r="C4307"/>
      <c r="D4307"/>
    </row>
    <row r="4308" spans="3:4" x14ac:dyDescent="0.25">
      <c r="C4308"/>
      <c r="D4308"/>
    </row>
    <row r="4309" spans="3:4" x14ac:dyDescent="0.25">
      <c r="C4309"/>
      <c r="D4309"/>
    </row>
    <row r="4310" spans="3:4" x14ac:dyDescent="0.25">
      <c r="C4310"/>
      <c r="D4310"/>
    </row>
    <row r="4311" spans="3:4" x14ac:dyDescent="0.25">
      <c r="C4311"/>
      <c r="D4311"/>
    </row>
    <row r="4312" spans="3:4" x14ac:dyDescent="0.25">
      <c r="C4312"/>
      <c r="D4312"/>
    </row>
    <row r="4313" spans="3:4" x14ac:dyDescent="0.25">
      <c r="C4313"/>
      <c r="D4313"/>
    </row>
    <row r="4314" spans="3:4" x14ac:dyDescent="0.25">
      <c r="C4314"/>
      <c r="D4314"/>
    </row>
    <row r="4315" spans="3:4" x14ac:dyDescent="0.25">
      <c r="C4315"/>
      <c r="D4315"/>
    </row>
    <row r="4316" spans="3:4" x14ac:dyDescent="0.25">
      <c r="C4316"/>
      <c r="D4316"/>
    </row>
    <row r="4317" spans="3:4" x14ac:dyDescent="0.25">
      <c r="C4317"/>
      <c r="D4317"/>
    </row>
    <row r="4318" spans="3:4" x14ac:dyDescent="0.25">
      <c r="C4318"/>
      <c r="D4318"/>
    </row>
    <row r="4319" spans="3:4" x14ac:dyDescent="0.25">
      <c r="C4319"/>
      <c r="D4319"/>
    </row>
    <row r="4320" spans="3:4" x14ac:dyDescent="0.25">
      <c r="C4320"/>
      <c r="D4320"/>
    </row>
    <row r="4321" spans="3:4" x14ac:dyDescent="0.25">
      <c r="C4321"/>
      <c r="D4321"/>
    </row>
    <row r="4322" spans="3:4" x14ac:dyDescent="0.25">
      <c r="C4322"/>
      <c r="D4322"/>
    </row>
    <row r="4323" spans="3:4" x14ac:dyDescent="0.25">
      <c r="C4323"/>
      <c r="D4323"/>
    </row>
    <row r="4324" spans="3:4" x14ac:dyDescent="0.25">
      <c r="C4324"/>
      <c r="D4324"/>
    </row>
    <row r="4325" spans="3:4" x14ac:dyDescent="0.25">
      <c r="C4325"/>
      <c r="D4325"/>
    </row>
    <row r="4326" spans="3:4" x14ac:dyDescent="0.25">
      <c r="C4326"/>
      <c r="D4326"/>
    </row>
    <row r="4327" spans="3:4" x14ac:dyDescent="0.25">
      <c r="C4327"/>
      <c r="D4327"/>
    </row>
    <row r="4328" spans="3:4" x14ac:dyDescent="0.25">
      <c r="C4328"/>
      <c r="D4328"/>
    </row>
    <row r="4329" spans="3:4" x14ac:dyDescent="0.25">
      <c r="C4329"/>
      <c r="D4329"/>
    </row>
    <row r="4330" spans="3:4" x14ac:dyDescent="0.25">
      <c r="C4330"/>
      <c r="D4330"/>
    </row>
    <row r="4331" spans="3:4" x14ac:dyDescent="0.25">
      <c r="C4331"/>
      <c r="D4331"/>
    </row>
    <row r="4332" spans="3:4" x14ac:dyDescent="0.25">
      <c r="C4332"/>
      <c r="D4332"/>
    </row>
    <row r="4333" spans="3:4" x14ac:dyDescent="0.25">
      <c r="C4333"/>
      <c r="D4333"/>
    </row>
    <row r="4334" spans="3:4" x14ac:dyDescent="0.25">
      <c r="C4334"/>
      <c r="D4334"/>
    </row>
    <row r="4335" spans="3:4" x14ac:dyDescent="0.25">
      <c r="C4335"/>
      <c r="D4335"/>
    </row>
    <row r="4336" spans="3:4" x14ac:dyDescent="0.25">
      <c r="C4336"/>
      <c r="D4336"/>
    </row>
    <row r="4337" spans="3:4" x14ac:dyDescent="0.25">
      <c r="C4337"/>
      <c r="D4337"/>
    </row>
    <row r="4338" spans="3:4" x14ac:dyDescent="0.25">
      <c r="C4338"/>
      <c r="D4338"/>
    </row>
    <row r="4339" spans="3:4" x14ac:dyDescent="0.25">
      <c r="C4339"/>
      <c r="D4339"/>
    </row>
    <row r="4340" spans="3:4" x14ac:dyDescent="0.25">
      <c r="C4340"/>
      <c r="D4340"/>
    </row>
    <row r="4341" spans="3:4" x14ac:dyDescent="0.25">
      <c r="C4341"/>
      <c r="D4341"/>
    </row>
    <row r="4342" spans="3:4" x14ac:dyDescent="0.25">
      <c r="C4342"/>
      <c r="D4342"/>
    </row>
    <row r="4343" spans="3:4" x14ac:dyDescent="0.25">
      <c r="C4343"/>
      <c r="D4343"/>
    </row>
    <row r="4344" spans="3:4" x14ac:dyDescent="0.25">
      <c r="C4344"/>
      <c r="D4344"/>
    </row>
    <row r="4345" spans="3:4" x14ac:dyDescent="0.25">
      <c r="C4345"/>
      <c r="D4345"/>
    </row>
    <row r="4346" spans="3:4" x14ac:dyDescent="0.25">
      <c r="C4346"/>
      <c r="D4346"/>
    </row>
    <row r="4347" spans="3:4" x14ac:dyDescent="0.25">
      <c r="C4347"/>
      <c r="D4347"/>
    </row>
    <row r="4348" spans="3:4" x14ac:dyDescent="0.25">
      <c r="C4348"/>
      <c r="D4348"/>
    </row>
    <row r="4349" spans="3:4" x14ac:dyDescent="0.25">
      <c r="C4349"/>
      <c r="D4349"/>
    </row>
    <row r="4350" spans="3:4" x14ac:dyDescent="0.25">
      <c r="C4350"/>
      <c r="D4350"/>
    </row>
    <row r="4351" spans="3:4" x14ac:dyDescent="0.25">
      <c r="C4351"/>
      <c r="D4351"/>
    </row>
    <row r="4352" spans="3:4" x14ac:dyDescent="0.25">
      <c r="C4352"/>
      <c r="D4352"/>
    </row>
    <row r="4353" spans="3:4" x14ac:dyDescent="0.25">
      <c r="C4353"/>
      <c r="D4353"/>
    </row>
    <row r="4354" spans="3:4" x14ac:dyDescent="0.25">
      <c r="C4354"/>
      <c r="D4354"/>
    </row>
    <row r="4355" spans="3:4" x14ac:dyDescent="0.25">
      <c r="C4355"/>
      <c r="D4355"/>
    </row>
    <row r="4356" spans="3:4" x14ac:dyDescent="0.25">
      <c r="C4356"/>
      <c r="D4356"/>
    </row>
    <row r="4357" spans="3:4" x14ac:dyDescent="0.25">
      <c r="C4357"/>
      <c r="D4357"/>
    </row>
    <row r="4358" spans="3:4" x14ac:dyDescent="0.25">
      <c r="C4358"/>
      <c r="D4358"/>
    </row>
    <row r="4359" spans="3:4" x14ac:dyDescent="0.25">
      <c r="C4359"/>
      <c r="D4359"/>
    </row>
    <row r="4360" spans="3:4" x14ac:dyDescent="0.25">
      <c r="C4360"/>
      <c r="D4360"/>
    </row>
    <row r="4361" spans="3:4" x14ac:dyDescent="0.25">
      <c r="C4361"/>
      <c r="D4361"/>
    </row>
    <row r="4362" spans="3:4" x14ac:dyDescent="0.25">
      <c r="C4362"/>
      <c r="D4362"/>
    </row>
    <row r="4363" spans="3:4" x14ac:dyDescent="0.25">
      <c r="C4363"/>
      <c r="D4363"/>
    </row>
    <row r="4364" spans="3:4" x14ac:dyDescent="0.25">
      <c r="C4364"/>
      <c r="D4364"/>
    </row>
    <row r="4365" spans="3:4" x14ac:dyDescent="0.25">
      <c r="C4365"/>
      <c r="D4365"/>
    </row>
    <row r="4366" spans="3:4" x14ac:dyDescent="0.25">
      <c r="C4366"/>
      <c r="D4366"/>
    </row>
    <row r="4367" spans="3:4" x14ac:dyDescent="0.25">
      <c r="C4367"/>
      <c r="D4367"/>
    </row>
    <row r="4368" spans="3:4" x14ac:dyDescent="0.25">
      <c r="C4368"/>
      <c r="D4368"/>
    </row>
    <row r="4369" spans="3:4" x14ac:dyDescent="0.25">
      <c r="C4369"/>
      <c r="D4369"/>
    </row>
    <row r="4370" spans="3:4" x14ac:dyDescent="0.25">
      <c r="C4370"/>
      <c r="D4370"/>
    </row>
    <row r="4371" spans="3:4" x14ac:dyDescent="0.25">
      <c r="C4371"/>
      <c r="D4371"/>
    </row>
    <row r="4372" spans="3:4" x14ac:dyDescent="0.25">
      <c r="C4372"/>
      <c r="D4372"/>
    </row>
    <row r="4373" spans="3:4" x14ac:dyDescent="0.25">
      <c r="C4373"/>
      <c r="D4373"/>
    </row>
    <row r="4374" spans="3:4" x14ac:dyDescent="0.25">
      <c r="C4374"/>
      <c r="D4374"/>
    </row>
    <row r="4375" spans="3:4" x14ac:dyDescent="0.25">
      <c r="C4375"/>
      <c r="D4375"/>
    </row>
    <row r="4376" spans="3:4" x14ac:dyDescent="0.25">
      <c r="C4376"/>
      <c r="D4376"/>
    </row>
    <row r="4377" spans="3:4" x14ac:dyDescent="0.25">
      <c r="C4377"/>
      <c r="D4377"/>
    </row>
    <row r="4378" spans="3:4" x14ac:dyDescent="0.25">
      <c r="C4378"/>
      <c r="D4378"/>
    </row>
    <row r="4379" spans="3:4" x14ac:dyDescent="0.25">
      <c r="C4379"/>
      <c r="D4379"/>
    </row>
    <row r="4380" spans="3:4" x14ac:dyDescent="0.25">
      <c r="C4380"/>
      <c r="D4380"/>
    </row>
    <row r="4381" spans="3:4" x14ac:dyDescent="0.25">
      <c r="C4381"/>
      <c r="D4381"/>
    </row>
    <row r="4382" spans="3:4" x14ac:dyDescent="0.25">
      <c r="C4382"/>
      <c r="D4382"/>
    </row>
    <row r="4383" spans="3:4" x14ac:dyDescent="0.25">
      <c r="C4383"/>
      <c r="D4383"/>
    </row>
    <row r="4384" spans="3:4" x14ac:dyDescent="0.25">
      <c r="C4384"/>
      <c r="D4384"/>
    </row>
    <row r="4385" spans="3:4" x14ac:dyDescent="0.25">
      <c r="C4385"/>
      <c r="D4385"/>
    </row>
    <row r="4386" spans="3:4" x14ac:dyDescent="0.25">
      <c r="C4386"/>
      <c r="D4386"/>
    </row>
    <row r="4387" spans="3:4" x14ac:dyDescent="0.25">
      <c r="C4387"/>
      <c r="D4387"/>
    </row>
    <row r="4388" spans="3:4" x14ac:dyDescent="0.25">
      <c r="C4388"/>
      <c r="D4388"/>
    </row>
    <row r="4389" spans="3:4" x14ac:dyDescent="0.25">
      <c r="C4389"/>
      <c r="D4389"/>
    </row>
    <row r="4390" spans="3:4" x14ac:dyDescent="0.25">
      <c r="C4390"/>
      <c r="D4390"/>
    </row>
    <row r="4391" spans="3:4" x14ac:dyDescent="0.25">
      <c r="C4391"/>
      <c r="D4391"/>
    </row>
    <row r="4392" spans="3:4" x14ac:dyDescent="0.25">
      <c r="C4392"/>
      <c r="D4392"/>
    </row>
    <row r="4393" spans="3:4" x14ac:dyDescent="0.25">
      <c r="C4393"/>
      <c r="D4393"/>
    </row>
    <row r="4394" spans="3:4" x14ac:dyDescent="0.25">
      <c r="C4394"/>
      <c r="D4394"/>
    </row>
    <row r="4395" spans="3:4" x14ac:dyDescent="0.25">
      <c r="C4395"/>
      <c r="D4395"/>
    </row>
    <row r="4396" spans="3:4" x14ac:dyDescent="0.25">
      <c r="C4396"/>
      <c r="D4396"/>
    </row>
    <row r="4397" spans="3:4" x14ac:dyDescent="0.25">
      <c r="C4397"/>
      <c r="D4397"/>
    </row>
    <row r="4398" spans="3:4" x14ac:dyDescent="0.25">
      <c r="C4398"/>
      <c r="D4398"/>
    </row>
    <row r="4399" spans="3:4" x14ac:dyDescent="0.25">
      <c r="C4399"/>
      <c r="D4399"/>
    </row>
    <row r="4400" spans="3:4" x14ac:dyDescent="0.25">
      <c r="C4400"/>
      <c r="D4400"/>
    </row>
    <row r="4401" spans="3:4" x14ac:dyDescent="0.25">
      <c r="C4401"/>
      <c r="D4401"/>
    </row>
    <row r="4402" spans="3:4" x14ac:dyDescent="0.25">
      <c r="C4402"/>
      <c r="D4402"/>
    </row>
    <row r="4403" spans="3:4" x14ac:dyDescent="0.25">
      <c r="C4403"/>
      <c r="D4403"/>
    </row>
    <row r="4404" spans="3:4" x14ac:dyDescent="0.25">
      <c r="C4404"/>
      <c r="D4404"/>
    </row>
    <row r="4405" spans="3:4" x14ac:dyDescent="0.25">
      <c r="C4405"/>
      <c r="D4405"/>
    </row>
    <row r="4406" spans="3:4" x14ac:dyDescent="0.25">
      <c r="C4406"/>
      <c r="D4406"/>
    </row>
    <row r="4407" spans="3:4" x14ac:dyDescent="0.25">
      <c r="C4407"/>
      <c r="D4407"/>
    </row>
    <row r="4408" spans="3:4" x14ac:dyDescent="0.25">
      <c r="C4408"/>
      <c r="D4408"/>
    </row>
    <row r="4409" spans="3:4" x14ac:dyDescent="0.25">
      <c r="C4409"/>
      <c r="D4409"/>
    </row>
    <row r="4410" spans="3:4" x14ac:dyDescent="0.25">
      <c r="C4410"/>
      <c r="D4410"/>
    </row>
    <row r="4411" spans="3:4" x14ac:dyDescent="0.25">
      <c r="C4411"/>
      <c r="D4411"/>
    </row>
    <row r="4412" spans="3:4" x14ac:dyDescent="0.25">
      <c r="C4412"/>
      <c r="D4412"/>
    </row>
    <row r="4413" spans="3:4" x14ac:dyDescent="0.25">
      <c r="C4413"/>
      <c r="D4413"/>
    </row>
    <row r="4414" spans="3:4" x14ac:dyDescent="0.25">
      <c r="C4414"/>
      <c r="D4414"/>
    </row>
    <row r="4415" spans="3:4" x14ac:dyDescent="0.25">
      <c r="C4415"/>
      <c r="D4415"/>
    </row>
    <row r="4416" spans="3:4" x14ac:dyDescent="0.25">
      <c r="C4416"/>
      <c r="D4416"/>
    </row>
    <row r="4417" spans="3:4" x14ac:dyDescent="0.25">
      <c r="C4417"/>
      <c r="D4417"/>
    </row>
    <row r="4418" spans="3:4" x14ac:dyDescent="0.25">
      <c r="C4418"/>
      <c r="D4418"/>
    </row>
    <row r="4419" spans="3:4" x14ac:dyDescent="0.25">
      <c r="C4419"/>
      <c r="D4419"/>
    </row>
    <row r="4420" spans="3:4" x14ac:dyDescent="0.25">
      <c r="C4420"/>
      <c r="D4420"/>
    </row>
    <row r="4421" spans="3:4" x14ac:dyDescent="0.25">
      <c r="C4421"/>
      <c r="D4421"/>
    </row>
    <row r="4422" spans="3:4" x14ac:dyDescent="0.25">
      <c r="C4422"/>
      <c r="D4422"/>
    </row>
    <row r="4423" spans="3:4" x14ac:dyDescent="0.25">
      <c r="C4423"/>
      <c r="D4423"/>
    </row>
    <row r="4424" spans="3:4" x14ac:dyDescent="0.25">
      <c r="C4424"/>
      <c r="D4424"/>
    </row>
    <row r="4425" spans="3:4" x14ac:dyDescent="0.25">
      <c r="C4425"/>
      <c r="D4425"/>
    </row>
    <row r="4426" spans="3:4" x14ac:dyDescent="0.25">
      <c r="C4426"/>
      <c r="D4426"/>
    </row>
    <row r="4427" spans="3:4" x14ac:dyDescent="0.25">
      <c r="C4427"/>
      <c r="D4427"/>
    </row>
    <row r="4428" spans="3:4" x14ac:dyDescent="0.25">
      <c r="C4428"/>
      <c r="D4428"/>
    </row>
    <row r="4429" spans="3:4" x14ac:dyDescent="0.25">
      <c r="C4429"/>
      <c r="D4429"/>
    </row>
    <row r="4430" spans="3:4" x14ac:dyDescent="0.25">
      <c r="C4430"/>
      <c r="D4430"/>
    </row>
    <row r="4431" spans="3:4" x14ac:dyDescent="0.25">
      <c r="C4431"/>
      <c r="D4431"/>
    </row>
    <row r="4432" spans="3:4" x14ac:dyDescent="0.25">
      <c r="C4432"/>
      <c r="D4432"/>
    </row>
    <row r="4433" spans="3:4" x14ac:dyDescent="0.25">
      <c r="C4433"/>
      <c r="D4433"/>
    </row>
    <row r="4434" spans="3:4" x14ac:dyDescent="0.25">
      <c r="C4434"/>
      <c r="D4434"/>
    </row>
    <row r="4435" spans="3:4" x14ac:dyDescent="0.25">
      <c r="C4435"/>
      <c r="D4435"/>
    </row>
    <row r="4436" spans="3:4" x14ac:dyDescent="0.25">
      <c r="C4436"/>
      <c r="D4436"/>
    </row>
    <row r="4437" spans="3:4" x14ac:dyDescent="0.25">
      <c r="C4437"/>
      <c r="D4437"/>
    </row>
    <row r="4438" spans="3:4" x14ac:dyDescent="0.25">
      <c r="C4438"/>
      <c r="D4438"/>
    </row>
    <row r="4439" spans="3:4" x14ac:dyDescent="0.25">
      <c r="C4439"/>
      <c r="D4439"/>
    </row>
    <row r="4440" spans="3:4" x14ac:dyDescent="0.25">
      <c r="C4440"/>
      <c r="D4440"/>
    </row>
    <row r="4441" spans="3:4" x14ac:dyDescent="0.25">
      <c r="C4441"/>
      <c r="D4441"/>
    </row>
    <row r="4442" spans="3:4" x14ac:dyDescent="0.25">
      <c r="C4442"/>
      <c r="D4442"/>
    </row>
    <row r="4443" spans="3:4" x14ac:dyDescent="0.25">
      <c r="C4443"/>
      <c r="D4443"/>
    </row>
    <row r="4444" spans="3:4" x14ac:dyDescent="0.25">
      <c r="C4444"/>
      <c r="D4444"/>
    </row>
    <row r="4445" spans="3:4" x14ac:dyDescent="0.25">
      <c r="C4445"/>
      <c r="D4445"/>
    </row>
    <row r="4446" spans="3:4" x14ac:dyDescent="0.25">
      <c r="C4446"/>
      <c r="D4446"/>
    </row>
    <row r="4447" spans="3:4" x14ac:dyDescent="0.25">
      <c r="C4447"/>
      <c r="D4447"/>
    </row>
    <row r="4448" spans="3:4" x14ac:dyDescent="0.25">
      <c r="C4448"/>
      <c r="D4448"/>
    </row>
    <row r="4449" spans="3:4" x14ac:dyDescent="0.25">
      <c r="C4449"/>
      <c r="D4449"/>
    </row>
    <row r="4450" spans="3:4" x14ac:dyDescent="0.25">
      <c r="C4450"/>
      <c r="D4450"/>
    </row>
    <row r="4451" spans="3:4" x14ac:dyDescent="0.25">
      <c r="C4451"/>
      <c r="D4451"/>
    </row>
    <row r="4452" spans="3:4" x14ac:dyDescent="0.25">
      <c r="C4452"/>
      <c r="D4452"/>
    </row>
    <row r="4453" spans="3:4" x14ac:dyDescent="0.25">
      <c r="C4453"/>
      <c r="D4453"/>
    </row>
    <row r="4454" spans="3:4" x14ac:dyDescent="0.25">
      <c r="C4454"/>
      <c r="D4454"/>
    </row>
    <row r="4455" spans="3:4" x14ac:dyDescent="0.25">
      <c r="C4455"/>
      <c r="D4455"/>
    </row>
    <row r="4456" spans="3:4" x14ac:dyDescent="0.25">
      <c r="C4456"/>
      <c r="D4456"/>
    </row>
    <row r="4457" spans="3:4" x14ac:dyDescent="0.25">
      <c r="C4457"/>
      <c r="D4457"/>
    </row>
    <row r="4458" spans="3:4" x14ac:dyDescent="0.25">
      <c r="C4458"/>
      <c r="D4458"/>
    </row>
    <row r="4459" spans="3:4" x14ac:dyDescent="0.25">
      <c r="C4459"/>
      <c r="D4459"/>
    </row>
    <row r="4460" spans="3:4" x14ac:dyDescent="0.25">
      <c r="C4460"/>
      <c r="D4460"/>
    </row>
    <row r="4461" spans="3:4" x14ac:dyDescent="0.25">
      <c r="C4461"/>
      <c r="D4461"/>
    </row>
    <row r="4462" spans="3:4" x14ac:dyDescent="0.25">
      <c r="C4462"/>
      <c r="D4462"/>
    </row>
    <row r="4463" spans="3:4" x14ac:dyDescent="0.25">
      <c r="C4463"/>
      <c r="D4463"/>
    </row>
    <row r="4464" spans="3:4" x14ac:dyDescent="0.25">
      <c r="C4464"/>
      <c r="D4464"/>
    </row>
    <row r="4465" spans="3:4" x14ac:dyDescent="0.25">
      <c r="C4465"/>
      <c r="D4465"/>
    </row>
    <row r="4466" spans="3:4" x14ac:dyDescent="0.25">
      <c r="C4466"/>
      <c r="D4466"/>
    </row>
    <row r="4467" spans="3:4" x14ac:dyDescent="0.25">
      <c r="C4467"/>
      <c r="D4467"/>
    </row>
    <row r="4468" spans="3:4" x14ac:dyDescent="0.25">
      <c r="C4468"/>
      <c r="D4468"/>
    </row>
    <row r="4469" spans="3:4" x14ac:dyDescent="0.25">
      <c r="C4469"/>
      <c r="D4469"/>
    </row>
    <row r="4470" spans="3:4" x14ac:dyDescent="0.25">
      <c r="C4470"/>
      <c r="D4470"/>
    </row>
    <row r="4471" spans="3:4" x14ac:dyDescent="0.25">
      <c r="C4471"/>
      <c r="D4471"/>
    </row>
    <row r="4472" spans="3:4" x14ac:dyDescent="0.25">
      <c r="C4472"/>
      <c r="D4472"/>
    </row>
    <row r="4473" spans="3:4" x14ac:dyDescent="0.25">
      <c r="C4473"/>
      <c r="D4473"/>
    </row>
    <row r="4474" spans="3:4" x14ac:dyDescent="0.25">
      <c r="C4474"/>
      <c r="D4474"/>
    </row>
    <row r="4475" spans="3:4" x14ac:dyDescent="0.25">
      <c r="C4475"/>
      <c r="D4475"/>
    </row>
    <row r="4476" spans="3:4" x14ac:dyDescent="0.25">
      <c r="C4476"/>
      <c r="D4476"/>
    </row>
    <row r="4477" spans="3:4" x14ac:dyDescent="0.25">
      <c r="C4477"/>
      <c r="D4477"/>
    </row>
    <row r="4478" spans="3:4" x14ac:dyDescent="0.25">
      <c r="C4478"/>
      <c r="D4478"/>
    </row>
    <row r="4479" spans="3:4" x14ac:dyDescent="0.25">
      <c r="C4479"/>
      <c r="D4479"/>
    </row>
    <row r="4480" spans="3:4" x14ac:dyDescent="0.25">
      <c r="C4480"/>
      <c r="D4480"/>
    </row>
    <row r="4481" spans="3:4" x14ac:dyDescent="0.25">
      <c r="C4481"/>
      <c r="D4481"/>
    </row>
    <row r="4482" spans="3:4" x14ac:dyDescent="0.25">
      <c r="C4482"/>
      <c r="D4482"/>
    </row>
    <row r="4483" spans="3:4" x14ac:dyDescent="0.25">
      <c r="C4483"/>
      <c r="D4483"/>
    </row>
    <row r="4484" spans="3:4" x14ac:dyDescent="0.25">
      <c r="C4484"/>
      <c r="D4484"/>
    </row>
    <row r="4485" spans="3:4" x14ac:dyDescent="0.25">
      <c r="C4485"/>
      <c r="D4485"/>
    </row>
    <row r="4486" spans="3:4" x14ac:dyDescent="0.25">
      <c r="C4486"/>
      <c r="D4486"/>
    </row>
    <row r="4487" spans="3:4" x14ac:dyDescent="0.25">
      <c r="C4487"/>
      <c r="D4487"/>
    </row>
    <row r="4488" spans="3:4" x14ac:dyDescent="0.25">
      <c r="C4488"/>
      <c r="D4488"/>
    </row>
    <row r="4489" spans="3:4" x14ac:dyDescent="0.25">
      <c r="C4489"/>
      <c r="D4489"/>
    </row>
    <row r="4490" spans="3:4" x14ac:dyDescent="0.25">
      <c r="C4490"/>
      <c r="D4490"/>
    </row>
    <row r="4491" spans="3:4" x14ac:dyDescent="0.25">
      <c r="C4491"/>
      <c r="D4491"/>
    </row>
    <row r="4492" spans="3:4" x14ac:dyDescent="0.25">
      <c r="C4492"/>
      <c r="D4492"/>
    </row>
    <row r="4493" spans="3:4" x14ac:dyDescent="0.25">
      <c r="C4493"/>
      <c r="D4493"/>
    </row>
    <row r="4494" spans="3:4" x14ac:dyDescent="0.25">
      <c r="C4494"/>
      <c r="D4494"/>
    </row>
    <row r="4495" spans="3:4" x14ac:dyDescent="0.25">
      <c r="C4495"/>
      <c r="D4495"/>
    </row>
    <row r="4496" spans="3:4" x14ac:dyDescent="0.25">
      <c r="C4496"/>
      <c r="D4496"/>
    </row>
    <row r="4497" spans="3:4" x14ac:dyDescent="0.25">
      <c r="C4497"/>
      <c r="D4497"/>
    </row>
    <row r="4498" spans="3:4" x14ac:dyDescent="0.25">
      <c r="C4498"/>
      <c r="D4498"/>
    </row>
    <row r="4499" spans="3:4" x14ac:dyDescent="0.25">
      <c r="C4499"/>
      <c r="D4499"/>
    </row>
    <row r="4500" spans="3:4" x14ac:dyDescent="0.25">
      <c r="C4500"/>
      <c r="D4500"/>
    </row>
    <row r="4501" spans="3:4" x14ac:dyDescent="0.25">
      <c r="C4501"/>
      <c r="D4501"/>
    </row>
    <row r="4502" spans="3:4" x14ac:dyDescent="0.25">
      <c r="C4502"/>
      <c r="D4502"/>
    </row>
    <row r="4503" spans="3:4" x14ac:dyDescent="0.25">
      <c r="C4503"/>
      <c r="D4503"/>
    </row>
    <row r="4504" spans="3:4" x14ac:dyDescent="0.25">
      <c r="C4504"/>
      <c r="D4504"/>
    </row>
    <row r="4505" spans="3:4" x14ac:dyDescent="0.25">
      <c r="C4505"/>
      <c r="D4505"/>
    </row>
    <row r="4506" spans="3:4" x14ac:dyDescent="0.25">
      <c r="C4506"/>
      <c r="D4506"/>
    </row>
    <row r="4507" spans="3:4" x14ac:dyDescent="0.25">
      <c r="C4507"/>
      <c r="D4507"/>
    </row>
    <row r="4508" spans="3:4" x14ac:dyDescent="0.25">
      <c r="C4508"/>
      <c r="D4508"/>
    </row>
    <row r="4509" spans="3:4" x14ac:dyDescent="0.25">
      <c r="C4509"/>
      <c r="D4509"/>
    </row>
    <row r="4510" spans="3:4" x14ac:dyDescent="0.25">
      <c r="C4510"/>
      <c r="D4510"/>
    </row>
    <row r="4511" spans="3:4" x14ac:dyDescent="0.25">
      <c r="C4511"/>
      <c r="D4511"/>
    </row>
    <row r="4512" spans="3:4" x14ac:dyDescent="0.25">
      <c r="C4512"/>
      <c r="D4512"/>
    </row>
    <row r="4513" spans="3:4" x14ac:dyDescent="0.25">
      <c r="C4513"/>
      <c r="D4513"/>
    </row>
    <row r="4514" spans="3:4" x14ac:dyDescent="0.25">
      <c r="C4514"/>
      <c r="D4514"/>
    </row>
    <row r="4515" spans="3:4" x14ac:dyDescent="0.25">
      <c r="C4515"/>
      <c r="D4515"/>
    </row>
    <row r="4516" spans="3:4" x14ac:dyDescent="0.25">
      <c r="C4516"/>
      <c r="D4516"/>
    </row>
    <row r="4517" spans="3:4" x14ac:dyDescent="0.25">
      <c r="C4517"/>
      <c r="D4517"/>
    </row>
    <row r="4518" spans="3:4" x14ac:dyDescent="0.25">
      <c r="C4518"/>
      <c r="D4518"/>
    </row>
    <row r="4519" spans="3:4" x14ac:dyDescent="0.25">
      <c r="C4519"/>
      <c r="D4519"/>
    </row>
    <row r="4520" spans="3:4" x14ac:dyDescent="0.25">
      <c r="C4520"/>
      <c r="D4520"/>
    </row>
    <row r="4521" spans="3:4" x14ac:dyDescent="0.25">
      <c r="C4521"/>
      <c r="D4521"/>
    </row>
    <row r="4522" spans="3:4" x14ac:dyDescent="0.25">
      <c r="C4522"/>
      <c r="D4522"/>
    </row>
    <row r="4523" spans="3:4" x14ac:dyDescent="0.25">
      <c r="C4523"/>
      <c r="D4523"/>
    </row>
    <row r="4524" spans="3:4" x14ac:dyDescent="0.25">
      <c r="C4524"/>
      <c r="D4524"/>
    </row>
    <row r="4525" spans="3:4" x14ac:dyDescent="0.25">
      <c r="C4525"/>
      <c r="D4525"/>
    </row>
    <row r="4526" spans="3:4" x14ac:dyDescent="0.25">
      <c r="C4526"/>
      <c r="D4526"/>
    </row>
    <row r="4527" spans="3:4" x14ac:dyDescent="0.25">
      <c r="C4527"/>
      <c r="D4527"/>
    </row>
    <row r="4528" spans="3:4" x14ac:dyDescent="0.25">
      <c r="C4528"/>
      <c r="D4528"/>
    </row>
    <row r="4529" spans="3:4" x14ac:dyDescent="0.25">
      <c r="C4529"/>
      <c r="D4529"/>
    </row>
    <row r="4530" spans="3:4" x14ac:dyDescent="0.25">
      <c r="C4530"/>
      <c r="D4530"/>
    </row>
    <row r="4531" spans="3:4" x14ac:dyDescent="0.25">
      <c r="C4531"/>
      <c r="D4531"/>
    </row>
    <row r="4532" spans="3:4" x14ac:dyDescent="0.25">
      <c r="C4532"/>
      <c r="D4532"/>
    </row>
    <row r="4533" spans="3:4" x14ac:dyDescent="0.25">
      <c r="C4533"/>
      <c r="D4533"/>
    </row>
    <row r="4534" spans="3:4" x14ac:dyDescent="0.25">
      <c r="C4534"/>
      <c r="D4534"/>
    </row>
    <row r="4535" spans="3:4" x14ac:dyDescent="0.25">
      <c r="C4535"/>
      <c r="D4535"/>
    </row>
    <row r="4536" spans="3:4" x14ac:dyDescent="0.25">
      <c r="C4536"/>
      <c r="D4536"/>
    </row>
    <row r="4537" spans="3:4" x14ac:dyDescent="0.25">
      <c r="C4537"/>
      <c r="D4537"/>
    </row>
    <row r="4538" spans="3:4" x14ac:dyDescent="0.25">
      <c r="C4538"/>
      <c r="D4538"/>
    </row>
    <row r="4539" spans="3:4" x14ac:dyDescent="0.25">
      <c r="C4539"/>
      <c r="D4539"/>
    </row>
    <row r="4540" spans="3:4" x14ac:dyDescent="0.25">
      <c r="C4540"/>
      <c r="D4540"/>
    </row>
    <row r="4541" spans="3:4" x14ac:dyDescent="0.25">
      <c r="C4541"/>
      <c r="D4541"/>
    </row>
    <row r="4542" spans="3:4" x14ac:dyDescent="0.25">
      <c r="C4542"/>
      <c r="D4542"/>
    </row>
    <row r="4543" spans="3:4" x14ac:dyDescent="0.25">
      <c r="C4543"/>
      <c r="D4543"/>
    </row>
    <row r="4544" spans="3:4" x14ac:dyDescent="0.25">
      <c r="C4544"/>
      <c r="D4544"/>
    </row>
    <row r="4545" spans="3:4" x14ac:dyDescent="0.25">
      <c r="C4545"/>
      <c r="D4545"/>
    </row>
    <row r="4546" spans="3:4" x14ac:dyDescent="0.25">
      <c r="C4546"/>
      <c r="D4546"/>
    </row>
    <row r="4547" spans="3:4" x14ac:dyDescent="0.25">
      <c r="C4547"/>
      <c r="D4547"/>
    </row>
    <row r="4548" spans="3:4" x14ac:dyDescent="0.25">
      <c r="C4548"/>
      <c r="D4548"/>
    </row>
    <row r="4549" spans="3:4" x14ac:dyDescent="0.25">
      <c r="C4549"/>
      <c r="D4549"/>
    </row>
    <row r="4550" spans="3:4" x14ac:dyDescent="0.25">
      <c r="C4550"/>
      <c r="D4550"/>
    </row>
    <row r="4551" spans="3:4" x14ac:dyDescent="0.25">
      <c r="C4551"/>
      <c r="D4551"/>
    </row>
    <row r="4552" spans="3:4" x14ac:dyDescent="0.25">
      <c r="C4552"/>
      <c r="D4552"/>
    </row>
    <row r="4553" spans="3:4" x14ac:dyDescent="0.25">
      <c r="C4553"/>
      <c r="D4553"/>
    </row>
    <row r="4554" spans="3:4" x14ac:dyDescent="0.25">
      <c r="C4554"/>
      <c r="D4554"/>
    </row>
    <row r="4555" spans="3:4" x14ac:dyDescent="0.25">
      <c r="C4555"/>
      <c r="D4555"/>
    </row>
    <row r="4556" spans="3:4" x14ac:dyDescent="0.25">
      <c r="C4556"/>
      <c r="D4556"/>
    </row>
    <row r="4557" spans="3:4" x14ac:dyDescent="0.25">
      <c r="C4557"/>
      <c r="D4557"/>
    </row>
    <row r="4558" spans="3:4" x14ac:dyDescent="0.25">
      <c r="C4558"/>
      <c r="D4558"/>
    </row>
    <row r="4559" spans="3:4" x14ac:dyDescent="0.25">
      <c r="C4559"/>
      <c r="D4559"/>
    </row>
    <row r="4560" spans="3:4" x14ac:dyDescent="0.25">
      <c r="C4560"/>
      <c r="D4560"/>
    </row>
    <row r="4561" spans="3:4" x14ac:dyDescent="0.25">
      <c r="C4561"/>
      <c r="D4561"/>
    </row>
    <row r="4562" spans="3:4" x14ac:dyDescent="0.25">
      <c r="C4562"/>
      <c r="D4562"/>
    </row>
    <row r="4563" spans="3:4" x14ac:dyDescent="0.25">
      <c r="C4563"/>
      <c r="D4563"/>
    </row>
    <row r="4564" spans="3:4" x14ac:dyDescent="0.25">
      <c r="C4564"/>
      <c r="D4564"/>
    </row>
    <row r="4565" spans="3:4" x14ac:dyDescent="0.25">
      <c r="C4565"/>
      <c r="D4565"/>
    </row>
    <row r="4566" spans="3:4" x14ac:dyDescent="0.25">
      <c r="C4566"/>
      <c r="D4566"/>
    </row>
    <row r="4567" spans="3:4" x14ac:dyDescent="0.25">
      <c r="C4567"/>
      <c r="D4567"/>
    </row>
    <row r="4568" spans="3:4" x14ac:dyDescent="0.25">
      <c r="C4568"/>
      <c r="D4568"/>
    </row>
    <row r="4569" spans="3:4" x14ac:dyDescent="0.25">
      <c r="C4569"/>
      <c r="D4569"/>
    </row>
    <row r="4570" spans="3:4" x14ac:dyDescent="0.25">
      <c r="C4570"/>
      <c r="D4570"/>
    </row>
    <row r="4571" spans="3:4" x14ac:dyDescent="0.25">
      <c r="C4571"/>
      <c r="D4571"/>
    </row>
    <row r="4572" spans="3:4" x14ac:dyDescent="0.25">
      <c r="C4572"/>
      <c r="D4572"/>
    </row>
    <row r="4573" spans="3:4" x14ac:dyDescent="0.25">
      <c r="C4573"/>
      <c r="D4573"/>
    </row>
    <row r="4574" spans="3:4" x14ac:dyDescent="0.25">
      <c r="C4574"/>
      <c r="D4574"/>
    </row>
    <row r="4575" spans="3:4" x14ac:dyDescent="0.25">
      <c r="C4575"/>
      <c r="D4575"/>
    </row>
    <row r="4576" spans="3:4" x14ac:dyDescent="0.25">
      <c r="C4576"/>
      <c r="D4576"/>
    </row>
    <row r="4577" spans="3:4" x14ac:dyDescent="0.25">
      <c r="C4577"/>
      <c r="D4577"/>
    </row>
    <row r="4578" spans="3:4" x14ac:dyDescent="0.25">
      <c r="C4578"/>
      <c r="D4578"/>
    </row>
    <row r="4579" spans="3:4" x14ac:dyDescent="0.25">
      <c r="C4579"/>
      <c r="D4579"/>
    </row>
    <row r="4580" spans="3:4" x14ac:dyDescent="0.25">
      <c r="C4580"/>
      <c r="D4580"/>
    </row>
    <row r="4581" spans="3:4" x14ac:dyDescent="0.25">
      <c r="C4581"/>
      <c r="D4581"/>
    </row>
    <row r="4582" spans="3:4" x14ac:dyDescent="0.25">
      <c r="C4582"/>
      <c r="D4582"/>
    </row>
    <row r="4583" spans="3:4" x14ac:dyDescent="0.25">
      <c r="C4583"/>
      <c r="D4583"/>
    </row>
    <row r="4584" spans="3:4" x14ac:dyDescent="0.25">
      <c r="C4584"/>
      <c r="D4584"/>
    </row>
    <row r="4585" spans="3:4" x14ac:dyDescent="0.25">
      <c r="C4585"/>
      <c r="D4585"/>
    </row>
    <row r="4586" spans="3:4" x14ac:dyDescent="0.25">
      <c r="C4586"/>
      <c r="D4586"/>
    </row>
    <row r="4587" spans="3:4" x14ac:dyDescent="0.25">
      <c r="C4587"/>
      <c r="D4587"/>
    </row>
    <row r="4588" spans="3:4" x14ac:dyDescent="0.25">
      <c r="C4588"/>
      <c r="D4588"/>
    </row>
    <row r="4589" spans="3:4" x14ac:dyDescent="0.25">
      <c r="C4589"/>
      <c r="D4589"/>
    </row>
    <row r="4590" spans="3:4" x14ac:dyDescent="0.25">
      <c r="C4590"/>
      <c r="D4590"/>
    </row>
    <row r="4591" spans="3:4" x14ac:dyDescent="0.25">
      <c r="C4591"/>
      <c r="D4591"/>
    </row>
    <row r="4592" spans="3:4" x14ac:dyDescent="0.25">
      <c r="C4592"/>
      <c r="D4592"/>
    </row>
    <row r="4593" spans="3:4" x14ac:dyDescent="0.25">
      <c r="C4593"/>
      <c r="D4593"/>
    </row>
    <row r="4594" spans="3:4" x14ac:dyDescent="0.25">
      <c r="C4594"/>
      <c r="D4594"/>
    </row>
    <row r="4595" spans="3:4" x14ac:dyDescent="0.25">
      <c r="C4595"/>
      <c r="D4595"/>
    </row>
    <row r="4596" spans="3:4" x14ac:dyDescent="0.25">
      <c r="C4596"/>
      <c r="D4596"/>
    </row>
    <row r="4597" spans="3:4" x14ac:dyDescent="0.25">
      <c r="C4597"/>
      <c r="D4597"/>
    </row>
    <row r="4598" spans="3:4" x14ac:dyDescent="0.25">
      <c r="C4598"/>
      <c r="D4598"/>
    </row>
    <row r="4599" spans="3:4" x14ac:dyDescent="0.25">
      <c r="C4599"/>
      <c r="D4599"/>
    </row>
    <row r="4600" spans="3:4" x14ac:dyDescent="0.25">
      <c r="C4600"/>
      <c r="D4600"/>
    </row>
    <row r="4601" spans="3:4" x14ac:dyDescent="0.25">
      <c r="C4601"/>
      <c r="D4601"/>
    </row>
    <row r="4602" spans="3:4" x14ac:dyDescent="0.25">
      <c r="C4602"/>
      <c r="D4602"/>
    </row>
    <row r="4603" spans="3:4" x14ac:dyDescent="0.25">
      <c r="C4603"/>
      <c r="D4603"/>
    </row>
    <row r="4604" spans="3:4" x14ac:dyDescent="0.25">
      <c r="C4604"/>
      <c r="D4604"/>
    </row>
    <row r="4605" spans="3:4" x14ac:dyDescent="0.25">
      <c r="C4605"/>
      <c r="D4605"/>
    </row>
    <row r="4606" spans="3:4" x14ac:dyDescent="0.25">
      <c r="C4606"/>
      <c r="D4606"/>
    </row>
    <row r="4607" spans="3:4" x14ac:dyDescent="0.25">
      <c r="C4607"/>
      <c r="D4607"/>
    </row>
    <row r="4608" spans="3:4" x14ac:dyDescent="0.25">
      <c r="C4608"/>
      <c r="D4608"/>
    </row>
    <row r="4609" spans="3:4" x14ac:dyDescent="0.25">
      <c r="C4609"/>
      <c r="D4609"/>
    </row>
    <row r="4610" spans="3:4" x14ac:dyDescent="0.25">
      <c r="C4610"/>
      <c r="D4610"/>
    </row>
    <row r="4611" spans="3:4" x14ac:dyDescent="0.25">
      <c r="C4611"/>
      <c r="D4611"/>
    </row>
    <row r="4612" spans="3:4" x14ac:dyDescent="0.25">
      <c r="C4612"/>
      <c r="D4612"/>
    </row>
    <row r="4613" spans="3:4" x14ac:dyDescent="0.25">
      <c r="C4613"/>
      <c r="D4613"/>
    </row>
    <row r="4614" spans="3:4" x14ac:dyDescent="0.25">
      <c r="C4614"/>
      <c r="D4614"/>
    </row>
    <row r="4615" spans="3:4" x14ac:dyDescent="0.25">
      <c r="C4615"/>
      <c r="D4615"/>
    </row>
    <row r="4616" spans="3:4" x14ac:dyDescent="0.25">
      <c r="C4616"/>
      <c r="D4616"/>
    </row>
    <row r="4617" spans="3:4" x14ac:dyDescent="0.25">
      <c r="C4617"/>
      <c r="D4617"/>
    </row>
    <row r="4618" spans="3:4" x14ac:dyDescent="0.25">
      <c r="C4618"/>
      <c r="D4618"/>
    </row>
    <row r="4619" spans="3:4" x14ac:dyDescent="0.25">
      <c r="C4619"/>
      <c r="D4619"/>
    </row>
    <row r="4620" spans="3:4" x14ac:dyDescent="0.25">
      <c r="C4620"/>
      <c r="D4620"/>
    </row>
    <row r="4621" spans="3:4" x14ac:dyDescent="0.25">
      <c r="C4621"/>
      <c r="D4621"/>
    </row>
    <row r="4622" spans="3:4" x14ac:dyDescent="0.25">
      <c r="C4622"/>
      <c r="D4622"/>
    </row>
    <row r="4623" spans="3:4" x14ac:dyDescent="0.25">
      <c r="C4623"/>
      <c r="D4623"/>
    </row>
    <row r="4624" spans="3:4" x14ac:dyDescent="0.25">
      <c r="C4624"/>
      <c r="D4624"/>
    </row>
    <row r="4625" spans="3:4" x14ac:dyDescent="0.25">
      <c r="C4625"/>
      <c r="D4625"/>
    </row>
    <row r="4626" spans="3:4" x14ac:dyDescent="0.25">
      <c r="C4626"/>
      <c r="D4626"/>
    </row>
    <row r="4627" spans="3:4" x14ac:dyDescent="0.25">
      <c r="C4627"/>
      <c r="D4627"/>
    </row>
    <row r="4628" spans="3:4" x14ac:dyDescent="0.25">
      <c r="C4628"/>
      <c r="D4628"/>
    </row>
    <row r="4629" spans="3:4" x14ac:dyDescent="0.25">
      <c r="C4629"/>
      <c r="D4629"/>
    </row>
    <row r="4630" spans="3:4" x14ac:dyDescent="0.25">
      <c r="C4630"/>
      <c r="D4630"/>
    </row>
    <row r="4631" spans="3:4" x14ac:dyDescent="0.25">
      <c r="C4631"/>
      <c r="D4631"/>
    </row>
    <row r="4632" spans="3:4" x14ac:dyDescent="0.25">
      <c r="C4632"/>
      <c r="D4632"/>
    </row>
    <row r="4633" spans="3:4" x14ac:dyDescent="0.25">
      <c r="C4633"/>
      <c r="D4633"/>
    </row>
    <row r="4634" spans="3:4" x14ac:dyDescent="0.25">
      <c r="C4634"/>
      <c r="D4634"/>
    </row>
    <row r="4635" spans="3:4" x14ac:dyDescent="0.25">
      <c r="C4635"/>
      <c r="D4635"/>
    </row>
    <row r="4636" spans="3:4" x14ac:dyDescent="0.25">
      <c r="C4636"/>
      <c r="D4636"/>
    </row>
    <row r="4637" spans="3:4" x14ac:dyDescent="0.25">
      <c r="C4637"/>
      <c r="D4637"/>
    </row>
    <row r="4638" spans="3:4" x14ac:dyDescent="0.25">
      <c r="C4638"/>
      <c r="D4638"/>
    </row>
    <row r="4639" spans="3:4" x14ac:dyDescent="0.25">
      <c r="C4639"/>
      <c r="D4639"/>
    </row>
    <row r="4640" spans="3:4" x14ac:dyDescent="0.25">
      <c r="C4640"/>
      <c r="D4640"/>
    </row>
    <row r="4641" spans="3:4" x14ac:dyDescent="0.25">
      <c r="C4641"/>
      <c r="D4641"/>
    </row>
    <row r="4642" spans="3:4" x14ac:dyDescent="0.25">
      <c r="C4642"/>
      <c r="D4642"/>
    </row>
    <row r="4643" spans="3:4" x14ac:dyDescent="0.25">
      <c r="C4643"/>
      <c r="D4643"/>
    </row>
    <row r="4644" spans="3:4" x14ac:dyDescent="0.25">
      <c r="C4644"/>
      <c r="D4644"/>
    </row>
    <row r="4645" spans="3:4" x14ac:dyDescent="0.25">
      <c r="C4645"/>
      <c r="D4645"/>
    </row>
    <row r="4646" spans="3:4" x14ac:dyDescent="0.25">
      <c r="C4646"/>
      <c r="D4646"/>
    </row>
    <row r="4647" spans="3:4" x14ac:dyDescent="0.25">
      <c r="C4647"/>
      <c r="D4647"/>
    </row>
    <row r="4648" spans="3:4" x14ac:dyDescent="0.25">
      <c r="C4648"/>
      <c r="D4648"/>
    </row>
    <row r="4649" spans="3:4" x14ac:dyDescent="0.25">
      <c r="C4649"/>
      <c r="D4649"/>
    </row>
    <row r="4650" spans="3:4" x14ac:dyDescent="0.25">
      <c r="C4650"/>
      <c r="D4650"/>
    </row>
    <row r="4651" spans="3:4" x14ac:dyDescent="0.25">
      <c r="C4651"/>
      <c r="D4651"/>
    </row>
    <row r="4652" spans="3:4" x14ac:dyDescent="0.25">
      <c r="C4652"/>
      <c r="D4652"/>
    </row>
    <row r="4653" spans="3:4" x14ac:dyDescent="0.25">
      <c r="C4653"/>
      <c r="D4653"/>
    </row>
    <row r="4654" spans="3:4" x14ac:dyDescent="0.25">
      <c r="C4654"/>
      <c r="D4654"/>
    </row>
    <row r="4655" spans="3:4" x14ac:dyDescent="0.25">
      <c r="C4655"/>
      <c r="D4655"/>
    </row>
    <row r="4656" spans="3:4" x14ac:dyDescent="0.25">
      <c r="C4656"/>
      <c r="D4656"/>
    </row>
    <row r="4657" spans="3:4" x14ac:dyDescent="0.25">
      <c r="C4657"/>
      <c r="D4657"/>
    </row>
    <row r="4658" spans="3:4" x14ac:dyDescent="0.25">
      <c r="C4658"/>
      <c r="D4658"/>
    </row>
    <row r="4659" spans="3:4" x14ac:dyDescent="0.25">
      <c r="C4659"/>
      <c r="D4659"/>
    </row>
    <row r="4660" spans="3:4" x14ac:dyDescent="0.25">
      <c r="C4660"/>
      <c r="D4660"/>
    </row>
    <row r="4661" spans="3:4" x14ac:dyDescent="0.25">
      <c r="C4661"/>
      <c r="D4661"/>
    </row>
    <row r="4662" spans="3:4" x14ac:dyDescent="0.25">
      <c r="C4662"/>
      <c r="D4662"/>
    </row>
    <row r="4663" spans="3:4" x14ac:dyDescent="0.25">
      <c r="C4663"/>
      <c r="D4663"/>
    </row>
    <row r="4664" spans="3:4" x14ac:dyDescent="0.25">
      <c r="C4664"/>
      <c r="D4664"/>
    </row>
    <row r="4665" spans="3:4" x14ac:dyDescent="0.25">
      <c r="C4665"/>
      <c r="D4665"/>
    </row>
    <row r="4666" spans="3:4" x14ac:dyDescent="0.25">
      <c r="C4666"/>
      <c r="D4666"/>
    </row>
    <row r="4667" spans="3:4" x14ac:dyDescent="0.25">
      <c r="C4667"/>
      <c r="D4667"/>
    </row>
    <row r="4668" spans="3:4" x14ac:dyDescent="0.25">
      <c r="C4668"/>
      <c r="D4668"/>
    </row>
    <row r="4669" spans="3:4" x14ac:dyDescent="0.25">
      <c r="C4669"/>
      <c r="D4669"/>
    </row>
    <row r="4670" spans="3:4" x14ac:dyDescent="0.25">
      <c r="C4670"/>
      <c r="D4670"/>
    </row>
    <row r="4671" spans="3:4" x14ac:dyDescent="0.25">
      <c r="C4671"/>
      <c r="D4671"/>
    </row>
    <row r="4672" spans="3:4" x14ac:dyDescent="0.25">
      <c r="C4672"/>
      <c r="D4672"/>
    </row>
    <row r="4673" spans="3:4" x14ac:dyDescent="0.25">
      <c r="C4673"/>
      <c r="D4673"/>
    </row>
    <row r="4674" spans="3:4" x14ac:dyDescent="0.25">
      <c r="C4674"/>
      <c r="D4674"/>
    </row>
    <row r="4675" spans="3:4" x14ac:dyDescent="0.25">
      <c r="C4675"/>
      <c r="D4675"/>
    </row>
    <row r="4676" spans="3:4" x14ac:dyDescent="0.25">
      <c r="C4676"/>
      <c r="D4676"/>
    </row>
    <row r="4677" spans="3:4" x14ac:dyDescent="0.25">
      <c r="C4677"/>
      <c r="D4677"/>
    </row>
    <row r="4678" spans="3:4" x14ac:dyDescent="0.25">
      <c r="C4678"/>
      <c r="D4678"/>
    </row>
    <row r="4679" spans="3:4" x14ac:dyDescent="0.25">
      <c r="C4679"/>
      <c r="D4679"/>
    </row>
    <row r="4680" spans="3:4" x14ac:dyDescent="0.25">
      <c r="C4680"/>
      <c r="D4680"/>
    </row>
    <row r="4681" spans="3:4" x14ac:dyDescent="0.25">
      <c r="C4681"/>
      <c r="D4681"/>
    </row>
    <row r="4682" spans="3:4" x14ac:dyDescent="0.25">
      <c r="C4682"/>
      <c r="D4682"/>
    </row>
    <row r="4683" spans="3:4" x14ac:dyDescent="0.25">
      <c r="C4683"/>
      <c r="D4683"/>
    </row>
    <row r="4684" spans="3:4" x14ac:dyDescent="0.25">
      <c r="C4684"/>
      <c r="D4684"/>
    </row>
    <row r="4685" spans="3:4" x14ac:dyDescent="0.25">
      <c r="C4685"/>
      <c r="D4685"/>
    </row>
    <row r="4686" spans="3:4" x14ac:dyDescent="0.25">
      <c r="C4686"/>
      <c r="D4686"/>
    </row>
    <row r="4687" spans="3:4" x14ac:dyDescent="0.25">
      <c r="C4687"/>
      <c r="D4687"/>
    </row>
    <row r="4688" spans="3:4" x14ac:dyDescent="0.25">
      <c r="C4688"/>
      <c r="D4688"/>
    </row>
    <row r="4689" spans="3:4" x14ac:dyDescent="0.25">
      <c r="C4689"/>
      <c r="D4689"/>
    </row>
    <row r="4690" spans="3:4" x14ac:dyDescent="0.25">
      <c r="C4690"/>
      <c r="D4690"/>
    </row>
    <row r="4691" spans="3:4" x14ac:dyDescent="0.25">
      <c r="C4691"/>
      <c r="D4691"/>
    </row>
    <row r="4692" spans="3:4" x14ac:dyDescent="0.25">
      <c r="C4692"/>
      <c r="D4692"/>
    </row>
    <row r="4693" spans="3:4" x14ac:dyDescent="0.25">
      <c r="C4693"/>
      <c r="D4693"/>
    </row>
    <row r="4694" spans="3:4" x14ac:dyDescent="0.25">
      <c r="C4694"/>
      <c r="D4694"/>
    </row>
    <row r="4695" spans="3:4" x14ac:dyDescent="0.25">
      <c r="C4695"/>
      <c r="D4695"/>
    </row>
    <row r="4696" spans="3:4" x14ac:dyDescent="0.25">
      <c r="C4696"/>
      <c r="D4696"/>
    </row>
    <row r="4697" spans="3:4" x14ac:dyDescent="0.25">
      <c r="C4697"/>
      <c r="D4697"/>
    </row>
    <row r="4698" spans="3:4" x14ac:dyDescent="0.25">
      <c r="C4698"/>
      <c r="D4698"/>
    </row>
    <row r="4699" spans="3:4" x14ac:dyDescent="0.25">
      <c r="C4699"/>
      <c r="D4699"/>
    </row>
    <row r="4700" spans="3:4" x14ac:dyDescent="0.25">
      <c r="C4700"/>
      <c r="D4700"/>
    </row>
    <row r="4701" spans="3:4" x14ac:dyDescent="0.25">
      <c r="C4701"/>
      <c r="D4701"/>
    </row>
    <row r="4702" spans="3:4" x14ac:dyDescent="0.25">
      <c r="C4702"/>
      <c r="D4702"/>
    </row>
    <row r="4703" spans="3:4" x14ac:dyDescent="0.25">
      <c r="C4703"/>
      <c r="D4703"/>
    </row>
    <row r="4704" spans="3:4" x14ac:dyDescent="0.25">
      <c r="C4704"/>
      <c r="D4704"/>
    </row>
    <row r="4705" spans="3:4" x14ac:dyDescent="0.25">
      <c r="C4705"/>
      <c r="D4705"/>
    </row>
    <row r="4706" spans="3:4" x14ac:dyDescent="0.25">
      <c r="C4706"/>
      <c r="D4706"/>
    </row>
    <row r="4707" spans="3:4" x14ac:dyDescent="0.25">
      <c r="C4707"/>
      <c r="D4707"/>
    </row>
    <row r="4708" spans="3:4" x14ac:dyDescent="0.25">
      <c r="C4708"/>
      <c r="D4708"/>
    </row>
    <row r="4709" spans="3:4" x14ac:dyDescent="0.25">
      <c r="C4709"/>
      <c r="D4709"/>
    </row>
    <row r="4710" spans="3:4" x14ac:dyDescent="0.25">
      <c r="C4710"/>
      <c r="D4710"/>
    </row>
    <row r="4711" spans="3:4" x14ac:dyDescent="0.25">
      <c r="C4711"/>
      <c r="D4711"/>
    </row>
    <row r="4712" spans="3:4" x14ac:dyDescent="0.25">
      <c r="C4712"/>
      <c r="D4712"/>
    </row>
    <row r="4713" spans="3:4" x14ac:dyDescent="0.25">
      <c r="C4713"/>
      <c r="D4713"/>
    </row>
    <row r="4714" spans="3:4" x14ac:dyDescent="0.25">
      <c r="C4714"/>
      <c r="D4714"/>
    </row>
    <row r="4715" spans="3:4" x14ac:dyDescent="0.25">
      <c r="C4715"/>
      <c r="D4715"/>
    </row>
    <row r="4716" spans="3:4" x14ac:dyDescent="0.25">
      <c r="C4716"/>
      <c r="D4716"/>
    </row>
    <row r="4717" spans="3:4" x14ac:dyDescent="0.25">
      <c r="C4717"/>
      <c r="D4717"/>
    </row>
    <row r="4718" spans="3:4" x14ac:dyDescent="0.25">
      <c r="C4718"/>
      <c r="D4718"/>
    </row>
    <row r="4719" spans="3:4" x14ac:dyDescent="0.25">
      <c r="C4719"/>
      <c r="D4719"/>
    </row>
    <row r="4720" spans="3:4" x14ac:dyDescent="0.25">
      <c r="C4720"/>
      <c r="D4720"/>
    </row>
    <row r="4721" spans="3:4" x14ac:dyDescent="0.25">
      <c r="C4721"/>
      <c r="D4721"/>
    </row>
    <row r="4722" spans="3:4" x14ac:dyDescent="0.25">
      <c r="C4722"/>
      <c r="D4722"/>
    </row>
    <row r="4723" spans="3:4" x14ac:dyDescent="0.25">
      <c r="C4723"/>
      <c r="D4723"/>
    </row>
    <row r="4724" spans="3:4" x14ac:dyDescent="0.25">
      <c r="C4724"/>
      <c r="D4724"/>
    </row>
    <row r="4725" spans="3:4" x14ac:dyDescent="0.25">
      <c r="C4725"/>
      <c r="D4725"/>
    </row>
    <row r="4726" spans="3:4" x14ac:dyDescent="0.25">
      <c r="C4726"/>
      <c r="D4726"/>
    </row>
    <row r="4727" spans="3:4" x14ac:dyDescent="0.25">
      <c r="C4727"/>
      <c r="D4727"/>
    </row>
    <row r="4728" spans="3:4" x14ac:dyDescent="0.25">
      <c r="C4728"/>
      <c r="D4728"/>
    </row>
    <row r="4729" spans="3:4" x14ac:dyDescent="0.25">
      <c r="C4729"/>
      <c r="D4729"/>
    </row>
    <row r="4730" spans="3:4" x14ac:dyDescent="0.25">
      <c r="C4730"/>
      <c r="D4730"/>
    </row>
    <row r="4731" spans="3:4" x14ac:dyDescent="0.25">
      <c r="C4731"/>
      <c r="D4731"/>
    </row>
    <row r="4732" spans="3:4" x14ac:dyDescent="0.25">
      <c r="C4732"/>
      <c r="D4732"/>
    </row>
    <row r="4733" spans="3:4" x14ac:dyDescent="0.25">
      <c r="C4733"/>
      <c r="D4733"/>
    </row>
    <row r="4734" spans="3:4" x14ac:dyDescent="0.25">
      <c r="C4734"/>
      <c r="D4734"/>
    </row>
    <row r="4735" spans="3:4" x14ac:dyDescent="0.25">
      <c r="C4735"/>
      <c r="D4735"/>
    </row>
    <row r="4736" spans="3:4" x14ac:dyDescent="0.25">
      <c r="C4736"/>
      <c r="D4736"/>
    </row>
    <row r="4737" spans="3:4" x14ac:dyDescent="0.25">
      <c r="C4737"/>
      <c r="D4737"/>
    </row>
    <row r="4738" spans="3:4" x14ac:dyDescent="0.25">
      <c r="C4738"/>
      <c r="D4738"/>
    </row>
    <row r="4739" spans="3:4" x14ac:dyDescent="0.25">
      <c r="C4739"/>
      <c r="D4739"/>
    </row>
    <row r="4740" spans="3:4" x14ac:dyDescent="0.25">
      <c r="C4740"/>
      <c r="D4740"/>
    </row>
    <row r="4741" spans="3:4" x14ac:dyDescent="0.25">
      <c r="C4741"/>
      <c r="D4741"/>
    </row>
    <row r="4742" spans="3:4" x14ac:dyDescent="0.25">
      <c r="C4742"/>
      <c r="D4742"/>
    </row>
    <row r="4743" spans="3:4" x14ac:dyDescent="0.25">
      <c r="C4743"/>
      <c r="D4743"/>
    </row>
    <row r="4744" spans="3:4" x14ac:dyDescent="0.25">
      <c r="C4744"/>
      <c r="D4744"/>
    </row>
    <row r="4745" spans="3:4" x14ac:dyDescent="0.25">
      <c r="C4745"/>
      <c r="D4745"/>
    </row>
    <row r="4746" spans="3:4" x14ac:dyDescent="0.25">
      <c r="C4746"/>
      <c r="D4746"/>
    </row>
    <row r="4747" spans="3:4" x14ac:dyDescent="0.25">
      <c r="C4747"/>
      <c r="D4747"/>
    </row>
    <row r="4748" spans="3:4" x14ac:dyDescent="0.25">
      <c r="C4748"/>
      <c r="D4748"/>
    </row>
    <row r="4749" spans="3:4" x14ac:dyDescent="0.25">
      <c r="C4749"/>
      <c r="D4749"/>
    </row>
    <row r="4750" spans="3:4" x14ac:dyDescent="0.25">
      <c r="C4750"/>
      <c r="D4750"/>
    </row>
    <row r="4751" spans="3:4" x14ac:dyDescent="0.25">
      <c r="C4751"/>
      <c r="D4751"/>
    </row>
    <row r="4752" spans="3:4" x14ac:dyDescent="0.25">
      <c r="C4752"/>
      <c r="D4752"/>
    </row>
    <row r="4753" spans="3:4" x14ac:dyDescent="0.25">
      <c r="C4753"/>
      <c r="D4753"/>
    </row>
    <row r="4754" spans="3:4" x14ac:dyDescent="0.25">
      <c r="C4754"/>
      <c r="D4754"/>
    </row>
    <row r="4755" spans="3:4" x14ac:dyDescent="0.25">
      <c r="C4755"/>
      <c r="D4755"/>
    </row>
    <row r="4756" spans="3:4" x14ac:dyDescent="0.25">
      <c r="C4756"/>
      <c r="D4756"/>
    </row>
    <row r="4757" spans="3:4" x14ac:dyDescent="0.25">
      <c r="C4757"/>
      <c r="D4757"/>
    </row>
    <row r="4758" spans="3:4" x14ac:dyDescent="0.25">
      <c r="C4758"/>
      <c r="D4758"/>
    </row>
    <row r="4759" spans="3:4" x14ac:dyDescent="0.25">
      <c r="C4759"/>
      <c r="D4759"/>
    </row>
    <row r="4760" spans="3:4" x14ac:dyDescent="0.25">
      <c r="C4760"/>
      <c r="D4760"/>
    </row>
    <row r="4761" spans="3:4" x14ac:dyDescent="0.25">
      <c r="C4761"/>
      <c r="D4761"/>
    </row>
    <row r="4762" spans="3:4" x14ac:dyDescent="0.25">
      <c r="C4762"/>
      <c r="D4762"/>
    </row>
    <row r="4763" spans="3:4" x14ac:dyDescent="0.25">
      <c r="C4763"/>
      <c r="D4763"/>
    </row>
    <row r="4764" spans="3:4" x14ac:dyDescent="0.25">
      <c r="C4764"/>
      <c r="D4764"/>
    </row>
    <row r="4765" spans="3:4" x14ac:dyDescent="0.25">
      <c r="C4765"/>
      <c r="D4765"/>
    </row>
    <row r="4766" spans="3:4" x14ac:dyDescent="0.25">
      <c r="C4766"/>
      <c r="D4766"/>
    </row>
    <row r="4767" spans="3:4" x14ac:dyDescent="0.25">
      <c r="C4767"/>
      <c r="D4767"/>
    </row>
    <row r="4768" spans="3:4" x14ac:dyDescent="0.25">
      <c r="C4768"/>
      <c r="D4768"/>
    </row>
    <row r="4769" spans="3:4" x14ac:dyDescent="0.25">
      <c r="C4769"/>
      <c r="D4769"/>
    </row>
    <row r="4770" spans="3:4" x14ac:dyDescent="0.25">
      <c r="C4770"/>
      <c r="D4770"/>
    </row>
    <row r="4771" spans="3:4" x14ac:dyDescent="0.25">
      <c r="C4771"/>
      <c r="D4771"/>
    </row>
    <row r="4772" spans="3:4" x14ac:dyDescent="0.25">
      <c r="C4772"/>
      <c r="D4772"/>
    </row>
    <row r="4773" spans="3:4" x14ac:dyDescent="0.25">
      <c r="C4773"/>
      <c r="D4773"/>
    </row>
    <row r="4774" spans="3:4" x14ac:dyDescent="0.25">
      <c r="C4774"/>
      <c r="D4774"/>
    </row>
    <row r="4775" spans="3:4" x14ac:dyDescent="0.25">
      <c r="C4775"/>
      <c r="D4775"/>
    </row>
    <row r="4776" spans="3:4" x14ac:dyDescent="0.25">
      <c r="C4776"/>
      <c r="D4776"/>
    </row>
    <row r="4777" spans="3:4" x14ac:dyDescent="0.25">
      <c r="C4777"/>
      <c r="D4777"/>
    </row>
    <row r="4778" spans="3:4" x14ac:dyDescent="0.25">
      <c r="C4778"/>
      <c r="D4778"/>
    </row>
    <row r="4779" spans="3:4" x14ac:dyDescent="0.25">
      <c r="C4779"/>
      <c r="D4779"/>
    </row>
    <row r="4780" spans="3:4" x14ac:dyDescent="0.25">
      <c r="C4780"/>
      <c r="D4780"/>
    </row>
    <row r="4781" spans="3:4" x14ac:dyDescent="0.25">
      <c r="C4781"/>
      <c r="D4781"/>
    </row>
    <row r="4782" spans="3:4" x14ac:dyDescent="0.25">
      <c r="C4782"/>
      <c r="D4782"/>
    </row>
    <row r="4783" spans="3:4" x14ac:dyDescent="0.25">
      <c r="C4783"/>
      <c r="D4783"/>
    </row>
    <row r="4784" spans="3:4" x14ac:dyDescent="0.25">
      <c r="C4784"/>
      <c r="D4784"/>
    </row>
    <row r="4785" spans="3:4" x14ac:dyDescent="0.25">
      <c r="C4785"/>
      <c r="D4785"/>
    </row>
    <row r="4786" spans="3:4" x14ac:dyDescent="0.25">
      <c r="C4786"/>
      <c r="D4786"/>
    </row>
    <row r="4787" spans="3:4" x14ac:dyDescent="0.25">
      <c r="C4787"/>
      <c r="D4787"/>
    </row>
    <row r="4788" spans="3:4" x14ac:dyDescent="0.25">
      <c r="C4788"/>
      <c r="D4788"/>
    </row>
    <row r="4789" spans="3:4" x14ac:dyDescent="0.25">
      <c r="C4789"/>
      <c r="D4789"/>
    </row>
    <row r="4790" spans="3:4" x14ac:dyDescent="0.25">
      <c r="C4790"/>
      <c r="D4790"/>
    </row>
    <row r="4791" spans="3:4" x14ac:dyDescent="0.25">
      <c r="C4791"/>
      <c r="D4791"/>
    </row>
    <row r="4792" spans="3:4" x14ac:dyDescent="0.25">
      <c r="C4792"/>
      <c r="D4792"/>
    </row>
    <row r="4793" spans="3:4" x14ac:dyDescent="0.25">
      <c r="C4793"/>
      <c r="D4793"/>
    </row>
    <row r="4794" spans="3:4" x14ac:dyDescent="0.25">
      <c r="C4794"/>
      <c r="D4794"/>
    </row>
    <row r="4795" spans="3:4" x14ac:dyDescent="0.25">
      <c r="C4795"/>
      <c r="D4795"/>
    </row>
    <row r="4796" spans="3:4" x14ac:dyDescent="0.25">
      <c r="C4796"/>
      <c r="D4796"/>
    </row>
    <row r="4797" spans="3:4" x14ac:dyDescent="0.25">
      <c r="C4797"/>
      <c r="D4797"/>
    </row>
    <row r="4798" spans="3:4" x14ac:dyDescent="0.25">
      <c r="C4798"/>
      <c r="D4798"/>
    </row>
    <row r="4799" spans="3:4" x14ac:dyDescent="0.25">
      <c r="C4799"/>
      <c r="D4799"/>
    </row>
    <row r="4800" spans="3:4" x14ac:dyDescent="0.25">
      <c r="C4800"/>
      <c r="D4800"/>
    </row>
    <row r="4801" spans="3:4" x14ac:dyDescent="0.25">
      <c r="C4801"/>
      <c r="D4801"/>
    </row>
    <row r="4802" spans="3:4" x14ac:dyDescent="0.25">
      <c r="C4802"/>
      <c r="D4802"/>
    </row>
    <row r="4803" spans="3:4" x14ac:dyDescent="0.25">
      <c r="C4803"/>
      <c r="D4803"/>
    </row>
    <row r="4804" spans="3:4" x14ac:dyDescent="0.25">
      <c r="C4804"/>
      <c r="D4804"/>
    </row>
    <row r="4805" spans="3:4" x14ac:dyDescent="0.25">
      <c r="C4805"/>
      <c r="D4805"/>
    </row>
    <row r="4806" spans="3:4" x14ac:dyDescent="0.25">
      <c r="C4806"/>
      <c r="D4806"/>
    </row>
    <row r="4807" spans="3:4" x14ac:dyDescent="0.25">
      <c r="C4807"/>
      <c r="D4807"/>
    </row>
    <row r="4808" spans="3:4" x14ac:dyDescent="0.25">
      <c r="C4808"/>
      <c r="D4808"/>
    </row>
    <row r="4809" spans="3:4" x14ac:dyDescent="0.25">
      <c r="C4809"/>
      <c r="D4809"/>
    </row>
    <row r="4810" spans="3:4" x14ac:dyDescent="0.25">
      <c r="C4810"/>
      <c r="D4810"/>
    </row>
    <row r="4811" spans="3:4" x14ac:dyDescent="0.25">
      <c r="C4811"/>
      <c r="D4811"/>
    </row>
    <row r="4812" spans="3:4" x14ac:dyDescent="0.25">
      <c r="C4812"/>
      <c r="D4812"/>
    </row>
    <row r="4813" spans="3:4" x14ac:dyDescent="0.25">
      <c r="C4813"/>
      <c r="D4813"/>
    </row>
    <row r="4814" spans="3:4" x14ac:dyDescent="0.25">
      <c r="C4814"/>
      <c r="D4814"/>
    </row>
    <row r="4815" spans="3:4" x14ac:dyDescent="0.25">
      <c r="C4815"/>
      <c r="D4815"/>
    </row>
    <row r="4816" spans="3:4" x14ac:dyDescent="0.25">
      <c r="C4816"/>
      <c r="D4816"/>
    </row>
    <row r="4817" spans="3:4" x14ac:dyDescent="0.25">
      <c r="C4817"/>
      <c r="D4817"/>
    </row>
    <row r="4818" spans="3:4" x14ac:dyDescent="0.25">
      <c r="C4818"/>
      <c r="D4818"/>
    </row>
    <row r="4819" spans="3:4" x14ac:dyDescent="0.25">
      <c r="C4819"/>
      <c r="D4819"/>
    </row>
    <row r="4820" spans="3:4" x14ac:dyDescent="0.25">
      <c r="C4820"/>
      <c r="D4820"/>
    </row>
    <row r="4821" spans="3:4" x14ac:dyDescent="0.25">
      <c r="C4821"/>
      <c r="D4821"/>
    </row>
    <row r="4822" spans="3:4" x14ac:dyDescent="0.25">
      <c r="C4822"/>
      <c r="D4822"/>
    </row>
    <row r="4823" spans="3:4" x14ac:dyDescent="0.25">
      <c r="C4823"/>
      <c r="D4823"/>
    </row>
    <row r="4824" spans="3:4" x14ac:dyDescent="0.25">
      <c r="C4824"/>
      <c r="D4824"/>
    </row>
    <row r="4825" spans="3:4" x14ac:dyDescent="0.25">
      <c r="C4825"/>
      <c r="D4825"/>
    </row>
    <row r="4826" spans="3:4" x14ac:dyDescent="0.25">
      <c r="C4826"/>
      <c r="D4826"/>
    </row>
    <row r="4827" spans="3:4" x14ac:dyDescent="0.25">
      <c r="C4827"/>
      <c r="D4827"/>
    </row>
    <row r="4828" spans="3:4" x14ac:dyDescent="0.25">
      <c r="C4828"/>
      <c r="D4828"/>
    </row>
    <row r="4829" spans="3:4" x14ac:dyDescent="0.25">
      <c r="C4829"/>
      <c r="D4829"/>
    </row>
    <row r="4830" spans="3:4" x14ac:dyDescent="0.25">
      <c r="C4830"/>
      <c r="D4830"/>
    </row>
    <row r="4831" spans="3:4" x14ac:dyDescent="0.25">
      <c r="C4831"/>
      <c r="D4831"/>
    </row>
    <row r="4832" spans="3:4" x14ac:dyDescent="0.25">
      <c r="C4832"/>
      <c r="D4832"/>
    </row>
    <row r="4833" spans="3:4" x14ac:dyDescent="0.25">
      <c r="C4833"/>
      <c r="D4833"/>
    </row>
    <row r="4834" spans="3:4" x14ac:dyDescent="0.25">
      <c r="C4834"/>
      <c r="D4834"/>
    </row>
    <row r="4835" spans="3:4" x14ac:dyDescent="0.25">
      <c r="C4835"/>
      <c r="D4835"/>
    </row>
    <row r="4836" spans="3:4" x14ac:dyDescent="0.25">
      <c r="C4836"/>
      <c r="D4836"/>
    </row>
    <row r="4837" spans="3:4" x14ac:dyDescent="0.25">
      <c r="C4837"/>
      <c r="D4837"/>
    </row>
    <row r="4838" spans="3:4" x14ac:dyDescent="0.25">
      <c r="C4838"/>
      <c r="D4838"/>
    </row>
    <row r="4839" spans="3:4" x14ac:dyDescent="0.25">
      <c r="C4839"/>
      <c r="D4839"/>
    </row>
    <row r="4840" spans="3:4" x14ac:dyDescent="0.25">
      <c r="C4840"/>
      <c r="D4840"/>
    </row>
    <row r="4841" spans="3:4" x14ac:dyDescent="0.25">
      <c r="C4841"/>
      <c r="D4841"/>
    </row>
    <row r="4842" spans="3:4" x14ac:dyDescent="0.25">
      <c r="C4842"/>
      <c r="D4842"/>
    </row>
    <row r="4843" spans="3:4" x14ac:dyDescent="0.25">
      <c r="C4843"/>
      <c r="D4843"/>
    </row>
    <row r="4844" spans="3:4" x14ac:dyDescent="0.25">
      <c r="C4844"/>
      <c r="D4844"/>
    </row>
    <row r="4845" spans="3:4" x14ac:dyDescent="0.25">
      <c r="C4845"/>
      <c r="D4845"/>
    </row>
    <row r="4846" spans="3:4" x14ac:dyDescent="0.25">
      <c r="C4846"/>
      <c r="D4846"/>
    </row>
    <row r="4847" spans="3:4" x14ac:dyDescent="0.25">
      <c r="C4847"/>
      <c r="D4847"/>
    </row>
    <row r="4848" spans="3:4" x14ac:dyDescent="0.25">
      <c r="C4848"/>
      <c r="D4848"/>
    </row>
    <row r="4849" spans="3:4" x14ac:dyDescent="0.25">
      <c r="C4849"/>
      <c r="D4849"/>
    </row>
    <row r="4850" spans="3:4" x14ac:dyDescent="0.25">
      <c r="C4850"/>
      <c r="D4850"/>
    </row>
    <row r="4851" spans="3:4" x14ac:dyDescent="0.25">
      <c r="C4851"/>
      <c r="D4851"/>
    </row>
    <row r="4852" spans="3:4" x14ac:dyDescent="0.25">
      <c r="C4852"/>
      <c r="D4852"/>
    </row>
    <row r="4853" spans="3:4" x14ac:dyDescent="0.25">
      <c r="C4853"/>
      <c r="D4853"/>
    </row>
    <row r="4854" spans="3:4" x14ac:dyDescent="0.25">
      <c r="C4854"/>
      <c r="D4854"/>
    </row>
    <row r="4855" spans="3:4" x14ac:dyDescent="0.25">
      <c r="C4855"/>
      <c r="D4855"/>
    </row>
    <row r="4856" spans="3:4" x14ac:dyDescent="0.25">
      <c r="C4856"/>
      <c r="D4856"/>
    </row>
    <row r="4857" spans="3:4" x14ac:dyDescent="0.25">
      <c r="C4857"/>
      <c r="D4857"/>
    </row>
    <row r="4858" spans="3:4" x14ac:dyDescent="0.25">
      <c r="C4858"/>
      <c r="D4858"/>
    </row>
    <row r="4859" spans="3:4" x14ac:dyDescent="0.25">
      <c r="C4859"/>
      <c r="D4859"/>
    </row>
    <row r="4860" spans="3:4" x14ac:dyDescent="0.25">
      <c r="C4860"/>
      <c r="D4860"/>
    </row>
    <row r="4861" spans="3:4" x14ac:dyDescent="0.25">
      <c r="C4861"/>
      <c r="D4861"/>
    </row>
    <row r="4862" spans="3:4" x14ac:dyDescent="0.25">
      <c r="C4862"/>
      <c r="D4862"/>
    </row>
    <row r="4863" spans="3:4" x14ac:dyDescent="0.25">
      <c r="C4863"/>
      <c r="D4863"/>
    </row>
    <row r="4864" spans="3:4" x14ac:dyDescent="0.25">
      <c r="C4864"/>
      <c r="D4864"/>
    </row>
    <row r="4865" spans="3:4" x14ac:dyDescent="0.25">
      <c r="C4865"/>
      <c r="D4865"/>
    </row>
    <row r="4866" spans="3:4" x14ac:dyDescent="0.25">
      <c r="C4866"/>
      <c r="D4866"/>
    </row>
    <row r="4867" spans="3:4" x14ac:dyDescent="0.25">
      <c r="C4867"/>
      <c r="D4867"/>
    </row>
    <row r="4868" spans="3:4" x14ac:dyDescent="0.25">
      <c r="C4868"/>
      <c r="D4868"/>
    </row>
    <row r="4869" spans="3:4" x14ac:dyDescent="0.25">
      <c r="C4869"/>
      <c r="D4869"/>
    </row>
    <row r="4870" spans="3:4" x14ac:dyDescent="0.25">
      <c r="C4870"/>
      <c r="D4870"/>
    </row>
    <row r="4871" spans="3:4" x14ac:dyDescent="0.25">
      <c r="C4871"/>
      <c r="D4871"/>
    </row>
    <row r="4872" spans="3:4" x14ac:dyDescent="0.25">
      <c r="C4872"/>
      <c r="D4872"/>
    </row>
    <row r="4873" spans="3:4" x14ac:dyDescent="0.25">
      <c r="C4873"/>
      <c r="D4873"/>
    </row>
    <row r="4874" spans="3:4" x14ac:dyDescent="0.25">
      <c r="C4874"/>
      <c r="D4874"/>
    </row>
    <row r="4875" spans="3:4" x14ac:dyDescent="0.25">
      <c r="C4875"/>
      <c r="D4875"/>
    </row>
    <row r="4876" spans="3:4" x14ac:dyDescent="0.25">
      <c r="C4876"/>
      <c r="D4876"/>
    </row>
    <row r="4877" spans="3:4" x14ac:dyDescent="0.25">
      <c r="C4877"/>
      <c r="D4877"/>
    </row>
    <row r="4878" spans="3:4" x14ac:dyDescent="0.25">
      <c r="C4878"/>
      <c r="D4878"/>
    </row>
    <row r="4879" spans="3:4" x14ac:dyDescent="0.25">
      <c r="C4879"/>
      <c r="D4879"/>
    </row>
    <row r="4880" spans="3:4" x14ac:dyDescent="0.25">
      <c r="C4880"/>
      <c r="D4880"/>
    </row>
    <row r="4881" spans="3:4" x14ac:dyDescent="0.25">
      <c r="C4881"/>
      <c r="D4881"/>
    </row>
    <row r="4882" spans="3:4" x14ac:dyDescent="0.25">
      <c r="C4882"/>
      <c r="D4882"/>
    </row>
    <row r="4883" spans="3:4" x14ac:dyDescent="0.25">
      <c r="C4883"/>
      <c r="D4883"/>
    </row>
    <row r="4884" spans="3:4" x14ac:dyDescent="0.25">
      <c r="C4884"/>
      <c r="D4884"/>
    </row>
    <row r="4885" spans="3:4" x14ac:dyDescent="0.25">
      <c r="C4885"/>
      <c r="D4885"/>
    </row>
    <row r="4886" spans="3:4" x14ac:dyDescent="0.25">
      <c r="C4886"/>
      <c r="D4886"/>
    </row>
    <row r="4887" spans="3:4" x14ac:dyDescent="0.25">
      <c r="C4887"/>
      <c r="D4887"/>
    </row>
    <row r="4888" spans="3:4" x14ac:dyDescent="0.25">
      <c r="C4888"/>
      <c r="D4888"/>
    </row>
    <row r="4889" spans="3:4" x14ac:dyDescent="0.25">
      <c r="C4889"/>
      <c r="D4889"/>
    </row>
    <row r="4890" spans="3:4" x14ac:dyDescent="0.25">
      <c r="C4890"/>
      <c r="D4890"/>
    </row>
    <row r="4891" spans="3:4" x14ac:dyDescent="0.25">
      <c r="C4891"/>
      <c r="D4891"/>
    </row>
    <row r="4892" spans="3:4" x14ac:dyDescent="0.25">
      <c r="C4892"/>
      <c r="D4892"/>
    </row>
    <row r="4893" spans="3:4" x14ac:dyDescent="0.25">
      <c r="C4893"/>
      <c r="D4893"/>
    </row>
    <row r="4894" spans="3:4" x14ac:dyDescent="0.25">
      <c r="C4894"/>
      <c r="D4894"/>
    </row>
    <row r="4895" spans="3:4" x14ac:dyDescent="0.25">
      <c r="C4895"/>
      <c r="D4895"/>
    </row>
    <row r="4896" spans="3:4" x14ac:dyDescent="0.25">
      <c r="C4896"/>
      <c r="D4896"/>
    </row>
    <row r="4897" spans="3:4" x14ac:dyDescent="0.25">
      <c r="C4897"/>
      <c r="D4897"/>
    </row>
    <row r="4898" spans="3:4" x14ac:dyDescent="0.25">
      <c r="C4898"/>
      <c r="D4898"/>
    </row>
    <row r="4899" spans="3:4" x14ac:dyDescent="0.25">
      <c r="C4899"/>
      <c r="D4899"/>
    </row>
    <row r="4900" spans="3:4" x14ac:dyDescent="0.25">
      <c r="C4900"/>
      <c r="D4900"/>
    </row>
    <row r="4901" spans="3:4" x14ac:dyDescent="0.25">
      <c r="C4901"/>
      <c r="D4901"/>
    </row>
    <row r="4902" spans="3:4" x14ac:dyDescent="0.25">
      <c r="C4902"/>
      <c r="D4902"/>
    </row>
    <row r="4903" spans="3:4" x14ac:dyDescent="0.25">
      <c r="C4903"/>
      <c r="D4903"/>
    </row>
    <row r="4904" spans="3:4" x14ac:dyDescent="0.25">
      <c r="C4904"/>
      <c r="D4904"/>
    </row>
    <row r="4905" spans="3:4" x14ac:dyDescent="0.25">
      <c r="C4905"/>
      <c r="D4905"/>
    </row>
    <row r="4906" spans="3:4" x14ac:dyDescent="0.25">
      <c r="C4906"/>
      <c r="D4906"/>
    </row>
    <row r="4907" spans="3:4" x14ac:dyDescent="0.25">
      <c r="C4907"/>
      <c r="D4907"/>
    </row>
    <row r="4908" spans="3:4" x14ac:dyDescent="0.25">
      <c r="C4908"/>
      <c r="D4908"/>
    </row>
    <row r="4909" spans="3:4" x14ac:dyDescent="0.25">
      <c r="C4909"/>
      <c r="D4909"/>
    </row>
    <row r="4910" spans="3:4" x14ac:dyDescent="0.25">
      <c r="C4910"/>
      <c r="D4910"/>
    </row>
    <row r="4911" spans="3:4" x14ac:dyDescent="0.25">
      <c r="C4911"/>
      <c r="D4911"/>
    </row>
    <row r="4912" spans="3:4" x14ac:dyDescent="0.25">
      <c r="C4912"/>
      <c r="D4912"/>
    </row>
    <row r="4913" spans="3:4" x14ac:dyDescent="0.25">
      <c r="C4913"/>
      <c r="D4913"/>
    </row>
    <row r="4914" spans="3:4" x14ac:dyDescent="0.25">
      <c r="C4914"/>
      <c r="D4914"/>
    </row>
    <row r="4915" spans="3:4" x14ac:dyDescent="0.25">
      <c r="C4915"/>
      <c r="D4915"/>
    </row>
    <row r="4916" spans="3:4" x14ac:dyDescent="0.25">
      <c r="C4916"/>
      <c r="D4916"/>
    </row>
    <row r="4917" spans="3:4" x14ac:dyDescent="0.25">
      <c r="C4917"/>
      <c r="D4917"/>
    </row>
    <row r="4918" spans="3:4" x14ac:dyDescent="0.25">
      <c r="C4918"/>
      <c r="D4918"/>
    </row>
    <row r="4919" spans="3:4" x14ac:dyDescent="0.25">
      <c r="C4919"/>
      <c r="D4919"/>
    </row>
    <row r="4920" spans="3:4" x14ac:dyDescent="0.25">
      <c r="C4920"/>
      <c r="D4920"/>
    </row>
    <row r="4921" spans="3:4" x14ac:dyDescent="0.25">
      <c r="C4921"/>
      <c r="D4921"/>
    </row>
    <row r="4922" spans="3:4" x14ac:dyDescent="0.25">
      <c r="C4922"/>
      <c r="D4922"/>
    </row>
    <row r="4923" spans="3:4" x14ac:dyDescent="0.25">
      <c r="C4923"/>
      <c r="D4923"/>
    </row>
    <row r="4924" spans="3:4" x14ac:dyDescent="0.25">
      <c r="C4924"/>
      <c r="D4924"/>
    </row>
    <row r="4925" spans="3:4" x14ac:dyDescent="0.25">
      <c r="C4925"/>
      <c r="D4925"/>
    </row>
    <row r="4926" spans="3:4" x14ac:dyDescent="0.25">
      <c r="C4926"/>
      <c r="D4926"/>
    </row>
    <row r="4927" spans="3:4" x14ac:dyDescent="0.25">
      <c r="C4927"/>
      <c r="D4927"/>
    </row>
    <row r="4928" spans="3:4" x14ac:dyDescent="0.25">
      <c r="C4928"/>
      <c r="D4928"/>
    </row>
    <row r="4929" spans="3:4" x14ac:dyDescent="0.25">
      <c r="C4929"/>
      <c r="D4929"/>
    </row>
    <row r="4930" spans="3:4" x14ac:dyDescent="0.25">
      <c r="C4930"/>
      <c r="D4930"/>
    </row>
    <row r="4931" spans="3:4" x14ac:dyDescent="0.25">
      <c r="C4931"/>
      <c r="D4931"/>
    </row>
    <row r="4932" spans="3:4" x14ac:dyDescent="0.25">
      <c r="C4932"/>
      <c r="D4932"/>
    </row>
    <row r="4933" spans="3:4" x14ac:dyDescent="0.25">
      <c r="C4933"/>
      <c r="D4933"/>
    </row>
    <row r="4934" spans="3:4" x14ac:dyDescent="0.25">
      <c r="C4934"/>
      <c r="D4934"/>
    </row>
    <row r="4935" spans="3:4" x14ac:dyDescent="0.25">
      <c r="C4935"/>
      <c r="D4935"/>
    </row>
    <row r="4936" spans="3:4" x14ac:dyDescent="0.25">
      <c r="C4936"/>
      <c r="D4936"/>
    </row>
    <row r="4937" spans="3:4" x14ac:dyDescent="0.25">
      <c r="C4937"/>
      <c r="D4937"/>
    </row>
    <row r="4938" spans="3:4" x14ac:dyDescent="0.25">
      <c r="C4938"/>
      <c r="D4938"/>
    </row>
    <row r="4939" spans="3:4" x14ac:dyDescent="0.25">
      <c r="C4939"/>
      <c r="D4939"/>
    </row>
    <row r="4940" spans="3:4" x14ac:dyDescent="0.25">
      <c r="C4940"/>
      <c r="D4940"/>
    </row>
    <row r="4941" spans="3:4" x14ac:dyDescent="0.25">
      <c r="C4941"/>
      <c r="D4941"/>
    </row>
    <row r="4942" spans="3:4" x14ac:dyDescent="0.25">
      <c r="C4942"/>
      <c r="D4942"/>
    </row>
    <row r="4943" spans="3:4" x14ac:dyDescent="0.25">
      <c r="C4943"/>
      <c r="D4943"/>
    </row>
    <row r="4944" spans="3:4" x14ac:dyDescent="0.25">
      <c r="C4944"/>
      <c r="D4944"/>
    </row>
    <row r="4945" spans="3:4" x14ac:dyDescent="0.25">
      <c r="C4945"/>
      <c r="D4945"/>
    </row>
    <row r="4946" spans="3:4" x14ac:dyDescent="0.25">
      <c r="C4946"/>
      <c r="D4946"/>
    </row>
    <row r="4947" spans="3:4" x14ac:dyDescent="0.25">
      <c r="C4947"/>
      <c r="D4947"/>
    </row>
    <row r="4948" spans="3:4" x14ac:dyDescent="0.25">
      <c r="C4948"/>
      <c r="D4948"/>
    </row>
    <row r="4949" spans="3:4" x14ac:dyDescent="0.25">
      <c r="C4949"/>
      <c r="D4949"/>
    </row>
    <row r="4950" spans="3:4" x14ac:dyDescent="0.25">
      <c r="C4950"/>
      <c r="D4950"/>
    </row>
    <row r="4951" spans="3:4" x14ac:dyDescent="0.25">
      <c r="C4951"/>
      <c r="D4951"/>
    </row>
    <row r="4952" spans="3:4" x14ac:dyDescent="0.25">
      <c r="C4952"/>
      <c r="D4952"/>
    </row>
    <row r="4953" spans="3:4" x14ac:dyDescent="0.25">
      <c r="C4953"/>
      <c r="D4953"/>
    </row>
    <row r="4954" spans="3:4" x14ac:dyDescent="0.25">
      <c r="C4954"/>
      <c r="D4954"/>
    </row>
    <row r="4955" spans="3:4" x14ac:dyDescent="0.25">
      <c r="C4955"/>
      <c r="D4955"/>
    </row>
    <row r="4956" spans="3:4" x14ac:dyDescent="0.25">
      <c r="C4956"/>
      <c r="D4956"/>
    </row>
    <row r="4957" spans="3:4" x14ac:dyDescent="0.25">
      <c r="C4957"/>
      <c r="D4957"/>
    </row>
    <row r="4958" spans="3:4" x14ac:dyDescent="0.25">
      <c r="C4958"/>
      <c r="D4958"/>
    </row>
    <row r="4959" spans="3:4" x14ac:dyDescent="0.25">
      <c r="C4959"/>
      <c r="D4959"/>
    </row>
    <row r="4960" spans="3:4" x14ac:dyDescent="0.25">
      <c r="C4960"/>
      <c r="D4960"/>
    </row>
    <row r="4961" spans="3:4" x14ac:dyDescent="0.25">
      <c r="C4961"/>
      <c r="D4961"/>
    </row>
    <row r="4962" spans="3:4" x14ac:dyDescent="0.25">
      <c r="C4962"/>
      <c r="D4962"/>
    </row>
    <row r="4963" spans="3:4" x14ac:dyDescent="0.25">
      <c r="C4963"/>
      <c r="D4963"/>
    </row>
    <row r="4964" spans="3:4" x14ac:dyDescent="0.25">
      <c r="C4964"/>
      <c r="D4964"/>
    </row>
    <row r="4965" spans="3:4" x14ac:dyDescent="0.25">
      <c r="C4965"/>
      <c r="D4965"/>
    </row>
    <row r="4966" spans="3:4" x14ac:dyDescent="0.25">
      <c r="C4966"/>
      <c r="D4966"/>
    </row>
    <row r="4967" spans="3:4" x14ac:dyDescent="0.25">
      <c r="C4967"/>
      <c r="D4967"/>
    </row>
    <row r="4968" spans="3:4" x14ac:dyDescent="0.25">
      <c r="C4968"/>
      <c r="D4968"/>
    </row>
    <row r="4969" spans="3:4" x14ac:dyDescent="0.25">
      <c r="C4969"/>
      <c r="D4969"/>
    </row>
    <row r="4970" spans="3:4" x14ac:dyDescent="0.25">
      <c r="C4970"/>
      <c r="D4970"/>
    </row>
    <row r="4971" spans="3:4" x14ac:dyDescent="0.25">
      <c r="C4971"/>
      <c r="D4971"/>
    </row>
    <row r="4972" spans="3:4" x14ac:dyDescent="0.25">
      <c r="C4972"/>
      <c r="D4972"/>
    </row>
    <row r="4973" spans="3:4" x14ac:dyDescent="0.25">
      <c r="C4973"/>
      <c r="D4973"/>
    </row>
    <row r="4974" spans="3:4" x14ac:dyDescent="0.25">
      <c r="C4974"/>
      <c r="D4974"/>
    </row>
    <row r="4975" spans="3:4" x14ac:dyDescent="0.25">
      <c r="C4975"/>
      <c r="D4975"/>
    </row>
    <row r="4976" spans="3:4" x14ac:dyDescent="0.25">
      <c r="C4976"/>
      <c r="D4976"/>
    </row>
    <row r="4977" spans="3:4" x14ac:dyDescent="0.25">
      <c r="C4977"/>
      <c r="D4977"/>
    </row>
    <row r="4978" spans="3:4" x14ac:dyDescent="0.25">
      <c r="C4978"/>
      <c r="D4978"/>
    </row>
    <row r="4979" spans="3:4" x14ac:dyDescent="0.25">
      <c r="C4979"/>
      <c r="D4979"/>
    </row>
    <row r="4980" spans="3:4" x14ac:dyDescent="0.25">
      <c r="C4980"/>
      <c r="D4980"/>
    </row>
    <row r="4981" spans="3:4" x14ac:dyDescent="0.25">
      <c r="C4981"/>
      <c r="D4981"/>
    </row>
    <row r="4982" spans="3:4" x14ac:dyDescent="0.25">
      <c r="C4982"/>
      <c r="D4982"/>
    </row>
    <row r="4983" spans="3:4" x14ac:dyDescent="0.25">
      <c r="C4983"/>
      <c r="D4983"/>
    </row>
    <row r="4984" spans="3:4" x14ac:dyDescent="0.25">
      <c r="C4984"/>
      <c r="D4984"/>
    </row>
    <row r="4985" spans="3:4" x14ac:dyDescent="0.25">
      <c r="C4985"/>
      <c r="D4985"/>
    </row>
    <row r="4986" spans="3:4" x14ac:dyDescent="0.25">
      <c r="C4986"/>
      <c r="D4986"/>
    </row>
    <row r="4987" spans="3:4" x14ac:dyDescent="0.25">
      <c r="C4987"/>
      <c r="D4987"/>
    </row>
    <row r="4988" spans="3:4" x14ac:dyDescent="0.25">
      <c r="C4988"/>
      <c r="D4988"/>
    </row>
    <row r="4989" spans="3:4" x14ac:dyDescent="0.25">
      <c r="C4989"/>
      <c r="D4989"/>
    </row>
    <row r="4990" spans="3:4" x14ac:dyDescent="0.25">
      <c r="C4990"/>
      <c r="D4990"/>
    </row>
    <row r="4991" spans="3:4" x14ac:dyDescent="0.25">
      <c r="C4991"/>
      <c r="D4991"/>
    </row>
    <row r="4992" spans="3:4" x14ac:dyDescent="0.25">
      <c r="C4992"/>
      <c r="D4992"/>
    </row>
    <row r="4993" spans="3:4" x14ac:dyDescent="0.25">
      <c r="C4993"/>
      <c r="D4993"/>
    </row>
    <row r="4994" spans="3:4" x14ac:dyDescent="0.25">
      <c r="C4994"/>
      <c r="D4994"/>
    </row>
    <row r="4995" spans="3:4" x14ac:dyDescent="0.25">
      <c r="C4995"/>
      <c r="D4995"/>
    </row>
    <row r="4996" spans="3:4" x14ac:dyDescent="0.25">
      <c r="C4996"/>
      <c r="D4996"/>
    </row>
    <row r="4997" spans="3:4" x14ac:dyDescent="0.25">
      <c r="C4997"/>
      <c r="D4997"/>
    </row>
    <row r="4998" spans="3:4" x14ac:dyDescent="0.25">
      <c r="C4998"/>
      <c r="D4998"/>
    </row>
    <row r="4999" spans="3:4" x14ac:dyDescent="0.25">
      <c r="C4999"/>
      <c r="D4999"/>
    </row>
    <row r="5000" spans="3:4" x14ac:dyDescent="0.25">
      <c r="C5000"/>
      <c r="D5000"/>
    </row>
    <row r="5001" spans="3:4" x14ac:dyDescent="0.25">
      <c r="C5001"/>
      <c r="D5001"/>
    </row>
    <row r="5002" spans="3:4" x14ac:dyDescent="0.25">
      <c r="C5002"/>
      <c r="D5002"/>
    </row>
    <row r="5003" spans="3:4" x14ac:dyDescent="0.25">
      <c r="C5003"/>
      <c r="D5003"/>
    </row>
    <row r="5004" spans="3:4" x14ac:dyDescent="0.25">
      <c r="C5004"/>
      <c r="D5004"/>
    </row>
    <row r="5005" spans="3:4" x14ac:dyDescent="0.25">
      <c r="C5005"/>
      <c r="D5005"/>
    </row>
    <row r="5006" spans="3:4" x14ac:dyDescent="0.25">
      <c r="C5006"/>
      <c r="D5006"/>
    </row>
    <row r="5007" spans="3:4" x14ac:dyDescent="0.25">
      <c r="C5007"/>
      <c r="D5007"/>
    </row>
    <row r="5008" spans="3:4" x14ac:dyDescent="0.25">
      <c r="C5008"/>
      <c r="D5008"/>
    </row>
    <row r="5009" spans="3:4" x14ac:dyDescent="0.25">
      <c r="C5009"/>
      <c r="D5009"/>
    </row>
    <row r="5010" spans="3:4" x14ac:dyDescent="0.25">
      <c r="C5010"/>
      <c r="D5010"/>
    </row>
    <row r="5011" spans="3:4" x14ac:dyDescent="0.25">
      <c r="C5011"/>
      <c r="D5011"/>
    </row>
    <row r="5012" spans="3:4" x14ac:dyDescent="0.25">
      <c r="C5012"/>
      <c r="D5012"/>
    </row>
    <row r="5013" spans="3:4" x14ac:dyDescent="0.25">
      <c r="C5013"/>
      <c r="D5013"/>
    </row>
    <row r="5014" spans="3:4" x14ac:dyDescent="0.25">
      <c r="C5014"/>
      <c r="D5014"/>
    </row>
    <row r="5015" spans="3:4" x14ac:dyDescent="0.25">
      <c r="C5015"/>
      <c r="D5015"/>
    </row>
    <row r="5016" spans="3:4" x14ac:dyDescent="0.25">
      <c r="C5016"/>
      <c r="D5016"/>
    </row>
    <row r="5017" spans="3:4" x14ac:dyDescent="0.25">
      <c r="C5017"/>
      <c r="D5017"/>
    </row>
    <row r="5018" spans="3:4" x14ac:dyDescent="0.25">
      <c r="C5018"/>
      <c r="D5018"/>
    </row>
    <row r="5019" spans="3:4" x14ac:dyDescent="0.25">
      <c r="C5019"/>
      <c r="D5019"/>
    </row>
    <row r="5020" spans="3:4" x14ac:dyDescent="0.25">
      <c r="C5020"/>
      <c r="D5020"/>
    </row>
    <row r="5021" spans="3:4" x14ac:dyDescent="0.25">
      <c r="C5021"/>
      <c r="D5021"/>
    </row>
    <row r="5022" spans="3:4" x14ac:dyDescent="0.25">
      <c r="C5022"/>
      <c r="D5022"/>
    </row>
    <row r="5023" spans="3:4" x14ac:dyDescent="0.25">
      <c r="C5023"/>
      <c r="D5023"/>
    </row>
    <row r="5024" spans="3:4" x14ac:dyDescent="0.25">
      <c r="C5024"/>
      <c r="D5024"/>
    </row>
    <row r="5025" spans="3:4" x14ac:dyDescent="0.25">
      <c r="C5025"/>
      <c r="D5025"/>
    </row>
    <row r="5026" spans="3:4" x14ac:dyDescent="0.25">
      <c r="C5026"/>
      <c r="D5026"/>
    </row>
    <row r="5027" spans="3:4" x14ac:dyDescent="0.25">
      <c r="C5027"/>
      <c r="D5027"/>
    </row>
    <row r="5028" spans="3:4" x14ac:dyDescent="0.25">
      <c r="C5028"/>
      <c r="D5028"/>
    </row>
    <row r="5029" spans="3:4" x14ac:dyDescent="0.25">
      <c r="C5029"/>
      <c r="D5029"/>
    </row>
    <row r="5030" spans="3:4" x14ac:dyDescent="0.25">
      <c r="C5030"/>
      <c r="D5030"/>
    </row>
    <row r="5031" spans="3:4" x14ac:dyDescent="0.25">
      <c r="C5031"/>
      <c r="D5031"/>
    </row>
    <row r="5032" spans="3:4" x14ac:dyDescent="0.25">
      <c r="C5032"/>
      <c r="D5032"/>
    </row>
    <row r="5033" spans="3:4" x14ac:dyDescent="0.25">
      <c r="C5033"/>
      <c r="D5033"/>
    </row>
    <row r="5034" spans="3:4" x14ac:dyDescent="0.25">
      <c r="C5034"/>
      <c r="D5034"/>
    </row>
    <row r="5035" spans="3:4" x14ac:dyDescent="0.25">
      <c r="C5035"/>
      <c r="D5035"/>
    </row>
    <row r="5036" spans="3:4" x14ac:dyDescent="0.25">
      <c r="C5036"/>
      <c r="D5036"/>
    </row>
    <row r="5037" spans="3:4" x14ac:dyDescent="0.25">
      <c r="C5037"/>
      <c r="D5037"/>
    </row>
    <row r="5038" spans="3:4" x14ac:dyDescent="0.25">
      <c r="C5038"/>
      <c r="D5038"/>
    </row>
    <row r="5039" spans="3:4" x14ac:dyDescent="0.25">
      <c r="C5039"/>
      <c r="D5039"/>
    </row>
    <row r="5040" spans="3:4" x14ac:dyDescent="0.25">
      <c r="C5040"/>
      <c r="D5040"/>
    </row>
    <row r="5041" spans="3:4" x14ac:dyDescent="0.25">
      <c r="C5041"/>
      <c r="D5041"/>
    </row>
    <row r="5042" spans="3:4" x14ac:dyDescent="0.25">
      <c r="C5042"/>
      <c r="D5042"/>
    </row>
    <row r="5043" spans="3:4" x14ac:dyDescent="0.25">
      <c r="C5043"/>
      <c r="D5043"/>
    </row>
    <row r="5044" spans="3:4" x14ac:dyDescent="0.25">
      <c r="C5044"/>
      <c r="D5044"/>
    </row>
    <row r="5045" spans="3:4" x14ac:dyDescent="0.25">
      <c r="C5045"/>
      <c r="D5045"/>
    </row>
    <row r="5046" spans="3:4" x14ac:dyDescent="0.25">
      <c r="C5046"/>
      <c r="D5046"/>
    </row>
    <row r="5047" spans="3:4" x14ac:dyDescent="0.25">
      <c r="C5047"/>
      <c r="D5047"/>
    </row>
    <row r="5048" spans="3:4" x14ac:dyDescent="0.25">
      <c r="C5048"/>
      <c r="D5048"/>
    </row>
    <row r="5049" spans="3:4" x14ac:dyDescent="0.25">
      <c r="C5049"/>
      <c r="D5049"/>
    </row>
    <row r="5050" spans="3:4" x14ac:dyDescent="0.25">
      <c r="C5050"/>
      <c r="D5050"/>
    </row>
    <row r="5051" spans="3:4" x14ac:dyDescent="0.25">
      <c r="C5051"/>
      <c r="D5051"/>
    </row>
    <row r="5052" spans="3:4" x14ac:dyDescent="0.25">
      <c r="C5052"/>
      <c r="D5052"/>
    </row>
    <row r="5053" spans="3:4" x14ac:dyDescent="0.25">
      <c r="C5053"/>
      <c r="D5053"/>
    </row>
    <row r="5054" spans="3:4" x14ac:dyDescent="0.25">
      <c r="C5054"/>
      <c r="D5054"/>
    </row>
    <row r="5055" spans="3:4" x14ac:dyDescent="0.25">
      <c r="C5055"/>
      <c r="D5055"/>
    </row>
    <row r="5056" spans="3:4" x14ac:dyDescent="0.25">
      <c r="C5056"/>
      <c r="D5056"/>
    </row>
    <row r="5057" spans="3:4" x14ac:dyDescent="0.25">
      <c r="C5057"/>
      <c r="D5057"/>
    </row>
    <row r="5058" spans="3:4" x14ac:dyDescent="0.25">
      <c r="C5058"/>
      <c r="D5058"/>
    </row>
    <row r="5059" spans="3:4" x14ac:dyDescent="0.25">
      <c r="C5059"/>
      <c r="D5059"/>
    </row>
    <row r="5060" spans="3:4" x14ac:dyDescent="0.25">
      <c r="C5060"/>
      <c r="D5060"/>
    </row>
    <row r="5061" spans="3:4" x14ac:dyDescent="0.25">
      <c r="C5061"/>
      <c r="D5061"/>
    </row>
    <row r="5062" spans="3:4" x14ac:dyDescent="0.25">
      <c r="C5062"/>
      <c r="D5062"/>
    </row>
    <row r="5063" spans="3:4" x14ac:dyDescent="0.25">
      <c r="C5063"/>
      <c r="D5063"/>
    </row>
    <row r="5064" spans="3:4" x14ac:dyDescent="0.25">
      <c r="C5064"/>
      <c r="D5064"/>
    </row>
    <row r="5065" spans="3:4" x14ac:dyDescent="0.25">
      <c r="C5065"/>
      <c r="D5065"/>
    </row>
    <row r="5066" spans="3:4" x14ac:dyDescent="0.25">
      <c r="C5066"/>
      <c r="D5066"/>
    </row>
    <row r="5067" spans="3:4" x14ac:dyDescent="0.25">
      <c r="C5067"/>
      <c r="D5067"/>
    </row>
    <row r="5068" spans="3:4" x14ac:dyDescent="0.25">
      <c r="C5068"/>
      <c r="D5068"/>
    </row>
    <row r="5069" spans="3:4" x14ac:dyDescent="0.25">
      <c r="C5069"/>
      <c r="D5069"/>
    </row>
    <row r="5070" spans="3:4" x14ac:dyDescent="0.25">
      <c r="C5070"/>
      <c r="D5070"/>
    </row>
    <row r="5071" spans="3:4" x14ac:dyDescent="0.25">
      <c r="C5071"/>
      <c r="D5071"/>
    </row>
    <row r="5072" spans="3:4" x14ac:dyDescent="0.25">
      <c r="C5072"/>
      <c r="D5072"/>
    </row>
    <row r="5073" spans="3:4" x14ac:dyDescent="0.25">
      <c r="C5073"/>
      <c r="D5073"/>
    </row>
    <row r="5074" spans="3:4" x14ac:dyDescent="0.25">
      <c r="C5074"/>
      <c r="D5074"/>
    </row>
    <row r="5075" spans="3:4" x14ac:dyDescent="0.25">
      <c r="C5075"/>
      <c r="D5075"/>
    </row>
    <row r="5076" spans="3:4" x14ac:dyDescent="0.25">
      <c r="C5076"/>
      <c r="D5076"/>
    </row>
    <row r="5077" spans="3:4" x14ac:dyDescent="0.25">
      <c r="C5077"/>
      <c r="D5077"/>
    </row>
    <row r="5078" spans="3:4" x14ac:dyDescent="0.25">
      <c r="C5078"/>
      <c r="D5078"/>
    </row>
    <row r="5079" spans="3:4" x14ac:dyDescent="0.25">
      <c r="C5079"/>
      <c r="D5079"/>
    </row>
    <row r="5080" spans="3:4" x14ac:dyDescent="0.25">
      <c r="C5080"/>
      <c r="D5080"/>
    </row>
    <row r="5081" spans="3:4" x14ac:dyDescent="0.25">
      <c r="C5081"/>
      <c r="D5081"/>
    </row>
    <row r="5082" spans="3:4" x14ac:dyDescent="0.25">
      <c r="C5082"/>
      <c r="D5082"/>
    </row>
    <row r="5083" spans="3:4" x14ac:dyDescent="0.25">
      <c r="C5083"/>
      <c r="D5083"/>
    </row>
    <row r="5084" spans="3:4" x14ac:dyDescent="0.25">
      <c r="C5084"/>
      <c r="D5084"/>
    </row>
    <row r="5085" spans="3:4" x14ac:dyDescent="0.25">
      <c r="C5085"/>
      <c r="D5085"/>
    </row>
    <row r="5086" spans="3:4" x14ac:dyDescent="0.25">
      <c r="C5086"/>
      <c r="D5086"/>
    </row>
    <row r="5087" spans="3:4" x14ac:dyDescent="0.25">
      <c r="C5087"/>
      <c r="D5087"/>
    </row>
    <row r="5088" spans="3:4" x14ac:dyDescent="0.25">
      <c r="C5088"/>
      <c r="D5088"/>
    </row>
    <row r="5089" spans="3:4" x14ac:dyDescent="0.25">
      <c r="C5089"/>
      <c r="D5089"/>
    </row>
    <row r="5090" spans="3:4" x14ac:dyDescent="0.25">
      <c r="C5090"/>
      <c r="D5090"/>
    </row>
    <row r="5091" spans="3:4" x14ac:dyDescent="0.25">
      <c r="C5091"/>
      <c r="D5091"/>
    </row>
    <row r="5092" spans="3:4" x14ac:dyDescent="0.25">
      <c r="C5092"/>
      <c r="D5092"/>
    </row>
    <row r="5093" spans="3:4" x14ac:dyDescent="0.25">
      <c r="C5093"/>
      <c r="D5093"/>
    </row>
    <row r="5094" spans="3:4" x14ac:dyDescent="0.25">
      <c r="C5094"/>
      <c r="D5094"/>
    </row>
    <row r="5095" spans="3:4" x14ac:dyDescent="0.25">
      <c r="C5095"/>
      <c r="D5095"/>
    </row>
    <row r="5096" spans="3:4" x14ac:dyDescent="0.25">
      <c r="C5096"/>
      <c r="D5096"/>
    </row>
    <row r="5097" spans="3:4" x14ac:dyDescent="0.25">
      <c r="C5097"/>
      <c r="D5097"/>
    </row>
    <row r="5098" spans="3:4" x14ac:dyDescent="0.25">
      <c r="C5098"/>
      <c r="D5098"/>
    </row>
    <row r="5099" spans="3:4" x14ac:dyDescent="0.25">
      <c r="C5099"/>
      <c r="D5099"/>
    </row>
    <row r="5100" spans="3:4" x14ac:dyDescent="0.25">
      <c r="C5100"/>
      <c r="D5100"/>
    </row>
    <row r="5101" spans="3:4" x14ac:dyDescent="0.25">
      <c r="C5101"/>
      <c r="D5101"/>
    </row>
    <row r="5102" spans="3:4" x14ac:dyDescent="0.25">
      <c r="C5102"/>
      <c r="D5102"/>
    </row>
    <row r="5103" spans="3:4" x14ac:dyDescent="0.25">
      <c r="C5103"/>
      <c r="D5103"/>
    </row>
    <row r="5104" spans="3:4" x14ac:dyDescent="0.25">
      <c r="C5104"/>
      <c r="D5104"/>
    </row>
    <row r="5105" spans="3:4" x14ac:dyDescent="0.25">
      <c r="C5105"/>
      <c r="D5105"/>
    </row>
    <row r="5106" spans="3:4" x14ac:dyDescent="0.25">
      <c r="C5106"/>
      <c r="D5106"/>
    </row>
    <row r="5107" spans="3:4" x14ac:dyDescent="0.25">
      <c r="C5107"/>
      <c r="D5107"/>
    </row>
    <row r="5108" spans="3:4" x14ac:dyDescent="0.25">
      <c r="C5108"/>
      <c r="D5108"/>
    </row>
    <row r="5109" spans="3:4" x14ac:dyDescent="0.25">
      <c r="C5109"/>
      <c r="D5109"/>
    </row>
    <row r="5110" spans="3:4" x14ac:dyDescent="0.25">
      <c r="C5110"/>
      <c r="D5110"/>
    </row>
    <row r="5111" spans="3:4" x14ac:dyDescent="0.25">
      <c r="C5111"/>
      <c r="D5111"/>
    </row>
    <row r="5112" spans="3:4" x14ac:dyDescent="0.25">
      <c r="C5112"/>
      <c r="D5112"/>
    </row>
    <row r="5113" spans="3:4" x14ac:dyDescent="0.25">
      <c r="C5113"/>
      <c r="D5113"/>
    </row>
    <row r="5114" spans="3:4" x14ac:dyDescent="0.25">
      <c r="C5114"/>
      <c r="D5114"/>
    </row>
    <row r="5115" spans="3:4" x14ac:dyDescent="0.25">
      <c r="C5115"/>
      <c r="D5115"/>
    </row>
    <row r="5116" spans="3:4" x14ac:dyDescent="0.25">
      <c r="C5116"/>
      <c r="D5116"/>
    </row>
    <row r="5117" spans="3:4" x14ac:dyDescent="0.25">
      <c r="C5117"/>
      <c r="D5117"/>
    </row>
    <row r="5118" spans="3:4" x14ac:dyDescent="0.25">
      <c r="C5118"/>
      <c r="D5118"/>
    </row>
    <row r="5119" spans="3:4" x14ac:dyDescent="0.25">
      <c r="C5119"/>
      <c r="D5119"/>
    </row>
    <row r="5120" spans="3:4" x14ac:dyDescent="0.25">
      <c r="C5120"/>
      <c r="D5120"/>
    </row>
    <row r="5121" spans="3:4" x14ac:dyDescent="0.25">
      <c r="C5121"/>
      <c r="D5121"/>
    </row>
    <row r="5122" spans="3:4" x14ac:dyDescent="0.25">
      <c r="C5122"/>
      <c r="D5122"/>
    </row>
    <row r="5123" spans="3:4" x14ac:dyDescent="0.25">
      <c r="C5123"/>
      <c r="D5123"/>
    </row>
    <row r="5124" spans="3:4" x14ac:dyDescent="0.25">
      <c r="C5124"/>
      <c r="D5124"/>
    </row>
    <row r="5125" spans="3:4" x14ac:dyDescent="0.25">
      <c r="C5125"/>
      <c r="D5125"/>
    </row>
    <row r="5126" spans="3:4" x14ac:dyDescent="0.25">
      <c r="C5126"/>
      <c r="D5126"/>
    </row>
    <row r="5127" spans="3:4" x14ac:dyDescent="0.25">
      <c r="C5127"/>
      <c r="D5127"/>
    </row>
    <row r="5128" spans="3:4" x14ac:dyDescent="0.25">
      <c r="C5128"/>
      <c r="D5128"/>
    </row>
    <row r="5129" spans="3:4" x14ac:dyDescent="0.25">
      <c r="C5129"/>
      <c r="D5129"/>
    </row>
    <row r="5130" spans="3:4" x14ac:dyDescent="0.25">
      <c r="C5130"/>
      <c r="D5130"/>
    </row>
    <row r="5131" spans="3:4" x14ac:dyDescent="0.25">
      <c r="C5131"/>
      <c r="D5131"/>
    </row>
    <row r="5132" spans="3:4" x14ac:dyDescent="0.25">
      <c r="C5132"/>
      <c r="D5132"/>
    </row>
    <row r="5133" spans="3:4" x14ac:dyDescent="0.25">
      <c r="C5133"/>
      <c r="D5133"/>
    </row>
    <row r="5134" spans="3:4" x14ac:dyDescent="0.25">
      <c r="C5134"/>
      <c r="D5134"/>
    </row>
    <row r="5135" spans="3:4" x14ac:dyDescent="0.25">
      <c r="C5135"/>
      <c r="D5135"/>
    </row>
    <row r="5136" spans="3:4" x14ac:dyDescent="0.25">
      <c r="C5136"/>
      <c r="D5136"/>
    </row>
    <row r="5137" spans="3:4" x14ac:dyDescent="0.25">
      <c r="C5137"/>
      <c r="D5137"/>
    </row>
    <row r="5138" spans="3:4" x14ac:dyDescent="0.25">
      <c r="C5138"/>
      <c r="D5138"/>
    </row>
    <row r="5139" spans="3:4" x14ac:dyDescent="0.25">
      <c r="C5139"/>
      <c r="D5139"/>
    </row>
    <row r="5140" spans="3:4" x14ac:dyDescent="0.25">
      <c r="C5140"/>
      <c r="D5140"/>
    </row>
    <row r="5141" spans="3:4" x14ac:dyDescent="0.25">
      <c r="C5141"/>
      <c r="D5141"/>
    </row>
    <row r="5142" spans="3:4" x14ac:dyDescent="0.25">
      <c r="C5142"/>
      <c r="D5142"/>
    </row>
    <row r="5143" spans="3:4" x14ac:dyDescent="0.25">
      <c r="C5143"/>
      <c r="D5143"/>
    </row>
    <row r="5144" spans="3:4" x14ac:dyDescent="0.25">
      <c r="C5144"/>
      <c r="D5144"/>
    </row>
    <row r="5145" spans="3:4" x14ac:dyDescent="0.25">
      <c r="C5145"/>
      <c r="D5145"/>
    </row>
    <row r="5146" spans="3:4" x14ac:dyDescent="0.25">
      <c r="C5146"/>
      <c r="D5146"/>
    </row>
    <row r="5147" spans="3:4" x14ac:dyDescent="0.25">
      <c r="C5147"/>
      <c r="D5147"/>
    </row>
    <row r="5148" spans="3:4" x14ac:dyDescent="0.25">
      <c r="C5148"/>
      <c r="D5148"/>
    </row>
    <row r="5149" spans="3:4" x14ac:dyDescent="0.25">
      <c r="C5149"/>
      <c r="D5149"/>
    </row>
    <row r="5150" spans="3:4" x14ac:dyDescent="0.25">
      <c r="C5150"/>
      <c r="D5150"/>
    </row>
    <row r="5151" spans="3:4" x14ac:dyDescent="0.25">
      <c r="C5151"/>
      <c r="D5151"/>
    </row>
    <row r="5152" spans="3:4" x14ac:dyDescent="0.25">
      <c r="C5152"/>
      <c r="D5152"/>
    </row>
    <row r="5153" spans="3:4" x14ac:dyDescent="0.25">
      <c r="C5153"/>
      <c r="D5153"/>
    </row>
    <row r="5154" spans="3:4" x14ac:dyDescent="0.25">
      <c r="C5154"/>
      <c r="D5154"/>
    </row>
    <row r="5155" spans="3:4" x14ac:dyDescent="0.25">
      <c r="C5155"/>
      <c r="D5155"/>
    </row>
    <row r="5156" spans="3:4" x14ac:dyDescent="0.25">
      <c r="C5156"/>
      <c r="D5156"/>
    </row>
    <row r="5157" spans="3:4" x14ac:dyDescent="0.25">
      <c r="C5157"/>
      <c r="D5157"/>
    </row>
    <row r="5158" spans="3:4" x14ac:dyDescent="0.25">
      <c r="C5158"/>
      <c r="D5158"/>
    </row>
    <row r="5159" spans="3:4" x14ac:dyDescent="0.25">
      <c r="C5159"/>
      <c r="D5159"/>
    </row>
    <row r="5160" spans="3:4" x14ac:dyDescent="0.25">
      <c r="C5160"/>
      <c r="D5160"/>
    </row>
    <row r="5161" spans="3:4" x14ac:dyDescent="0.25">
      <c r="C5161"/>
      <c r="D5161"/>
    </row>
    <row r="5162" spans="3:4" x14ac:dyDescent="0.25">
      <c r="C5162"/>
      <c r="D5162"/>
    </row>
    <row r="5163" spans="3:4" x14ac:dyDescent="0.25">
      <c r="C5163"/>
      <c r="D5163"/>
    </row>
    <row r="5164" spans="3:4" x14ac:dyDescent="0.25">
      <c r="C5164"/>
      <c r="D5164"/>
    </row>
    <row r="5165" spans="3:4" x14ac:dyDescent="0.25">
      <c r="C5165"/>
      <c r="D5165"/>
    </row>
    <row r="5166" spans="3:4" x14ac:dyDescent="0.25">
      <c r="C5166"/>
      <c r="D5166"/>
    </row>
    <row r="5167" spans="3:4" x14ac:dyDescent="0.25">
      <c r="C5167"/>
      <c r="D5167"/>
    </row>
    <row r="5168" spans="3:4" x14ac:dyDescent="0.25">
      <c r="C5168"/>
      <c r="D5168"/>
    </row>
    <row r="5169" spans="3:4" x14ac:dyDescent="0.25">
      <c r="C5169"/>
      <c r="D5169"/>
    </row>
    <row r="5170" spans="3:4" x14ac:dyDescent="0.25">
      <c r="C5170"/>
      <c r="D5170"/>
    </row>
    <row r="5171" spans="3:4" x14ac:dyDescent="0.25">
      <c r="C5171"/>
      <c r="D5171"/>
    </row>
    <row r="5172" spans="3:4" x14ac:dyDescent="0.25">
      <c r="C5172"/>
      <c r="D5172"/>
    </row>
    <row r="5173" spans="3:4" x14ac:dyDescent="0.25">
      <c r="C5173"/>
      <c r="D5173"/>
    </row>
    <row r="5174" spans="3:4" x14ac:dyDescent="0.25">
      <c r="C5174"/>
      <c r="D5174"/>
    </row>
    <row r="5175" spans="3:4" x14ac:dyDescent="0.25">
      <c r="C5175"/>
      <c r="D5175"/>
    </row>
    <row r="5176" spans="3:4" x14ac:dyDescent="0.25">
      <c r="C5176"/>
      <c r="D5176"/>
    </row>
    <row r="5177" spans="3:4" x14ac:dyDescent="0.25">
      <c r="C5177"/>
      <c r="D5177"/>
    </row>
    <row r="5178" spans="3:4" x14ac:dyDescent="0.25">
      <c r="C5178"/>
      <c r="D5178"/>
    </row>
    <row r="5179" spans="3:4" x14ac:dyDescent="0.25">
      <c r="C5179"/>
      <c r="D5179"/>
    </row>
    <row r="5180" spans="3:4" x14ac:dyDescent="0.25">
      <c r="C5180"/>
      <c r="D5180"/>
    </row>
    <row r="5181" spans="3:4" x14ac:dyDescent="0.25">
      <c r="C5181"/>
      <c r="D5181"/>
    </row>
    <row r="5182" spans="3:4" x14ac:dyDescent="0.25">
      <c r="C5182"/>
      <c r="D5182"/>
    </row>
    <row r="5183" spans="3:4" x14ac:dyDescent="0.25">
      <c r="C5183"/>
      <c r="D5183"/>
    </row>
    <row r="5184" spans="3:4" x14ac:dyDescent="0.25">
      <c r="C5184"/>
      <c r="D5184"/>
    </row>
    <row r="5185" spans="3:4" x14ac:dyDescent="0.25">
      <c r="C5185"/>
      <c r="D5185"/>
    </row>
    <row r="5186" spans="3:4" x14ac:dyDescent="0.25">
      <c r="C5186"/>
      <c r="D5186"/>
    </row>
    <row r="5187" spans="3:4" x14ac:dyDescent="0.25">
      <c r="C5187"/>
      <c r="D5187"/>
    </row>
    <row r="5188" spans="3:4" x14ac:dyDescent="0.25">
      <c r="C5188"/>
      <c r="D5188"/>
    </row>
    <row r="5189" spans="3:4" x14ac:dyDescent="0.25">
      <c r="C5189"/>
      <c r="D5189"/>
    </row>
    <row r="5190" spans="3:4" x14ac:dyDescent="0.25">
      <c r="C5190"/>
      <c r="D5190"/>
    </row>
    <row r="5191" spans="3:4" x14ac:dyDescent="0.25">
      <c r="C5191"/>
      <c r="D5191"/>
    </row>
    <row r="5192" spans="3:4" x14ac:dyDescent="0.25">
      <c r="C5192"/>
      <c r="D5192"/>
    </row>
    <row r="5193" spans="3:4" x14ac:dyDescent="0.25">
      <c r="C5193"/>
      <c r="D5193"/>
    </row>
    <row r="5194" spans="3:4" x14ac:dyDescent="0.25">
      <c r="C5194"/>
      <c r="D5194"/>
    </row>
    <row r="5195" spans="3:4" x14ac:dyDescent="0.25">
      <c r="C5195"/>
      <c r="D5195"/>
    </row>
    <row r="5196" spans="3:4" x14ac:dyDescent="0.25">
      <c r="C5196"/>
      <c r="D5196"/>
    </row>
    <row r="5197" spans="3:4" x14ac:dyDescent="0.25">
      <c r="C5197"/>
      <c r="D5197"/>
    </row>
    <row r="5198" spans="3:4" x14ac:dyDescent="0.25">
      <c r="C5198"/>
      <c r="D5198"/>
    </row>
    <row r="5199" spans="3:4" x14ac:dyDescent="0.25">
      <c r="C5199"/>
      <c r="D5199"/>
    </row>
    <row r="5200" spans="3:4" x14ac:dyDescent="0.25">
      <c r="C5200"/>
      <c r="D5200"/>
    </row>
    <row r="5201" spans="3:4" x14ac:dyDescent="0.25">
      <c r="C5201"/>
      <c r="D5201"/>
    </row>
    <row r="5202" spans="3:4" x14ac:dyDescent="0.25">
      <c r="C5202"/>
      <c r="D5202"/>
    </row>
    <row r="5203" spans="3:4" x14ac:dyDescent="0.25">
      <c r="C5203"/>
      <c r="D5203"/>
    </row>
    <row r="5204" spans="3:4" x14ac:dyDescent="0.25">
      <c r="C5204"/>
      <c r="D5204"/>
    </row>
    <row r="5205" spans="3:4" x14ac:dyDescent="0.25">
      <c r="C5205"/>
      <c r="D5205"/>
    </row>
    <row r="5206" spans="3:4" x14ac:dyDescent="0.25">
      <c r="C5206"/>
      <c r="D5206"/>
    </row>
    <row r="5207" spans="3:4" x14ac:dyDescent="0.25">
      <c r="C5207"/>
      <c r="D5207"/>
    </row>
    <row r="5208" spans="3:4" x14ac:dyDescent="0.25">
      <c r="C5208"/>
      <c r="D5208"/>
    </row>
    <row r="5209" spans="3:4" x14ac:dyDescent="0.25">
      <c r="C5209"/>
      <c r="D5209"/>
    </row>
    <row r="5210" spans="3:4" x14ac:dyDescent="0.25">
      <c r="C5210"/>
      <c r="D5210"/>
    </row>
    <row r="5211" spans="3:4" x14ac:dyDescent="0.25">
      <c r="C5211"/>
      <c r="D5211"/>
    </row>
    <row r="5212" spans="3:4" x14ac:dyDescent="0.25">
      <c r="C5212"/>
      <c r="D5212"/>
    </row>
    <row r="5213" spans="3:4" x14ac:dyDescent="0.25">
      <c r="C5213"/>
      <c r="D5213"/>
    </row>
    <row r="5214" spans="3:4" x14ac:dyDescent="0.25">
      <c r="C5214"/>
      <c r="D5214"/>
    </row>
    <row r="5215" spans="3:4" x14ac:dyDescent="0.25">
      <c r="C5215"/>
      <c r="D5215"/>
    </row>
    <row r="5216" spans="3:4" x14ac:dyDescent="0.25">
      <c r="C5216"/>
      <c r="D5216"/>
    </row>
    <row r="5217" spans="3:4" x14ac:dyDescent="0.25">
      <c r="C5217"/>
      <c r="D5217"/>
    </row>
    <row r="5218" spans="3:4" x14ac:dyDescent="0.25">
      <c r="C5218"/>
      <c r="D5218"/>
    </row>
    <row r="5219" spans="3:4" x14ac:dyDescent="0.25">
      <c r="C5219"/>
      <c r="D5219"/>
    </row>
    <row r="5220" spans="3:4" x14ac:dyDescent="0.25">
      <c r="C5220"/>
      <c r="D5220"/>
    </row>
    <row r="5221" spans="3:4" x14ac:dyDescent="0.25">
      <c r="C5221"/>
      <c r="D5221"/>
    </row>
    <row r="5222" spans="3:4" x14ac:dyDescent="0.25">
      <c r="C5222"/>
      <c r="D5222"/>
    </row>
    <row r="5223" spans="3:4" x14ac:dyDescent="0.25">
      <c r="C5223"/>
      <c r="D5223"/>
    </row>
    <row r="5224" spans="3:4" x14ac:dyDescent="0.25">
      <c r="C5224"/>
      <c r="D5224"/>
    </row>
    <row r="5225" spans="3:4" x14ac:dyDescent="0.25">
      <c r="C5225"/>
      <c r="D5225"/>
    </row>
    <row r="5226" spans="3:4" x14ac:dyDescent="0.25">
      <c r="C5226"/>
      <c r="D5226"/>
    </row>
    <row r="5227" spans="3:4" x14ac:dyDescent="0.25">
      <c r="C5227"/>
      <c r="D5227"/>
    </row>
    <row r="5228" spans="3:4" x14ac:dyDescent="0.25">
      <c r="C5228"/>
      <c r="D5228"/>
    </row>
    <row r="5229" spans="3:4" x14ac:dyDescent="0.25">
      <c r="C5229"/>
      <c r="D5229"/>
    </row>
    <row r="5230" spans="3:4" x14ac:dyDescent="0.25">
      <c r="C5230"/>
      <c r="D5230"/>
    </row>
    <row r="5231" spans="3:4" x14ac:dyDescent="0.25">
      <c r="C5231"/>
      <c r="D5231"/>
    </row>
    <row r="5232" spans="3:4" x14ac:dyDescent="0.25">
      <c r="C5232"/>
      <c r="D5232"/>
    </row>
    <row r="5233" spans="3:4" x14ac:dyDescent="0.25">
      <c r="C5233"/>
      <c r="D5233"/>
    </row>
    <row r="5234" spans="3:4" x14ac:dyDescent="0.25">
      <c r="C5234"/>
      <c r="D5234"/>
    </row>
    <row r="5235" spans="3:4" x14ac:dyDescent="0.25">
      <c r="C5235"/>
      <c r="D5235"/>
    </row>
    <row r="5236" spans="3:4" x14ac:dyDescent="0.25">
      <c r="C5236"/>
      <c r="D5236"/>
    </row>
    <row r="5237" spans="3:4" x14ac:dyDescent="0.25">
      <c r="C5237"/>
      <c r="D5237"/>
    </row>
    <row r="5238" spans="3:4" x14ac:dyDescent="0.25">
      <c r="C5238"/>
      <c r="D5238"/>
    </row>
    <row r="5239" spans="3:4" x14ac:dyDescent="0.25">
      <c r="C5239"/>
      <c r="D5239"/>
    </row>
    <row r="5240" spans="3:4" x14ac:dyDescent="0.25">
      <c r="C5240"/>
      <c r="D5240"/>
    </row>
    <row r="5241" spans="3:4" x14ac:dyDescent="0.25">
      <c r="C5241"/>
      <c r="D5241"/>
    </row>
    <row r="5242" spans="3:4" x14ac:dyDescent="0.25">
      <c r="C5242"/>
      <c r="D5242"/>
    </row>
    <row r="5243" spans="3:4" x14ac:dyDescent="0.25">
      <c r="C5243"/>
      <c r="D5243"/>
    </row>
    <row r="5244" spans="3:4" x14ac:dyDescent="0.25">
      <c r="C5244"/>
      <c r="D5244"/>
    </row>
    <row r="5245" spans="3:4" x14ac:dyDescent="0.25">
      <c r="C5245"/>
      <c r="D5245"/>
    </row>
    <row r="5246" spans="3:4" x14ac:dyDescent="0.25">
      <c r="C5246"/>
      <c r="D5246"/>
    </row>
    <row r="5247" spans="3:4" x14ac:dyDescent="0.25">
      <c r="C5247"/>
      <c r="D5247"/>
    </row>
    <row r="5248" spans="3:4" x14ac:dyDescent="0.25">
      <c r="C5248"/>
      <c r="D5248"/>
    </row>
    <row r="5249" spans="3:4" x14ac:dyDescent="0.25">
      <c r="C5249"/>
      <c r="D5249"/>
    </row>
    <row r="5250" spans="3:4" x14ac:dyDescent="0.25">
      <c r="C5250"/>
      <c r="D5250"/>
    </row>
    <row r="5251" spans="3:4" x14ac:dyDescent="0.25">
      <c r="C5251"/>
      <c r="D5251"/>
    </row>
    <row r="5252" spans="3:4" x14ac:dyDescent="0.25">
      <c r="C5252"/>
      <c r="D5252"/>
    </row>
    <row r="5253" spans="3:4" x14ac:dyDescent="0.25">
      <c r="C5253"/>
      <c r="D5253"/>
    </row>
    <row r="5254" spans="3:4" x14ac:dyDescent="0.25">
      <c r="C5254"/>
      <c r="D5254"/>
    </row>
    <row r="5255" spans="3:4" x14ac:dyDescent="0.25">
      <c r="C5255"/>
      <c r="D5255"/>
    </row>
    <row r="5256" spans="3:4" x14ac:dyDescent="0.25">
      <c r="C5256"/>
      <c r="D5256"/>
    </row>
    <row r="5257" spans="3:4" x14ac:dyDescent="0.25">
      <c r="C5257"/>
      <c r="D5257"/>
    </row>
    <row r="5258" spans="3:4" x14ac:dyDescent="0.25">
      <c r="C5258"/>
      <c r="D5258"/>
    </row>
    <row r="5259" spans="3:4" x14ac:dyDescent="0.25">
      <c r="C5259"/>
      <c r="D5259"/>
    </row>
    <row r="5260" spans="3:4" x14ac:dyDescent="0.25">
      <c r="C5260"/>
      <c r="D5260"/>
    </row>
    <row r="5261" spans="3:4" x14ac:dyDescent="0.25">
      <c r="C5261"/>
      <c r="D5261"/>
    </row>
    <row r="5262" spans="3:4" x14ac:dyDescent="0.25">
      <c r="C5262"/>
      <c r="D5262"/>
    </row>
    <row r="5263" spans="3:4" x14ac:dyDescent="0.25">
      <c r="C5263"/>
      <c r="D5263"/>
    </row>
    <row r="5264" spans="3:4" x14ac:dyDescent="0.25">
      <c r="C5264"/>
      <c r="D5264"/>
    </row>
    <row r="5265" spans="3:4" x14ac:dyDescent="0.25">
      <c r="C5265"/>
      <c r="D5265"/>
    </row>
    <row r="5266" spans="3:4" x14ac:dyDescent="0.25">
      <c r="C5266"/>
      <c r="D5266"/>
    </row>
    <row r="5267" spans="3:4" x14ac:dyDescent="0.25">
      <c r="C5267"/>
      <c r="D5267"/>
    </row>
    <row r="5268" spans="3:4" x14ac:dyDescent="0.25">
      <c r="C5268"/>
      <c r="D5268"/>
    </row>
    <row r="5269" spans="3:4" x14ac:dyDescent="0.25">
      <c r="C5269"/>
      <c r="D5269"/>
    </row>
    <row r="5270" spans="3:4" x14ac:dyDescent="0.25">
      <c r="C5270"/>
      <c r="D5270"/>
    </row>
    <row r="5271" spans="3:4" x14ac:dyDescent="0.25">
      <c r="C5271"/>
      <c r="D5271"/>
    </row>
    <row r="5272" spans="3:4" x14ac:dyDescent="0.25">
      <c r="C5272"/>
      <c r="D5272"/>
    </row>
    <row r="5273" spans="3:4" x14ac:dyDescent="0.25">
      <c r="C5273"/>
      <c r="D5273"/>
    </row>
    <row r="5274" spans="3:4" x14ac:dyDescent="0.25">
      <c r="C5274"/>
      <c r="D5274"/>
    </row>
    <row r="5275" spans="3:4" x14ac:dyDescent="0.25">
      <c r="C5275"/>
      <c r="D5275"/>
    </row>
    <row r="5276" spans="3:4" x14ac:dyDescent="0.25">
      <c r="C5276"/>
      <c r="D5276"/>
    </row>
    <row r="5277" spans="3:4" x14ac:dyDescent="0.25">
      <c r="C5277"/>
      <c r="D5277"/>
    </row>
    <row r="5278" spans="3:4" x14ac:dyDescent="0.25">
      <c r="C5278"/>
      <c r="D5278"/>
    </row>
    <row r="5279" spans="3:4" x14ac:dyDescent="0.25">
      <c r="C5279"/>
      <c r="D5279"/>
    </row>
    <row r="5280" spans="3:4" x14ac:dyDescent="0.25">
      <c r="C5280"/>
      <c r="D5280"/>
    </row>
    <row r="5281" spans="3:4" x14ac:dyDescent="0.25">
      <c r="C5281"/>
      <c r="D5281"/>
    </row>
    <row r="5282" spans="3:4" x14ac:dyDescent="0.25">
      <c r="C5282"/>
      <c r="D5282"/>
    </row>
    <row r="5283" spans="3:4" x14ac:dyDescent="0.25">
      <c r="C5283"/>
      <c r="D5283"/>
    </row>
    <row r="5284" spans="3:4" x14ac:dyDescent="0.25">
      <c r="C5284"/>
      <c r="D5284"/>
    </row>
    <row r="5285" spans="3:4" x14ac:dyDescent="0.25">
      <c r="C5285"/>
      <c r="D5285"/>
    </row>
    <row r="5286" spans="3:4" x14ac:dyDescent="0.25">
      <c r="C5286"/>
      <c r="D5286"/>
    </row>
    <row r="5287" spans="3:4" x14ac:dyDescent="0.25">
      <c r="C5287"/>
      <c r="D5287"/>
    </row>
    <row r="5288" spans="3:4" x14ac:dyDescent="0.25">
      <c r="C5288"/>
      <c r="D5288"/>
    </row>
    <row r="5289" spans="3:4" x14ac:dyDescent="0.25">
      <c r="C5289"/>
      <c r="D5289"/>
    </row>
    <row r="5290" spans="3:4" x14ac:dyDescent="0.25">
      <c r="C5290"/>
      <c r="D5290"/>
    </row>
    <row r="5291" spans="3:4" x14ac:dyDescent="0.25">
      <c r="C5291"/>
      <c r="D5291"/>
    </row>
    <row r="5292" spans="3:4" x14ac:dyDescent="0.25">
      <c r="C5292"/>
      <c r="D5292"/>
    </row>
    <row r="5293" spans="3:4" x14ac:dyDescent="0.25">
      <c r="C5293"/>
      <c r="D5293"/>
    </row>
    <row r="5294" spans="3:4" x14ac:dyDescent="0.25">
      <c r="C5294"/>
      <c r="D5294"/>
    </row>
    <row r="5295" spans="3:4" x14ac:dyDescent="0.25">
      <c r="C5295"/>
      <c r="D5295"/>
    </row>
    <row r="5296" spans="3:4" x14ac:dyDescent="0.25">
      <c r="C5296"/>
      <c r="D5296"/>
    </row>
    <row r="5297" spans="3:4" x14ac:dyDescent="0.25">
      <c r="C5297"/>
      <c r="D5297"/>
    </row>
    <row r="5298" spans="3:4" x14ac:dyDescent="0.25">
      <c r="C5298"/>
      <c r="D5298"/>
    </row>
    <row r="5299" spans="3:4" x14ac:dyDescent="0.25">
      <c r="C5299"/>
      <c r="D5299"/>
    </row>
    <row r="5300" spans="3:4" x14ac:dyDescent="0.25">
      <c r="C5300"/>
      <c r="D5300"/>
    </row>
    <row r="5301" spans="3:4" x14ac:dyDescent="0.25">
      <c r="C5301"/>
      <c r="D5301"/>
    </row>
    <row r="5302" spans="3:4" x14ac:dyDescent="0.25">
      <c r="C5302"/>
      <c r="D5302"/>
    </row>
    <row r="5303" spans="3:4" x14ac:dyDescent="0.25">
      <c r="C5303"/>
      <c r="D5303"/>
    </row>
    <row r="5304" spans="3:4" x14ac:dyDescent="0.25">
      <c r="C5304"/>
      <c r="D5304"/>
    </row>
    <row r="5305" spans="3:4" x14ac:dyDescent="0.25">
      <c r="C5305"/>
      <c r="D5305"/>
    </row>
    <row r="5306" spans="3:4" x14ac:dyDescent="0.25">
      <c r="C5306"/>
      <c r="D5306"/>
    </row>
    <row r="5307" spans="3:4" x14ac:dyDescent="0.25">
      <c r="C5307"/>
      <c r="D5307"/>
    </row>
    <row r="5308" spans="3:4" x14ac:dyDescent="0.25">
      <c r="C5308"/>
      <c r="D5308"/>
    </row>
    <row r="5309" spans="3:4" x14ac:dyDescent="0.25">
      <c r="C5309"/>
      <c r="D5309"/>
    </row>
    <row r="5310" spans="3:4" x14ac:dyDescent="0.25">
      <c r="C5310"/>
      <c r="D5310"/>
    </row>
    <row r="5311" spans="3:4" x14ac:dyDescent="0.25">
      <c r="C5311"/>
      <c r="D5311"/>
    </row>
    <row r="5312" spans="3:4" x14ac:dyDescent="0.25">
      <c r="C5312"/>
      <c r="D5312"/>
    </row>
    <row r="5313" spans="3:4" x14ac:dyDescent="0.25">
      <c r="C5313"/>
      <c r="D5313"/>
    </row>
    <row r="5314" spans="3:4" x14ac:dyDescent="0.25">
      <c r="C5314"/>
      <c r="D5314"/>
    </row>
    <row r="5315" spans="3:4" x14ac:dyDescent="0.25">
      <c r="C5315"/>
      <c r="D5315"/>
    </row>
    <row r="5316" spans="3:4" x14ac:dyDescent="0.25">
      <c r="C5316"/>
      <c r="D5316"/>
    </row>
    <row r="5317" spans="3:4" x14ac:dyDescent="0.25">
      <c r="C5317"/>
      <c r="D5317"/>
    </row>
    <row r="5318" spans="3:4" x14ac:dyDescent="0.25">
      <c r="C5318"/>
      <c r="D5318"/>
    </row>
    <row r="5319" spans="3:4" x14ac:dyDescent="0.25">
      <c r="C5319"/>
      <c r="D5319"/>
    </row>
    <row r="5320" spans="3:4" x14ac:dyDescent="0.25">
      <c r="C5320"/>
      <c r="D5320"/>
    </row>
    <row r="5321" spans="3:4" x14ac:dyDescent="0.25">
      <c r="C5321"/>
      <c r="D5321"/>
    </row>
    <row r="5322" spans="3:4" x14ac:dyDescent="0.25">
      <c r="C5322"/>
      <c r="D5322"/>
    </row>
    <row r="5323" spans="3:4" x14ac:dyDescent="0.25">
      <c r="C5323"/>
      <c r="D5323"/>
    </row>
    <row r="5324" spans="3:4" x14ac:dyDescent="0.25">
      <c r="C5324"/>
      <c r="D5324"/>
    </row>
    <row r="5325" spans="3:4" x14ac:dyDescent="0.25">
      <c r="C5325"/>
      <c r="D5325"/>
    </row>
    <row r="5326" spans="3:4" x14ac:dyDescent="0.25">
      <c r="C5326"/>
      <c r="D5326"/>
    </row>
    <row r="5327" spans="3:4" x14ac:dyDescent="0.25">
      <c r="C5327"/>
      <c r="D5327"/>
    </row>
    <row r="5328" spans="3:4" x14ac:dyDescent="0.25">
      <c r="C5328"/>
      <c r="D5328"/>
    </row>
    <row r="5329" spans="3:4" x14ac:dyDescent="0.25">
      <c r="C5329"/>
      <c r="D5329"/>
    </row>
    <row r="5330" spans="3:4" x14ac:dyDescent="0.25">
      <c r="C5330"/>
      <c r="D5330"/>
    </row>
    <row r="5331" spans="3:4" x14ac:dyDescent="0.25">
      <c r="C5331"/>
      <c r="D5331"/>
    </row>
    <row r="5332" spans="3:4" x14ac:dyDescent="0.25">
      <c r="C5332"/>
      <c r="D5332"/>
    </row>
    <row r="5333" spans="3:4" x14ac:dyDescent="0.25">
      <c r="C5333"/>
      <c r="D5333"/>
    </row>
    <row r="5334" spans="3:4" x14ac:dyDescent="0.25">
      <c r="C5334"/>
      <c r="D5334"/>
    </row>
    <row r="5335" spans="3:4" x14ac:dyDescent="0.25">
      <c r="C5335"/>
      <c r="D5335"/>
    </row>
    <row r="5336" spans="3:4" x14ac:dyDescent="0.25">
      <c r="C5336"/>
      <c r="D5336"/>
    </row>
    <row r="5337" spans="3:4" x14ac:dyDescent="0.25">
      <c r="C5337"/>
      <c r="D5337"/>
    </row>
    <row r="5338" spans="3:4" x14ac:dyDescent="0.25">
      <c r="C5338"/>
      <c r="D5338"/>
    </row>
    <row r="5339" spans="3:4" x14ac:dyDescent="0.25">
      <c r="C5339"/>
      <c r="D5339"/>
    </row>
    <row r="5340" spans="3:4" x14ac:dyDescent="0.25">
      <c r="C5340"/>
      <c r="D5340"/>
    </row>
    <row r="5341" spans="3:4" x14ac:dyDescent="0.25">
      <c r="C5341"/>
      <c r="D5341"/>
    </row>
    <row r="5342" spans="3:4" x14ac:dyDescent="0.25">
      <c r="C5342"/>
      <c r="D5342"/>
    </row>
    <row r="5343" spans="3:4" x14ac:dyDescent="0.25">
      <c r="C5343"/>
      <c r="D5343"/>
    </row>
    <row r="5344" spans="3:4" x14ac:dyDescent="0.25">
      <c r="C5344"/>
      <c r="D5344"/>
    </row>
    <row r="5345" spans="3:4" x14ac:dyDescent="0.25">
      <c r="C5345"/>
      <c r="D5345"/>
    </row>
    <row r="5346" spans="3:4" x14ac:dyDescent="0.25">
      <c r="C5346"/>
      <c r="D5346"/>
    </row>
    <row r="5347" spans="3:4" x14ac:dyDescent="0.25">
      <c r="C5347"/>
      <c r="D5347"/>
    </row>
    <row r="5348" spans="3:4" x14ac:dyDescent="0.25">
      <c r="C5348"/>
      <c r="D5348"/>
    </row>
    <row r="5349" spans="3:4" x14ac:dyDescent="0.25">
      <c r="C5349"/>
      <c r="D5349"/>
    </row>
    <row r="5350" spans="3:4" x14ac:dyDescent="0.25">
      <c r="C5350"/>
      <c r="D5350"/>
    </row>
    <row r="5351" spans="3:4" x14ac:dyDescent="0.25">
      <c r="C5351"/>
      <c r="D5351"/>
    </row>
    <row r="5352" spans="3:4" x14ac:dyDescent="0.25">
      <c r="C5352"/>
      <c r="D5352"/>
    </row>
    <row r="5353" spans="3:4" x14ac:dyDescent="0.25">
      <c r="C5353"/>
      <c r="D5353"/>
    </row>
    <row r="5354" spans="3:4" x14ac:dyDescent="0.25">
      <c r="C5354"/>
      <c r="D5354"/>
    </row>
    <row r="5355" spans="3:4" x14ac:dyDescent="0.25">
      <c r="C5355"/>
      <c r="D5355"/>
    </row>
    <row r="5356" spans="3:4" x14ac:dyDescent="0.25">
      <c r="C5356"/>
      <c r="D5356"/>
    </row>
    <row r="5357" spans="3:4" x14ac:dyDescent="0.25">
      <c r="C5357"/>
      <c r="D5357"/>
    </row>
    <row r="5358" spans="3:4" x14ac:dyDescent="0.25">
      <c r="C5358"/>
      <c r="D5358"/>
    </row>
    <row r="5359" spans="3:4" x14ac:dyDescent="0.25">
      <c r="C5359"/>
      <c r="D5359"/>
    </row>
    <row r="5360" spans="3:4" x14ac:dyDescent="0.25">
      <c r="C5360"/>
      <c r="D5360"/>
    </row>
    <row r="5361" spans="3:4" x14ac:dyDescent="0.25">
      <c r="C5361"/>
      <c r="D5361"/>
    </row>
    <row r="5362" spans="3:4" x14ac:dyDescent="0.25">
      <c r="C5362"/>
      <c r="D5362"/>
    </row>
    <row r="5363" spans="3:4" x14ac:dyDescent="0.25">
      <c r="C5363"/>
      <c r="D5363"/>
    </row>
    <row r="5364" spans="3:4" x14ac:dyDescent="0.25">
      <c r="C5364"/>
      <c r="D5364"/>
    </row>
    <row r="5365" spans="3:4" x14ac:dyDescent="0.25">
      <c r="C5365"/>
      <c r="D5365"/>
    </row>
    <row r="5366" spans="3:4" x14ac:dyDescent="0.25">
      <c r="C5366"/>
      <c r="D5366"/>
    </row>
    <row r="5367" spans="3:4" x14ac:dyDescent="0.25">
      <c r="C5367"/>
      <c r="D5367"/>
    </row>
    <row r="5368" spans="3:4" x14ac:dyDescent="0.25">
      <c r="C5368"/>
      <c r="D5368"/>
    </row>
    <row r="5369" spans="3:4" x14ac:dyDescent="0.25">
      <c r="C5369"/>
      <c r="D5369"/>
    </row>
    <row r="5370" spans="3:4" x14ac:dyDescent="0.25">
      <c r="C5370"/>
      <c r="D5370"/>
    </row>
    <row r="5371" spans="3:4" x14ac:dyDescent="0.25">
      <c r="C5371"/>
      <c r="D5371"/>
    </row>
    <row r="5372" spans="3:4" x14ac:dyDescent="0.25">
      <c r="C5372"/>
      <c r="D5372"/>
    </row>
    <row r="5373" spans="3:4" x14ac:dyDescent="0.25">
      <c r="C5373"/>
      <c r="D5373"/>
    </row>
    <row r="5374" spans="3:4" x14ac:dyDescent="0.25">
      <c r="C5374"/>
      <c r="D5374"/>
    </row>
    <row r="5375" spans="3:4" x14ac:dyDescent="0.25">
      <c r="C5375"/>
      <c r="D5375"/>
    </row>
    <row r="5376" spans="3:4" x14ac:dyDescent="0.25">
      <c r="C5376"/>
      <c r="D5376"/>
    </row>
    <row r="5377" spans="3:4" x14ac:dyDescent="0.25">
      <c r="C5377"/>
      <c r="D5377"/>
    </row>
    <row r="5378" spans="3:4" x14ac:dyDescent="0.25">
      <c r="C5378"/>
      <c r="D5378"/>
    </row>
    <row r="5379" spans="3:4" x14ac:dyDescent="0.25">
      <c r="C5379"/>
      <c r="D5379"/>
    </row>
    <row r="5380" spans="3:4" x14ac:dyDescent="0.25">
      <c r="C5380"/>
      <c r="D5380"/>
    </row>
    <row r="5381" spans="3:4" x14ac:dyDescent="0.25">
      <c r="C5381"/>
      <c r="D5381"/>
    </row>
    <row r="5382" spans="3:4" x14ac:dyDescent="0.25">
      <c r="C5382"/>
      <c r="D5382"/>
    </row>
    <row r="5383" spans="3:4" x14ac:dyDescent="0.25">
      <c r="C5383"/>
      <c r="D5383"/>
    </row>
    <row r="5384" spans="3:4" x14ac:dyDescent="0.25">
      <c r="C5384"/>
      <c r="D5384"/>
    </row>
    <row r="5385" spans="3:4" x14ac:dyDescent="0.25">
      <c r="C5385"/>
      <c r="D5385"/>
    </row>
    <row r="5386" spans="3:4" x14ac:dyDescent="0.25">
      <c r="C5386"/>
      <c r="D5386"/>
    </row>
    <row r="5387" spans="3:4" x14ac:dyDescent="0.25">
      <c r="C5387"/>
      <c r="D5387"/>
    </row>
    <row r="5388" spans="3:4" x14ac:dyDescent="0.25">
      <c r="C5388"/>
      <c r="D5388"/>
    </row>
    <row r="5389" spans="3:4" x14ac:dyDescent="0.25">
      <c r="C5389"/>
      <c r="D5389"/>
    </row>
    <row r="5390" spans="3:4" x14ac:dyDescent="0.25">
      <c r="C5390"/>
      <c r="D5390"/>
    </row>
    <row r="5391" spans="3:4" x14ac:dyDescent="0.25">
      <c r="C5391"/>
      <c r="D5391"/>
    </row>
    <row r="5392" spans="3:4" x14ac:dyDescent="0.25">
      <c r="C5392"/>
      <c r="D5392"/>
    </row>
    <row r="5393" spans="3:4" x14ac:dyDescent="0.25">
      <c r="C5393"/>
      <c r="D5393"/>
    </row>
    <row r="5394" spans="3:4" x14ac:dyDescent="0.25">
      <c r="C5394"/>
      <c r="D5394"/>
    </row>
    <row r="5395" spans="3:4" x14ac:dyDescent="0.25">
      <c r="C5395"/>
      <c r="D5395"/>
    </row>
    <row r="5396" spans="3:4" x14ac:dyDescent="0.25">
      <c r="C5396"/>
      <c r="D5396"/>
    </row>
    <row r="5397" spans="3:4" x14ac:dyDescent="0.25">
      <c r="C5397"/>
      <c r="D5397"/>
    </row>
    <row r="5398" spans="3:4" x14ac:dyDescent="0.25">
      <c r="C5398"/>
      <c r="D5398"/>
    </row>
    <row r="5399" spans="3:4" x14ac:dyDescent="0.25">
      <c r="C5399"/>
      <c r="D5399"/>
    </row>
    <row r="5400" spans="3:4" x14ac:dyDescent="0.25">
      <c r="C5400"/>
      <c r="D5400"/>
    </row>
    <row r="5401" spans="3:4" x14ac:dyDescent="0.25">
      <c r="C5401"/>
      <c r="D5401"/>
    </row>
    <row r="5402" spans="3:4" x14ac:dyDescent="0.25">
      <c r="C5402"/>
      <c r="D5402"/>
    </row>
    <row r="5403" spans="3:4" x14ac:dyDescent="0.25">
      <c r="C5403"/>
      <c r="D5403"/>
    </row>
    <row r="5404" spans="3:4" x14ac:dyDescent="0.25">
      <c r="C5404"/>
      <c r="D5404"/>
    </row>
    <row r="5405" spans="3:4" x14ac:dyDescent="0.25">
      <c r="C5405"/>
      <c r="D5405"/>
    </row>
    <row r="5406" spans="3:4" x14ac:dyDescent="0.25">
      <c r="C5406"/>
      <c r="D5406"/>
    </row>
    <row r="5407" spans="3:4" x14ac:dyDescent="0.25">
      <c r="C5407"/>
      <c r="D5407"/>
    </row>
    <row r="5408" spans="3:4" x14ac:dyDescent="0.25">
      <c r="C5408"/>
      <c r="D5408"/>
    </row>
    <row r="5409" spans="3:4" x14ac:dyDescent="0.25">
      <c r="C5409"/>
      <c r="D5409"/>
    </row>
    <row r="5410" spans="3:4" x14ac:dyDescent="0.25">
      <c r="C5410"/>
      <c r="D5410"/>
    </row>
    <row r="5411" spans="3:4" x14ac:dyDescent="0.25">
      <c r="C5411"/>
      <c r="D5411"/>
    </row>
    <row r="5412" spans="3:4" x14ac:dyDescent="0.25">
      <c r="C5412"/>
      <c r="D5412"/>
    </row>
    <row r="5413" spans="3:4" x14ac:dyDescent="0.25">
      <c r="C5413"/>
      <c r="D5413"/>
    </row>
    <row r="5414" spans="3:4" x14ac:dyDescent="0.25">
      <c r="C5414"/>
      <c r="D5414"/>
    </row>
    <row r="5415" spans="3:4" x14ac:dyDescent="0.25">
      <c r="C5415"/>
      <c r="D5415"/>
    </row>
    <row r="5416" spans="3:4" x14ac:dyDescent="0.25">
      <c r="C5416"/>
      <c r="D5416"/>
    </row>
    <row r="5417" spans="3:4" x14ac:dyDescent="0.25">
      <c r="C5417"/>
      <c r="D5417"/>
    </row>
    <row r="5418" spans="3:4" x14ac:dyDescent="0.25">
      <c r="C5418"/>
      <c r="D5418"/>
    </row>
    <row r="5419" spans="3:4" x14ac:dyDescent="0.25">
      <c r="C5419"/>
      <c r="D5419"/>
    </row>
    <row r="5420" spans="3:4" x14ac:dyDescent="0.25">
      <c r="C5420"/>
      <c r="D5420"/>
    </row>
    <row r="5421" spans="3:4" x14ac:dyDescent="0.25">
      <c r="C5421"/>
      <c r="D5421"/>
    </row>
    <row r="5422" spans="3:4" x14ac:dyDescent="0.25">
      <c r="C5422"/>
      <c r="D5422"/>
    </row>
    <row r="5423" spans="3:4" x14ac:dyDescent="0.25">
      <c r="C5423"/>
      <c r="D5423"/>
    </row>
    <row r="5424" spans="3:4" x14ac:dyDescent="0.25">
      <c r="C5424"/>
      <c r="D5424"/>
    </row>
    <row r="5425" spans="3:4" x14ac:dyDescent="0.25">
      <c r="C5425"/>
      <c r="D5425"/>
    </row>
    <row r="5426" spans="3:4" x14ac:dyDescent="0.25">
      <c r="C5426"/>
      <c r="D5426"/>
    </row>
    <row r="5427" spans="3:4" x14ac:dyDescent="0.25">
      <c r="C5427"/>
      <c r="D5427"/>
    </row>
    <row r="5428" spans="3:4" x14ac:dyDescent="0.25">
      <c r="C5428"/>
      <c r="D5428"/>
    </row>
    <row r="5429" spans="3:4" x14ac:dyDescent="0.25">
      <c r="C5429"/>
      <c r="D5429"/>
    </row>
    <row r="5430" spans="3:4" x14ac:dyDescent="0.25">
      <c r="C5430"/>
      <c r="D5430"/>
    </row>
    <row r="5431" spans="3:4" x14ac:dyDescent="0.25">
      <c r="C5431"/>
      <c r="D5431"/>
    </row>
    <row r="5432" spans="3:4" x14ac:dyDescent="0.25">
      <c r="C5432"/>
      <c r="D5432"/>
    </row>
    <row r="5433" spans="3:4" x14ac:dyDescent="0.25">
      <c r="C5433"/>
      <c r="D5433"/>
    </row>
    <row r="5434" spans="3:4" x14ac:dyDescent="0.25">
      <c r="C5434"/>
      <c r="D5434"/>
    </row>
    <row r="5435" spans="3:4" x14ac:dyDescent="0.25">
      <c r="C5435"/>
      <c r="D5435"/>
    </row>
    <row r="5436" spans="3:4" x14ac:dyDescent="0.25">
      <c r="C5436"/>
      <c r="D5436"/>
    </row>
    <row r="5437" spans="3:4" x14ac:dyDescent="0.25">
      <c r="C5437"/>
      <c r="D5437"/>
    </row>
    <row r="5438" spans="3:4" x14ac:dyDescent="0.25">
      <c r="C5438"/>
      <c r="D5438"/>
    </row>
    <row r="5439" spans="3:4" x14ac:dyDescent="0.25">
      <c r="C5439"/>
      <c r="D5439"/>
    </row>
    <row r="5440" spans="3:4" x14ac:dyDescent="0.25">
      <c r="C5440"/>
      <c r="D5440"/>
    </row>
    <row r="5441" spans="3:4" x14ac:dyDescent="0.25">
      <c r="C5441"/>
      <c r="D5441"/>
    </row>
    <row r="5442" spans="3:4" x14ac:dyDescent="0.25">
      <c r="C5442"/>
      <c r="D5442"/>
    </row>
    <row r="5443" spans="3:4" x14ac:dyDescent="0.25">
      <c r="C5443"/>
      <c r="D5443"/>
    </row>
    <row r="5444" spans="3:4" x14ac:dyDescent="0.25">
      <c r="C5444"/>
      <c r="D5444"/>
    </row>
    <row r="5445" spans="3:4" x14ac:dyDescent="0.25">
      <c r="C5445"/>
      <c r="D5445"/>
    </row>
    <row r="5446" spans="3:4" x14ac:dyDescent="0.25">
      <c r="C5446"/>
      <c r="D5446"/>
    </row>
    <row r="5447" spans="3:4" x14ac:dyDescent="0.25">
      <c r="C5447"/>
      <c r="D5447"/>
    </row>
    <row r="5448" spans="3:4" x14ac:dyDescent="0.25">
      <c r="C5448"/>
      <c r="D5448"/>
    </row>
    <row r="5449" spans="3:4" x14ac:dyDescent="0.25">
      <c r="C5449"/>
      <c r="D5449"/>
    </row>
    <row r="5450" spans="3:4" x14ac:dyDescent="0.25">
      <c r="C5450"/>
      <c r="D5450"/>
    </row>
    <row r="5451" spans="3:4" x14ac:dyDescent="0.25">
      <c r="C5451"/>
      <c r="D5451"/>
    </row>
    <row r="5452" spans="3:4" x14ac:dyDescent="0.25">
      <c r="C5452"/>
      <c r="D5452"/>
    </row>
    <row r="5453" spans="3:4" x14ac:dyDescent="0.25">
      <c r="C5453"/>
      <c r="D5453"/>
    </row>
    <row r="5454" spans="3:4" x14ac:dyDescent="0.25">
      <c r="C5454"/>
      <c r="D5454"/>
    </row>
    <row r="5455" spans="3:4" x14ac:dyDescent="0.25">
      <c r="C5455"/>
      <c r="D5455"/>
    </row>
    <row r="5456" spans="3:4" x14ac:dyDescent="0.25">
      <c r="C5456"/>
      <c r="D5456"/>
    </row>
    <row r="5457" spans="3:4" x14ac:dyDescent="0.25">
      <c r="C5457"/>
      <c r="D5457"/>
    </row>
    <row r="5458" spans="3:4" x14ac:dyDescent="0.25">
      <c r="C5458"/>
      <c r="D5458"/>
    </row>
    <row r="5459" spans="3:4" x14ac:dyDescent="0.25">
      <c r="C5459"/>
      <c r="D5459"/>
    </row>
    <row r="5460" spans="3:4" x14ac:dyDescent="0.25">
      <c r="C5460"/>
      <c r="D5460"/>
    </row>
    <row r="5461" spans="3:4" x14ac:dyDescent="0.25">
      <c r="C5461"/>
      <c r="D5461"/>
    </row>
    <row r="5462" spans="3:4" x14ac:dyDescent="0.25">
      <c r="C5462"/>
      <c r="D5462"/>
    </row>
    <row r="5463" spans="3:4" x14ac:dyDescent="0.25">
      <c r="C5463"/>
      <c r="D5463"/>
    </row>
    <row r="5464" spans="3:4" x14ac:dyDescent="0.25">
      <c r="C5464"/>
      <c r="D5464"/>
    </row>
    <row r="5465" spans="3:4" x14ac:dyDescent="0.25">
      <c r="C5465"/>
      <c r="D5465"/>
    </row>
    <row r="5466" spans="3:4" x14ac:dyDescent="0.25">
      <c r="C5466"/>
      <c r="D5466"/>
    </row>
    <row r="5467" spans="3:4" x14ac:dyDescent="0.25">
      <c r="C5467"/>
      <c r="D5467"/>
    </row>
    <row r="5468" spans="3:4" x14ac:dyDescent="0.25">
      <c r="C5468"/>
      <c r="D5468"/>
    </row>
    <row r="5469" spans="3:4" x14ac:dyDescent="0.25">
      <c r="C5469"/>
      <c r="D5469"/>
    </row>
    <row r="5470" spans="3:4" x14ac:dyDescent="0.25">
      <c r="C5470"/>
      <c r="D5470"/>
    </row>
    <row r="5471" spans="3:4" x14ac:dyDescent="0.25">
      <c r="C5471"/>
      <c r="D5471"/>
    </row>
    <row r="5472" spans="3:4" x14ac:dyDescent="0.25">
      <c r="C5472"/>
      <c r="D5472"/>
    </row>
    <row r="5473" spans="3:4" x14ac:dyDescent="0.25">
      <c r="C5473"/>
      <c r="D5473"/>
    </row>
    <row r="5474" spans="3:4" x14ac:dyDescent="0.25">
      <c r="C5474"/>
      <c r="D5474"/>
    </row>
    <row r="5475" spans="3:4" x14ac:dyDescent="0.25">
      <c r="C5475"/>
      <c r="D5475"/>
    </row>
    <row r="5476" spans="3:4" x14ac:dyDescent="0.25">
      <c r="C5476"/>
      <c r="D5476"/>
    </row>
    <row r="5477" spans="3:4" x14ac:dyDescent="0.25">
      <c r="C5477"/>
      <c r="D5477"/>
    </row>
    <row r="5478" spans="3:4" x14ac:dyDescent="0.25">
      <c r="C5478"/>
      <c r="D5478"/>
    </row>
    <row r="5479" spans="3:4" x14ac:dyDescent="0.25">
      <c r="C5479"/>
      <c r="D5479"/>
    </row>
    <row r="5480" spans="3:4" x14ac:dyDescent="0.25">
      <c r="C5480"/>
      <c r="D5480"/>
    </row>
    <row r="5481" spans="3:4" x14ac:dyDescent="0.25">
      <c r="C5481"/>
      <c r="D5481"/>
    </row>
    <row r="5482" spans="3:4" x14ac:dyDescent="0.25">
      <c r="C5482"/>
      <c r="D5482"/>
    </row>
    <row r="5483" spans="3:4" x14ac:dyDescent="0.25">
      <c r="C5483"/>
      <c r="D5483"/>
    </row>
    <row r="5484" spans="3:4" x14ac:dyDescent="0.25">
      <c r="C5484"/>
      <c r="D5484"/>
    </row>
    <row r="5485" spans="3:4" x14ac:dyDescent="0.25">
      <c r="C5485"/>
      <c r="D5485"/>
    </row>
    <row r="5486" spans="3:4" x14ac:dyDescent="0.25">
      <c r="C5486"/>
      <c r="D5486"/>
    </row>
    <row r="5487" spans="3:4" x14ac:dyDescent="0.25">
      <c r="C5487"/>
      <c r="D5487"/>
    </row>
    <row r="5488" spans="3:4" x14ac:dyDescent="0.25">
      <c r="C5488"/>
      <c r="D5488"/>
    </row>
    <row r="5489" spans="3:4" x14ac:dyDescent="0.25">
      <c r="C5489"/>
      <c r="D5489"/>
    </row>
    <row r="5490" spans="3:4" x14ac:dyDescent="0.25">
      <c r="C5490"/>
      <c r="D5490"/>
    </row>
    <row r="5491" spans="3:4" x14ac:dyDescent="0.25">
      <c r="C5491"/>
      <c r="D5491"/>
    </row>
    <row r="5492" spans="3:4" x14ac:dyDescent="0.25">
      <c r="C5492"/>
      <c r="D5492"/>
    </row>
    <row r="5493" spans="3:4" x14ac:dyDescent="0.25">
      <c r="C5493"/>
      <c r="D5493"/>
    </row>
    <row r="5494" spans="3:4" x14ac:dyDescent="0.25">
      <c r="C5494"/>
      <c r="D5494"/>
    </row>
    <row r="5495" spans="3:4" x14ac:dyDescent="0.25">
      <c r="C5495"/>
      <c r="D5495"/>
    </row>
    <row r="5496" spans="3:4" x14ac:dyDescent="0.25">
      <c r="C5496"/>
      <c r="D5496"/>
    </row>
    <row r="5497" spans="3:4" x14ac:dyDescent="0.25">
      <c r="C5497"/>
      <c r="D5497"/>
    </row>
    <row r="5498" spans="3:4" x14ac:dyDescent="0.25">
      <c r="C5498"/>
      <c r="D5498"/>
    </row>
    <row r="5499" spans="3:4" x14ac:dyDescent="0.25">
      <c r="C5499"/>
      <c r="D5499"/>
    </row>
    <row r="5500" spans="3:4" x14ac:dyDescent="0.25">
      <c r="C5500"/>
      <c r="D5500"/>
    </row>
    <row r="5501" spans="3:4" x14ac:dyDescent="0.25">
      <c r="C5501"/>
      <c r="D5501"/>
    </row>
    <row r="5502" spans="3:4" x14ac:dyDescent="0.25">
      <c r="C5502"/>
      <c r="D5502"/>
    </row>
    <row r="5503" spans="3:4" x14ac:dyDescent="0.25">
      <c r="C5503"/>
      <c r="D5503"/>
    </row>
    <row r="5504" spans="3:4" x14ac:dyDescent="0.25">
      <c r="C5504"/>
      <c r="D5504"/>
    </row>
    <row r="5505" spans="3:4" x14ac:dyDescent="0.25">
      <c r="C5505"/>
      <c r="D5505"/>
    </row>
    <row r="5506" spans="3:4" x14ac:dyDescent="0.25">
      <c r="C5506"/>
      <c r="D5506"/>
    </row>
    <row r="5507" spans="3:4" x14ac:dyDescent="0.25">
      <c r="C5507"/>
      <c r="D5507"/>
    </row>
    <row r="5508" spans="3:4" x14ac:dyDescent="0.25">
      <c r="C5508"/>
      <c r="D5508"/>
    </row>
    <row r="5509" spans="3:4" x14ac:dyDescent="0.25">
      <c r="C5509"/>
      <c r="D5509"/>
    </row>
    <row r="5510" spans="3:4" x14ac:dyDescent="0.25">
      <c r="C5510"/>
      <c r="D5510"/>
    </row>
    <row r="5511" spans="3:4" x14ac:dyDescent="0.25">
      <c r="C5511"/>
      <c r="D5511"/>
    </row>
    <row r="5512" spans="3:4" x14ac:dyDescent="0.25">
      <c r="C5512"/>
      <c r="D5512"/>
    </row>
    <row r="5513" spans="3:4" x14ac:dyDescent="0.25">
      <c r="C5513"/>
      <c r="D5513"/>
    </row>
    <row r="5514" spans="3:4" x14ac:dyDescent="0.25">
      <c r="C5514"/>
      <c r="D5514"/>
    </row>
    <row r="5515" spans="3:4" x14ac:dyDescent="0.25">
      <c r="C5515"/>
      <c r="D5515"/>
    </row>
    <row r="5516" spans="3:4" x14ac:dyDescent="0.25">
      <c r="C5516"/>
      <c r="D5516"/>
    </row>
    <row r="5517" spans="3:4" x14ac:dyDescent="0.25">
      <c r="C5517"/>
      <c r="D5517"/>
    </row>
    <row r="5518" spans="3:4" x14ac:dyDescent="0.25">
      <c r="C5518"/>
      <c r="D5518"/>
    </row>
    <row r="5519" spans="3:4" x14ac:dyDescent="0.25">
      <c r="C5519"/>
      <c r="D5519"/>
    </row>
    <row r="5520" spans="3:4" x14ac:dyDescent="0.25">
      <c r="C5520"/>
      <c r="D5520"/>
    </row>
    <row r="5521" spans="3:4" x14ac:dyDescent="0.25">
      <c r="C5521"/>
      <c r="D5521"/>
    </row>
    <row r="5522" spans="3:4" x14ac:dyDescent="0.25">
      <c r="C5522"/>
      <c r="D5522"/>
    </row>
    <row r="5523" spans="3:4" x14ac:dyDescent="0.25">
      <c r="C5523"/>
      <c r="D5523"/>
    </row>
    <row r="5524" spans="3:4" x14ac:dyDescent="0.25">
      <c r="C5524"/>
      <c r="D5524"/>
    </row>
    <row r="5525" spans="3:4" x14ac:dyDescent="0.25">
      <c r="C5525"/>
      <c r="D5525"/>
    </row>
    <row r="5526" spans="3:4" x14ac:dyDescent="0.25">
      <c r="C5526"/>
      <c r="D5526"/>
    </row>
    <row r="5527" spans="3:4" x14ac:dyDescent="0.25">
      <c r="C5527"/>
      <c r="D5527"/>
    </row>
    <row r="5528" spans="3:4" x14ac:dyDescent="0.25">
      <c r="C5528"/>
      <c r="D5528"/>
    </row>
    <row r="5529" spans="3:4" x14ac:dyDescent="0.25">
      <c r="C5529"/>
      <c r="D5529"/>
    </row>
    <row r="5530" spans="3:4" x14ac:dyDescent="0.25">
      <c r="C5530"/>
      <c r="D5530"/>
    </row>
    <row r="5531" spans="3:4" x14ac:dyDescent="0.25">
      <c r="C5531"/>
      <c r="D5531"/>
    </row>
    <row r="5532" spans="3:4" x14ac:dyDescent="0.25">
      <c r="C5532"/>
      <c r="D5532"/>
    </row>
    <row r="5533" spans="3:4" x14ac:dyDescent="0.25">
      <c r="C5533"/>
      <c r="D5533"/>
    </row>
    <row r="5534" spans="3:4" x14ac:dyDescent="0.25">
      <c r="C5534"/>
      <c r="D5534"/>
    </row>
    <row r="5535" spans="3:4" x14ac:dyDescent="0.25">
      <c r="C5535"/>
      <c r="D5535"/>
    </row>
    <row r="5536" spans="3:4" x14ac:dyDescent="0.25">
      <c r="C5536"/>
      <c r="D5536"/>
    </row>
    <row r="5537" spans="3:4" x14ac:dyDescent="0.25">
      <c r="C5537"/>
      <c r="D5537"/>
    </row>
    <row r="5538" spans="3:4" x14ac:dyDescent="0.25">
      <c r="C5538"/>
      <c r="D5538"/>
    </row>
    <row r="5539" spans="3:4" x14ac:dyDescent="0.25">
      <c r="C5539"/>
      <c r="D5539"/>
    </row>
    <row r="5540" spans="3:4" x14ac:dyDescent="0.25">
      <c r="C5540"/>
      <c r="D5540"/>
    </row>
    <row r="5541" spans="3:4" x14ac:dyDescent="0.25">
      <c r="C5541"/>
      <c r="D5541"/>
    </row>
    <row r="5542" spans="3:4" x14ac:dyDescent="0.25">
      <c r="C5542"/>
      <c r="D5542"/>
    </row>
    <row r="5543" spans="3:4" x14ac:dyDescent="0.25">
      <c r="C5543"/>
      <c r="D5543"/>
    </row>
    <row r="5544" spans="3:4" x14ac:dyDescent="0.25">
      <c r="C5544"/>
      <c r="D5544"/>
    </row>
    <row r="5545" spans="3:4" x14ac:dyDescent="0.25">
      <c r="C5545"/>
      <c r="D5545"/>
    </row>
    <row r="5546" spans="3:4" x14ac:dyDescent="0.25">
      <c r="C5546"/>
      <c r="D5546"/>
    </row>
    <row r="5547" spans="3:4" x14ac:dyDescent="0.25">
      <c r="C5547"/>
      <c r="D5547"/>
    </row>
    <row r="5548" spans="3:4" x14ac:dyDescent="0.25">
      <c r="C5548"/>
      <c r="D5548"/>
    </row>
    <row r="5549" spans="3:4" x14ac:dyDescent="0.25">
      <c r="C5549"/>
      <c r="D5549"/>
    </row>
    <row r="5550" spans="3:4" x14ac:dyDescent="0.25">
      <c r="C5550"/>
      <c r="D5550"/>
    </row>
    <row r="5551" spans="3:4" x14ac:dyDescent="0.25">
      <c r="C5551"/>
      <c r="D5551"/>
    </row>
    <row r="5552" spans="3:4" x14ac:dyDescent="0.25">
      <c r="C5552"/>
      <c r="D5552"/>
    </row>
    <row r="5553" spans="3:4" x14ac:dyDescent="0.25">
      <c r="C5553"/>
      <c r="D5553"/>
    </row>
    <row r="5554" spans="3:4" x14ac:dyDescent="0.25">
      <c r="C5554"/>
      <c r="D5554"/>
    </row>
    <row r="5555" spans="3:4" x14ac:dyDescent="0.25">
      <c r="C5555"/>
      <c r="D5555"/>
    </row>
    <row r="5556" spans="3:4" x14ac:dyDescent="0.25">
      <c r="C5556"/>
      <c r="D5556"/>
    </row>
    <row r="5557" spans="3:4" x14ac:dyDescent="0.25">
      <c r="C5557"/>
      <c r="D5557"/>
    </row>
    <row r="5558" spans="3:4" x14ac:dyDescent="0.25">
      <c r="C5558"/>
      <c r="D5558"/>
    </row>
    <row r="5559" spans="3:4" x14ac:dyDescent="0.25">
      <c r="C5559"/>
      <c r="D5559"/>
    </row>
    <row r="5560" spans="3:4" x14ac:dyDescent="0.25">
      <c r="C5560"/>
      <c r="D5560"/>
    </row>
    <row r="5561" spans="3:4" x14ac:dyDescent="0.25">
      <c r="C5561"/>
      <c r="D5561"/>
    </row>
    <row r="5562" spans="3:4" x14ac:dyDescent="0.25">
      <c r="C5562"/>
      <c r="D5562"/>
    </row>
    <row r="5563" spans="3:4" x14ac:dyDescent="0.25">
      <c r="C5563"/>
      <c r="D5563"/>
    </row>
    <row r="5564" spans="3:4" x14ac:dyDescent="0.25">
      <c r="C5564"/>
      <c r="D5564"/>
    </row>
    <row r="5565" spans="3:4" x14ac:dyDescent="0.25">
      <c r="C5565"/>
      <c r="D5565"/>
    </row>
    <row r="5566" spans="3:4" x14ac:dyDescent="0.25">
      <c r="C5566"/>
      <c r="D5566"/>
    </row>
    <row r="5567" spans="3:4" x14ac:dyDescent="0.25">
      <c r="C5567"/>
      <c r="D5567"/>
    </row>
    <row r="5568" spans="3:4" x14ac:dyDescent="0.25">
      <c r="C5568"/>
      <c r="D5568"/>
    </row>
    <row r="5569" spans="3:4" x14ac:dyDescent="0.25">
      <c r="C5569"/>
      <c r="D5569"/>
    </row>
    <row r="5570" spans="3:4" x14ac:dyDescent="0.25">
      <c r="C5570"/>
      <c r="D5570"/>
    </row>
    <row r="5571" spans="3:4" x14ac:dyDescent="0.25">
      <c r="C5571"/>
      <c r="D5571"/>
    </row>
    <row r="5572" spans="3:4" x14ac:dyDescent="0.25">
      <c r="C5572"/>
      <c r="D5572"/>
    </row>
    <row r="5573" spans="3:4" x14ac:dyDescent="0.25">
      <c r="C5573"/>
      <c r="D5573"/>
    </row>
    <row r="5574" spans="3:4" x14ac:dyDescent="0.25">
      <c r="C5574"/>
      <c r="D5574"/>
    </row>
    <row r="5575" spans="3:4" x14ac:dyDescent="0.25">
      <c r="C5575"/>
      <c r="D5575"/>
    </row>
    <row r="5576" spans="3:4" x14ac:dyDescent="0.25">
      <c r="C5576"/>
      <c r="D5576"/>
    </row>
    <row r="5577" spans="3:4" x14ac:dyDescent="0.25">
      <c r="C5577"/>
      <c r="D5577"/>
    </row>
    <row r="5578" spans="3:4" x14ac:dyDescent="0.25">
      <c r="C5578"/>
      <c r="D5578"/>
    </row>
    <row r="5579" spans="3:4" x14ac:dyDescent="0.25">
      <c r="C5579"/>
      <c r="D5579"/>
    </row>
    <row r="5580" spans="3:4" x14ac:dyDescent="0.25">
      <c r="C5580"/>
      <c r="D5580"/>
    </row>
    <row r="5581" spans="3:4" x14ac:dyDescent="0.25">
      <c r="C5581"/>
      <c r="D5581"/>
    </row>
    <row r="5582" spans="3:4" x14ac:dyDescent="0.25">
      <c r="C5582"/>
      <c r="D5582"/>
    </row>
    <row r="5583" spans="3:4" x14ac:dyDescent="0.25">
      <c r="C5583"/>
      <c r="D5583"/>
    </row>
    <row r="5584" spans="3:4" x14ac:dyDescent="0.25">
      <c r="C5584"/>
      <c r="D5584"/>
    </row>
    <row r="5585" spans="3:4" x14ac:dyDescent="0.25">
      <c r="C5585"/>
      <c r="D5585"/>
    </row>
    <row r="5586" spans="3:4" x14ac:dyDescent="0.25">
      <c r="C5586"/>
      <c r="D5586"/>
    </row>
    <row r="5587" spans="3:4" x14ac:dyDescent="0.25">
      <c r="C5587"/>
      <c r="D5587"/>
    </row>
    <row r="5588" spans="3:4" x14ac:dyDescent="0.25">
      <c r="C5588"/>
      <c r="D5588"/>
    </row>
    <row r="5589" spans="3:4" x14ac:dyDescent="0.25">
      <c r="C5589"/>
      <c r="D5589"/>
    </row>
    <row r="5590" spans="3:4" x14ac:dyDescent="0.25">
      <c r="C5590"/>
      <c r="D5590"/>
    </row>
    <row r="5591" spans="3:4" x14ac:dyDescent="0.25">
      <c r="C5591"/>
      <c r="D5591"/>
    </row>
    <row r="5592" spans="3:4" x14ac:dyDescent="0.25">
      <c r="C5592"/>
      <c r="D5592"/>
    </row>
    <row r="5593" spans="3:4" x14ac:dyDescent="0.25">
      <c r="C5593"/>
      <c r="D5593"/>
    </row>
    <row r="5594" spans="3:4" x14ac:dyDescent="0.25">
      <c r="C5594"/>
      <c r="D5594"/>
    </row>
    <row r="5595" spans="3:4" x14ac:dyDescent="0.25">
      <c r="C5595"/>
      <c r="D5595"/>
    </row>
    <row r="5596" spans="3:4" x14ac:dyDescent="0.25">
      <c r="C5596"/>
      <c r="D5596"/>
    </row>
    <row r="5597" spans="3:4" x14ac:dyDescent="0.25">
      <c r="C5597"/>
      <c r="D5597"/>
    </row>
    <row r="5598" spans="3:4" x14ac:dyDescent="0.25">
      <c r="C5598"/>
      <c r="D5598"/>
    </row>
    <row r="5599" spans="3:4" x14ac:dyDescent="0.25">
      <c r="C5599"/>
      <c r="D5599"/>
    </row>
    <row r="5600" spans="3:4" x14ac:dyDescent="0.25">
      <c r="C5600"/>
      <c r="D5600"/>
    </row>
    <row r="5601" spans="3:4" x14ac:dyDescent="0.25">
      <c r="C5601"/>
      <c r="D5601"/>
    </row>
    <row r="5602" spans="3:4" x14ac:dyDescent="0.25">
      <c r="C5602"/>
      <c r="D5602"/>
    </row>
    <row r="5603" spans="3:4" x14ac:dyDescent="0.25">
      <c r="C5603"/>
      <c r="D5603"/>
    </row>
    <row r="5604" spans="3:4" x14ac:dyDescent="0.25">
      <c r="C5604"/>
      <c r="D5604"/>
    </row>
    <row r="5605" spans="3:4" x14ac:dyDescent="0.25">
      <c r="C5605"/>
      <c r="D5605"/>
    </row>
    <row r="5606" spans="3:4" x14ac:dyDescent="0.25">
      <c r="C5606"/>
      <c r="D5606"/>
    </row>
    <row r="5607" spans="3:4" x14ac:dyDescent="0.25">
      <c r="C5607"/>
      <c r="D5607"/>
    </row>
    <row r="5608" spans="3:4" x14ac:dyDescent="0.25">
      <c r="C5608"/>
      <c r="D5608"/>
    </row>
    <row r="5609" spans="3:4" x14ac:dyDescent="0.25">
      <c r="C5609"/>
      <c r="D5609"/>
    </row>
    <row r="5610" spans="3:4" x14ac:dyDescent="0.25">
      <c r="C5610"/>
      <c r="D5610"/>
    </row>
    <row r="5611" spans="3:4" x14ac:dyDescent="0.25">
      <c r="C5611"/>
      <c r="D5611"/>
    </row>
    <row r="5612" spans="3:4" x14ac:dyDescent="0.25">
      <c r="C5612"/>
      <c r="D5612"/>
    </row>
    <row r="5613" spans="3:4" x14ac:dyDescent="0.25">
      <c r="C5613"/>
      <c r="D5613"/>
    </row>
    <row r="5614" spans="3:4" x14ac:dyDescent="0.25">
      <c r="C5614"/>
      <c r="D5614"/>
    </row>
    <row r="5615" spans="3:4" x14ac:dyDescent="0.25">
      <c r="C5615"/>
      <c r="D5615"/>
    </row>
    <row r="5616" spans="3:4" x14ac:dyDescent="0.25">
      <c r="C5616"/>
      <c r="D5616"/>
    </row>
    <row r="5617" spans="3:4" x14ac:dyDescent="0.25">
      <c r="C5617"/>
      <c r="D5617"/>
    </row>
    <row r="5618" spans="3:4" x14ac:dyDescent="0.25">
      <c r="C5618"/>
      <c r="D5618"/>
    </row>
    <row r="5619" spans="3:4" x14ac:dyDescent="0.25">
      <c r="C5619"/>
      <c r="D5619"/>
    </row>
    <row r="5620" spans="3:4" x14ac:dyDescent="0.25">
      <c r="C5620"/>
      <c r="D5620"/>
    </row>
    <row r="5621" spans="3:4" x14ac:dyDescent="0.25">
      <c r="C5621"/>
      <c r="D5621"/>
    </row>
    <row r="5622" spans="3:4" x14ac:dyDescent="0.25">
      <c r="C5622"/>
      <c r="D5622"/>
    </row>
    <row r="5623" spans="3:4" x14ac:dyDescent="0.25">
      <c r="C5623"/>
      <c r="D5623"/>
    </row>
    <row r="5624" spans="3:4" x14ac:dyDescent="0.25">
      <c r="C5624"/>
      <c r="D5624"/>
    </row>
    <row r="5625" spans="3:4" x14ac:dyDescent="0.25">
      <c r="C5625"/>
      <c r="D5625"/>
    </row>
    <row r="5626" spans="3:4" x14ac:dyDescent="0.25">
      <c r="C5626"/>
      <c r="D5626"/>
    </row>
    <row r="5627" spans="3:4" x14ac:dyDescent="0.25">
      <c r="C5627"/>
      <c r="D5627"/>
    </row>
    <row r="5628" spans="3:4" x14ac:dyDescent="0.25">
      <c r="C5628"/>
      <c r="D5628"/>
    </row>
    <row r="5629" spans="3:4" x14ac:dyDescent="0.25">
      <c r="C5629"/>
      <c r="D5629"/>
    </row>
    <row r="5630" spans="3:4" x14ac:dyDescent="0.25">
      <c r="C5630"/>
      <c r="D5630"/>
    </row>
    <row r="5631" spans="3:4" x14ac:dyDescent="0.25">
      <c r="C5631"/>
      <c r="D5631"/>
    </row>
    <row r="5632" spans="3:4" x14ac:dyDescent="0.25">
      <c r="C5632"/>
      <c r="D5632"/>
    </row>
    <row r="5633" spans="3:4" x14ac:dyDescent="0.25">
      <c r="C5633"/>
      <c r="D5633"/>
    </row>
    <row r="5634" spans="3:4" x14ac:dyDescent="0.25">
      <c r="C5634"/>
      <c r="D5634"/>
    </row>
    <row r="5635" spans="3:4" x14ac:dyDescent="0.25">
      <c r="C5635"/>
      <c r="D5635"/>
    </row>
    <row r="5636" spans="3:4" x14ac:dyDescent="0.25">
      <c r="C5636"/>
      <c r="D5636"/>
    </row>
    <row r="5637" spans="3:4" x14ac:dyDescent="0.25">
      <c r="C5637"/>
      <c r="D5637"/>
    </row>
    <row r="5638" spans="3:4" x14ac:dyDescent="0.25">
      <c r="C5638"/>
      <c r="D5638"/>
    </row>
    <row r="5639" spans="3:4" x14ac:dyDescent="0.25">
      <c r="C5639"/>
      <c r="D5639"/>
    </row>
    <row r="5640" spans="3:4" x14ac:dyDescent="0.25">
      <c r="C5640"/>
      <c r="D5640"/>
    </row>
    <row r="5641" spans="3:4" x14ac:dyDescent="0.25">
      <c r="C5641"/>
      <c r="D5641"/>
    </row>
    <row r="5642" spans="3:4" x14ac:dyDescent="0.25">
      <c r="C5642"/>
      <c r="D5642"/>
    </row>
    <row r="5643" spans="3:4" x14ac:dyDescent="0.25">
      <c r="C5643"/>
      <c r="D5643"/>
    </row>
    <row r="5644" spans="3:4" x14ac:dyDescent="0.25">
      <c r="C5644"/>
      <c r="D5644"/>
    </row>
    <row r="5645" spans="3:4" x14ac:dyDescent="0.25">
      <c r="C5645"/>
      <c r="D5645"/>
    </row>
    <row r="5646" spans="3:4" x14ac:dyDescent="0.25">
      <c r="C5646"/>
      <c r="D5646"/>
    </row>
    <row r="5647" spans="3:4" x14ac:dyDescent="0.25">
      <c r="C5647"/>
      <c r="D5647"/>
    </row>
    <row r="5648" spans="3:4" x14ac:dyDescent="0.25">
      <c r="C5648"/>
      <c r="D5648"/>
    </row>
    <row r="5649" spans="3:4" x14ac:dyDescent="0.25">
      <c r="C5649"/>
      <c r="D5649"/>
    </row>
    <row r="5650" spans="3:4" x14ac:dyDescent="0.25">
      <c r="C5650"/>
      <c r="D5650"/>
    </row>
    <row r="5651" spans="3:4" x14ac:dyDescent="0.25">
      <c r="C5651"/>
      <c r="D5651"/>
    </row>
    <row r="5652" spans="3:4" x14ac:dyDescent="0.25">
      <c r="C5652"/>
      <c r="D5652"/>
    </row>
    <row r="5653" spans="3:4" x14ac:dyDescent="0.25">
      <c r="C5653"/>
      <c r="D5653"/>
    </row>
    <row r="5654" spans="3:4" x14ac:dyDescent="0.25">
      <c r="C5654"/>
      <c r="D5654"/>
    </row>
    <row r="5655" spans="3:4" x14ac:dyDescent="0.25">
      <c r="C5655"/>
      <c r="D5655"/>
    </row>
    <row r="5656" spans="3:4" x14ac:dyDescent="0.25">
      <c r="C5656"/>
      <c r="D5656"/>
    </row>
    <row r="5657" spans="3:4" x14ac:dyDescent="0.25">
      <c r="C5657"/>
      <c r="D5657"/>
    </row>
    <row r="5658" spans="3:4" x14ac:dyDescent="0.25">
      <c r="C5658"/>
      <c r="D5658"/>
    </row>
    <row r="5659" spans="3:4" x14ac:dyDescent="0.25">
      <c r="C5659"/>
      <c r="D5659"/>
    </row>
    <row r="5660" spans="3:4" x14ac:dyDescent="0.25">
      <c r="C5660"/>
      <c r="D5660"/>
    </row>
    <row r="5661" spans="3:4" x14ac:dyDescent="0.25">
      <c r="C5661"/>
      <c r="D5661"/>
    </row>
    <row r="5662" spans="3:4" x14ac:dyDescent="0.25">
      <c r="C5662"/>
      <c r="D5662"/>
    </row>
    <row r="5663" spans="3:4" x14ac:dyDescent="0.25">
      <c r="C5663"/>
      <c r="D5663"/>
    </row>
    <row r="5664" spans="3:4" x14ac:dyDescent="0.25">
      <c r="C5664"/>
      <c r="D5664"/>
    </row>
    <row r="5665" spans="3:4" x14ac:dyDescent="0.25">
      <c r="C5665"/>
      <c r="D5665"/>
    </row>
    <row r="5666" spans="3:4" x14ac:dyDescent="0.25">
      <c r="C5666"/>
      <c r="D5666"/>
    </row>
    <row r="5667" spans="3:4" x14ac:dyDescent="0.25">
      <c r="C5667"/>
      <c r="D5667"/>
    </row>
    <row r="5668" spans="3:4" x14ac:dyDescent="0.25">
      <c r="C5668"/>
      <c r="D5668"/>
    </row>
    <row r="5669" spans="3:4" x14ac:dyDescent="0.25">
      <c r="C5669"/>
      <c r="D5669"/>
    </row>
    <row r="5670" spans="3:4" x14ac:dyDescent="0.25">
      <c r="C5670"/>
      <c r="D5670"/>
    </row>
    <row r="5671" spans="3:4" x14ac:dyDescent="0.25">
      <c r="C5671"/>
      <c r="D5671"/>
    </row>
    <row r="5672" spans="3:4" x14ac:dyDescent="0.25">
      <c r="C5672"/>
      <c r="D5672"/>
    </row>
    <row r="5673" spans="3:4" x14ac:dyDescent="0.25">
      <c r="C5673"/>
      <c r="D5673"/>
    </row>
    <row r="5674" spans="3:4" x14ac:dyDescent="0.25">
      <c r="C5674"/>
      <c r="D5674"/>
    </row>
    <row r="5675" spans="3:4" x14ac:dyDescent="0.25">
      <c r="C5675"/>
      <c r="D5675"/>
    </row>
    <row r="5676" spans="3:4" x14ac:dyDescent="0.25">
      <c r="C5676"/>
      <c r="D5676"/>
    </row>
    <row r="5677" spans="3:4" x14ac:dyDescent="0.25">
      <c r="C5677"/>
      <c r="D5677"/>
    </row>
    <row r="5678" spans="3:4" x14ac:dyDescent="0.25">
      <c r="C5678"/>
      <c r="D5678"/>
    </row>
    <row r="5679" spans="3:4" x14ac:dyDescent="0.25">
      <c r="C5679"/>
      <c r="D5679"/>
    </row>
    <row r="5680" spans="3:4" x14ac:dyDescent="0.25">
      <c r="C5680"/>
      <c r="D5680"/>
    </row>
    <row r="5681" spans="3:4" x14ac:dyDescent="0.25">
      <c r="C5681"/>
      <c r="D5681"/>
    </row>
    <row r="5682" spans="3:4" x14ac:dyDescent="0.25">
      <c r="C5682"/>
      <c r="D5682"/>
    </row>
    <row r="5683" spans="3:4" x14ac:dyDescent="0.25">
      <c r="C5683"/>
      <c r="D5683"/>
    </row>
    <row r="5684" spans="3:4" x14ac:dyDescent="0.25">
      <c r="C5684"/>
      <c r="D5684"/>
    </row>
    <row r="5685" spans="3:4" x14ac:dyDescent="0.25">
      <c r="C5685"/>
      <c r="D5685"/>
    </row>
    <row r="5686" spans="3:4" x14ac:dyDescent="0.25">
      <c r="C5686"/>
      <c r="D5686"/>
    </row>
    <row r="5687" spans="3:4" x14ac:dyDescent="0.25">
      <c r="C5687"/>
      <c r="D5687"/>
    </row>
    <row r="5688" spans="3:4" x14ac:dyDescent="0.25">
      <c r="C5688"/>
      <c r="D5688"/>
    </row>
    <row r="5689" spans="3:4" x14ac:dyDescent="0.25">
      <c r="C5689"/>
      <c r="D5689"/>
    </row>
    <row r="5690" spans="3:4" x14ac:dyDescent="0.25">
      <c r="C5690"/>
      <c r="D5690"/>
    </row>
    <row r="5691" spans="3:4" x14ac:dyDescent="0.25">
      <c r="C5691"/>
      <c r="D5691"/>
    </row>
    <row r="5692" spans="3:4" x14ac:dyDescent="0.25">
      <c r="C5692"/>
      <c r="D5692"/>
    </row>
    <row r="5693" spans="3:4" x14ac:dyDescent="0.25">
      <c r="C5693"/>
      <c r="D5693"/>
    </row>
    <row r="5694" spans="3:4" x14ac:dyDescent="0.25">
      <c r="C5694"/>
      <c r="D5694"/>
    </row>
    <row r="5695" spans="3:4" x14ac:dyDescent="0.25">
      <c r="C5695"/>
      <c r="D5695"/>
    </row>
    <row r="5696" spans="3:4" x14ac:dyDescent="0.25">
      <c r="C5696"/>
      <c r="D5696"/>
    </row>
    <row r="5697" spans="3:4" x14ac:dyDescent="0.25">
      <c r="C5697"/>
      <c r="D5697"/>
    </row>
    <row r="5698" spans="3:4" x14ac:dyDescent="0.25">
      <c r="C5698"/>
      <c r="D5698"/>
    </row>
    <row r="5699" spans="3:4" x14ac:dyDescent="0.25">
      <c r="C5699"/>
      <c r="D5699"/>
    </row>
    <row r="5700" spans="3:4" x14ac:dyDescent="0.25">
      <c r="C5700"/>
      <c r="D5700"/>
    </row>
    <row r="5701" spans="3:4" x14ac:dyDescent="0.25">
      <c r="C5701"/>
      <c r="D5701"/>
    </row>
    <row r="5702" spans="3:4" x14ac:dyDescent="0.25">
      <c r="C5702"/>
      <c r="D5702"/>
    </row>
    <row r="5703" spans="3:4" x14ac:dyDescent="0.25">
      <c r="C5703"/>
      <c r="D5703"/>
    </row>
    <row r="5704" spans="3:4" x14ac:dyDescent="0.25">
      <c r="C5704"/>
      <c r="D5704"/>
    </row>
    <row r="5705" spans="3:4" x14ac:dyDescent="0.25">
      <c r="C5705"/>
      <c r="D5705"/>
    </row>
    <row r="5706" spans="3:4" x14ac:dyDescent="0.25">
      <c r="C5706"/>
      <c r="D5706"/>
    </row>
    <row r="5707" spans="3:4" x14ac:dyDescent="0.25">
      <c r="C5707"/>
      <c r="D5707"/>
    </row>
    <row r="5708" spans="3:4" x14ac:dyDescent="0.25">
      <c r="C5708"/>
      <c r="D5708"/>
    </row>
    <row r="5709" spans="3:4" x14ac:dyDescent="0.25">
      <c r="C5709"/>
      <c r="D5709"/>
    </row>
    <row r="5710" spans="3:4" x14ac:dyDescent="0.25">
      <c r="C5710"/>
      <c r="D5710"/>
    </row>
    <row r="5711" spans="3:4" x14ac:dyDescent="0.25">
      <c r="C5711"/>
      <c r="D5711"/>
    </row>
    <row r="5712" spans="3:4" x14ac:dyDescent="0.25">
      <c r="C5712"/>
      <c r="D5712"/>
    </row>
    <row r="5713" spans="3:4" x14ac:dyDescent="0.25">
      <c r="C5713"/>
      <c r="D5713"/>
    </row>
    <row r="5714" spans="3:4" x14ac:dyDescent="0.25">
      <c r="C5714"/>
      <c r="D5714"/>
    </row>
    <row r="5715" spans="3:4" x14ac:dyDescent="0.25">
      <c r="C5715"/>
      <c r="D5715"/>
    </row>
    <row r="5716" spans="3:4" x14ac:dyDescent="0.25">
      <c r="C5716"/>
      <c r="D5716"/>
    </row>
    <row r="5717" spans="3:4" x14ac:dyDescent="0.25">
      <c r="C5717"/>
      <c r="D5717"/>
    </row>
    <row r="5718" spans="3:4" x14ac:dyDescent="0.25">
      <c r="C5718"/>
      <c r="D5718"/>
    </row>
    <row r="5719" spans="3:4" x14ac:dyDescent="0.25">
      <c r="C5719"/>
      <c r="D5719"/>
    </row>
    <row r="5720" spans="3:4" x14ac:dyDescent="0.25">
      <c r="C5720"/>
      <c r="D5720"/>
    </row>
    <row r="5721" spans="3:4" x14ac:dyDescent="0.25">
      <c r="C5721"/>
      <c r="D5721"/>
    </row>
    <row r="5722" spans="3:4" x14ac:dyDescent="0.25">
      <c r="C5722"/>
      <c r="D5722"/>
    </row>
    <row r="5723" spans="3:4" x14ac:dyDescent="0.25">
      <c r="C5723"/>
      <c r="D5723"/>
    </row>
    <row r="5724" spans="3:4" x14ac:dyDescent="0.25">
      <c r="C5724"/>
      <c r="D5724"/>
    </row>
    <row r="5725" spans="3:4" x14ac:dyDescent="0.25">
      <c r="C5725"/>
      <c r="D5725"/>
    </row>
    <row r="5726" spans="3:4" x14ac:dyDescent="0.25">
      <c r="C5726"/>
      <c r="D5726"/>
    </row>
    <row r="5727" spans="3:4" x14ac:dyDescent="0.25">
      <c r="C5727"/>
      <c r="D5727"/>
    </row>
    <row r="5728" spans="3:4" x14ac:dyDescent="0.25">
      <c r="C5728"/>
      <c r="D5728"/>
    </row>
    <row r="5729" spans="3:4" x14ac:dyDescent="0.25">
      <c r="C5729"/>
      <c r="D5729"/>
    </row>
    <row r="5730" spans="3:4" x14ac:dyDescent="0.25">
      <c r="C5730"/>
      <c r="D5730"/>
    </row>
    <row r="5731" spans="3:4" x14ac:dyDescent="0.25">
      <c r="C5731"/>
      <c r="D5731"/>
    </row>
    <row r="5732" spans="3:4" x14ac:dyDescent="0.25">
      <c r="C5732"/>
      <c r="D5732"/>
    </row>
    <row r="5733" spans="3:4" x14ac:dyDescent="0.25">
      <c r="C5733"/>
      <c r="D5733"/>
    </row>
    <row r="5734" spans="3:4" x14ac:dyDescent="0.25">
      <c r="C5734"/>
      <c r="D5734"/>
    </row>
    <row r="5735" spans="3:4" x14ac:dyDescent="0.25">
      <c r="C5735"/>
      <c r="D5735"/>
    </row>
    <row r="5736" spans="3:4" x14ac:dyDescent="0.25">
      <c r="C5736"/>
      <c r="D5736"/>
    </row>
    <row r="5737" spans="3:4" x14ac:dyDescent="0.25">
      <c r="C5737"/>
      <c r="D5737"/>
    </row>
    <row r="5738" spans="3:4" x14ac:dyDescent="0.25">
      <c r="C5738"/>
      <c r="D5738"/>
    </row>
    <row r="5739" spans="3:4" x14ac:dyDescent="0.25">
      <c r="C5739"/>
      <c r="D5739"/>
    </row>
    <row r="5740" spans="3:4" x14ac:dyDescent="0.25">
      <c r="C5740"/>
      <c r="D5740"/>
    </row>
    <row r="5741" spans="3:4" x14ac:dyDescent="0.25">
      <c r="C5741"/>
      <c r="D5741"/>
    </row>
    <row r="5742" spans="3:4" x14ac:dyDescent="0.25">
      <c r="C5742"/>
      <c r="D5742"/>
    </row>
    <row r="5743" spans="3:4" x14ac:dyDescent="0.25">
      <c r="C5743"/>
      <c r="D5743"/>
    </row>
    <row r="5744" spans="3:4" x14ac:dyDescent="0.25">
      <c r="C5744"/>
      <c r="D5744"/>
    </row>
    <row r="5745" spans="3:4" x14ac:dyDescent="0.25">
      <c r="C5745"/>
      <c r="D5745"/>
    </row>
    <row r="5746" spans="3:4" x14ac:dyDescent="0.25">
      <c r="C5746"/>
      <c r="D5746"/>
    </row>
    <row r="5747" spans="3:4" x14ac:dyDescent="0.25">
      <c r="C5747"/>
      <c r="D5747"/>
    </row>
    <row r="5748" spans="3:4" x14ac:dyDescent="0.25">
      <c r="C5748"/>
      <c r="D5748"/>
    </row>
    <row r="5749" spans="3:4" x14ac:dyDescent="0.25">
      <c r="C5749"/>
      <c r="D5749"/>
    </row>
    <row r="5750" spans="3:4" x14ac:dyDescent="0.25">
      <c r="C5750"/>
      <c r="D5750"/>
    </row>
    <row r="5751" spans="3:4" x14ac:dyDescent="0.25">
      <c r="C5751"/>
      <c r="D5751"/>
    </row>
    <row r="5752" spans="3:4" x14ac:dyDescent="0.25">
      <c r="C5752"/>
      <c r="D5752"/>
    </row>
    <row r="5753" spans="3:4" x14ac:dyDescent="0.25">
      <c r="C5753"/>
      <c r="D5753"/>
    </row>
    <row r="5754" spans="3:4" x14ac:dyDescent="0.25">
      <c r="C5754"/>
      <c r="D5754"/>
    </row>
    <row r="5755" spans="3:4" x14ac:dyDescent="0.25">
      <c r="C5755"/>
      <c r="D5755"/>
    </row>
    <row r="5756" spans="3:4" x14ac:dyDescent="0.25">
      <c r="C5756"/>
      <c r="D5756"/>
    </row>
    <row r="5757" spans="3:4" x14ac:dyDescent="0.25">
      <c r="C5757"/>
      <c r="D5757"/>
    </row>
    <row r="5758" spans="3:4" x14ac:dyDescent="0.25">
      <c r="C5758"/>
      <c r="D5758"/>
    </row>
    <row r="5759" spans="3:4" x14ac:dyDescent="0.25">
      <c r="C5759"/>
      <c r="D5759"/>
    </row>
    <row r="5760" spans="3:4" x14ac:dyDescent="0.25">
      <c r="C5760"/>
      <c r="D5760"/>
    </row>
    <row r="5761" spans="3:4" x14ac:dyDescent="0.25">
      <c r="C5761"/>
      <c r="D5761"/>
    </row>
    <row r="5762" spans="3:4" x14ac:dyDescent="0.25">
      <c r="C5762"/>
      <c r="D5762"/>
    </row>
    <row r="5763" spans="3:4" x14ac:dyDescent="0.25">
      <c r="C5763"/>
      <c r="D5763"/>
    </row>
    <row r="5764" spans="3:4" x14ac:dyDescent="0.25">
      <c r="C5764"/>
      <c r="D5764"/>
    </row>
    <row r="5765" spans="3:4" x14ac:dyDescent="0.25">
      <c r="C5765"/>
      <c r="D5765"/>
    </row>
    <row r="5766" spans="3:4" x14ac:dyDescent="0.25">
      <c r="C5766"/>
      <c r="D5766"/>
    </row>
    <row r="5767" spans="3:4" x14ac:dyDescent="0.25">
      <c r="C5767"/>
      <c r="D5767"/>
    </row>
    <row r="5768" spans="3:4" x14ac:dyDescent="0.25">
      <c r="C5768"/>
      <c r="D5768"/>
    </row>
    <row r="5769" spans="3:4" x14ac:dyDescent="0.25">
      <c r="C5769"/>
      <c r="D5769"/>
    </row>
    <row r="5770" spans="3:4" x14ac:dyDescent="0.25">
      <c r="C5770"/>
      <c r="D5770"/>
    </row>
    <row r="5771" spans="3:4" x14ac:dyDescent="0.25">
      <c r="C5771"/>
      <c r="D5771"/>
    </row>
    <row r="5772" spans="3:4" x14ac:dyDescent="0.25">
      <c r="C5772"/>
      <c r="D5772"/>
    </row>
    <row r="5773" spans="3:4" x14ac:dyDescent="0.25">
      <c r="C5773"/>
      <c r="D5773"/>
    </row>
    <row r="5774" spans="3:4" x14ac:dyDescent="0.25">
      <c r="C5774"/>
      <c r="D5774"/>
    </row>
    <row r="5775" spans="3:4" x14ac:dyDescent="0.25">
      <c r="C5775"/>
      <c r="D5775"/>
    </row>
    <row r="5776" spans="3:4" x14ac:dyDescent="0.25">
      <c r="C5776"/>
      <c r="D5776"/>
    </row>
    <row r="5777" spans="3:4" x14ac:dyDescent="0.25">
      <c r="C5777"/>
      <c r="D5777"/>
    </row>
    <row r="5778" spans="3:4" x14ac:dyDescent="0.25">
      <c r="C5778"/>
      <c r="D5778"/>
    </row>
    <row r="5779" spans="3:4" x14ac:dyDescent="0.25">
      <c r="C5779"/>
      <c r="D5779"/>
    </row>
    <row r="5780" spans="3:4" x14ac:dyDescent="0.25">
      <c r="C5780"/>
      <c r="D5780"/>
    </row>
    <row r="5781" spans="3:4" x14ac:dyDescent="0.25">
      <c r="C5781"/>
      <c r="D5781"/>
    </row>
    <row r="5782" spans="3:4" x14ac:dyDescent="0.25">
      <c r="C5782"/>
      <c r="D5782"/>
    </row>
    <row r="5783" spans="3:4" x14ac:dyDescent="0.25">
      <c r="C5783"/>
      <c r="D5783"/>
    </row>
    <row r="5784" spans="3:4" x14ac:dyDescent="0.25">
      <c r="C5784"/>
      <c r="D5784"/>
    </row>
    <row r="5785" spans="3:4" x14ac:dyDescent="0.25">
      <c r="C5785"/>
      <c r="D5785"/>
    </row>
    <row r="5786" spans="3:4" x14ac:dyDescent="0.25">
      <c r="C5786"/>
      <c r="D5786"/>
    </row>
    <row r="5787" spans="3:4" x14ac:dyDescent="0.25">
      <c r="C5787"/>
      <c r="D5787"/>
    </row>
    <row r="5788" spans="3:4" x14ac:dyDescent="0.25">
      <c r="C5788"/>
      <c r="D5788"/>
    </row>
    <row r="5789" spans="3:4" x14ac:dyDescent="0.25">
      <c r="C5789"/>
      <c r="D5789"/>
    </row>
    <row r="5790" spans="3:4" x14ac:dyDescent="0.25">
      <c r="C5790"/>
      <c r="D5790"/>
    </row>
    <row r="5791" spans="3:4" x14ac:dyDescent="0.25">
      <c r="C5791"/>
      <c r="D5791"/>
    </row>
    <row r="5792" spans="3:4" x14ac:dyDescent="0.25">
      <c r="C5792"/>
      <c r="D5792"/>
    </row>
    <row r="5793" spans="3:4" x14ac:dyDescent="0.25">
      <c r="C5793"/>
      <c r="D5793"/>
    </row>
    <row r="5794" spans="3:4" x14ac:dyDescent="0.25">
      <c r="C5794"/>
      <c r="D5794"/>
    </row>
    <row r="5795" spans="3:4" x14ac:dyDescent="0.25">
      <c r="C5795"/>
      <c r="D5795"/>
    </row>
    <row r="5796" spans="3:4" x14ac:dyDescent="0.25">
      <c r="C5796"/>
      <c r="D5796"/>
    </row>
    <row r="5797" spans="3:4" x14ac:dyDescent="0.25">
      <c r="C5797"/>
      <c r="D5797"/>
    </row>
    <row r="5798" spans="3:4" x14ac:dyDescent="0.25">
      <c r="C5798"/>
      <c r="D5798"/>
    </row>
    <row r="5799" spans="3:4" x14ac:dyDescent="0.25">
      <c r="C5799"/>
      <c r="D5799"/>
    </row>
    <row r="5800" spans="3:4" x14ac:dyDescent="0.25">
      <c r="C5800"/>
      <c r="D5800"/>
    </row>
    <row r="5801" spans="3:4" x14ac:dyDescent="0.25">
      <c r="C5801"/>
      <c r="D5801"/>
    </row>
    <row r="5802" spans="3:4" x14ac:dyDescent="0.25">
      <c r="C5802"/>
      <c r="D5802"/>
    </row>
    <row r="5803" spans="3:4" x14ac:dyDescent="0.25">
      <c r="C5803"/>
      <c r="D5803"/>
    </row>
    <row r="5804" spans="3:4" x14ac:dyDescent="0.25">
      <c r="C5804"/>
      <c r="D5804"/>
    </row>
    <row r="5805" spans="3:4" x14ac:dyDescent="0.25">
      <c r="C5805"/>
      <c r="D5805"/>
    </row>
    <row r="5806" spans="3:4" x14ac:dyDescent="0.25">
      <c r="C5806"/>
      <c r="D5806"/>
    </row>
    <row r="5807" spans="3:4" x14ac:dyDescent="0.25">
      <c r="C5807"/>
      <c r="D5807"/>
    </row>
    <row r="5808" spans="3:4" x14ac:dyDescent="0.25">
      <c r="C5808"/>
      <c r="D5808"/>
    </row>
    <row r="5809" spans="3:4" x14ac:dyDescent="0.25">
      <c r="C5809"/>
      <c r="D5809"/>
    </row>
    <row r="5810" spans="3:4" x14ac:dyDescent="0.25">
      <c r="C5810"/>
      <c r="D5810"/>
    </row>
    <row r="5811" spans="3:4" x14ac:dyDescent="0.25">
      <c r="C5811"/>
      <c r="D5811"/>
    </row>
    <row r="5812" spans="3:4" x14ac:dyDescent="0.25">
      <c r="C5812"/>
      <c r="D5812"/>
    </row>
    <row r="5813" spans="3:4" x14ac:dyDescent="0.25">
      <c r="C5813"/>
      <c r="D5813"/>
    </row>
    <row r="5814" spans="3:4" x14ac:dyDescent="0.25">
      <c r="C5814"/>
      <c r="D5814"/>
    </row>
    <row r="5815" spans="3:4" x14ac:dyDescent="0.25">
      <c r="C5815"/>
      <c r="D5815"/>
    </row>
    <row r="5816" spans="3:4" x14ac:dyDescent="0.25">
      <c r="C5816"/>
      <c r="D5816"/>
    </row>
    <row r="5817" spans="3:4" x14ac:dyDescent="0.25">
      <c r="C5817"/>
      <c r="D5817"/>
    </row>
    <row r="5818" spans="3:4" x14ac:dyDescent="0.25">
      <c r="C5818"/>
      <c r="D5818"/>
    </row>
    <row r="5819" spans="3:4" x14ac:dyDescent="0.25">
      <c r="C5819"/>
      <c r="D5819"/>
    </row>
    <row r="5820" spans="3:4" x14ac:dyDescent="0.25">
      <c r="C5820"/>
      <c r="D5820"/>
    </row>
    <row r="5821" spans="3:4" x14ac:dyDescent="0.25">
      <c r="C5821"/>
      <c r="D5821"/>
    </row>
    <row r="5822" spans="3:4" x14ac:dyDescent="0.25">
      <c r="C5822"/>
      <c r="D5822"/>
    </row>
    <row r="5823" spans="3:4" x14ac:dyDescent="0.25">
      <c r="C5823"/>
      <c r="D5823"/>
    </row>
    <row r="5824" spans="3:4" x14ac:dyDescent="0.25">
      <c r="C5824"/>
      <c r="D5824"/>
    </row>
    <row r="5825" spans="3:4" x14ac:dyDescent="0.25">
      <c r="C5825"/>
      <c r="D5825"/>
    </row>
    <row r="5826" spans="3:4" x14ac:dyDescent="0.25">
      <c r="C5826"/>
      <c r="D5826"/>
    </row>
    <row r="5827" spans="3:4" x14ac:dyDescent="0.25">
      <c r="C5827"/>
      <c r="D5827"/>
    </row>
    <row r="5828" spans="3:4" x14ac:dyDescent="0.25">
      <c r="C5828"/>
      <c r="D5828"/>
    </row>
    <row r="5829" spans="3:4" x14ac:dyDescent="0.25">
      <c r="C5829"/>
      <c r="D5829"/>
    </row>
    <row r="5830" spans="3:4" x14ac:dyDescent="0.25">
      <c r="C5830"/>
      <c r="D5830"/>
    </row>
    <row r="5831" spans="3:4" x14ac:dyDescent="0.25">
      <c r="C5831"/>
      <c r="D5831"/>
    </row>
    <row r="5832" spans="3:4" x14ac:dyDescent="0.25">
      <c r="C5832"/>
      <c r="D5832"/>
    </row>
    <row r="5833" spans="3:4" x14ac:dyDescent="0.25">
      <c r="C5833"/>
      <c r="D5833"/>
    </row>
    <row r="5834" spans="3:4" x14ac:dyDescent="0.25">
      <c r="C5834"/>
      <c r="D5834"/>
    </row>
    <row r="5835" spans="3:4" x14ac:dyDescent="0.25">
      <c r="C5835"/>
      <c r="D5835"/>
    </row>
    <row r="5836" spans="3:4" x14ac:dyDescent="0.25">
      <c r="C5836"/>
      <c r="D5836"/>
    </row>
    <row r="5837" spans="3:4" x14ac:dyDescent="0.25">
      <c r="C5837"/>
      <c r="D5837"/>
    </row>
    <row r="5838" spans="3:4" x14ac:dyDescent="0.25">
      <c r="C5838"/>
      <c r="D5838"/>
    </row>
    <row r="5839" spans="3:4" x14ac:dyDescent="0.25">
      <c r="C5839"/>
      <c r="D5839"/>
    </row>
    <row r="5840" spans="3:4" x14ac:dyDescent="0.25">
      <c r="C5840"/>
      <c r="D5840"/>
    </row>
    <row r="5841" spans="3:4" x14ac:dyDescent="0.25">
      <c r="C5841"/>
      <c r="D5841"/>
    </row>
    <row r="5842" spans="3:4" x14ac:dyDescent="0.25">
      <c r="C5842"/>
      <c r="D5842"/>
    </row>
    <row r="5843" spans="3:4" x14ac:dyDescent="0.25">
      <c r="C5843"/>
      <c r="D5843"/>
    </row>
    <row r="5844" spans="3:4" x14ac:dyDescent="0.25">
      <c r="C5844"/>
      <c r="D5844"/>
    </row>
    <row r="5845" spans="3:4" x14ac:dyDescent="0.25">
      <c r="C5845"/>
      <c r="D5845"/>
    </row>
    <row r="5846" spans="3:4" x14ac:dyDescent="0.25">
      <c r="C5846"/>
      <c r="D5846"/>
    </row>
    <row r="5847" spans="3:4" x14ac:dyDescent="0.25">
      <c r="C5847"/>
      <c r="D5847"/>
    </row>
    <row r="5848" spans="3:4" x14ac:dyDescent="0.25">
      <c r="C5848"/>
      <c r="D5848"/>
    </row>
    <row r="5849" spans="3:4" x14ac:dyDescent="0.25">
      <c r="C5849"/>
      <c r="D5849"/>
    </row>
    <row r="5850" spans="3:4" x14ac:dyDescent="0.25">
      <c r="C5850"/>
      <c r="D5850"/>
    </row>
    <row r="5851" spans="3:4" x14ac:dyDescent="0.25">
      <c r="C5851"/>
      <c r="D5851"/>
    </row>
    <row r="5852" spans="3:4" x14ac:dyDescent="0.25">
      <c r="C5852"/>
      <c r="D5852"/>
    </row>
    <row r="5853" spans="3:4" x14ac:dyDescent="0.25">
      <c r="C5853"/>
      <c r="D5853"/>
    </row>
    <row r="5854" spans="3:4" x14ac:dyDescent="0.25">
      <c r="C5854"/>
      <c r="D5854"/>
    </row>
    <row r="5855" spans="3:4" x14ac:dyDescent="0.25">
      <c r="C5855"/>
      <c r="D5855"/>
    </row>
    <row r="5856" spans="3:4" x14ac:dyDescent="0.25">
      <c r="C5856"/>
      <c r="D5856"/>
    </row>
    <row r="5857" spans="3:4" x14ac:dyDescent="0.25">
      <c r="C5857"/>
      <c r="D5857"/>
    </row>
    <row r="5858" spans="3:4" x14ac:dyDescent="0.25">
      <c r="C5858"/>
      <c r="D5858"/>
    </row>
    <row r="5859" spans="3:4" x14ac:dyDescent="0.25">
      <c r="C5859"/>
      <c r="D5859"/>
    </row>
    <row r="5860" spans="3:4" x14ac:dyDescent="0.25">
      <c r="C5860"/>
      <c r="D5860"/>
    </row>
    <row r="5861" spans="3:4" x14ac:dyDescent="0.25">
      <c r="C5861"/>
      <c r="D5861"/>
    </row>
    <row r="5862" spans="3:4" x14ac:dyDescent="0.25">
      <c r="C5862"/>
      <c r="D5862"/>
    </row>
    <row r="5863" spans="3:4" x14ac:dyDescent="0.25">
      <c r="C5863"/>
      <c r="D5863"/>
    </row>
    <row r="5864" spans="3:4" x14ac:dyDescent="0.25">
      <c r="C5864"/>
      <c r="D5864"/>
    </row>
    <row r="5865" spans="3:4" x14ac:dyDescent="0.25">
      <c r="C5865"/>
      <c r="D5865"/>
    </row>
    <row r="5866" spans="3:4" x14ac:dyDescent="0.25">
      <c r="C5866"/>
      <c r="D5866"/>
    </row>
    <row r="5867" spans="3:4" x14ac:dyDescent="0.25">
      <c r="C5867"/>
      <c r="D5867"/>
    </row>
    <row r="5868" spans="3:4" x14ac:dyDescent="0.25">
      <c r="C5868"/>
      <c r="D5868"/>
    </row>
    <row r="5869" spans="3:4" x14ac:dyDescent="0.25">
      <c r="C5869"/>
      <c r="D5869"/>
    </row>
    <row r="5870" spans="3:4" x14ac:dyDescent="0.25">
      <c r="C5870"/>
      <c r="D5870"/>
    </row>
    <row r="5871" spans="3:4" x14ac:dyDescent="0.25">
      <c r="C5871"/>
      <c r="D5871"/>
    </row>
    <row r="5872" spans="3:4" x14ac:dyDescent="0.25">
      <c r="C5872"/>
      <c r="D5872"/>
    </row>
    <row r="5873" spans="3:4" x14ac:dyDescent="0.25">
      <c r="C5873"/>
      <c r="D5873"/>
    </row>
    <row r="5874" spans="3:4" x14ac:dyDescent="0.25">
      <c r="C5874"/>
      <c r="D5874"/>
    </row>
    <row r="5875" spans="3:4" x14ac:dyDescent="0.25">
      <c r="C5875"/>
      <c r="D5875"/>
    </row>
    <row r="5876" spans="3:4" x14ac:dyDescent="0.25">
      <c r="C5876"/>
      <c r="D5876"/>
    </row>
    <row r="5877" spans="3:4" x14ac:dyDescent="0.25">
      <c r="C5877"/>
      <c r="D5877"/>
    </row>
    <row r="5878" spans="3:4" x14ac:dyDescent="0.25">
      <c r="C5878"/>
      <c r="D5878"/>
    </row>
    <row r="5879" spans="3:4" x14ac:dyDescent="0.25">
      <c r="C5879"/>
      <c r="D5879"/>
    </row>
    <row r="5880" spans="3:4" x14ac:dyDescent="0.25">
      <c r="C5880"/>
      <c r="D5880"/>
    </row>
    <row r="5881" spans="3:4" x14ac:dyDescent="0.25">
      <c r="C5881"/>
      <c r="D5881"/>
    </row>
    <row r="5882" spans="3:4" x14ac:dyDescent="0.25">
      <c r="C5882"/>
      <c r="D5882"/>
    </row>
    <row r="5883" spans="3:4" x14ac:dyDescent="0.25">
      <c r="C5883"/>
      <c r="D5883"/>
    </row>
    <row r="5884" spans="3:4" x14ac:dyDescent="0.25">
      <c r="C5884"/>
      <c r="D5884"/>
    </row>
    <row r="5885" spans="3:4" x14ac:dyDescent="0.25">
      <c r="C5885"/>
      <c r="D5885"/>
    </row>
    <row r="5886" spans="3:4" x14ac:dyDescent="0.25">
      <c r="C5886"/>
      <c r="D5886"/>
    </row>
    <row r="5887" spans="3:4" x14ac:dyDescent="0.25">
      <c r="C5887"/>
      <c r="D5887"/>
    </row>
    <row r="5888" spans="3:4" x14ac:dyDescent="0.25">
      <c r="C5888"/>
      <c r="D5888"/>
    </row>
    <row r="5889" spans="3:4" x14ac:dyDescent="0.25">
      <c r="C5889"/>
      <c r="D5889"/>
    </row>
    <row r="5890" spans="3:4" x14ac:dyDescent="0.25">
      <c r="C5890"/>
      <c r="D5890"/>
    </row>
    <row r="5891" spans="3:4" x14ac:dyDescent="0.25">
      <c r="C5891"/>
      <c r="D5891"/>
    </row>
    <row r="5892" spans="3:4" x14ac:dyDescent="0.25">
      <c r="C5892"/>
      <c r="D5892"/>
    </row>
    <row r="5893" spans="3:4" x14ac:dyDescent="0.25">
      <c r="C5893"/>
      <c r="D5893"/>
    </row>
    <row r="5894" spans="3:4" x14ac:dyDescent="0.25">
      <c r="C5894"/>
      <c r="D5894"/>
    </row>
    <row r="5895" spans="3:4" x14ac:dyDescent="0.25">
      <c r="C5895"/>
      <c r="D5895"/>
    </row>
    <row r="5896" spans="3:4" x14ac:dyDescent="0.25">
      <c r="C5896"/>
      <c r="D5896"/>
    </row>
    <row r="5897" spans="3:4" x14ac:dyDescent="0.25">
      <c r="C5897"/>
      <c r="D5897"/>
    </row>
    <row r="5898" spans="3:4" x14ac:dyDescent="0.25">
      <c r="C5898"/>
      <c r="D5898"/>
    </row>
    <row r="5899" spans="3:4" x14ac:dyDescent="0.25">
      <c r="C5899"/>
      <c r="D5899"/>
    </row>
    <row r="5900" spans="3:4" x14ac:dyDescent="0.25">
      <c r="C5900"/>
      <c r="D5900"/>
    </row>
    <row r="5901" spans="3:4" x14ac:dyDescent="0.25">
      <c r="C5901"/>
      <c r="D5901"/>
    </row>
    <row r="5902" spans="3:4" x14ac:dyDescent="0.25">
      <c r="C5902"/>
      <c r="D5902"/>
    </row>
    <row r="5903" spans="3:4" x14ac:dyDescent="0.25">
      <c r="C5903"/>
      <c r="D5903"/>
    </row>
    <row r="5904" spans="3:4" x14ac:dyDescent="0.25">
      <c r="C5904"/>
      <c r="D5904"/>
    </row>
    <row r="5905" spans="3:4" x14ac:dyDescent="0.25">
      <c r="C5905"/>
      <c r="D5905"/>
    </row>
    <row r="5906" spans="3:4" x14ac:dyDescent="0.25">
      <c r="C5906"/>
      <c r="D5906"/>
    </row>
    <row r="5907" spans="3:4" x14ac:dyDescent="0.25">
      <c r="C5907"/>
      <c r="D5907"/>
    </row>
    <row r="5908" spans="3:4" x14ac:dyDescent="0.25">
      <c r="C5908"/>
      <c r="D5908"/>
    </row>
    <row r="5909" spans="3:4" x14ac:dyDescent="0.25">
      <c r="C5909"/>
      <c r="D5909"/>
    </row>
    <row r="5910" spans="3:4" x14ac:dyDescent="0.25">
      <c r="C5910"/>
      <c r="D5910"/>
    </row>
    <row r="5911" spans="3:4" x14ac:dyDescent="0.25">
      <c r="C5911"/>
      <c r="D5911"/>
    </row>
    <row r="5912" spans="3:4" x14ac:dyDescent="0.25">
      <c r="C5912"/>
      <c r="D5912"/>
    </row>
    <row r="5913" spans="3:4" x14ac:dyDescent="0.25">
      <c r="C5913"/>
      <c r="D5913"/>
    </row>
    <row r="5914" spans="3:4" x14ac:dyDescent="0.25">
      <c r="C5914"/>
      <c r="D5914"/>
    </row>
    <row r="5915" spans="3:4" x14ac:dyDescent="0.25">
      <c r="C5915"/>
      <c r="D5915"/>
    </row>
    <row r="5916" spans="3:4" x14ac:dyDescent="0.25">
      <c r="C5916"/>
      <c r="D5916"/>
    </row>
    <row r="5917" spans="3:4" x14ac:dyDescent="0.25">
      <c r="C5917"/>
      <c r="D5917"/>
    </row>
    <row r="5918" spans="3:4" x14ac:dyDescent="0.25">
      <c r="C5918"/>
      <c r="D5918"/>
    </row>
    <row r="5919" spans="3:4" x14ac:dyDescent="0.25">
      <c r="C5919"/>
      <c r="D5919"/>
    </row>
    <row r="5920" spans="3:4" x14ac:dyDescent="0.25">
      <c r="C5920"/>
      <c r="D5920"/>
    </row>
    <row r="5921" spans="3:4" x14ac:dyDescent="0.25">
      <c r="C5921"/>
      <c r="D5921"/>
    </row>
    <row r="5922" spans="3:4" x14ac:dyDescent="0.25">
      <c r="C5922"/>
      <c r="D5922"/>
    </row>
    <row r="5923" spans="3:4" x14ac:dyDescent="0.25">
      <c r="C5923"/>
      <c r="D5923"/>
    </row>
    <row r="5924" spans="3:4" x14ac:dyDescent="0.25">
      <c r="C5924"/>
      <c r="D5924"/>
    </row>
    <row r="5925" spans="3:4" x14ac:dyDescent="0.25">
      <c r="C5925"/>
      <c r="D5925"/>
    </row>
    <row r="5926" spans="3:4" x14ac:dyDescent="0.25">
      <c r="C5926"/>
      <c r="D5926"/>
    </row>
    <row r="5927" spans="3:4" x14ac:dyDescent="0.25">
      <c r="C5927"/>
      <c r="D5927"/>
    </row>
    <row r="5928" spans="3:4" x14ac:dyDescent="0.25">
      <c r="C5928"/>
      <c r="D5928"/>
    </row>
    <row r="5929" spans="3:4" x14ac:dyDescent="0.25">
      <c r="C5929"/>
      <c r="D5929"/>
    </row>
    <row r="5930" spans="3:4" x14ac:dyDescent="0.25">
      <c r="C5930"/>
      <c r="D5930"/>
    </row>
    <row r="5931" spans="3:4" x14ac:dyDescent="0.25">
      <c r="C5931"/>
      <c r="D5931"/>
    </row>
    <row r="5932" spans="3:4" x14ac:dyDescent="0.25">
      <c r="C5932"/>
      <c r="D5932"/>
    </row>
    <row r="5933" spans="3:4" x14ac:dyDescent="0.25">
      <c r="C5933"/>
      <c r="D5933"/>
    </row>
    <row r="5934" spans="3:4" x14ac:dyDescent="0.25">
      <c r="C5934"/>
      <c r="D5934"/>
    </row>
    <row r="5935" spans="3:4" x14ac:dyDescent="0.25">
      <c r="C5935"/>
      <c r="D5935"/>
    </row>
    <row r="5936" spans="3:4" x14ac:dyDescent="0.25">
      <c r="C5936"/>
      <c r="D5936"/>
    </row>
    <row r="5937" spans="3:4" x14ac:dyDescent="0.25">
      <c r="C5937"/>
      <c r="D5937"/>
    </row>
    <row r="5938" spans="3:4" x14ac:dyDescent="0.25">
      <c r="C5938"/>
      <c r="D5938"/>
    </row>
    <row r="5939" spans="3:4" x14ac:dyDescent="0.25">
      <c r="C5939"/>
      <c r="D5939"/>
    </row>
    <row r="5940" spans="3:4" x14ac:dyDescent="0.25">
      <c r="C5940"/>
      <c r="D5940"/>
    </row>
    <row r="5941" spans="3:4" x14ac:dyDescent="0.25">
      <c r="C5941"/>
      <c r="D5941"/>
    </row>
    <row r="5942" spans="3:4" x14ac:dyDescent="0.25">
      <c r="C5942"/>
      <c r="D5942"/>
    </row>
    <row r="5943" spans="3:4" x14ac:dyDescent="0.25">
      <c r="C5943"/>
      <c r="D5943"/>
    </row>
    <row r="5944" spans="3:4" x14ac:dyDescent="0.25">
      <c r="C5944"/>
      <c r="D5944"/>
    </row>
    <row r="5945" spans="3:4" x14ac:dyDescent="0.25">
      <c r="C5945"/>
      <c r="D5945"/>
    </row>
    <row r="5946" spans="3:4" x14ac:dyDescent="0.25">
      <c r="C5946"/>
      <c r="D5946"/>
    </row>
    <row r="5947" spans="3:4" x14ac:dyDescent="0.25">
      <c r="C5947"/>
      <c r="D5947"/>
    </row>
    <row r="5948" spans="3:4" x14ac:dyDescent="0.25">
      <c r="C5948"/>
      <c r="D5948"/>
    </row>
    <row r="5949" spans="3:4" x14ac:dyDescent="0.25">
      <c r="C5949"/>
      <c r="D5949"/>
    </row>
    <row r="5950" spans="3:4" x14ac:dyDescent="0.25">
      <c r="C5950"/>
      <c r="D5950"/>
    </row>
    <row r="5951" spans="3:4" x14ac:dyDescent="0.25">
      <c r="C5951"/>
      <c r="D5951"/>
    </row>
    <row r="5952" spans="3:4" x14ac:dyDescent="0.25">
      <c r="C5952"/>
      <c r="D5952"/>
    </row>
    <row r="5953" spans="3:4" x14ac:dyDescent="0.25">
      <c r="C5953"/>
      <c r="D5953"/>
    </row>
    <row r="5954" spans="3:4" x14ac:dyDescent="0.25">
      <c r="C5954"/>
      <c r="D5954"/>
    </row>
    <row r="5955" spans="3:4" x14ac:dyDescent="0.25">
      <c r="C5955"/>
      <c r="D5955"/>
    </row>
    <row r="5956" spans="3:4" x14ac:dyDescent="0.25">
      <c r="C5956"/>
      <c r="D5956"/>
    </row>
    <row r="5957" spans="3:4" x14ac:dyDescent="0.25">
      <c r="C5957"/>
      <c r="D5957"/>
    </row>
    <row r="5958" spans="3:4" x14ac:dyDescent="0.25">
      <c r="C5958"/>
      <c r="D5958"/>
    </row>
    <row r="5959" spans="3:4" x14ac:dyDescent="0.25">
      <c r="C5959"/>
      <c r="D5959"/>
    </row>
    <row r="5960" spans="3:4" x14ac:dyDescent="0.25">
      <c r="C5960"/>
      <c r="D5960"/>
    </row>
    <row r="5961" spans="3:4" x14ac:dyDescent="0.25">
      <c r="C5961"/>
      <c r="D5961"/>
    </row>
    <row r="5962" spans="3:4" x14ac:dyDescent="0.25">
      <c r="C5962"/>
      <c r="D5962"/>
    </row>
    <row r="5963" spans="3:4" x14ac:dyDescent="0.25">
      <c r="C5963"/>
      <c r="D5963"/>
    </row>
    <row r="5964" spans="3:4" x14ac:dyDescent="0.25">
      <c r="C5964"/>
      <c r="D5964"/>
    </row>
    <row r="5965" spans="3:4" x14ac:dyDescent="0.25">
      <c r="C5965"/>
      <c r="D5965"/>
    </row>
    <row r="5966" spans="3:4" x14ac:dyDescent="0.25">
      <c r="C5966"/>
      <c r="D5966"/>
    </row>
    <row r="5967" spans="3:4" x14ac:dyDescent="0.25">
      <c r="C5967"/>
      <c r="D5967"/>
    </row>
    <row r="5968" spans="3:4" x14ac:dyDescent="0.25">
      <c r="C5968"/>
      <c r="D5968"/>
    </row>
    <row r="5969" spans="3:4" x14ac:dyDescent="0.25">
      <c r="C5969"/>
      <c r="D5969"/>
    </row>
    <row r="5970" spans="3:4" x14ac:dyDescent="0.25">
      <c r="C5970"/>
      <c r="D5970"/>
    </row>
    <row r="5971" spans="3:4" x14ac:dyDescent="0.25">
      <c r="C5971"/>
      <c r="D5971"/>
    </row>
    <row r="5972" spans="3:4" x14ac:dyDescent="0.25">
      <c r="C5972"/>
      <c r="D5972"/>
    </row>
    <row r="5973" spans="3:4" x14ac:dyDescent="0.25">
      <c r="C5973"/>
      <c r="D5973"/>
    </row>
    <row r="5974" spans="3:4" x14ac:dyDescent="0.25">
      <c r="C5974"/>
      <c r="D5974"/>
    </row>
    <row r="5975" spans="3:4" x14ac:dyDescent="0.25">
      <c r="C5975"/>
      <c r="D5975"/>
    </row>
    <row r="5976" spans="3:4" x14ac:dyDescent="0.25">
      <c r="C5976"/>
      <c r="D5976"/>
    </row>
    <row r="5977" spans="3:4" x14ac:dyDescent="0.25">
      <c r="C5977"/>
      <c r="D5977"/>
    </row>
    <row r="5978" spans="3:4" x14ac:dyDescent="0.25">
      <c r="C5978"/>
      <c r="D5978"/>
    </row>
    <row r="5979" spans="3:4" x14ac:dyDescent="0.25">
      <c r="C5979"/>
      <c r="D5979"/>
    </row>
    <row r="5980" spans="3:4" x14ac:dyDescent="0.25">
      <c r="C5980"/>
      <c r="D5980"/>
    </row>
    <row r="5981" spans="3:4" x14ac:dyDescent="0.25">
      <c r="C5981"/>
      <c r="D5981"/>
    </row>
    <row r="5982" spans="3:4" x14ac:dyDescent="0.25">
      <c r="C5982"/>
      <c r="D5982"/>
    </row>
    <row r="5983" spans="3:4" x14ac:dyDescent="0.25">
      <c r="C5983"/>
      <c r="D5983"/>
    </row>
    <row r="5984" spans="3:4" x14ac:dyDescent="0.25">
      <c r="C5984"/>
      <c r="D5984"/>
    </row>
    <row r="5985" spans="3:4" x14ac:dyDescent="0.25">
      <c r="C5985"/>
      <c r="D5985"/>
    </row>
    <row r="5986" spans="3:4" x14ac:dyDescent="0.25">
      <c r="C5986"/>
      <c r="D5986"/>
    </row>
    <row r="5987" spans="3:4" x14ac:dyDescent="0.25">
      <c r="C5987"/>
      <c r="D5987"/>
    </row>
    <row r="5988" spans="3:4" x14ac:dyDescent="0.25">
      <c r="C5988"/>
      <c r="D5988"/>
    </row>
    <row r="5989" spans="3:4" x14ac:dyDescent="0.25">
      <c r="C5989"/>
      <c r="D5989"/>
    </row>
    <row r="5990" spans="3:4" x14ac:dyDescent="0.25">
      <c r="C5990"/>
      <c r="D5990"/>
    </row>
    <row r="5991" spans="3:4" x14ac:dyDescent="0.25">
      <c r="C5991"/>
      <c r="D5991"/>
    </row>
    <row r="5992" spans="3:4" x14ac:dyDescent="0.25">
      <c r="C5992"/>
      <c r="D5992"/>
    </row>
    <row r="5993" spans="3:4" x14ac:dyDescent="0.25">
      <c r="C5993"/>
      <c r="D5993"/>
    </row>
    <row r="5994" spans="3:4" x14ac:dyDescent="0.25">
      <c r="C5994"/>
      <c r="D5994"/>
    </row>
    <row r="5995" spans="3:4" x14ac:dyDescent="0.25">
      <c r="C5995"/>
      <c r="D5995"/>
    </row>
    <row r="5996" spans="3:4" x14ac:dyDescent="0.25">
      <c r="C5996"/>
      <c r="D5996"/>
    </row>
    <row r="5997" spans="3:4" x14ac:dyDescent="0.25">
      <c r="C5997"/>
      <c r="D5997"/>
    </row>
    <row r="5998" spans="3:4" x14ac:dyDescent="0.25">
      <c r="C5998"/>
      <c r="D5998"/>
    </row>
    <row r="5999" spans="3:4" x14ac:dyDescent="0.25">
      <c r="C5999"/>
      <c r="D5999"/>
    </row>
    <row r="6000" spans="3:4" x14ac:dyDescent="0.25">
      <c r="C6000"/>
      <c r="D6000"/>
    </row>
    <row r="6001" spans="3:4" x14ac:dyDescent="0.25">
      <c r="C6001"/>
      <c r="D6001"/>
    </row>
    <row r="6002" spans="3:4" x14ac:dyDescent="0.25">
      <c r="C6002"/>
      <c r="D6002"/>
    </row>
    <row r="6003" spans="3:4" x14ac:dyDescent="0.25">
      <c r="C6003"/>
      <c r="D6003"/>
    </row>
    <row r="6004" spans="3:4" x14ac:dyDescent="0.25">
      <c r="C6004"/>
      <c r="D6004"/>
    </row>
    <row r="6005" spans="3:4" x14ac:dyDescent="0.25">
      <c r="C6005"/>
      <c r="D6005"/>
    </row>
    <row r="6006" spans="3:4" x14ac:dyDescent="0.25">
      <c r="C6006"/>
      <c r="D6006"/>
    </row>
    <row r="6007" spans="3:4" x14ac:dyDescent="0.25">
      <c r="C6007"/>
      <c r="D6007"/>
    </row>
    <row r="6008" spans="3:4" x14ac:dyDescent="0.25">
      <c r="C6008"/>
      <c r="D6008"/>
    </row>
    <row r="6009" spans="3:4" x14ac:dyDescent="0.25">
      <c r="C6009"/>
      <c r="D6009"/>
    </row>
    <row r="6010" spans="3:4" x14ac:dyDescent="0.25">
      <c r="C6010"/>
      <c r="D6010"/>
    </row>
    <row r="6011" spans="3:4" x14ac:dyDescent="0.25">
      <c r="C6011"/>
      <c r="D6011"/>
    </row>
    <row r="6012" spans="3:4" x14ac:dyDescent="0.25">
      <c r="C6012"/>
      <c r="D6012"/>
    </row>
    <row r="6013" spans="3:4" x14ac:dyDescent="0.25">
      <c r="C6013"/>
      <c r="D6013"/>
    </row>
    <row r="6014" spans="3:4" x14ac:dyDescent="0.25">
      <c r="C6014"/>
      <c r="D6014"/>
    </row>
    <row r="6015" spans="3:4" x14ac:dyDescent="0.25">
      <c r="C6015"/>
      <c r="D6015"/>
    </row>
    <row r="6016" spans="3:4" x14ac:dyDescent="0.25">
      <c r="C6016"/>
      <c r="D6016"/>
    </row>
    <row r="6017" spans="3:4" x14ac:dyDescent="0.25">
      <c r="C6017"/>
      <c r="D6017"/>
    </row>
    <row r="6018" spans="3:4" x14ac:dyDescent="0.25">
      <c r="C6018"/>
      <c r="D6018"/>
    </row>
    <row r="6019" spans="3:4" x14ac:dyDescent="0.25">
      <c r="C6019"/>
      <c r="D6019"/>
    </row>
    <row r="6020" spans="3:4" x14ac:dyDescent="0.25">
      <c r="C6020"/>
      <c r="D6020"/>
    </row>
    <row r="6021" spans="3:4" x14ac:dyDescent="0.25">
      <c r="C6021"/>
      <c r="D6021"/>
    </row>
    <row r="6022" spans="3:4" x14ac:dyDescent="0.25">
      <c r="C6022"/>
      <c r="D6022"/>
    </row>
    <row r="6023" spans="3:4" x14ac:dyDescent="0.25">
      <c r="C6023"/>
      <c r="D6023"/>
    </row>
    <row r="6024" spans="3:4" x14ac:dyDescent="0.25">
      <c r="C6024"/>
      <c r="D6024"/>
    </row>
    <row r="6025" spans="3:4" x14ac:dyDescent="0.25">
      <c r="C6025"/>
      <c r="D6025"/>
    </row>
    <row r="6026" spans="3:4" x14ac:dyDescent="0.25">
      <c r="C6026"/>
      <c r="D6026"/>
    </row>
    <row r="6027" spans="3:4" x14ac:dyDescent="0.25">
      <c r="C6027"/>
      <c r="D6027"/>
    </row>
    <row r="6028" spans="3:4" x14ac:dyDescent="0.25">
      <c r="C6028"/>
      <c r="D6028"/>
    </row>
    <row r="6029" spans="3:4" x14ac:dyDescent="0.25">
      <c r="C6029"/>
      <c r="D6029"/>
    </row>
    <row r="6030" spans="3:4" x14ac:dyDescent="0.25">
      <c r="C6030"/>
      <c r="D6030"/>
    </row>
    <row r="6031" spans="3:4" x14ac:dyDescent="0.25">
      <c r="C6031"/>
      <c r="D6031"/>
    </row>
    <row r="6032" spans="3:4" x14ac:dyDescent="0.25">
      <c r="C6032"/>
      <c r="D6032"/>
    </row>
    <row r="6033" spans="3:4" x14ac:dyDescent="0.25">
      <c r="C6033"/>
      <c r="D6033"/>
    </row>
    <row r="6034" spans="3:4" x14ac:dyDescent="0.25">
      <c r="C6034"/>
      <c r="D6034"/>
    </row>
    <row r="6035" spans="3:4" x14ac:dyDescent="0.25">
      <c r="C6035"/>
      <c r="D6035"/>
    </row>
    <row r="6036" spans="3:4" x14ac:dyDescent="0.25">
      <c r="C6036"/>
      <c r="D6036"/>
    </row>
    <row r="6037" spans="3:4" x14ac:dyDescent="0.25">
      <c r="C6037"/>
      <c r="D6037"/>
    </row>
    <row r="6038" spans="3:4" x14ac:dyDescent="0.25">
      <c r="C6038"/>
      <c r="D6038"/>
    </row>
    <row r="6039" spans="3:4" x14ac:dyDescent="0.25">
      <c r="C6039"/>
      <c r="D6039"/>
    </row>
    <row r="6040" spans="3:4" x14ac:dyDescent="0.25">
      <c r="C6040"/>
      <c r="D6040"/>
    </row>
    <row r="6041" spans="3:4" x14ac:dyDescent="0.25">
      <c r="C6041"/>
      <c r="D6041"/>
    </row>
    <row r="6042" spans="3:4" x14ac:dyDescent="0.25">
      <c r="C6042"/>
      <c r="D6042"/>
    </row>
    <row r="6043" spans="3:4" x14ac:dyDescent="0.25">
      <c r="C6043"/>
      <c r="D6043"/>
    </row>
    <row r="6044" spans="3:4" x14ac:dyDescent="0.25">
      <c r="C6044"/>
      <c r="D6044"/>
    </row>
    <row r="6045" spans="3:4" x14ac:dyDescent="0.25">
      <c r="C6045"/>
      <c r="D6045"/>
    </row>
    <row r="6046" spans="3:4" x14ac:dyDescent="0.25">
      <c r="C6046"/>
      <c r="D6046"/>
    </row>
    <row r="6047" spans="3:4" x14ac:dyDescent="0.25">
      <c r="C6047"/>
      <c r="D6047"/>
    </row>
    <row r="6048" spans="3:4" x14ac:dyDescent="0.25">
      <c r="C6048"/>
      <c r="D6048"/>
    </row>
    <row r="6049" spans="3:4" x14ac:dyDescent="0.25">
      <c r="C6049"/>
      <c r="D6049"/>
    </row>
    <row r="6050" spans="3:4" x14ac:dyDescent="0.25">
      <c r="C6050"/>
      <c r="D6050"/>
    </row>
    <row r="6051" spans="3:4" x14ac:dyDescent="0.25">
      <c r="C6051"/>
      <c r="D6051"/>
    </row>
    <row r="6052" spans="3:4" x14ac:dyDescent="0.25">
      <c r="C6052"/>
      <c r="D6052"/>
    </row>
    <row r="6053" spans="3:4" x14ac:dyDescent="0.25">
      <c r="C6053"/>
      <c r="D6053"/>
    </row>
    <row r="6054" spans="3:4" x14ac:dyDescent="0.25">
      <c r="C6054"/>
      <c r="D6054"/>
    </row>
    <row r="6055" spans="3:4" x14ac:dyDescent="0.25">
      <c r="C6055"/>
      <c r="D6055"/>
    </row>
    <row r="6056" spans="3:4" x14ac:dyDescent="0.25">
      <c r="C6056"/>
      <c r="D6056"/>
    </row>
    <row r="6057" spans="3:4" x14ac:dyDescent="0.25">
      <c r="C6057"/>
      <c r="D6057"/>
    </row>
    <row r="6058" spans="3:4" x14ac:dyDescent="0.25">
      <c r="C6058"/>
      <c r="D6058"/>
    </row>
    <row r="6059" spans="3:4" x14ac:dyDescent="0.25">
      <c r="C6059"/>
      <c r="D6059"/>
    </row>
    <row r="6060" spans="3:4" x14ac:dyDescent="0.25">
      <c r="C6060"/>
      <c r="D6060"/>
    </row>
    <row r="6061" spans="3:4" x14ac:dyDescent="0.25">
      <c r="C6061"/>
      <c r="D6061"/>
    </row>
    <row r="6062" spans="3:4" x14ac:dyDescent="0.25">
      <c r="C6062"/>
      <c r="D6062"/>
    </row>
    <row r="6063" spans="3:4" x14ac:dyDescent="0.25">
      <c r="C6063"/>
      <c r="D6063"/>
    </row>
    <row r="6064" spans="3:4" x14ac:dyDescent="0.25">
      <c r="C6064"/>
      <c r="D6064"/>
    </row>
    <row r="6065" spans="3:4" x14ac:dyDescent="0.25">
      <c r="C6065"/>
      <c r="D6065"/>
    </row>
    <row r="6066" spans="3:4" x14ac:dyDescent="0.25">
      <c r="C6066"/>
      <c r="D6066"/>
    </row>
    <row r="6067" spans="3:4" x14ac:dyDescent="0.25">
      <c r="C6067"/>
      <c r="D6067"/>
    </row>
    <row r="6068" spans="3:4" x14ac:dyDescent="0.25">
      <c r="C6068"/>
      <c r="D6068"/>
    </row>
    <row r="6069" spans="3:4" x14ac:dyDescent="0.25">
      <c r="C6069"/>
      <c r="D6069"/>
    </row>
    <row r="6070" spans="3:4" x14ac:dyDescent="0.25">
      <c r="C6070"/>
      <c r="D6070"/>
    </row>
    <row r="6071" spans="3:4" x14ac:dyDescent="0.25">
      <c r="C6071"/>
      <c r="D6071"/>
    </row>
    <row r="6072" spans="3:4" x14ac:dyDescent="0.25">
      <c r="C6072"/>
      <c r="D6072"/>
    </row>
    <row r="6073" spans="3:4" x14ac:dyDescent="0.25">
      <c r="C6073"/>
      <c r="D6073"/>
    </row>
    <row r="6074" spans="3:4" x14ac:dyDescent="0.25">
      <c r="C6074"/>
      <c r="D6074"/>
    </row>
    <row r="6075" spans="3:4" x14ac:dyDescent="0.25">
      <c r="C6075"/>
      <c r="D6075"/>
    </row>
    <row r="6076" spans="3:4" x14ac:dyDescent="0.25">
      <c r="C6076"/>
      <c r="D6076"/>
    </row>
    <row r="6077" spans="3:4" x14ac:dyDescent="0.25">
      <c r="C6077"/>
      <c r="D6077"/>
    </row>
    <row r="6078" spans="3:4" x14ac:dyDescent="0.25">
      <c r="C6078"/>
      <c r="D6078"/>
    </row>
    <row r="6079" spans="3:4" x14ac:dyDescent="0.25">
      <c r="C6079"/>
      <c r="D6079"/>
    </row>
    <row r="6080" spans="3:4" x14ac:dyDescent="0.25">
      <c r="C6080"/>
      <c r="D6080"/>
    </row>
    <row r="6081" spans="3:4" x14ac:dyDescent="0.25">
      <c r="C6081"/>
      <c r="D6081"/>
    </row>
    <row r="6082" spans="3:4" x14ac:dyDescent="0.25">
      <c r="C6082"/>
      <c r="D6082"/>
    </row>
    <row r="6083" spans="3:4" x14ac:dyDescent="0.25">
      <c r="C6083"/>
      <c r="D6083"/>
    </row>
    <row r="6084" spans="3:4" x14ac:dyDescent="0.25">
      <c r="C6084"/>
      <c r="D6084"/>
    </row>
    <row r="6085" spans="3:4" x14ac:dyDescent="0.25">
      <c r="C6085"/>
      <c r="D6085"/>
    </row>
    <row r="6086" spans="3:4" x14ac:dyDescent="0.25">
      <c r="C6086"/>
      <c r="D6086"/>
    </row>
    <row r="6087" spans="3:4" x14ac:dyDescent="0.25">
      <c r="C6087"/>
      <c r="D6087"/>
    </row>
    <row r="6088" spans="3:4" x14ac:dyDescent="0.25">
      <c r="C6088"/>
      <c r="D6088"/>
    </row>
    <row r="6089" spans="3:4" x14ac:dyDescent="0.25">
      <c r="C6089"/>
      <c r="D6089"/>
    </row>
    <row r="6090" spans="3:4" x14ac:dyDescent="0.25">
      <c r="C6090"/>
      <c r="D6090"/>
    </row>
    <row r="6091" spans="3:4" x14ac:dyDescent="0.25">
      <c r="C6091"/>
      <c r="D6091"/>
    </row>
    <row r="6092" spans="3:4" x14ac:dyDescent="0.25">
      <c r="C6092"/>
      <c r="D6092"/>
    </row>
    <row r="6093" spans="3:4" x14ac:dyDescent="0.25">
      <c r="C6093"/>
      <c r="D6093"/>
    </row>
    <row r="6094" spans="3:4" x14ac:dyDescent="0.25">
      <c r="C6094"/>
      <c r="D6094"/>
    </row>
    <row r="6095" spans="3:4" x14ac:dyDescent="0.25">
      <c r="C6095"/>
      <c r="D6095"/>
    </row>
    <row r="6096" spans="3:4" x14ac:dyDescent="0.25">
      <c r="C6096"/>
      <c r="D6096"/>
    </row>
    <row r="6097" spans="3:4" x14ac:dyDescent="0.25">
      <c r="C6097"/>
      <c r="D6097"/>
    </row>
    <row r="6098" spans="3:4" x14ac:dyDescent="0.25">
      <c r="C6098"/>
      <c r="D6098"/>
    </row>
    <row r="6099" spans="3:4" x14ac:dyDescent="0.25">
      <c r="C6099"/>
      <c r="D6099"/>
    </row>
    <row r="6100" spans="3:4" x14ac:dyDescent="0.25">
      <c r="C6100"/>
      <c r="D6100"/>
    </row>
    <row r="6101" spans="3:4" x14ac:dyDescent="0.25">
      <c r="C6101"/>
      <c r="D6101"/>
    </row>
    <row r="6102" spans="3:4" x14ac:dyDescent="0.25">
      <c r="C6102"/>
      <c r="D6102"/>
    </row>
    <row r="6103" spans="3:4" x14ac:dyDescent="0.25">
      <c r="C6103"/>
      <c r="D6103"/>
    </row>
    <row r="6104" spans="3:4" x14ac:dyDescent="0.25">
      <c r="C6104"/>
      <c r="D6104"/>
    </row>
    <row r="6105" spans="3:4" x14ac:dyDescent="0.25">
      <c r="C6105"/>
      <c r="D6105"/>
    </row>
    <row r="6106" spans="3:4" x14ac:dyDescent="0.25">
      <c r="C6106"/>
      <c r="D6106"/>
    </row>
    <row r="6107" spans="3:4" x14ac:dyDescent="0.25">
      <c r="C6107"/>
      <c r="D6107"/>
    </row>
    <row r="6108" spans="3:4" x14ac:dyDescent="0.25">
      <c r="C6108"/>
      <c r="D6108"/>
    </row>
    <row r="6109" spans="3:4" x14ac:dyDescent="0.25">
      <c r="C6109"/>
      <c r="D6109"/>
    </row>
    <row r="6110" spans="3:4" x14ac:dyDescent="0.25">
      <c r="C6110"/>
      <c r="D6110"/>
    </row>
    <row r="6111" spans="3:4" x14ac:dyDescent="0.25">
      <c r="C6111"/>
      <c r="D6111"/>
    </row>
    <row r="6112" spans="3:4" x14ac:dyDescent="0.25">
      <c r="C6112"/>
      <c r="D6112"/>
    </row>
    <row r="6113" spans="3:4" x14ac:dyDescent="0.25">
      <c r="C6113"/>
      <c r="D6113"/>
    </row>
    <row r="6114" spans="3:4" x14ac:dyDescent="0.25">
      <c r="C6114"/>
      <c r="D6114"/>
    </row>
    <row r="6115" spans="3:4" x14ac:dyDescent="0.25">
      <c r="C6115"/>
      <c r="D6115"/>
    </row>
    <row r="6116" spans="3:4" x14ac:dyDescent="0.25">
      <c r="C6116"/>
      <c r="D6116"/>
    </row>
    <row r="6117" spans="3:4" x14ac:dyDescent="0.25">
      <c r="C6117"/>
      <c r="D6117"/>
    </row>
    <row r="6118" spans="3:4" x14ac:dyDescent="0.25">
      <c r="C6118"/>
      <c r="D6118"/>
    </row>
    <row r="6119" spans="3:4" x14ac:dyDescent="0.25">
      <c r="C6119"/>
      <c r="D6119"/>
    </row>
    <row r="6120" spans="3:4" x14ac:dyDescent="0.25">
      <c r="C6120"/>
      <c r="D6120"/>
    </row>
    <row r="6121" spans="3:4" x14ac:dyDescent="0.25">
      <c r="C6121"/>
      <c r="D6121"/>
    </row>
    <row r="6122" spans="3:4" x14ac:dyDescent="0.25">
      <c r="C6122"/>
      <c r="D6122"/>
    </row>
    <row r="6123" spans="3:4" x14ac:dyDescent="0.25">
      <c r="C6123"/>
      <c r="D6123"/>
    </row>
    <row r="6124" spans="3:4" x14ac:dyDescent="0.25">
      <c r="C6124"/>
      <c r="D6124"/>
    </row>
    <row r="6125" spans="3:4" x14ac:dyDescent="0.25">
      <c r="C6125"/>
      <c r="D6125"/>
    </row>
    <row r="6126" spans="3:4" x14ac:dyDescent="0.25">
      <c r="C6126"/>
      <c r="D6126"/>
    </row>
    <row r="6127" spans="3:4" x14ac:dyDescent="0.25">
      <c r="C6127"/>
      <c r="D6127"/>
    </row>
    <row r="6128" spans="3:4" x14ac:dyDescent="0.25">
      <c r="C6128"/>
      <c r="D6128"/>
    </row>
    <row r="6129" spans="3:4" x14ac:dyDescent="0.25">
      <c r="C6129"/>
      <c r="D6129"/>
    </row>
    <row r="6130" spans="3:4" x14ac:dyDescent="0.25">
      <c r="C6130"/>
      <c r="D6130"/>
    </row>
    <row r="6131" spans="3:4" x14ac:dyDescent="0.25">
      <c r="C6131"/>
      <c r="D6131"/>
    </row>
    <row r="6132" spans="3:4" x14ac:dyDescent="0.25">
      <c r="C6132"/>
      <c r="D6132"/>
    </row>
    <row r="6133" spans="3:4" x14ac:dyDescent="0.25">
      <c r="C6133"/>
      <c r="D6133"/>
    </row>
    <row r="6134" spans="3:4" x14ac:dyDescent="0.25">
      <c r="C6134"/>
      <c r="D6134"/>
    </row>
    <row r="6135" spans="3:4" x14ac:dyDescent="0.25">
      <c r="C6135"/>
      <c r="D6135"/>
    </row>
    <row r="6136" spans="3:4" x14ac:dyDescent="0.25">
      <c r="C6136"/>
      <c r="D6136"/>
    </row>
    <row r="6137" spans="3:4" x14ac:dyDescent="0.25">
      <c r="C6137"/>
      <c r="D6137"/>
    </row>
    <row r="6138" spans="3:4" x14ac:dyDescent="0.25">
      <c r="C6138"/>
      <c r="D6138"/>
    </row>
    <row r="6139" spans="3:4" x14ac:dyDescent="0.25">
      <c r="C6139"/>
      <c r="D6139"/>
    </row>
    <row r="6140" spans="3:4" x14ac:dyDescent="0.25">
      <c r="C6140"/>
      <c r="D6140"/>
    </row>
    <row r="6141" spans="3:4" x14ac:dyDescent="0.25">
      <c r="C6141"/>
      <c r="D6141"/>
    </row>
    <row r="6142" spans="3:4" x14ac:dyDescent="0.25">
      <c r="C6142"/>
      <c r="D6142"/>
    </row>
    <row r="6143" spans="3:4" x14ac:dyDescent="0.25">
      <c r="C6143"/>
      <c r="D6143"/>
    </row>
    <row r="6144" spans="3:4" x14ac:dyDescent="0.25">
      <c r="C6144"/>
      <c r="D6144"/>
    </row>
    <row r="6145" spans="3:4" x14ac:dyDescent="0.25">
      <c r="C6145"/>
      <c r="D6145"/>
    </row>
    <row r="6146" spans="3:4" x14ac:dyDescent="0.25">
      <c r="C6146"/>
      <c r="D6146"/>
    </row>
    <row r="6147" spans="3:4" x14ac:dyDescent="0.25">
      <c r="C6147"/>
      <c r="D6147"/>
    </row>
    <row r="6148" spans="3:4" x14ac:dyDescent="0.25">
      <c r="C6148"/>
      <c r="D6148"/>
    </row>
    <row r="6149" spans="3:4" x14ac:dyDescent="0.25">
      <c r="C6149"/>
      <c r="D6149"/>
    </row>
    <row r="6150" spans="3:4" x14ac:dyDescent="0.25">
      <c r="C6150"/>
      <c r="D6150"/>
    </row>
    <row r="6151" spans="3:4" x14ac:dyDescent="0.25">
      <c r="C6151"/>
      <c r="D6151"/>
    </row>
    <row r="6152" spans="3:4" x14ac:dyDescent="0.25">
      <c r="C6152"/>
      <c r="D6152"/>
    </row>
    <row r="6153" spans="3:4" x14ac:dyDescent="0.25">
      <c r="C6153"/>
      <c r="D6153"/>
    </row>
    <row r="6154" spans="3:4" x14ac:dyDescent="0.25">
      <c r="C6154"/>
      <c r="D6154"/>
    </row>
    <row r="6155" spans="3:4" x14ac:dyDescent="0.25">
      <c r="C6155"/>
      <c r="D6155"/>
    </row>
    <row r="6156" spans="3:4" x14ac:dyDescent="0.25">
      <c r="C6156"/>
      <c r="D6156"/>
    </row>
    <row r="6157" spans="3:4" x14ac:dyDescent="0.25">
      <c r="C6157"/>
      <c r="D6157"/>
    </row>
    <row r="6158" spans="3:4" x14ac:dyDescent="0.25">
      <c r="C6158"/>
      <c r="D6158"/>
    </row>
    <row r="6159" spans="3:4" x14ac:dyDescent="0.25">
      <c r="C6159"/>
      <c r="D6159"/>
    </row>
    <row r="6160" spans="3:4" x14ac:dyDescent="0.25">
      <c r="C6160"/>
      <c r="D6160"/>
    </row>
    <row r="6161" spans="3:4" x14ac:dyDescent="0.25">
      <c r="C6161"/>
      <c r="D6161"/>
    </row>
    <row r="6162" spans="3:4" x14ac:dyDescent="0.25">
      <c r="C6162"/>
      <c r="D6162"/>
    </row>
    <row r="6163" spans="3:4" x14ac:dyDescent="0.25">
      <c r="C6163"/>
      <c r="D6163"/>
    </row>
    <row r="6164" spans="3:4" x14ac:dyDescent="0.25">
      <c r="C6164"/>
      <c r="D6164"/>
    </row>
    <row r="6165" spans="3:4" x14ac:dyDescent="0.25">
      <c r="C6165"/>
      <c r="D6165"/>
    </row>
    <row r="6166" spans="3:4" x14ac:dyDescent="0.25">
      <c r="C6166"/>
      <c r="D6166"/>
    </row>
    <row r="6167" spans="3:4" x14ac:dyDescent="0.25">
      <c r="C6167"/>
      <c r="D6167"/>
    </row>
    <row r="6168" spans="3:4" x14ac:dyDescent="0.25">
      <c r="C6168"/>
      <c r="D6168"/>
    </row>
    <row r="6169" spans="3:4" x14ac:dyDescent="0.25">
      <c r="C6169"/>
      <c r="D6169"/>
    </row>
    <row r="6170" spans="3:4" x14ac:dyDescent="0.25">
      <c r="C6170"/>
      <c r="D6170"/>
    </row>
    <row r="6171" spans="3:4" x14ac:dyDescent="0.25">
      <c r="C6171"/>
      <c r="D6171"/>
    </row>
    <row r="6172" spans="3:4" x14ac:dyDescent="0.25">
      <c r="C6172"/>
      <c r="D6172"/>
    </row>
    <row r="6173" spans="3:4" x14ac:dyDescent="0.25">
      <c r="C6173"/>
      <c r="D6173"/>
    </row>
    <row r="6174" spans="3:4" x14ac:dyDescent="0.25">
      <c r="C6174"/>
      <c r="D6174"/>
    </row>
    <row r="6175" spans="3:4" x14ac:dyDescent="0.25">
      <c r="C6175"/>
      <c r="D6175"/>
    </row>
    <row r="6176" spans="3:4" x14ac:dyDescent="0.25">
      <c r="C6176"/>
      <c r="D6176"/>
    </row>
    <row r="6177" spans="3:4" x14ac:dyDescent="0.25">
      <c r="C6177"/>
      <c r="D6177"/>
    </row>
    <row r="6178" spans="3:4" x14ac:dyDescent="0.25">
      <c r="C6178"/>
      <c r="D6178"/>
    </row>
    <row r="6179" spans="3:4" x14ac:dyDescent="0.25">
      <c r="C6179"/>
      <c r="D6179"/>
    </row>
    <row r="6180" spans="3:4" x14ac:dyDescent="0.25">
      <c r="C6180"/>
      <c r="D6180"/>
    </row>
    <row r="6181" spans="3:4" x14ac:dyDescent="0.25">
      <c r="C6181"/>
      <c r="D6181"/>
    </row>
    <row r="6182" spans="3:4" x14ac:dyDescent="0.25">
      <c r="C6182"/>
      <c r="D6182"/>
    </row>
    <row r="6183" spans="3:4" x14ac:dyDescent="0.25">
      <c r="C6183"/>
      <c r="D6183"/>
    </row>
    <row r="6184" spans="3:4" x14ac:dyDescent="0.25">
      <c r="C6184"/>
      <c r="D6184"/>
    </row>
    <row r="6185" spans="3:4" x14ac:dyDescent="0.25">
      <c r="C6185"/>
      <c r="D6185"/>
    </row>
    <row r="6186" spans="3:4" x14ac:dyDescent="0.25">
      <c r="C6186"/>
      <c r="D6186"/>
    </row>
    <row r="6187" spans="3:4" x14ac:dyDescent="0.25">
      <c r="C6187"/>
      <c r="D6187"/>
    </row>
    <row r="6188" spans="3:4" x14ac:dyDescent="0.25">
      <c r="C6188"/>
      <c r="D6188"/>
    </row>
    <row r="6189" spans="3:4" x14ac:dyDescent="0.25">
      <c r="C6189"/>
      <c r="D6189"/>
    </row>
    <row r="6190" spans="3:4" x14ac:dyDescent="0.25">
      <c r="C6190"/>
      <c r="D6190"/>
    </row>
    <row r="6191" spans="3:4" x14ac:dyDescent="0.25">
      <c r="C6191"/>
      <c r="D6191"/>
    </row>
    <row r="6192" spans="3:4" x14ac:dyDescent="0.25">
      <c r="C6192"/>
      <c r="D6192"/>
    </row>
    <row r="6193" spans="3:4" x14ac:dyDescent="0.25">
      <c r="C6193"/>
      <c r="D6193"/>
    </row>
    <row r="6194" spans="3:4" x14ac:dyDescent="0.25">
      <c r="C6194"/>
      <c r="D6194"/>
    </row>
    <row r="6195" spans="3:4" x14ac:dyDescent="0.25">
      <c r="C6195"/>
      <c r="D6195"/>
    </row>
    <row r="6196" spans="3:4" x14ac:dyDescent="0.25">
      <c r="C6196"/>
      <c r="D6196"/>
    </row>
    <row r="6197" spans="3:4" x14ac:dyDescent="0.25">
      <c r="C6197"/>
      <c r="D6197"/>
    </row>
    <row r="6198" spans="3:4" x14ac:dyDescent="0.25">
      <c r="C6198"/>
      <c r="D6198"/>
    </row>
    <row r="6199" spans="3:4" x14ac:dyDescent="0.25">
      <c r="C6199"/>
      <c r="D6199"/>
    </row>
    <row r="6200" spans="3:4" x14ac:dyDescent="0.25">
      <c r="C6200"/>
      <c r="D6200"/>
    </row>
    <row r="6201" spans="3:4" x14ac:dyDescent="0.25">
      <c r="C6201"/>
      <c r="D6201"/>
    </row>
    <row r="6202" spans="3:4" x14ac:dyDescent="0.25">
      <c r="C6202"/>
      <c r="D6202"/>
    </row>
    <row r="6203" spans="3:4" x14ac:dyDescent="0.25">
      <c r="C6203"/>
      <c r="D6203"/>
    </row>
    <row r="6204" spans="3:4" x14ac:dyDescent="0.25">
      <c r="C6204"/>
      <c r="D6204"/>
    </row>
    <row r="6205" spans="3:4" x14ac:dyDescent="0.25">
      <c r="C6205"/>
      <c r="D6205"/>
    </row>
    <row r="6206" spans="3:4" x14ac:dyDescent="0.25">
      <c r="C6206"/>
      <c r="D6206"/>
    </row>
    <row r="6207" spans="3:4" x14ac:dyDescent="0.25">
      <c r="C6207"/>
      <c r="D6207"/>
    </row>
    <row r="6208" spans="3:4" x14ac:dyDescent="0.25">
      <c r="C6208"/>
      <c r="D6208"/>
    </row>
    <row r="6209" spans="3:4" x14ac:dyDescent="0.25">
      <c r="C6209"/>
      <c r="D6209"/>
    </row>
    <row r="6210" spans="3:4" x14ac:dyDescent="0.25">
      <c r="C6210"/>
      <c r="D6210"/>
    </row>
    <row r="6211" spans="3:4" x14ac:dyDescent="0.25">
      <c r="C6211"/>
      <c r="D6211"/>
    </row>
    <row r="6212" spans="3:4" x14ac:dyDescent="0.25">
      <c r="C6212"/>
      <c r="D6212"/>
    </row>
    <row r="6213" spans="3:4" x14ac:dyDescent="0.25">
      <c r="C6213"/>
      <c r="D6213"/>
    </row>
    <row r="6214" spans="3:4" x14ac:dyDescent="0.25">
      <c r="C6214"/>
      <c r="D6214"/>
    </row>
    <row r="6215" spans="3:4" x14ac:dyDescent="0.25">
      <c r="C6215"/>
      <c r="D6215"/>
    </row>
    <row r="6216" spans="3:4" x14ac:dyDescent="0.25">
      <c r="C6216"/>
      <c r="D6216"/>
    </row>
    <row r="6217" spans="3:4" x14ac:dyDescent="0.25">
      <c r="C6217"/>
      <c r="D6217"/>
    </row>
    <row r="6218" spans="3:4" x14ac:dyDescent="0.25">
      <c r="C6218"/>
      <c r="D6218"/>
    </row>
    <row r="6219" spans="3:4" x14ac:dyDescent="0.25">
      <c r="C6219"/>
      <c r="D6219"/>
    </row>
    <row r="6220" spans="3:4" x14ac:dyDescent="0.25">
      <c r="C6220"/>
      <c r="D6220"/>
    </row>
    <row r="6221" spans="3:4" x14ac:dyDescent="0.25">
      <c r="C6221"/>
      <c r="D6221"/>
    </row>
    <row r="6222" spans="3:4" x14ac:dyDescent="0.25">
      <c r="C6222"/>
      <c r="D6222"/>
    </row>
    <row r="6223" spans="3:4" x14ac:dyDescent="0.25">
      <c r="C6223"/>
      <c r="D6223"/>
    </row>
    <row r="6224" spans="3:4" x14ac:dyDescent="0.25">
      <c r="C6224"/>
      <c r="D6224"/>
    </row>
    <row r="6225" spans="3:4" x14ac:dyDescent="0.25">
      <c r="C6225"/>
      <c r="D6225"/>
    </row>
    <row r="6226" spans="3:4" x14ac:dyDescent="0.25">
      <c r="C6226"/>
      <c r="D6226"/>
    </row>
    <row r="6227" spans="3:4" x14ac:dyDescent="0.25">
      <c r="C6227"/>
      <c r="D6227"/>
    </row>
    <row r="6228" spans="3:4" x14ac:dyDescent="0.25">
      <c r="C6228"/>
      <c r="D6228"/>
    </row>
    <row r="6229" spans="3:4" x14ac:dyDescent="0.25">
      <c r="C6229"/>
      <c r="D6229"/>
    </row>
    <row r="6230" spans="3:4" x14ac:dyDescent="0.25">
      <c r="C6230"/>
      <c r="D6230"/>
    </row>
    <row r="6231" spans="3:4" x14ac:dyDescent="0.25">
      <c r="C6231"/>
      <c r="D6231"/>
    </row>
    <row r="6232" spans="3:4" x14ac:dyDescent="0.25">
      <c r="C6232"/>
      <c r="D6232"/>
    </row>
    <row r="6233" spans="3:4" x14ac:dyDescent="0.25">
      <c r="C6233"/>
      <c r="D6233"/>
    </row>
    <row r="6234" spans="3:4" x14ac:dyDescent="0.25">
      <c r="C6234"/>
      <c r="D6234"/>
    </row>
    <row r="6235" spans="3:4" x14ac:dyDescent="0.25">
      <c r="C6235"/>
      <c r="D6235"/>
    </row>
    <row r="6236" spans="3:4" x14ac:dyDescent="0.25">
      <c r="C6236"/>
      <c r="D6236"/>
    </row>
    <row r="6237" spans="3:4" x14ac:dyDescent="0.25">
      <c r="C6237"/>
      <c r="D6237"/>
    </row>
    <row r="6238" spans="3:4" x14ac:dyDescent="0.25">
      <c r="C6238"/>
      <c r="D6238"/>
    </row>
    <row r="6239" spans="3:4" x14ac:dyDescent="0.25">
      <c r="C6239"/>
      <c r="D6239"/>
    </row>
    <row r="6240" spans="3:4" x14ac:dyDescent="0.25">
      <c r="C6240"/>
      <c r="D6240"/>
    </row>
    <row r="6241" spans="3:4" x14ac:dyDescent="0.25">
      <c r="C6241"/>
      <c r="D6241"/>
    </row>
    <row r="6242" spans="3:4" x14ac:dyDescent="0.25">
      <c r="C6242"/>
      <c r="D6242"/>
    </row>
    <row r="6243" spans="3:4" x14ac:dyDescent="0.25">
      <c r="C6243"/>
      <c r="D6243"/>
    </row>
    <row r="6244" spans="3:4" x14ac:dyDescent="0.25">
      <c r="C6244"/>
      <c r="D6244"/>
    </row>
    <row r="6245" spans="3:4" x14ac:dyDescent="0.25">
      <c r="C6245"/>
      <c r="D6245"/>
    </row>
    <row r="6246" spans="3:4" x14ac:dyDescent="0.25">
      <c r="C6246"/>
      <c r="D6246"/>
    </row>
    <row r="6247" spans="3:4" x14ac:dyDescent="0.25">
      <c r="C6247"/>
      <c r="D6247"/>
    </row>
    <row r="6248" spans="3:4" x14ac:dyDescent="0.25">
      <c r="C6248"/>
      <c r="D6248"/>
    </row>
    <row r="6249" spans="3:4" x14ac:dyDescent="0.25">
      <c r="C6249"/>
      <c r="D6249"/>
    </row>
    <row r="6250" spans="3:4" x14ac:dyDescent="0.25">
      <c r="C6250"/>
      <c r="D6250"/>
    </row>
    <row r="6251" spans="3:4" x14ac:dyDescent="0.25">
      <c r="C6251"/>
      <c r="D6251"/>
    </row>
    <row r="6252" spans="3:4" x14ac:dyDescent="0.25">
      <c r="C6252"/>
      <c r="D6252"/>
    </row>
    <row r="6253" spans="3:4" x14ac:dyDescent="0.25">
      <c r="C6253"/>
      <c r="D6253"/>
    </row>
    <row r="6254" spans="3:4" x14ac:dyDescent="0.25">
      <c r="C6254"/>
      <c r="D6254"/>
    </row>
    <row r="6255" spans="3:4" x14ac:dyDescent="0.25">
      <c r="C6255"/>
      <c r="D6255"/>
    </row>
    <row r="6256" spans="3:4" x14ac:dyDescent="0.25">
      <c r="C6256"/>
      <c r="D6256"/>
    </row>
    <row r="6257" spans="3:4" x14ac:dyDescent="0.25">
      <c r="C6257"/>
      <c r="D6257"/>
    </row>
    <row r="6258" spans="3:4" x14ac:dyDescent="0.25">
      <c r="C6258"/>
      <c r="D6258"/>
    </row>
    <row r="6259" spans="3:4" x14ac:dyDescent="0.25">
      <c r="C6259"/>
      <c r="D6259"/>
    </row>
    <row r="6260" spans="3:4" x14ac:dyDescent="0.25">
      <c r="C6260"/>
      <c r="D6260"/>
    </row>
    <row r="6261" spans="3:4" x14ac:dyDescent="0.25">
      <c r="C6261"/>
      <c r="D6261"/>
    </row>
    <row r="6262" spans="3:4" x14ac:dyDescent="0.25">
      <c r="C6262"/>
      <c r="D6262"/>
    </row>
    <row r="6263" spans="3:4" x14ac:dyDescent="0.25">
      <c r="C6263"/>
      <c r="D6263"/>
    </row>
    <row r="6264" spans="3:4" x14ac:dyDescent="0.25">
      <c r="C6264"/>
      <c r="D6264"/>
    </row>
    <row r="6265" spans="3:4" x14ac:dyDescent="0.25">
      <c r="C6265"/>
      <c r="D6265"/>
    </row>
    <row r="6266" spans="3:4" x14ac:dyDescent="0.25">
      <c r="C6266"/>
      <c r="D6266"/>
    </row>
    <row r="6267" spans="3:4" x14ac:dyDescent="0.25">
      <c r="C6267"/>
      <c r="D6267"/>
    </row>
    <row r="6268" spans="3:4" x14ac:dyDescent="0.25">
      <c r="C6268"/>
      <c r="D6268"/>
    </row>
    <row r="6269" spans="3:4" x14ac:dyDescent="0.25">
      <c r="C6269"/>
      <c r="D6269"/>
    </row>
    <row r="6270" spans="3:4" x14ac:dyDescent="0.25">
      <c r="C6270"/>
      <c r="D6270"/>
    </row>
    <row r="6271" spans="3:4" x14ac:dyDescent="0.25">
      <c r="C6271"/>
      <c r="D6271"/>
    </row>
    <row r="6272" spans="3:4" x14ac:dyDescent="0.25">
      <c r="C6272"/>
      <c r="D6272"/>
    </row>
    <row r="6273" spans="3:4" x14ac:dyDescent="0.25">
      <c r="C6273"/>
      <c r="D6273"/>
    </row>
    <row r="6274" spans="3:4" x14ac:dyDescent="0.25">
      <c r="C6274"/>
      <c r="D6274"/>
    </row>
    <row r="6275" spans="3:4" x14ac:dyDescent="0.25">
      <c r="C6275"/>
      <c r="D6275"/>
    </row>
    <row r="6276" spans="3:4" x14ac:dyDescent="0.25">
      <c r="C6276"/>
      <c r="D6276"/>
    </row>
    <row r="6277" spans="3:4" x14ac:dyDescent="0.25">
      <c r="C6277"/>
      <c r="D6277"/>
    </row>
    <row r="6278" spans="3:4" x14ac:dyDescent="0.25">
      <c r="C6278"/>
      <c r="D6278"/>
    </row>
    <row r="6279" spans="3:4" x14ac:dyDescent="0.25">
      <c r="C6279"/>
      <c r="D6279"/>
    </row>
    <row r="6280" spans="3:4" x14ac:dyDescent="0.25">
      <c r="C6280"/>
      <c r="D6280"/>
    </row>
    <row r="6281" spans="3:4" x14ac:dyDescent="0.25">
      <c r="C6281"/>
      <c r="D6281"/>
    </row>
    <row r="6282" spans="3:4" x14ac:dyDescent="0.25">
      <c r="C6282"/>
      <c r="D6282"/>
    </row>
    <row r="6283" spans="3:4" x14ac:dyDescent="0.25">
      <c r="C6283"/>
      <c r="D6283"/>
    </row>
    <row r="6284" spans="3:4" x14ac:dyDescent="0.25">
      <c r="C6284"/>
      <c r="D6284"/>
    </row>
    <row r="6285" spans="3:4" x14ac:dyDescent="0.25">
      <c r="C6285"/>
      <c r="D6285"/>
    </row>
    <row r="6286" spans="3:4" x14ac:dyDescent="0.25">
      <c r="C6286"/>
      <c r="D6286"/>
    </row>
    <row r="6287" spans="3:4" x14ac:dyDescent="0.25">
      <c r="C6287"/>
      <c r="D6287"/>
    </row>
    <row r="6288" spans="3:4" x14ac:dyDescent="0.25">
      <c r="C6288"/>
      <c r="D6288"/>
    </row>
    <row r="6289" spans="3:4" x14ac:dyDescent="0.25">
      <c r="C6289"/>
      <c r="D6289"/>
    </row>
    <row r="6290" spans="3:4" x14ac:dyDescent="0.25">
      <c r="C6290"/>
      <c r="D6290"/>
    </row>
    <row r="6291" spans="3:4" x14ac:dyDescent="0.25">
      <c r="C6291"/>
      <c r="D6291"/>
    </row>
    <row r="6292" spans="3:4" x14ac:dyDescent="0.25">
      <c r="C6292"/>
      <c r="D6292"/>
    </row>
    <row r="6293" spans="3:4" x14ac:dyDescent="0.25">
      <c r="C6293"/>
      <c r="D6293"/>
    </row>
    <row r="6294" spans="3:4" x14ac:dyDescent="0.25">
      <c r="C6294"/>
      <c r="D6294"/>
    </row>
    <row r="6295" spans="3:4" x14ac:dyDescent="0.25">
      <c r="C6295"/>
      <c r="D6295"/>
    </row>
    <row r="6296" spans="3:4" x14ac:dyDescent="0.25">
      <c r="C6296"/>
      <c r="D6296"/>
    </row>
    <row r="6297" spans="3:4" x14ac:dyDescent="0.25">
      <c r="C6297"/>
      <c r="D6297"/>
    </row>
    <row r="6298" spans="3:4" x14ac:dyDescent="0.25">
      <c r="C6298"/>
      <c r="D6298"/>
    </row>
    <row r="6299" spans="3:4" x14ac:dyDescent="0.25">
      <c r="C6299"/>
      <c r="D6299"/>
    </row>
    <row r="6300" spans="3:4" x14ac:dyDescent="0.25">
      <c r="C6300"/>
      <c r="D6300"/>
    </row>
    <row r="6301" spans="3:4" x14ac:dyDescent="0.25">
      <c r="C6301"/>
      <c r="D6301"/>
    </row>
    <row r="6302" spans="3:4" x14ac:dyDescent="0.25">
      <c r="C6302"/>
      <c r="D6302"/>
    </row>
    <row r="6303" spans="3:4" x14ac:dyDescent="0.25">
      <c r="C6303"/>
      <c r="D6303"/>
    </row>
    <row r="6304" spans="3:4" x14ac:dyDescent="0.25">
      <c r="C6304"/>
      <c r="D6304"/>
    </row>
    <row r="6305" spans="3:4" x14ac:dyDescent="0.25">
      <c r="C6305"/>
      <c r="D6305"/>
    </row>
    <row r="6306" spans="3:4" x14ac:dyDescent="0.25">
      <c r="C6306"/>
      <c r="D6306"/>
    </row>
    <row r="6307" spans="3:4" x14ac:dyDescent="0.25">
      <c r="C6307"/>
      <c r="D6307"/>
    </row>
    <row r="6308" spans="3:4" x14ac:dyDescent="0.25">
      <c r="C6308"/>
      <c r="D6308"/>
    </row>
    <row r="6309" spans="3:4" x14ac:dyDescent="0.25">
      <c r="C6309"/>
      <c r="D6309"/>
    </row>
    <row r="6310" spans="3:4" x14ac:dyDescent="0.25">
      <c r="C6310"/>
      <c r="D6310"/>
    </row>
    <row r="6311" spans="3:4" x14ac:dyDescent="0.25">
      <c r="C6311"/>
      <c r="D6311"/>
    </row>
    <row r="6312" spans="3:4" x14ac:dyDescent="0.25">
      <c r="C6312"/>
      <c r="D6312"/>
    </row>
    <row r="6313" spans="3:4" x14ac:dyDescent="0.25">
      <c r="C6313"/>
      <c r="D6313"/>
    </row>
    <row r="6314" spans="3:4" x14ac:dyDescent="0.25">
      <c r="C6314"/>
      <c r="D6314"/>
    </row>
    <row r="6315" spans="3:4" x14ac:dyDescent="0.25">
      <c r="C6315"/>
      <c r="D6315"/>
    </row>
    <row r="6316" spans="3:4" x14ac:dyDescent="0.25">
      <c r="C6316"/>
      <c r="D6316"/>
    </row>
    <row r="6317" spans="3:4" x14ac:dyDescent="0.25">
      <c r="C6317"/>
      <c r="D6317"/>
    </row>
    <row r="6318" spans="3:4" x14ac:dyDescent="0.25">
      <c r="C6318"/>
      <c r="D6318"/>
    </row>
    <row r="6319" spans="3:4" x14ac:dyDescent="0.25">
      <c r="C6319"/>
      <c r="D6319"/>
    </row>
    <row r="6320" spans="3:4" x14ac:dyDescent="0.25">
      <c r="C6320"/>
      <c r="D6320"/>
    </row>
    <row r="6321" spans="3:4" x14ac:dyDescent="0.25">
      <c r="C6321"/>
      <c r="D6321"/>
    </row>
    <row r="6322" spans="3:4" x14ac:dyDescent="0.25">
      <c r="C6322"/>
      <c r="D6322"/>
    </row>
    <row r="6323" spans="3:4" x14ac:dyDescent="0.25">
      <c r="C6323"/>
      <c r="D6323"/>
    </row>
    <row r="6324" spans="3:4" x14ac:dyDescent="0.25">
      <c r="C6324"/>
      <c r="D6324"/>
    </row>
    <row r="6325" spans="3:4" x14ac:dyDescent="0.25">
      <c r="C6325"/>
      <c r="D6325"/>
    </row>
    <row r="6326" spans="3:4" x14ac:dyDescent="0.25">
      <c r="C6326"/>
      <c r="D6326"/>
    </row>
    <row r="6327" spans="3:4" x14ac:dyDescent="0.25">
      <c r="C6327"/>
      <c r="D6327"/>
    </row>
    <row r="6328" spans="3:4" x14ac:dyDescent="0.25">
      <c r="C6328"/>
      <c r="D6328"/>
    </row>
    <row r="6329" spans="3:4" x14ac:dyDescent="0.25">
      <c r="C6329"/>
      <c r="D6329"/>
    </row>
    <row r="6330" spans="3:4" x14ac:dyDescent="0.25">
      <c r="C6330"/>
      <c r="D6330"/>
    </row>
    <row r="6331" spans="3:4" x14ac:dyDescent="0.25">
      <c r="C6331"/>
      <c r="D6331"/>
    </row>
    <row r="6332" spans="3:4" x14ac:dyDescent="0.25">
      <c r="C6332"/>
      <c r="D6332"/>
    </row>
    <row r="6333" spans="3:4" x14ac:dyDescent="0.25">
      <c r="C6333"/>
      <c r="D6333"/>
    </row>
    <row r="6334" spans="3:4" x14ac:dyDescent="0.25">
      <c r="C6334"/>
      <c r="D6334"/>
    </row>
    <row r="6335" spans="3:4" x14ac:dyDescent="0.25">
      <c r="C6335"/>
      <c r="D6335"/>
    </row>
    <row r="6336" spans="3:4" x14ac:dyDescent="0.25">
      <c r="C6336"/>
      <c r="D6336"/>
    </row>
    <row r="6337" spans="3:4" x14ac:dyDescent="0.25">
      <c r="C6337"/>
      <c r="D6337"/>
    </row>
    <row r="6338" spans="3:4" x14ac:dyDescent="0.25">
      <c r="C6338"/>
      <c r="D6338"/>
    </row>
    <row r="6339" spans="3:4" x14ac:dyDescent="0.25">
      <c r="C6339"/>
      <c r="D6339"/>
    </row>
    <row r="6340" spans="3:4" x14ac:dyDescent="0.25">
      <c r="C6340"/>
      <c r="D6340"/>
    </row>
    <row r="6341" spans="3:4" x14ac:dyDescent="0.25">
      <c r="C6341"/>
      <c r="D6341"/>
    </row>
    <row r="6342" spans="3:4" x14ac:dyDescent="0.25">
      <c r="C6342"/>
      <c r="D6342"/>
    </row>
    <row r="6343" spans="3:4" x14ac:dyDescent="0.25">
      <c r="C6343"/>
      <c r="D6343"/>
    </row>
    <row r="6344" spans="3:4" x14ac:dyDescent="0.25">
      <c r="C6344"/>
      <c r="D6344"/>
    </row>
    <row r="6345" spans="3:4" x14ac:dyDescent="0.25">
      <c r="C6345"/>
      <c r="D6345"/>
    </row>
    <row r="6346" spans="3:4" x14ac:dyDescent="0.25">
      <c r="C6346"/>
      <c r="D6346"/>
    </row>
    <row r="6347" spans="3:4" x14ac:dyDescent="0.25">
      <c r="C6347"/>
      <c r="D6347"/>
    </row>
    <row r="6348" spans="3:4" x14ac:dyDescent="0.25">
      <c r="C6348"/>
      <c r="D6348"/>
    </row>
    <row r="6349" spans="3:4" x14ac:dyDescent="0.25">
      <c r="C6349"/>
      <c r="D6349"/>
    </row>
    <row r="6350" spans="3:4" x14ac:dyDescent="0.25">
      <c r="C6350"/>
      <c r="D6350"/>
    </row>
    <row r="6351" spans="3:4" x14ac:dyDescent="0.25">
      <c r="C6351"/>
      <c r="D6351"/>
    </row>
    <row r="6352" spans="3:4" x14ac:dyDescent="0.25">
      <c r="C6352"/>
      <c r="D6352"/>
    </row>
    <row r="6353" spans="3:4" x14ac:dyDescent="0.25">
      <c r="C6353"/>
      <c r="D6353"/>
    </row>
    <row r="6354" spans="3:4" x14ac:dyDescent="0.25">
      <c r="C6354"/>
      <c r="D6354"/>
    </row>
    <row r="6355" spans="3:4" x14ac:dyDescent="0.25">
      <c r="C6355"/>
      <c r="D6355"/>
    </row>
    <row r="6356" spans="3:4" x14ac:dyDescent="0.25">
      <c r="C6356"/>
      <c r="D6356"/>
    </row>
    <row r="6357" spans="3:4" x14ac:dyDescent="0.25">
      <c r="C6357"/>
      <c r="D6357"/>
    </row>
    <row r="6358" spans="3:4" x14ac:dyDescent="0.25">
      <c r="C6358"/>
      <c r="D6358"/>
    </row>
    <row r="6359" spans="3:4" x14ac:dyDescent="0.25">
      <c r="C6359"/>
      <c r="D6359"/>
    </row>
    <row r="6360" spans="3:4" x14ac:dyDescent="0.25">
      <c r="C6360"/>
      <c r="D6360"/>
    </row>
    <row r="6361" spans="3:4" x14ac:dyDescent="0.25">
      <c r="C6361"/>
      <c r="D6361"/>
    </row>
    <row r="6362" spans="3:4" x14ac:dyDescent="0.25">
      <c r="C6362"/>
      <c r="D6362"/>
    </row>
    <row r="6363" spans="3:4" x14ac:dyDescent="0.25">
      <c r="C6363"/>
      <c r="D6363"/>
    </row>
    <row r="6364" spans="3:4" x14ac:dyDescent="0.25">
      <c r="C6364"/>
      <c r="D6364"/>
    </row>
    <row r="6365" spans="3:4" x14ac:dyDescent="0.25">
      <c r="C6365"/>
      <c r="D6365"/>
    </row>
    <row r="6366" spans="3:4" x14ac:dyDescent="0.25">
      <c r="C6366"/>
      <c r="D6366"/>
    </row>
    <row r="6367" spans="3:4" x14ac:dyDescent="0.25">
      <c r="C6367"/>
      <c r="D6367"/>
    </row>
    <row r="6368" spans="3:4" x14ac:dyDescent="0.25">
      <c r="C6368"/>
      <c r="D6368"/>
    </row>
    <row r="6369" spans="3:4" x14ac:dyDescent="0.25">
      <c r="C6369"/>
      <c r="D6369"/>
    </row>
    <row r="6370" spans="3:4" x14ac:dyDescent="0.25">
      <c r="C6370"/>
      <c r="D6370"/>
    </row>
    <row r="6371" spans="3:4" x14ac:dyDescent="0.25">
      <c r="C6371"/>
      <c r="D6371"/>
    </row>
    <row r="6372" spans="3:4" x14ac:dyDescent="0.25">
      <c r="C6372"/>
      <c r="D6372"/>
    </row>
    <row r="6373" spans="3:4" x14ac:dyDescent="0.25">
      <c r="C6373"/>
      <c r="D6373"/>
    </row>
    <row r="6374" spans="3:4" x14ac:dyDescent="0.25">
      <c r="C6374"/>
      <c r="D6374"/>
    </row>
    <row r="6375" spans="3:4" x14ac:dyDescent="0.25">
      <c r="C6375"/>
      <c r="D6375"/>
    </row>
    <row r="6376" spans="3:4" x14ac:dyDescent="0.25">
      <c r="C6376"/>
      <c r="D6376"/>
    </row>
    <row r="6377" spans="3:4" x14ac:dyDescent="0.25">
      <c r="C6377"/>
      <c r="D6377"/>
    </row>
    <row r="6378" spans="3:4" x14ac:dyDescent="0.25">
      <c r="C6378"/>
      <c r="D6378"/>
    </row>
    <row r="6379" spans="3:4" x14ac:dyDescent="0.25">
      <c r="C6379"/>
      <c r="D6379"/>
    </row>
    <row r="6380" spans="3:4" x14ac:dyDescent="0.25">
      <c r="C6380"/>
      <c r="D6380"/>
    </row>
    <row r="6381" spans="3:4" x14ac:dyDescent="0.25">
      <c r="C6381"/>
      <c r="D6381"/>
    </row>
    <row r="6382" spans="3:4" x14ac:dyDescent="0.25">
      <c r="C6382"/>
      <c r="D6382"/>
    </row>
    <row r="6383" spans="3:4" x14ac:dyDescent="0.25">
      <c r="C6383"/>
      <c r="D6383"/>
    </row>
    <row r="6384" spans="3:4" x14ac:dyDescent="0.25">
      <c r="C6384"/>
      <c r="D6384"/>
    </row>
    <row r="6385" spans="3:4" x14ac:dyDescent="0.25">
      <c r="C6385"/>
      <c r="D6385"/>
    </row>
    <row r="6386" spans="3:4" x14ac:dyDescent="0.25">
      <c r="C6386"/>
      <c r="D6386"/>
    </row>
    <row r="6387" spans="3:4" x14ac:dyDescent="0.25">
      <c r="C6387"/>
      <c r="D6387"/>
    </row>
    <row r="6388" spans="3:4" x14ac:dyDescent="0.25">
      <c r="C6388"/>
      <c r="D6388"/>
    </row>
    <row r="6389" spans="3:4" x14ac:dyDescent="0.25">
      <c r="C6389"/>
      <c r="D6389"/>
    </row>
    <row r="6390" spans="3:4" x14ac:dyDescent="0.25">
      <c r="C6390"/>
      <c r="D6390"/>
    </row>
    <row r="6391" spans="3:4" x14ac:dyDescent="0.25">
      <c r="C6391"/>
      <c r="D6391"/>
    </row>
    <row r="6392" spans="3:4" x14ac:dyDescent="0.25">
      <c r="C6392"/>
      <c r="D6392"/>
    </row>
    <row r="6393" spans="3:4" x14ac:dyDescent="0.25">
      <c r="C6393"/>
      <c r="D6393"/>
    </row>
    <row r="6394" spans="3:4" x14ac:dyDescent="0.25">
      <c r="C6394"/>
      <c r="D6394"/>
    </row>
    <row r="6395" spans="3:4" x14ac:dyDescent="0.25">
      <c r="C6395"/>
      <c r="D6395"/>
    </row>
    <row r="6396" spans="3:4" x14ac:dyDescent="0.25">
      <c r="C6396"/>
      <c r="D6396"/>
    </row>
    <row r="6397" spans="3:4" x14ac:dyDescent="0.25">
      <c r="C6397"/>
      <c r="D6397"/>
    </row>
    <row r="6398" spans="3:4" x14ac:dyDescent="0.25">
      <c r="C6398"/>
      <c r="D6398"/>
    </row>
    <row r="6399" spans="3:4" x14ac:dyDescent="0.25">
      <c r="C6399"/>
      <c r="D6399"/>
    </row>
    <row r="6400" spans="3:4" x14ac:dyDescent="0.25">
      <c r="C6400"/>
      <c r="D6400"/>
    </row>
    <row r="6401" spans="3:4" x14ac:dyDescent="0.25">
      <c r="C6401"/>
      <c r="D6401"/>
    </row>
    <row r="6402" spans="3:4" x14ac:dyDescent="0.25">
      <c r="C6402"/>
      <c r="D6402"/>
    </row>
    <row r="6403" spans="3:4" x14ac:dyDescent="0.25">
      <c r="C6403"/>
      <c r="D6403"/>
    </row>
    <row r="6404" spans="3:4" x14ac:dyDescent="0.25">
      <c r="C6404"/>
      <c r="D6404"/>
    </row>
    <row r="6405" spans="3:4" x14ac:dyDescent="0.25">
      <c r="C6405"/>
      <c r="D6405"/>
    </row>
    <row r="6406" spans="3:4" x14ac:dyDescent="0.25">
      <c r="C6406"/>
      <c r="D6406"/>
    </row>
    <row r="6407" spans="3:4" x14ac:dyDescent="0.25">
      <c r="C6407"/>
      <c r="D6407"/>
    </row>
    <row r="6408" spans="3:4" x14ac:dyDescent="0.25">
      <c r="C6408"/>
      <c r="D6408"/>
    </row>
    <row r="6409" spans="3:4" x14ac:dyDescent="0.25">
      <c r="C6409"/>
      <c r="D6409"/>
    </row>
    <row r="6410" spans="3:4" x14ac:dyDescent="0.25">
      <c r="C6410"/>
      <c r="D6410"/>
    </row>
    <row r="6411" spans="3:4" x14ac:dyDescent="0.25">
      <c r="C6411"/>
      <c r="D6411"/>
    </row>
    <row r="6412" spans="3:4" x14ac:dyDescent="0.25">
      <c r="C6412"/>
      <c r="D6412"/>
    </row>
    <row r="6413" spans="3:4" x14ac:dyDescent="0.25">
      <c r="C6413"/>
      <c r="D6413"/>
    </row>
    <row r="6414" spans="3:4" x14ac:dyDescent="0.25">
      <c r="C6414"/>
      <c r="D6414"/>
    </row>
    <row r="6415" spans="3:4" x14ac:dyDescent="0.25">
      <c r="C6415"/>
      <c r="D6415"/>
    </row>
    <row r="6416" spans="3:4" x14ac:dyDescent="0.25">
      <c r="C6416"/>
      <c r="D6416"/>
    </row>
    <row r="6417" spans="3:4" x14ac:dyDescent="0.25">
      <c r="C6417"/>
      <c r="D6417"/>
    </row>
    <row r="6418" spans="3:4" x14ac:dyDescent="0.25">
      <c r="C6418"/>
      <c r="D6418"/>
    </row>
    <row r="6419" spans="3:4" x14ac:dyDescent="0.25">
      <c r="C6419"/>
      <c r="D6419"/>
    </row>
    <row r="6420" spans="3:4" x14ac:dyDescent="0.25">
      <c r="C6420"/>
      <c r="D6420"/>
    </row>
    <row r="6421" spans="3:4" x14ac:dyDescent="0.25">
      <c r="C6421"/>
      <c r="D6421"/>
    </row>
    <row r="6422" spans="3:4" x14ac:dyDescent="0.25">
      <c r="C6422"/>
      <c r="D6422"/>
    </row>
    <row r="6423" spans="3:4" x14ac:dyDescent="0.25">
      <c r="C6423"/>
      <c r="D6423"/>
    </row>
    <row r="6424" spans="3:4" x14ac:dyDescent="0.25">
      <c r="C6424"/>
      <c r="D6424"/>
    </row>
    <row r="6425" spans="3:4" x14ac:dyDescent="0.25">
      <c r="C6425"/>
      <c r="D6425"/>
    </row>
    <row r="6426" spans="3:4" x14ac:dyDescent="0.25">
      <c r="C6426"/>
      <c r="D6426"/>
    </row>
    <row r="6427" spans="3:4" x14ac:dyDescent="0.25">
      <c r="C6427"/>
      <c r="D6427"/>
    </row>
    <row r="6428" spans="3:4" x14ac:dyDescent="0.25">
      <c r="C6428"/>
      <c r="D6428"/>
    </row>
    <row r="6429" spans="3:4" x14ac:dyDescent="0.25">
      <c r="C6429"/>
      <c r="D6429"/>
    </row>
    <row r="6430" spans="3:4" x14ac:dyDescent="0.25">
      <c r="C6430"/>
      <c r="D6430"/>
    </row>
    <row r="6431" spans="3:4" x14ac:dyDescent="0.25">
      <c r="C6431"/>
      <c r="D6431"/>
    </row>
    <row r="6432" spans="3:4" x14ac:dyDescent="0.25">
      <c r="C6432"/>
      <c r="D6432"/>
    </row>
    <row r="6433" spans="3:4" x14ac:dyDescent="0.25">
      <c r="C6433"/>
      <c r="D6433"/>
    </row>
    <row r="6434" spans="3:4" x14ac:dyDescent="0.25">
      <c r="C6434"/>
      <c r="D6434"/>
    </row>
    <row r="6435" spans="3:4" x14ac:dyDescent="0.25">
      <c r="C6435"/>
      <c r="D6435"/>
    </row>
    <row r="6436" spans="3:4" x14ac:dyDescent="0.25">
      <c r="C6436"/>
      <c r="D6436"/>
    </row>
    <row r="6437" spans="3:4" x14ac:dyDescent="0.25">
      <c r="C6437"/>
      <c r="D6437"/>
    </row>
    <row r="6438" spans="3:4" x14ac:dyDescent="0.25">
      <c r="C6438"/>
      <c r="D6438"/>
    </row>
    <row r="6439" spans="3:4" x14ac:dyDescent="0.25">
      <c r="C6439"/>
      <c r="D6439"/>
    </row>
    <row r="6440" spans="3:4" x14ac:dyDescent="0.25">
      <c r="C6440"/>
      <c r="D6440"/>
    </row>
    <row r="6441" spans="3:4" x14ac:dyDescent="0.25">
      <c r="C6441"/>
      <c r="D6441"/>
    </row>
    <row r="6442" spans="3:4" x14ac:dyDescent="0.25">
      <c r="C6442"/>
      <c r="D6442"/>
    </row>
    <row r="6443" spans="3:4" x14ac:dyDescent="0.25">
      <c r="C6443"/>
      <c r="D6443"/>
    </row>
    <row r="6444" spans="3:4" x14ac:dyDescent="0.25">
      <c r="C6444"/>
      <c r="D6444"/>
    </row>
    <row r="6445" spans="3:4" x14ac:dyDescent="0.25">
      <c r="C6445"/>
      <c r="D6445"/>
    </row>
    <row r="6446" spans="3:4" x14ac:dyDescent="0.25">
      <c r="C6446"/>
      <c r="D6446"/>
    </row>
    <row r="6447" spans="3:4" x14ac:dyDescent="0.25">
      <c r="C6447"/>
      <c r="D6447"/>
    </row>
    <row r="6448" spans="3:4" x14ac:dyDescent="0.25">
      <c r="C6448"/>
      <c r="D6448"/>
    </row>
    <row r="6449" spans="3:4" x14ac:dyDescent="0.25">
      <c r="C6449"/>
      <c r="D6449"/>
    </row>
    <row r="6450" spans="3:4" x14ac:dyDescent="0.25">
      <c r="C6450"/>
      <c r="D6450"/>
    </row>
    <row r="6451" spans="3:4" x14ac:dyDescent="0.25">
      <c r="C6451"/>
      <c r="D6451"/>
    </row>
    <row r="6452" spans="3:4" x14ac:dyDescent="0.25">
      <c r="C6452"/>
      <c r="D6452"/>
    </row>
    <row r="6453" spans="3:4" x14ac:dyDescent="0.25">
      <c r="C6453"/>
      <c r="D6453"/>
    </row>
    <row r="6454" spans="3:4" x14ac:dyDescent="0.25">
      <c r="C6454"/>
      <c r="D6454"/>
    </row>
    <row r="6455" spans="3:4" x14ac:dyDescent="0.25">
      <c r="C6455"/>
      <c r="D6455"/>
    </row>
    <row r="6456" spans="3:4" x14ac:dyDescent="0.25">
      <c r="C6456"/>
      <c r="D6456"/>
    </row>
    <row r="6457" spans="3:4" x14ac:dyDescent="0.25">
      <c r="C6457"/>
      <c r="D6457"/>
    </row>
    <row r="6458" spans="3:4" x14ac:dyDescent="0.25">
      <c r="C6458"/>
      <c r="D6458"/>
    </row>
    <row r="6459" spans="3:4" x14ac:dyDescent="0.25">
      <c r="C6459"/>
      <c r="D6459"/>
    </row>
    <row r="6460" spans="3:4" x14ac:dyDescent="0.25">
      <c r="C6460"/>
      <c r="D6460"/>
    </row>
    <row r="6461" spans="3:4" x14ac:dyDescent="0.25">
      <c r="C6461"/>
      <c r="D6461"/>
    </row>
    <row r="6462" spans="3:4" x14ac:dyDescent="0.25">
      <c r="C6462"/>
      <c r="D6462"/>
    </row>
    <row r="6463" spans="3:4" x14ac:dyDescent="0.25">
      <c r="C6463"/>
      <c r="D6463"/>
    </row>
    <row r="6464" spans="3:4" x14ac:dyDescent="0.25">
      <c r="C6464"/>
      <c r="D6464"/>
    </row>
    <row r="6465" spans="3:4" x14ac:dyDescent="0.25">
      <c r="C6465"/>
      <c r="D6465"/>
    </row>
    <row r="6466" spans="3:4" x14ac:dyDescent="0.25">
      <c r="C6466"/>
      <c r="D6466"/>
    </row>
    <row r="6467" spans="3:4" x14ac:dyDescent="0.25">
      <c r="C6467"/>
      <c r="D6467"/>
    </row>
    <row r="6468" spans="3:4" x14ac:dyDescent="0.25">
      <c r="C6468"/>
      <c r="D6468"/>
    </row>
    <row r="6469" spans="3:4" x14ac:dyDescent="0.25">
      <c r="C6469"/>
      <c r="D6469"/>
    </row>
    <row r="6470" spans="3:4" x14ac:dyDescent="0.25">
      <c r="C6470"/>
      <c r="D6470"/>
    </row>
    <row r="6471" spans="3:4" x14ac:dyDescent="0.25">
      <c r="C6471"/>
      <c r="D6471"/>
    </row>
    <row r="6472" spans="3:4" x14ac:dyDescent="0.25">
      <c r="C6472"/>
      <c r="D6472"/>
    </row>
    <row r="6473" spans="3:4" x14ac:dyDescent="0.25">
      <c r="C6473"/>
      <c r="D6473"/>
    </row>
    <row r="6474" spans="3:4" x14ac:dyDescent="0.25">
      <c r="C6474"/>
      <c r="D6474"/>
    </row>
    <row r="6475" spans="3:4" x14ac:dyDescent="0.25">
      <c r="C6475"/>
      <c r="D6475"/>
    </row>
    <row r="6476" spans="3:4" x14ac:dyDescent="0.25">
      <c r="C6476"/>
      <c r="D6476"/>
    </row>
    <row r="6477" spans="3:4" x14ac:dyDescent="0.25">
      <c r="C6477"/>
      <c r="D6477"/>
    </row>
    <row r="6478" spans="3:4" x14ac:dyDescent="0.25">
      <c r="C6478"/>
      <c r="D6478"/>
    </row>
    <row r="6479" spans="3:4" x14ac:dyDescent="0.25">
      <c r="C6479"/>
      <c r="D6479"/>
    </row>
    <row r="6480" spans="3:4" x14ac:dyDescent="0.25">
      <c r="C6480"/>
      <c r="D6480"/>
    </row>
    <row r="6481" spans="3:4" x14ac:dyDescent="0.25">
      <c r="C6481"/>
      <c r="D6481"/>
    </row>
    <row r="6482" spans="3:4" x14ac:dyDescent="0.25">
      <c r="C6482"/>
      <c r="D6482"/>
    </row>
    <row r="6483" spans="3:4" x14ac:dyDescent="0.25">
      <c r="C6483"/>
      <c r="D6483"/>
    </row>
    <row r="6484" spans="3:4" x14ac:dyDescent="0.25">
      <c r="C6484"/>
      <c r="D6484"/>
    </row>
    <row r="6485" spans="3:4" x14ac:dyDescent="0.25">
      <c r="C6485"/>
      <c r="D6485"/>
    </row>
    <row r="6486" spans="3:4" x14ac:dyDescent="0.25">
      <c r="C6486"/>
      <c r="D6486"/>
    </row>
    <row r="6487" spans="3:4" x14ac:dyDescent="0.25">
      <c r="C6487"/>
      <c r="D6487"/>
    </row>
    <row r="6488" spans="3:4" x14ac:dyDescent="0.25">
      <c r="C6488"/>
      <c r="D6488"/>
    </row>
    <row r="6489" spans="3:4" x14ac:dyDescent="0.25">
      <c r="C6489"/>
      <c r="D6489"/>
    </row>
    <row r="6490" spans="3:4" x14ac:dyDescent="0.25">
      <c r="C6490"/>
      <c r="D6490"/>
    </row>
    <row r="6491" spans="3:4" x14ac:dyDescent="0.25">
      <c r="C6491"/>
      <c r="D6491"/>
    </row>
    <row r="6492" spans="3:4" x14ac:dyDescent="0.25">
      <c r="C6492"/>
      <c r="D6492"/>
    </row>
    <row r="6493" spans="3:4" x14ac:dyDescent="0.25">
      <c r="C6493"/>
      <c r="D6493"/>
    </row>
    <row r="6494" spans="3:4" x14ac:dyDescent="0.25">
      <c r="C6494"/>
      <c r="D6494"/>
    </row>
    <row r="6495" spans="3:4" x14ac:dyDescent="0.25">
      <c r="C6495"/>
      <c r="D6495"/>
    </row>
    <row r="6496" spans="3:4" x14ac:dyDescent="0.25">
      <c r="C6496"/>
      <c r="D6496"/>
    </row>
    <row r="6497" spans="3:4" x14ac:dyDescent="0.25">
      <c r="C6497"/>
      <c r="D6497"/>
    </row>
    <row r="6498" spans="3:4" x14ac:dyDescent="0.25">
      <c r="C6498"/>
      <c r="D6498"/>
    </row>
    <row r="6499" spans="3:4" x14ac:dyDescent="0.25">
      <c r="C6499"/>
      <c r="D6499"/>
    </row>
    <row r="6500" spans="3:4" x14ac:dyDescent="0.25">
      <c r="C6500"/>
      <c r="D6500"/>
    </row>
    <row r="6501" spans="3:4" x14ac:dyDescent="0.25">
      <c r="C6501"/>
      <c r="D6501"/>
    </row>
    <row r="6502" spans="3:4" x14ac:dyDescent="0.25">
      <c r="C6502"/>
      <c r="D6502"/>
    </row>
    <row r="6503" spans="3:4" x14ac:dyDescent="0.25">
      <c r="C6503"/>
      <c r="D6503"/>
    </row>
    <row r="6504" spans="3:4" x14ac:dyDescent="0.25">
      <c r="C6504"/>
      <c r="D6504"/>
    </row>
    <row r="6505" spans="3:4" x14ac:dyDescent="0.25">
      <c r="C6505"/>
      <c r="D6505"/>
    </row>
    <row r="6506" spans="3:4" x14ac:dyDescent="0.25">
      <c r="C6506"/>
      <c r="D6506"/>
    </row>
    <row r="6507" spans="3:4" x14ac:dyDescent="0.25">
      <c r="C6507"/>
      <c r="D6507"/>
    </row>
    <row r="6508" spans="3:4" x14ac:dyDescent="0.25">
      <c r="C6508"/>
      <c r="D6508"/>
    </row>
    <row r="6509" spans="3:4" x14ac:dyDescent="0.25">
      <c r="C6509"/>
      <c r="D6509"/>
    </row>
    <row r="6510" spans="3:4" x14ac:dyDescent="0.25">
      <c r="C6510"/>
      <c r="D6510"/>
    </row>
    <row r="6511" spans="3:4" x14ac:dyDescent="0.25">
      <c r="C6511"/>
      <c r="D6511"/>
    </row>
    <row r="6512" spans="3:4" x14ac:dyDescent="0.25">
      <c r="C6512"/>
      <c r="D6512"/>
    </row>
    <row r="6513" spans="3:4" x14ac:dyDescent="0.25">
      <c r="C6513"/>
      <c r="D6513"/>
    </row>
    <row r="6514" spans="3:4" x14ac:dyDescent="0.25">
      <c r="C6514"/>
      <c r="D6514"/>
    </row>
    <row r="6515" spans="3:4" x14ac:dyDescent="0.25">
      <c r="C6515"/>
      <c r="D6515"/>
    </row>
    <row r="6516" spans="3:4" x14ac:dyDescent="0.25">
      <c r="C6516"/>
      <c r="D6516"/>
    </row>
    <row r="6517" spans="3:4" x14ac:dyDescent="0.25">
      <c r="C6517"/>
      <c r="D6517"/>
    </row>
    <row r="6518" spans="3:4" x14ac:dyDescent="0.25">
      <c r="C6518"/>
      <c r="D6518"/>
    </row>
    <row r="6519" spans="3:4" x14ac:dyDescent="0.25">
      <c r="C6519"/>
      <c r="D6519"/>
    </row>
    <row r="6520" spans="3:4" x14ac:dyDescent="0.25">
      <c r="C6520"/>
      <c r="D6520"/>
    </row>
    <row r="6521" spans="3:4" x14ac:dyDescent="0.25">
      <c r="C6521"/>
      <c r="D6521"/>
    </row>
    <row r="6522" spans="3:4" x14ac:dyDescent="0.25">
      <c r="C6522"/>
      <c r="D6522"/>
    </row>
    <row r="6523" spans="3:4" x14ac:dyDescent="0.25">
      <c r="C6523"/>
      <c r="D6523"/>
    </row>
    <row r="6524" spans="3:4" x14ac:dyDescent="0.25">
      <c r="C6524"/>
      <c r="D6524"/>
    </row>
    <row r="6525" spans="3:4" x14ac:dyDescent="0.25">
      <c r="C6525"/>
      <c r="D6525"/>
    </row>
    <row r="6526" spans="3:4" x14ac:dyDescent="0.25">
      <c r="C6526"/>
      <c r="D6526"/>
    </row>
    <row r="6527" spans="3:4" x14ac:dyDescent="0.25">
      <c r="C6527"/>
      <c r="D6527"/>
    </row>
    <row r="6528" spans="3:4" x14ac:dyDescent="0.25">
      <c r="C6528"/>
      <c r="D6528"/>
    </row>
    <row r="6529" spans="3:4" x14ac:dyDescent="0.25">
      <c r="C6529"/>
      <c r="D6529"/>
    </row>
    <row r="6530" spans="3:4" x14ac:dyDescent="0.25">
      <c r="C6530"/>
      <c r="D6530"/>
    </row>
    <row r="6531" spans="3:4" x14ac:dyDescent="0.25">
      <c r="C6531"/>
      <c r="D6531"/>
    </row>
    <row r="6532" spans="3:4" x14ac:dyDescent="0.25">
      <c r="C6532"/>
      <c r="D6532"/>
    </row>
    <row r="6533" spans="3:4" x14ac:dyDescent="0.25">
      <c r="C6533"/>
      <c r="D6533"/>
    </row>
    <row r="6534" spans="3:4" x14ac:dyDescent="0.25">
      <c r="C6534"/>
      <c r="D6534"/>
    </row>
    <row r="6535" spans="3:4" x14ac:dyDescent="0.25">
      <c r="C6535"/>
      <c r="D6535"/>
    </row>
    <row r="6536" spans="3:4" x14ac:dyDescent="0.25">
      <c r="C6536"/>
      <c r="D6536"/>
    </row>
    <row r="6537" spans="3:4" x14ac:dyDescent="0.25">
      <c r="C6537"/>
      <c r="D6537"/>
    </row>
    <row r="6538" spans="3:4" x14ac:dyDescent="0.25">
      <c r="C6538"/>
      <c r="D6538"/>
    </row>
    <row r="6539" spans="3:4" x14ac:dyDescent="0.25">
      <c r="C6539"/>
      <c r="D6539"/>
    </row>
    <row r="6540" spans="3:4" x14ac:dyDescent="0.25">
      <c r="C6540"/>
      <c r="D6540"/>
    </row>
    <row r="6541" spans="3:4" x14ac:dyDescent="0.25">
      <c r="C6541"/>
      <c r="D6541"/>
    </row>
    <row r="6542" spans="3:4" x14ac:dyDescent="0.25">
      <c r="C6542"/>
      <c r="D6542"/>
    </row>
    <row r="6543" spans="3:4" x14ac:dyDescent="0.25">
      <c r="C6543"/>
      <c r="D6543"/>
    </row>
    <row r="6544" spans="3:4" x14ac:dyDescent="0.25">
      <c r="C6544"/>
      <c r="D6544"/>
    </row>
    <row r="6545" spans="3:4" x14ac:dyDescent="0.25">
      <c r="C6545"/>
      <c r="D6545"/>
    </row>
    <row r="6546" spans="3:4" x14ac:dyDescent="0.25">
      <c r="C6546"/>
      <c r="D6546"/>
    </row>
    <row r="6547" spans="3:4" x14ac:dyDescent="0.25">
      <c r="C6547"/>
      <c r="D6547"/>
    </row>
    <row r="6548" spans="3:4" x14ac:dyDescent="0.25">
      <c r="C6548"/>
      <c r="D6548"/>
    </row>
    <row r="6549" spans="3:4" x14ac:dyDescent="0.25">
      <c r="C6549"/>
      <c r="D6549"/>
    </row>
    <row r="6550" spans="3:4" x14ac:dyDescent="0.25">
      <c r="C6550"/>
      <c r="D6550"/>
    </row>
    <row r="6551" spans="3:4" x14ac:dyDescent="0.25">
      <c r="C6551"/>
      <c r="D6551"/>
    </row>
    <row r="6552" spans="3:4" x14ac:dyDescent="0.25">
      <c r="C6552"/>
      <c r="D6552"/>
    </row>
    <row r="6553" spans="3:4" x14ac:dyDescent="0.25">
      <c r="C6553"/>
      <c r="D6553"/>
    </row>
    <row r="6554" spans="3:4" x14ac:dyDescent="0.25">
      <c r="C6554"/>
      <c r="D6554"/>
    </row>
    <row r="6555" spans="3:4" x14ac:dyDescent="0.25">
      <c r="C6555"/>
      <c r="D6555"/>
    </row>
    <row r="6556" spans="3:4" x14ac:dyDescent="0.25">
      <c r="C6556"/>
      <c r="D6556"/>
    </row>
    <row r="6557" spans="3:4" x14ac:dyDescent="0.25">
      <c r="C6557"/>
      <c r="D6557"/>
    </row>
    <row r="6558" spans="3:4" x14ac:dyDescent="0.25">
      <c r="C6558"/>
      <c r="D6558"/>
    </row>
    <row r="6559" spans="3:4" x14ac:dyDescent="0.25">
      <c r="C6559"/>
      <c r="D6559"/>
    </row>
    <row r="6560" spans="3:4" x14ac:dyDescent="0.25">
      <c r="C6560"/>
      <c r="D6560"/>
    </row>
    <row r="6561" spans="3:4" x14ac:dyDescent="0.25">
      <c r="C6561"/>
      <c r="D6561"/>
    </row>
    <row r="6562" spans="3:4" x14ac:dyDescent="0.25">
      <c r="C6562"/>
      <c r="D6562"/>
    </row>
    <row r="6563" spans="3:4" x14ac:dyDescent="0.25">
      <c r="C6563"/>
      <c r="D6563"/>
    </row>
    <row r="6564" spans="3:4" x14ac:dyDescent="0.25">
      <c r="C6564"/>
      <c r="D6564"/>
    </row>
    <row r="6565" spans="3:4" x14ac:dyDescent="0.25">
      <c r="C6565"/>
      <c r="D6565"/>
    </row>
    <row r="6566" spans="3:4" x14ac:dyDescent="0.25">
      <c r="C6566"/>
      <c r="D6566"/>
    </row>
    <row r="6567" spans="3:4" x14ac:dyDescent="0.25">
      <c r="C6567"/>
      <c r="D6567"/>
    </row>
    <row r="6568" spans="3:4" x14ac:dyDescent="0.25">
      <c r="C6568"/>
      <c r="D6568"/>
    </row>
    <row r="6569" spans="3:4" x14ac:dyDescent="0.25">
      <c r="C6569"/>
      <c r="D6569"/>
    </row>
    <row r="6570" spans="3:4" x14ac:dyDescent="0.25">
      <c r="C6570"/>
      <c r="D6570"/>
    </row>
    <row r="6571" spans="3:4" x14ac:dyDescent="0.25">
      <c r="C6571"/>
      <c r="D6571"/>
    </row>
    <row r="6572" spans="3:4" x14ac:dyDescent="0.25">
      <c r="C6572"/>
      <c r="D6572"/>
    </row>
    <row r="6573" spans="3:4" x14ac:dyDescent="0.25">
      <c r="C6573"/>
      <c r="D6573"/>
    </row>
    <row r="6574" spans="3:4" x14ac:dyDescent="0.25">
      <c r="C6574"/>
      <c r="D6574"/>
    </row>
    <row r="6575" spans="3:4" x14ac:dyDescent="0.25">
      <c r="C6575"/>
      <c r="D6575"/>
    </row>
    <row r="6576" spans="3:4" x14ac:dyDescent="0.25">
      <c r="C6576"/>
      <c r="D6576"/>
    </row>
    <row r="6577" spans="3:4" x14ac:dyDescent="0.25">
      <c r="C6577"/>
      <c r="D6577"/>
    </row>
    <row r="6578" spans="3:4" x14ac:dyDescent="0.25">
      <c r="C6578"/>
      <c r="D6578"/>
    </row>
    <row r="6579" spans="3:4" x14ac:dyDescent="0.25">
      <c r="C6579"/>
      <c r="D6579"/>
    </row>
    <row r="6580" spans="3:4" x14ac:dyDescent="0.25">
      <c r="C6580"/>
      <c r="D6580"/>
    </row>
    <row r="6581" spans="3:4" x14ac:dyDescent="0.25">
      <c r="C6581"/>
      <c r="D6581"/>
    </row>
    <row r="6582" spans="3:4" x14ac:dyDescent="0.25">
      <c r="C6582"/>
      <c r="D6582"/>
    </row>
    <row r="6583" spans="3:4" x14ac:dyDescent="0.25">
      <c r="C6583"/>
      <c r="D6583"/>
    </row>
    <row r="6584" spans="3:4" x14ac:dyDescent="0.25">
      <c r="C6584"/>
      <c r="D6584"/>
    </row>
    <row r="6585" spans="3:4" x14ac:dyDescent="0.25">
      <c r="C6585"/>
      <c r="D6585"/>
    </row>
    <row r="6586" spans="3:4" x14ac:dyDescent="0.25">
      <c r="C6586"/>
      <c r="D6586"/>
    </row>
    <row r="6587" spans="3:4" x14ac:dyDescent="0.25">
      <c r="C6587"/>
      <c r="D6587"/>
    </row>
    <row r="6588" spans="3:4" x14ac:dyDescent="0.25">
      <c r="C6588"/>
      <c r="D6588"/>
    </row>
    <row r="6589" spans="3:4" x14ac:dyDescent="0.25">
      <c r="C6589"/>
      <c r="D6589"/>
    </row>
    <row r="6590" spans="3:4" x14ac:dyDescent="0.25">
      <c r="C6590"/>
      <c r="D6590"/>
    </row>
    <row r="6591" spans="3:4" x14ac:dyDescent="0.25">
      <c r="C6591"/>
      <c r="D6591"/>
    </row>
    <row r="6592" spans="3:4" x14ac:dyDescent="0.25">
      <c r="C6592"/>
      <c r="D6592"/>
    </row>
    <row r="6593" spans="3:4" x14ac:dyDescent="0.25">
      <c r="C6593"/>
      <c r="D6593"/>
    </row>
    <row r="6594" spans="3:4" x14ac:dyDescent="0.25">
      <c r="C6594"/>
      <c r="D6594"/>
    </row>
    <row r="6595" spans="3:4" x14ac:dyDescent="0.25">
      <c r="C6595"/>
      <c r="D6595"/>
    </row>
    <row r="6596" spans="3:4" x14ac:dyDescent="0.25">
      <c r="C6596"/>
      <c r="D6596"/>
    </row>
    <row r="6597" spans="3:4" x14ac:dyDescent="0.25">
      <c r="C6597"/>
      <c r="D6597"/>
    </row>
    <row r="6598" spans="3:4" x14ac:dyDescent="0.25">
      <c r="C6598"/>
      <c r="D6598"/>
    </row>
    <row r="6599" spans="3:4" x14ac:dyDescent="0.25">
      <c r="C6599"/>
      <c r="D6599"/>
    </row>
    <row r="6600" spans="3:4" x14ac:dyDescent="0.25">
      <c r="C6600"/>
      <c r="D6600"/>
    </row>
    <row r="6601" spans="3:4" x14ac:dyDescent="0.25">
      <c r="C6601"/>
      <c r="D6601"/>
    </row>
    <row r="6602" spans="3:4" x14ac:dyDescent="0.25">
      <c r="C6602"/>
      <c r="D6602"/>
    </row>
    <row r="6603" spans="3:4" x14ac:dyDescent="0.25">
      <c r="C6603"/>
      <c r="D6603"/>
    </row>
    <row r="6604" spans="3:4" x14ac:dyDescent="0.25">
      <c r="C6604"/>
      <c r="D6604"/>
    </row>
    <row r="6605" spans="3:4" x14ac:dyDescent="0.25">
      <c r="C6605"/>
      <c r="D6605"/>
    </row>
    <row r="6606" spans="3:4" x14ac:dyDescent="0.25">
      <c r="C6606"/>
      <c r="D6606"/>
    </row>
    <row r="6607" spans="3:4" x14ac:dyDescent="0.25">
      <c r="C6607"/>
      <c r="D6607"/>
    </row>
    <row r="6608" spans="3:4" x14ac:dyDescent="0.25">
      <c r="C6608"/>
      <c r="D6608"/>
    </row>
    <row r="6609" spans="3:4" x14ac:dyDescent="0.25">
      <c r="C6609"/>
      <c r="D6609"/>
    </row>
    <row r="6610" spans="3:4" x14ac:dyDescent="0.25">
      <c r="C6610"/>
      <c r="D6610"/>
    </row>
    <row r="6611" spans="3:4" x14ac:dyDescent="0.25">
      <c r="C6611"/>
      <c r="D6611"/>
    </row>
    <row r="6612" spans="3:4" x14ac:dyDescent="0.25">
      <c r="C6612"/>
      <c r="D6612"/>
    </row>
    <row r="6613" spans="3:4" x14ac:dyDescent="0.25">
      <c r="C6613"/>
      <c r="D6613"/>
    </row>
    <row r="6614" spans="3:4" x14ac:dyDescent="0.25">
      <c r="C6614"/>
      <c r="D6614"/>
    </row>
    <row r="6615" spans="3:4" x14ac:dyDescent="0.25">
      <c r="C6615"/>
      <c r="D6615"/>
    </row>
    <row r="6616" spans="3:4" x14ac:dyDescent="0.25">
      <c r="C6616"/>
      <c r="D6616"/>
    </row>
    <row r="6617" spans="3:4" x14ac:dyDescent="0.25">
      <c r="C6617"/>
      <c r="D6617"/>
    </row>
    <row r="6618" spans="3:4" x14ac:dyDescent="0.25">
      <c r="C6618"/>
      <c r="D6618"/>
    </row>
    <row r="6619" spans="3:4" x14ac:dyDescent="0.25">
      <c r="C6619"/>
      <c r="D6619"/>
    </row>
    <row r="6620" spans="3:4" x14ac:dyDescent="0.25">
      <c r="C6620"/>
      <c r="D6620"/>
    </row>
    <row r="6621" spans="3:4" x14ac:dyDescent="0.25">
      <c r="C6621"/>
      <c r="D6621"/>
    </row>
    <row r="6622" spans="3:4" x14ac:dyDescent="0.25">
      <c r="C6622"/>
      <c r="D6622"/>
    </row>
    <row r="6623" spans="3:4" x14ac:dyDescent="0.25">
      <c r="C6623"/>
      <c r="D6623"/>
    </row>
    <row r="6624" spans="3:4" x14ac:dyDescent="0.25">
      <c r="C6624"/>
      <c r="D6624"/>
    </row>
    <row r="6625" spans="3:4" x14ac:dyDescent="0.25">
      <c r="C6625"/>
      <c r="D6625"/>
    </row>
    <row r="6626" spans="3:4" x14ac:dyDescent="0.25">
      <c r="C6626"/>
      <c r="D6626"/>
    </row>
    <row r="6627" spans="3:4" x14ac:dyDescent="0.25">
      <c r="C6627"/>
      <c r="D6627"/>
    </row>
    <row r="6628" spans="3:4" x14ac:dyDescent="0.25">
      <c r="C6628"/>
      <c r="D6628"/>
    </row>
    <row r="6629" spans="3:4" x14ac:dyDescent="0.25">
      <c r="C6629"/>
      <c r="D6629"/>
    </row>
    <row r="6630" spans="3:4" x14ac:dyDescent="0.25">
      <c r="C6630"/>
      <c r="D6630"/>
    </row>
    <row r="6631" spans="3:4" x14ac:dyDescent="0.25">
      <c r="C6631"/>
      <c r="D6631"/>
    </row>
    <row r="6632" spans="3:4" x14ac:dyDescent="0.25">
      <c r="C6632"/>
      <c r="D6632"/>
    </row>
    <row r="6633" spans="3:4" x14ac:dyDescent="0.25">
      <c r="C6633"/>
      <c r="D6633"/>
    </row>
    <row r="6634" spans="3:4" x14ac:dyDescent="0.25">
      <c r="C6634"/>
      <c r="D6634"/>
    </row>
    <row r="6635" spans="3:4" x14ac:dyDescent="0.25">
      <c r="C6635"/>
      <c r="D6635"/>
    </row>
    <row r="6636" spans="3:4" x14ac:dyDescent="0.25">
      <c r="C6636"/>
      <c r="D6636"/>
    </row>
    <row r="6637" spans="3:4" x14ac:dyDescent="0.25">
      <c r="C6637"/>
      <c r="D6637"/>
    </row>
    <row r="6638" spans="3:4" x14ac:dyDescent="0.25">
      <c r="C6638"/>
      <c r="D6638"/>
    </row>
    <row r="6639" spans="3:4" x14ac:dyDescent="0.25">
      <c r="C6639"/>
      <c r="D6639"/>
    </row>
    <row r="6640" spans="3:4" x14ac:dyDescent="0.25">
      <c r="C6640"/>
      <c r="D6640"/>
    </row>
    <row r="6641" spans="3:4" x14ac:dyDescent="0.25">
      <c r="C6641"/>
      <c r="D6641"/>
    </row>
    <row r="6642" spans="3:4" x14ac:dyDescent="0.25">
      <c r="C6642"/>
      <c r="D6642"/>
    </row>
    <row r="6643" spans="3:4" x14ac:dyDescent="0.25">
      <c r="C6643"/>
      <c r="D6643"/>
    </row>
    <row r="6644" spans="3:4" x14ac:dyDescent="0.25">
      <c r="C6644"/>
      <c r="D6644"/>
    </row>
    <row r="6645" spans="3:4" x14ac:dyDescent="0.25">
      <c r="C6645"/>
      <c r="D6645"/>
    </row>
    <row r="6646" spans="3:4" x14ac:dyDescent="0.25">
      <c r="C6646"/>
      <c r="D6646"/>
    </row>
    <row r="6647" spans="3:4" x14ac:dyDescent="0.25">
      <c r="C6647"/>
      <c r="D6647"/>
    </row>
    <row r="6648" spans="3:4" x14ac:dyDescent="0.25">
      <c r="C6648"/>
      <c r="D6648"/>
    </row>
    <row r="6649" spans="3:4" x14ac:dyDescent="0.25">
      <c r="C6649"/>
      <c r="D6649"/>
    </row>
    <row r="6650" spans="3:4" x14ac:dyDescent="0.25">
      <c r="C6650"/>
      <c r="D6650"/>
    </row>
    <row r="6651" spans="3:4" x14ac:dyDescent="0.25">
      <c r="C6651"/>
      <c r="D6651"/>
    </row>
    <row r="6652" spans="3:4" x14ac:dyDescent="0.25">
      <c r="C6652"/>
      <c r="D6652"/>
    </row>
    <row r="6653" spans="3:4" x14ac:dyDescent="0.25">
      <c r="C6653"/>
      <c r="D6653"/>
    </row>
    <row r="6654" spans="3:4" x14ac:dyDescent="0.25">
      <c r="C6654"/>
      <c r="D6654"/>
    </row>
    <row r="6655" spans="3:4" x14ac:dyDescent="0.25">
      <c r="C6655"/>
      <c r="D6655"/>
    </row>
    <row r="6656" spans="3:4" x14ac:dyDescent="0.25">
      <c r="C6656"/>
      <c r="D6656"/>
    </row>
    <row r="6657" spans="3:4" x14ac:dyDescent="0.25">
      <c r="C6657"/>
      <c r="D6657"/>
    </row>
    <row r="6658" spans="3:4" x14ac:dyDescent="0.25">
      <c r="C6658"/>
      <c r="D6658"/>
    </row>
    <row r="6659" spans="3:4" x14ac:dyDescent="0.25">
      <c r="C6659"/>
      <c r="D6659"/>
    </row>
    <row r="6660" spans="3:4" x14ac:dyDescent="0.25">
      <c r="C6660"/>
      <c r="D6660"/>
    </row>
    <row r="6661" spans="3:4" x14ac:dyDescent="0.25">
      <c r="C6661"/>
      <c r="D6661"/>
    </row>
    <row r="6662" spans="3:4" x14ac:dyDescent="0.25">
      <c r="C6662"/>
      <c r="D6662"/>
    </row>
    <row r="6663" spans="3:4" x14ac:dyDescent="0.25">
      <c r="C6663"/>
      <c r="D6663"/>
    </row>
    <row r="6664" spans="3:4" x14ac:dyDescent="0.25">
      <c r="C6664"/>
      <c r="D6664"/>
    </row>
    <row r="6665" spans="3:4" x14ac:dyDescent="0.25">
      <c r="C6665"/>
      <c r="D6665"/>
    </row>
    <row r="6666" spans="3:4" x14ac:dyDescent="0.25">
      <c r="C6666"/>
      <c r="D6666"/>
    </row>
    <row r="6667" spans="3:4" x14ac:dyDescent="0.25">
      <c r="C6667"/>
      <c r="D6667"/>
    </row>
    <row r="6668" spans="3:4" x14ac:dyDescent="0.25">
      <c r="C6668"/>
      <c r="D6668"/>
    </row>
    <row r="6669" spans="3:4" x14ac:dyDescent="0.25">
      <c r="C6669"/>
      <c r="D6669"/>
    </row>
    <row r="6670" spans="3:4" x14ac:dyDescent="0.25">
      <c r="C6670"/>
      <c r="D6670"/>
    </row>
    <row r="6671" spans="3:4" x14ac:dyDescent="0.25">
      <c r="C6671"/>
      <c r="D6671"/>
    </row>
    <row r="6672" spans="3:4" x14ac:dyDescent="0.25">
      <c r="C6672"/>
      <c r="D6672"/>
    </row>
    <row r="6673" spans="3:4" x14ac:dyDescent="0.25">
      <c r="C6673"/>
      <c r="D6673"/>
    </row>
    <row r="6674" spans="3:4" x14ac:dyDescent="0.25">
      <c r="C6674"/>
      <c r="D6674"/>
    </row>
    <row r="6675" spans="3:4" x14ac:dyDescent="0.25">
      <c r="C6675"/>
      <c r="D6675"/>
    </row>
    <row r="6676" spans="3:4" x14ac:dyDescent="0.25">
      <c r="C6676"/>
      <c r="D6676"/>
    </row>
    <row r="6677" spans="3:4" x14ac:dyDescent="0.25">
      <c r="C6677"/>
      <c r="D6677"/>
    </row>
    <row r="6678" spans="3:4" x14ac:dyDescent="0.25">
      <c r="C6678"/>
      <c r="D6678"/>
    </row>
    <row r="6679" spans="3:4" x14ac:dyDescent="0.25">
      <c r="C6679"/>
      <c r="D6679"/>
    </row>
    <row r="6680" spans="3:4" x14ac:dyDescent="0.25">
      <c r="C6680"/>
      <c r="D6680"/>
    </row>
    <row r="6681" spans="3:4" x14ac:dyDescent="0.25">
      <c r="C6681"/>
      <c r="D6681"/>
    </row>
    <row r="6682" spans="3:4" x14ac:dyDescent="0.25">
      <c r="C6682"/>
      <c r="D6682"/>
    </row>
    <row r="6683" spans="3:4" x14ac:dyDescent="0.25">
      <c r="C6683"/>
      <c r="D6683"/>
    </row>
    <row r="6684" spans="3:4" x14ac:dyDescent="0.25">
      <c r="C6684"/>
      <c r="D6684"/>
    </row>
    <row r="6685" spans="3:4" x14ac:dyDescent="0.25">
      <c r="C6685"/>
      <c r="D6685"/>
    </row>
    <row r="6686" spans="3:4" x14ac:dyDescent="0.25">
      <c r="C6686"/>
      <c r="D6686"/>
    </row>
    <row r="6687" spans="3:4" x14ac:dyDescent="0.25">
      <c r="C6687"/>
      <c r="D6687"/>
    </row>
    <row r="6688" spans="3:4" x14ac:dyDescent="0.25">
      <c r="C6688"/>
      <c r="D6688"/>
    </row>
    <row r="6689" spans="3:4" x14ac:dyDescent="0.25">
      <c r="C6689"/>
      <c r="D6689"/>
    </row>
    <row r="6690" spans="3:4" x14ac:dyDescent="0.25">
      <c r="C6690"/>
      <c r="D6690"/>
    </row>
    <row r="6691" spans="3:4" x14ac:dyDescent="0.25">
      <c r="C6691"/>
      <c r="D6691"/>
    </row>
    <row r="6692" spans="3:4" x14ac:dyDescent="0.25">
      <c r="C6692"/>
      <c r="D6692"/>
    </row>
    <row r="6693" spans="3:4" x14ac:dyDescent="0.25">
      <c r="C6693"/>
      <c r="D6693"/>
    </row>
    <row r="6694" spans="3:4" x14ac:dyDescent="0.25">
      <c r="C6694"/>
      <c r="D6694"/>
    </row>
    <row r="6695" spans="3:4" x14ac:dyDescent="0.25">
      <c r="C6695"/>
      <c r="D6695"/>
    </row>
    <row r="6696" spans="3:4" x14ac:dyDescent="0.25">
      <c r="C6696"/>
      <c r="D6696"/>
    </row>
    <row r="6697" spans="3:4" x14ac:dyDescent="0.25">
      <c r="C6697"/>
      <c r="D6697"/>
    </row>
    <row r="6698" spans="3:4" x14ac:dyDescent="0.25">
      <c r="C6698"/>
      <c r="D6698"/>
    </row>
    <row r="6699" spans="3:4" x14ac:dyDescent="0.25">
      <c r="C6699"/>
      <c r="D6699"/>
    </row>
    <row r="6700" spans="3:4" x14ac:dyDescent="0.25">
      <c r="C6700"/>
      <c r="D6700"/>
    </row>
    <row r="6701" spans="3:4" x14ac:dyDescent="0.25">
      <c r="C6701"/>
      <c r="D6701"/>
    </row>
    <row r="6702" spans="3:4" x14ac:dyDescent="0.25">
      <c r="C6702"/>
      <c r="D6702"/>
    </row>
    <row r="6703" spans="3:4" x14ac:dyDescent="0.25">
      <c r="C6703"/>
      <c r="D6703"/>
    </row>
    <row r="6704" spans="3:4" x14ac:dyDescent="0.25">
      <c r="C6704"/>
      <c r="D6704"/>
    </row>
    <row r="6705" spans="3:4" x14ac:dyDescent="0.25">
      <c r="C6705"/>
      <c r="D6705"/>
    </row>
    <row r="6706" spans="3:4" x14ac:dyDescent="0.25">
      <c r="C6706"/>
      <c r="D6706"/>
    </row>
    <row r="6707" spans="3:4" x14ac:dyDescent="0.25">
      <c r="C6707"/>
      <c r="D6707"/>
    </row>
    <row r="6708" spans="3:4" x14ac:dyDescent="0.25">
      <c r="C6708"/>
      <c r="D6708"/>
    </row>
    <row r="6709" spans="3:4" x14ac:dyDescent="0.25">
      <c r="C6709"/>
      <c r="D6709"/>
    </row>
    <row r="6710" spans="3:4" x14ac:dyDescent="0.25">
      <c r="C6710"/>
      <c r="D6710"/>
    </row>
    <row r="6711" spans="3:4" x14ac:dyDescent="0.25">
      <c r="C6711"/>
      <c r="D6711"/>
    </row>
    <row r="6712" spans="3:4" x14ac:dyDescent="0.25">
      <c r="C6712"/>
      <c r="D6712"/>
    </row>
    <row r="6713" spans="3:4" x14ac:dyDescent="0.25">
      <c r="C6713"/>
      <c r="D6713"/>
    </row>
    <row r="6714" spans="3:4" x14ac:dyDescent="0.25">
      <c r="C6714"/>
      <c r="D6714"/>
    </row>
    <row r="6715" spans="3:4" x14ac:dyDescent="0.25">
      <c r="C6715"/>
      <c r="D6715"/>
    </row>
    <row r="6716" spans="3:4" x14ac:dyDescent="0.25">
      <c r="C6716"/>
      <c r="D6716"/>
    </row>
    <row r="6717" spans="3:4" x14ac:dyDescent="0.25">
      <c r="C6717"/>
      <c r="D6717"/>
    </row>
    <row r="6718" spans="3:4" x14ac:dyDescent="0.25">
      <c r="C6718"/>
      <c r="D6718"/>
    </row>
    <row r="6719" spans="3:4" x14ac:dyDescent="0.25">
      <c r="C6719"/>
      <c r="D6719"/>
    </row>
    <row r="6720" spans="3:4" x14ac:dyDescent="0.25">
      <c r="C6720"/>
      <c r="D6720"/>
    </row>
    <row r="6721" spans="3:4" x14ac:dyDescent="0.25">
      <c r="C6721"/>
      <c r="D6721"/>
    </row>
    <row r="6722" spans="3:4" x14ac:dyDescent="0.25">
      <c r="C6722"/>
      <c r="D6722"/>
    </row>
    <row r="6723" spans="3:4" x14ac:dyDescent="0.25">
      <c r="C6723"/>
      <c r="D6723"/>
    </row>
    <row r="6724" spans="3:4" x14ac:dyDescent="0.25">
      <c r="C6724"/>
      <c r="D6724"/>
    </row>
    <row r="6725" spans="3:4" x14ac:dyDescent="0.25">
      <c r="C6725"/>
      <c r="D6725"/>
    </row>
    <row r="6726" spans="3:4" x14ac:dyDescent="0.25">
      <c r="C6726"/>
      <c r="D6726"/>
    </row>
    <row r="6727" spans="3:4" x14ac:dyDescent="0.25">
      <c r="C6727"/>
      <c r="D6727"/>
    </row>
    <row r="6728" spans="3:4" x14ac:dyDescent="0.25">
      <c r="C6728"/>
      <c r="D6728"/>
    </row>
    <row r="6729" spans="3:4" x14ac:dyDescent="0.25">
      <c r="C6729"/>
      <c r="D6729"/>
    </row>
    <row r="6730" spans="3:4" x14ac:dyDescent="0.25">
      <c r="C6730"/>
      <c r="D6730"/>
    </row>
    <row r="6731" spans="3:4" x14ac:dyDescent="0.25">
      <c r="C6731"/>
      <c r="D6731"/>
    </row>
    <row r="6732" spans="3:4" x14ac:dyDescent="0.25">
      <c r="C6732"/>
      <c r="D6732"/>
    </row>
    <row r="6733" spans="3:4" x14ac:dyDescent="0.25">
      <c r="C6733"/>
      <c r="D6733"/>
    </row>
    <row r="6734" spans="3:4" x14ac:dyDescent="0.25">
      <c r="C6734"/>
      <c r="D6734"/>
    </row>
    <row r="6735" spans="3:4" x14ac:dyDescent="0.25">
      <c r="C6735"/>
      <c r="D6735"/>
    </row>
    <row r="6736" spans="3:4" x14ac:dyDescent="0.25">
      <c r="C6736"/>
      <c r="D6736"/>
    </row>
    <row r="6737" spans="3:4" x14ac:dyDescent="0.25">
      <c r="C6737"/>
      <c r="D6737"/>
    </row>
    <row r="6738" spans="3:4" x14ac:dyDescent="0.25">
      <c r="C6738"/>
      <c r="D6738"/>
    </row>
    <row r="6739" spans="3:4" x14ac:dyDescent="0.25">
      <c r="C6739"/>
      <c r="D6739"/>
    </row>
    <row r="6740" spans="3:4" x14ac:dyDescent="0.25">
      <c r="C6740"/>
      <c r="D6740"/>
    </row>
    <row r="6741" spans="3:4" x14ac:dyDescent="0.25">
      <c r="C6741"/>
      <c r="D6741"/>
    </row>
    <row r="6742" spans="3:4" x14ac:dyDescent="0.25">
      <c r="C6742"/>
      <c r="D6742"/>
    </row>
    <row r="6743" spans="3:4" x14ac:dyDescent="0.25">
      <c r="C6743"/>
      <c r="D6743"/>
    </row>
    <row r="6744" spans="3:4" x14ac:dyDescent="0.25">
      <c r="C6744"/>
      <c r="D6744"/>
    </row>
    <row r="6745" spans="3:4" x14ac:dyDescent="0.25">
      <c r="C6745"/>
      <c r="D6745"/>
    </row>
    <row r="6746" spans="3:4" x14ac:dyDescent="0.25">
      <c r="C6746"/>
      <c r="D6746"/>
    </row>
    <row r="6747" spans="3:4" x14ac:dyDescent="0.25">
      <c r="C6747"/>
      <c r="D6747"/>
    </row>
    <row r="6748" spans="3:4" x14ac:dyDescent="0.25">
      <c r="C6748"/>
      <c r="D6748"/>
    </row>
    <row r="6749" spans="3:4" x14ac:dyDescent="0.25">
      <c r="C6749"/>
      <c r="D6749"/>
    </row>
    <row r="6750" spans="3:4" x14ac:dyDescent="0.25">
      <c r="C6750"/>
      <c r="D6750"/>
    </row>
    <row r="6751" spans="3:4" x14ac:dyDescent="0.25">
      <c r="C6751"/>
      <c r="D6751"/>
    </row>
    <row r="6752" spans="3:4" x14ac:dyDescent="0.25">
      <c r="C6752"/>
      <c r="D6752"/>
    </row>
    <row r="6753" spans="3:4" x14ac:dyDescent="0.25">
      <c r="C6753"/>
      <c r="D6753"/>
    </row>
    <row r="6754" spans="3:4" x14ac:dyDescent="0.25">
      <c r="C6754"/>
      <c r="D6754"/>
    </row>
    <row r="6755" spans="3:4" x14ac:dyDescent="0.25">
      <c r="C6755"/>
      <c r="D6755"/>
    </row>
    <row r="6756" spans="3:4" x14ac:dyDescent="0.25">
      <c r="C6756"/>
      <c r="D6756"/>
    </row>
    <row r="6757" spans="3:4" x14ac:dyDescent="0.25">
      <c r="C6757"/>
      <c r="D6757"/>
    </row>
    <row r="6758" spans="3:4" x14ac:dyDescent="0.25">
      <c r="C6758"/>
      <c r="D6758"/>
    </row>
    <row r="6759" spans="3:4" x14ac:dyDescent="0.25">
      <c r="C6759"/>
      <c r="D6759"/>
    </row>
    <row r="6760" spans="3:4" x14ac:dyDescent="0.25">
      <c r="C6760"/>
      <c r="D6760"/>
    </row>
    <row r="6761" spans="3:4" x14ac:dyDescent="0.25">
      <c r="C6761"/>
      <c r="D6761"/>
    </row>
    <row r="6762" spans="3:4" x14ac:dyDescent="0.25">
      <c r="C6762"/>
      <c r="D6762"/>
    </row>
    <row r="6763" spans="3:4" x14ac:dyDescent="0.25">
      <c r="C6763"/>
      <c r="D6763"/>
    </row>
    <row r="6764" spans="3:4" x14ac:dyDescent="0.25">
      <c r="C6764"/>
      <c r="D6764"/>
    </row>
    <row r="6765" spans="3:4" x14ac:dyDescent="0.25">
      <c r="C6765"/>
      <c r="D6765"/>
    </row>
    <row r="6766" spans="3:4" x14ac:dyDescent="0.25">
      <c r="C6766"/>
      <c r="D6766"/>
    </row>
    <row r="6767" spans="3:4" x14ac:dyDescent="0.25">
      <c r="C6767"/>
      <c r="D6767"/>
    </row>
    <row r="6768" spans="3:4" x14ac:dyDescent="0.25">
      <c r="C6768"/>
      <c r="D6768"/>
    </row>
    <row r="6769" spans="3:4" x14ac:dyDescent="0.25">
      <c r="C6769"/>
      <c r="D6769"/>
    </row>
    <row r="6770" spans="3:4" x14ac:dyDescent="0.25">
      <c r="C6770"/>
      <c r="D6770"/>
    </row>
    <row r="6771" spans="3:4" x14ac:dyDescent="0.25">
      <c r="C6771"/>
      <c r="D6771"/>
    </row>
    <row r="6772" spans="3:4" x14ac:dyDescent="0.25">
      <c r="C6772"/>
      <c r="D6772"/>
    </row>
    <row r="6773" spans="3:4" x14ac:dyDescent="0.25">
      <c r="C6773"/>
      <c r="D6773"/>
    </row>
    <row r="6774" spans="3:4" x14ac:dyDescent="0.25">
      <c r="C6774"/>
      <c r="D6774"/>
    </row>
    <row r="6775" spans="3:4" x14ac:dyDescent="0.25">
      <c r="C6775"/>
      <c r="D6775"/>
    </row>
    <row r="6776" spans="3:4" x14ac:dyDescent="0.25">
      <c r="C6776"/>
      <c r="D6776"/>
    </row>
    <row r="6777" spans="3:4" x14ac:dyDescent="0.25">
      <c r="C6777"/>
      <c r="D6777"/>
    </row>
    <row r="6778" spans="3:4" x14ac:dyDescent="0.25">
      <c r="C6778"/>
      <c r="D6778"/>
    </row>
    <row r="6779" spans="3:4" x14ac:dyDescent="0.25">
      <c r="C6779"/>
      <c r="D6779"/>
    </row>
    <row r="6780" spans="3:4" x14ac:dyDescent="0.25">
      <c r="C6780"/>
      <c r="D6780"/>
    </row>
    <row r="6781" spans="3:4" x14ac:dyDescent="0.25">
      <c r="C6781"/>
      <c r="D6781"/>
    </row>
    <row r="6782" spans="3:4" x14ac:dyDescent="0.25">
      <c r="C6782"/>
      <c r="D6782"/>
    </row>
    <row r="6783" spans="3:4" x14ac:dyDescent="0.25">
      <c r="C6783"/>
      <c r="D6783"/>
    </row>
    <row r="6784" spans="3:4" x14ac:dyDescent="0.25">
      <c r="C6784"/>
      <c r="D6784"/>
    </row>
    <row r="6785" spans="3:4" x14ac:dyDescent="0.25">
      <c r="C6785"/>
      <c r="D6785"/>
    </row>
    <row r="6786" spans="3:4" x14ac:dyDescent="0.25">
      <c r="C6786"/>
      <c r="D6786"/>
    </row>
    <row r="6787" spans="3:4" x14ac:dyDescent="0.25">
      <c r="C6787"/>
      <c r="D6787"/>
    </row>
    <row r="6788" spans="3:4" x14ac:dyDescent="0.25">
      <c r="C6788"/>
      <c r="D6788"/>
    </row>
    <row r="6789" spans="3:4" x14ac:dyDescent="0.25">
      <c r="C6789"/>
      <c r="D6789"/>
    </row>
    <row r="6790" spans="3:4" x14ac:dyDescent="0.25">
      <c r="C6790"/>
      <c r="D6790"/>
    </row>
    <row r="6791" spans="3:4" x14ac:dyDescent="0.25">
      <c r="C6791"/>
      <c r="D6791"/>
    </row>
    <row r="6792" spans="3:4" x14ac:dyDescent="0.25">
      <c r="C6792"/>
      <c r="D6792"/>
    </row>
    <row r="6793" spans="3:4" x14ac:dyDescent="0.25">
      <c r="C6793"/>
      <c r="D6793"/>
    </row>
    <row r="6794" spans="3:4" x14ac:dyDescent="0.25">
      <c r="C6794"/>
      <c r="D6794"/>
    </row>
    <row r="6795" spans="3:4" x14ac:dyDescent="0.25">
      <c r="C6795"/>
      <c r="D6795"/>
    </row>
    <row r="6796" spans="3:4" x14ac:dyDescent="0.25">
      <c r="C6796"/>
      <c r="D6796"/>
    </row>
    <row r="6797" spans="3:4" x14ac:dyDescent="0.25">
      <c r="C6797"/>
      <c r="D6797"/>
    </row>
    <row r="6798" spans="3:4" x14ac:dyDescent="0.25">
      <c r="C6798"/>
      <c r="D6798"/>
    </row>
    <row r="6799" spans="3:4" x14ac:dyDescent="0.25">
      <c r="C6799"/>
      <c r="D6799"/>
    </row>
    <row r="6800" spans="3:4" x14ac:dyDescent="0.25">
      <c r="C6800"/>
      <c r="D6800"/>
    </row>
    <row r="6801" spans="3:4" x14ac:dyDescent="0.25">
      <c r="C6801"/>
      <c r="D6801"/>
    </row>
    <row r="6802" spans="3:4" x14ac:dyDescent="0.25">
      <c r="C6802"/>
      <c r="D6802"/>
    </row>
    <row r="6803" spans="3:4" x14ac:dyDescent="0.25">
      <c r="C6803"/>
      <c r="D6803"/>
    </row>
    <row r="6804" spans="3:4" x14ac:dyDescent="0.25">
      <c r="C6804"/>
      <c r="D6804"/>
    </row>
    <row r="6805" spans="3:4" x14ac:dyDescent="0.25">
      <c r="C6805"/>
      <c r="D6805"/>
    </row>
    <row r="6806" spans="3:4" x14ac:dyDescent="0.25">
      <c r="C6806"/>
      <c r="D6806"/>
    </row>
    <row r="6807" spans="3:4" x14ac:dyDescent="0.25">
      <c r="C6807"/>
      <c r="D6807"/>
    </row>
    <row r="6808" spans="3:4" x14ac:dyDescent="0.25">
      <c r="C6808"/>
      <c r="D6808"/>
    </row>
    <row r="6809" spans="3:4" x14ac:dyDescent="0.25">
      <c r="C6809"/>
      <c r="D6809"/>
    </row>
    <row r="6810" spans="3:4" x14ac:dyDescent="0.25">
      <c r="C6810"/>
      <c r="D6810"/>
    </row>
    <row r="6811" spans="3:4" x14ac:dyDescent="0.25">
      <c r="C6811"/>
      <c r="D6811"/>
    </row>
    <row r="6812" spans="3:4" x14ac:dyDescent="0.25">
      <c r="C6812"/>
      <c r="D6812"/>
    </row>
    <row r="6813" spans="3:4" x14ac:dyDescent="0.25">
      <c r="C6813"/>
      <c r="D6813"/>
    </row>
    <row r="6814" spans="3:4" x14ac:dyDescent="0.25">
      <c r="C6814"/>
      <c r="D6814"/>
    </row>
    <row r="6815" spans="3:4" x14ac:dyDescent="0.25">
      <c r="C6815"/>
      <c r="D6815"/>
    </row>
    <row r="6816" spans="3:4" x14ac:dyDescent="0.25">
      <c r="C6816"/>
      <c r="D6816"/>
    </row>
    <row r="6817" spans="3:4" x14ac:dyDescent="0.25">
      <c r="C6817"/>
      <c r="D6817"/>
    </row>
    <row r="6818" spans="3:4" x14ac:dyDescent="0.25">
      <c r="C6818"/>
      <c r="D6818"/>
    </row>
    <row r="6819" spans="3:4" x14ac:dyDescent="0.25">
      <c r="C6819"/>
      <c r="D6819"/>
    </row>
    <row r="6820" spans="3:4" x14ac:dyDescent="0.25">
      <c r="C6820"/>
      <c r="D6820"/>
    </row>
    <row r="6821" spans="3:4" x14ac:dyDescent="0.25">
      <c r="C6821"/>
      <c r="D6821"/>
    </row>
    <row r="6822" spans="3:4" x14ac:dyDescent="0.25">
      <c r="C6822"/>
      <c r="D6822"/>
    </row>
    <row r="6823" spans="3:4" x14ac:dyDescent="0.25">
      <c r="C6823"/>
      <c r="D6823"/>
    </row>
    <row r="6824" spans="3:4" x14ac:dyDescent="0.25">
      <c r="C6824"/>
      <c r="D6824"/>
    </row>
    <row r="6825" spans="3:4" x14ac:dyDescent="0.25">
      <c r="C6825"/>
      <c r="D6825"/>
    </row>
    <row r="6826" spans="3:4" x14ac:dyDescent="0.25">
      <c r="C6826"/>
      <c r="D6826"/>
    </row>
    <row r="6827" spans="3:4" x14ac:dyDescent="0.25">
      <c r="C6827"/>
      <c r="D6827"/>
    </row>
    <row r="6828" spans="3:4" x14ac:dyDescent="0.25">
      <c r="C6828"/>
      <c r="D6828"/>
    </row>
    <row r="6829" spans="3:4" x14ac:dyDescent="0.25">
      <c r="C6829"/>
      <c r="D6829"/>
    </row>
    <row r="6830" spans="3:4" x14ac:dyDescent="0.25">
      <c r="C6830"/>
      <c r="D6830"/>
    </row>
    <row r="6831" spans="3:4" x14ac:dyDescent="0.25">
      <c r="C6831"/>
      <c r="D6831"/>
    </row>
    <row r="6832" spans="3:4" x14ac:dyDescent="0.25">
      <c r="C6832"/>
      <c r="D6832"/>
    </row>
    <row r="6833" spans="3:4" x14ac:dyDescent="0.25">
      <c r="C6833"/>
      <c r="D6833"/>
    </row>
    <row r="6834" spans="3:4" x14ac:dyDescent="0.25">
      <c r="C6834"/>
      <c r="D6834"/>
    </row>
    <row r="6835" spans="3:4" x14ac:dyDescent="0.25">
      <c r="C6835"/>
      <c r="D6835"/>
    </row>
    <row r="6836" spans="3:4" x14ac:dyDescent="0.25">
      <c r="C6836"/>
      <c r="D6836"/>
    </row>
    <row r="6837" spans="3:4" x14ac:dyDescent="0.25">
      <c r="C6837"/>
      <c r="D6837"/>
    </row>
    <row r="6838" spans="3:4" x14ac:dyDescent="0.25">
      <c r="C6838"/>
      <c r="D6838"/>
    </row>
    <row r="6839" spans="3:4" x14ac:dyDescent="0.25">
      <c r="C6839"/>
      <c r="D6839"/>
    </row>
    <row r="6840" spans="3:4" x14ac:dyDescent="0.25">
      <c r="C6840"/>
      <c r="D6840"/>
    </row>
    <row r="6841" spans="3:4" x14ac:dyDescent="0.25">
      <c r="C6841"/>
      <c r="D6841"/>
    </row>
    <row r="6842" spans="3:4" x14ac:dyDescent="0.25">
      <c r="C6842"/>
      <c r="D6842"/>
    </row>
    <row r="6843" spans="3:4" x14ac:dyDescent="0.25">
      <c r="C6843"/>
      <c r="D6843"/>
    </row>
    <row r="6844" spans="3:4" x14ac:dyDescent="0.25">
      <c r="C6844"/>
      <c r="D6844"/>
    </row>
    <row r="6845" spans="3:4" x14ac:dyDescent="0.25">
      <c r="C6845"/>
      <c r="D6845"/>
    </row>
    <row r="6846" spans="3:4" x14ac:dyDescent="0.25">
      <c r="C6846"/>
      <c r="D6846"/>
    </row>
    <row r="6847" spans="3:4" x14ac:dyDescent="0.25">
      <c r="C6847"/>
      <c r="D6847"/>
    </row>
    <row r="6848" spans="3:4" x14ac:dyDescent="0.25">
      <c r="C6848"/>
      <c r="D6848"/>
    </row>
    <row r="6849" spans="3:4" x14ac:dyDescent="0.25">
      <c r="C6849"/>
      <c r="D6849"/>
    </row>
    <row r="6850" spans="3:4" x14ac:dyDescent="0.25">
      <c r="C6850"/>
      <c r="D6850"/>
    </row>
    <row r="6851" spans="3:4" x14ac:dyDescent="0.25">
      <c r="C6851"/>
      <c r="D6851"/>
    </row>
    <row r="6852" spans="3:4" x14ac:dyDescent="0.25">
      <c r="C6852"/>
      <c r="D6852"/>
    </row>
    <row r="6853" spans="3:4" x14ac:dyDescent="0.25">
      <c r="C6853"/>
      <c r="D6853"/>
    </row>
    <row r="6854" spans="3:4" x14ac:dyDescent="0.25">
      <c r="C6854"/>
      <c r="D6854"/>
    </row>
    <row r="6855" spans="3:4" x14ac:dyDescent="0.25">
      <c r="C6855"/>
      <c r="D6855"/>
    </row>
    <row r="6856" spans="3:4" x14ac:dyDescent="0.25">
      <c r="C6856"/>
      <c r="D6856"/>
    </row>
    <row r="6857" spans="3:4" x14ac:dyDescent="0.25">
      <c r="C6857"/>
      <c r="D6857"/>
    </row>
    <row r="6858" spans="3:4" x14ac:dyDescent="0.25">
      <c r="C6858"/>
      <c r="D6858"/>
    </row>
    <row r="6859" spans="3:4" x14ac:dyDescent="0.25">
      <c r="C6859"/>
      <c r="D6859"/>
    </row>
    <row r="6860" spans="3:4" x14ac:dyDescent="0.25">
      <c r="C6860"/>
      <c r="D6860"/>
    </row>
    <row r="6861" spans="3:4" x14ac:dyDescent="0.25">
      <c r="C6861"/>
      <c r="D6861"/>
    </row>
    <row r="6862" spans="3:4" x14ac:dyDescent="0.25">
      <c r="C6862"/>
      <c r="D6862"/>
    </row>
    <row r="6863" spans="3:4" x14ac:dyDescent="0.25">
      <c r="C6863"/>
      <c r="D6863"/>
    </row>
    <row r="6864" spans="3:4" x14ac:dyDescent="0.25">
      <c r="C6864"/>
      <c r="D6864"/>
    </row>
    <row r="6865" spans="3:4" x14ac:dyDescent="0.25">
      <c r="C6865"/>
      <c r="D6865"/>
    </row>
    <row r="6866" spans="3:4" x14ac:dyDescent="0.25">
      <c r="C6866"/>
      <c r="D6866"/>
    </row>
    <row r="6867" spans="3:4" x14ac:dyDescent="0.25">
      <c r="C6867"/>
      <c r="D6867"/>
    </row>
    <row r="6868" spans="3:4" x14ac:dyDescent="0.25">
      <c r="C6868"/>
      <c r="D6868"/>
    </row>
    <row r="6869" spans="3:4" x14ac:dyDescent="0.25">
      <c r="C6869"/>
      <c r="D6869"/>
    </row>
    <row r="6870" spans="3:4" x14ac:dyDescent="0.25">
      <c r="C6870"/>
      <c r="D6870"/>
    </row>
    <row r="6871" spans="3:4" x14ac:dyDescent="0.25">
      <c r="C6871"/>
      <c r="D6871"/>
    </row>
    <row r="6872" spans="3:4" x14ac:dyDescent="0.25">
      <c r="C6872"/>
      <c r="D6872"/>
    </row>
    <row r="6873" spans="3:4" x14ac:dyDescent="0.25">
      <c r="C6873"/>
      <c r="D6873"/>
    </row>
    <row r="6874" spans="3:4" x14ac:dyDescent="0.25">
      <c r="C6874"/>
      <c r="D6874"/>
    </row>
    <row r="6875" spans="3:4" x14ac:dyDescent="0.25">
      <c r="C6875"/>
      <c r="D6875"/>
    </row>
    <row r="6876" spans="3:4" x14ac:dyDescent="0.25">
      <c r="C6876"/>
      <c r="D6876"/>
    </row>
    <row r="6877" spans="3:4" x14ac:dyDescent="0.25">
      <c r="C6877"/>
      <c r="D6877"/>
    </row>
    <row r="6878" spans="3:4" x14ac:dyDescent="0.25">
      <c r="C6878"/>
      <c r="D6878"/>
    </row>
    <row r="6879" spans="3:4" x14ac:dyDescent="0.25">
      <c r="C6879"/>
      <c r="D6879"/>
    </row>
    <row r="6880" spans="3:4" x14ac:dyDescent="0.25">
      <c r="C6880"/>
      <c r="D6880"/>
    </row>
    <row r="6881" spans="3:4" x14ac:dyDescent="0.25">
      <c r="C6881"/>
      <c r="D6881"/>
    </row>
    <row r="6882" spans="3:4" x14ac:dyDescent="0.25">
      <c r="C6882"/>
      <c r="D6882"/>
    </row>
    <row r="6883" spans="3:4" x14ac:dyDescent="0.25">
      <c r="C6883"/>
      <c r="D6883"/>
    </row>
    <row r="6884" spans="3:4" x14ac:dyDescent="0.25">
      <c r="C6884"/>
      <c r="D6884"/>
    </row>
    <row r="6885" spans="3:4" x14ac:dyDescent="0.25">
      <c r="C6885"/>
      <c r="D6885"/>
    </row>
    <row r="6886" spans="3:4" x14ac:dyDescent="0.25">
      <c r="C6886"/>
      <c r="D6886"/>
    </row>
    <row r="6887" spans="3:4" x14ac:dyDescent="0.25">
      <c r="C6887"/>
      <c r="D6887"/>
    </row>
    <row r="6888" spans="3:4" x14ac:dyDescent="0.25">
      <c r="C6888"/>
      <c r="D6888"/>
    </row>
    <row r="6889" spans="3:4" x14ac:dyDescent="0.25">
      <c r="C6889"/>
      <c r="D6889"/>
    </row>
    <row r="6890" spans="3:4" x14ac:dyDescent="0.25">
      <c r="C6890"/>
      <c r="D6890"/>
    </row>
    <row r="6891" spans="3:4" x14ac:dyDescent="0.25">
      <c r="C6891"/>
      <c r="D6891"/>
    </row>
    <row r="6892" spans="3:4" x14ac:dyDescent="0.25">
      <c r="C6892"/>
      <c r="D6892"/>
    </row>
    <row r="6893" spans="3:4" x14ac:dyDescent="0.25">
      <c r="C6893"/>
      <c r="D6893"/>
    </row>
    <row r="6894" spans="3:4" x14ac:dyDescent="0.25">
      <c r="C6894"/>
      <c r="D6894"/>
    </row>
    <row r="6895" spans="3:4" x14ac:dyDescent="0.25">
      <c r="C6895"/>
      <c r="D6895"/>
    </row>
    <row r="6896" spans="3:4" x14ac:dyDescent="0.25">
      <c r="C6896"/>
      <c r="D6896"/>
    </row>
    <row r="6897" spans="3:4" x14ac:dyDescent="0.25">
      <c r="C6897"/>
      <c r="D6897"/>
    </row>
    <row r="6898" spans="3:4" x14ac:dyDescent="0.25">
      <c r="C6898"/>
      <c r="D6898"/>
    </row>
    <row r="6899" spans="3:4" x14ac:dyDescent="0.25">
      <c r="C6899"/>
      <c r="D6899"/>
    </row>
    <row r="6900" spans="3:4" x14ac:dyDescent="0.25">
      <c r="C6900"/>
      <c r="D6900"/>
    </row>
    <row r="6901" spans="3:4" x14ac:dyDescent="0.25">
      <c r="C6901"/>
      <c r="D6901"/>
    </row>
    <row r="6902" spans="3:4" x14ac:dyDescent="0.25">
      <c r="C6902"/>
      <c r="D6902"/>
    </row>
    <row r="6903" spans="3:4" x14ac:dyDescent="0.25">
      <c r="C6903"/>
      <c r="D6903"/>
    </row>
    <row r="6904" spans="3:4" x14ac:dyDescent="0.25">
      <c r="C6904"/>
      <c r="D6904"/>
    </row>
    <row r="6905" spans="3:4" x14ac:dyDescent="0.25">
      <c r="C6905"/>
      <c r="D6905"/>
    </row>
    <row r="6906" spans="3:4" x14ac:dyDescent="0.25">
      <c r="C6906"/>
      <c r="D6906"/>
    </row>
    <row r="6907" spans="3:4" x14ac:dyDescent="0.25">
      <c r="C6907"/>
      <c r="D6907"/>
    </row>
    <row r="6908" spans="3:4" x14ac:dyDescent="0.25">
      <c r="C6908"/>
      <c r="D6908"/>
    </row>
    <row r="6909" spans="3:4" x14ac:dyDescent="0.25">
      <c r="C6909"/>
      <c r="D6909"/>
    </row>
    <row r="6910" spans="3:4" x14ac:dyDescent="0.25">
      <c r="C6910"/>
      <c r="D6910"/>
    </row>
    <row r="6911" spans="3:4" x14ac:dyDescent="0.25">
      <c r="C6911"/>
      <c r="D6911"/>
    </row>
    <row r="6912" spans="3:4" x14ac:dyDescent="0.25">
      <c r="C6912"/>
      <c r="D6912"/>
    </row>
    <row r="6913" spans="3:4" x14ac:dyDescent="0.25">
      <c r="C6913"/>
      <c r="D6913"/>
    </row>
    <row r="6914" spans="3:4" x14ac:dyDescent="0.25">
      <c r="C6914"/>
      <c r="D6914"/>
    </row>
    <row r="6915" spans="3:4" x14ac:dyDescent="0.25">
      <c r="C6915"/>
      <c r="D6915"/>
    </row>
    <row r="6916" spans="3:4" x14ac:dyDescent="0.25">
      <c r="C6916"/>
      <c r="D6916"/>
    </row>
    <row r="6917" spans="3:4" x14ac:dyDescent="0.25">
      <c r="C6917"/>
      <c r="D6917"/>
    </row>
    <row r="6918" spans="3:4" x14ac:dyDescent="0.25">
      <c r="C6918"/>
      <c r="D6918"/>
    </row>
    <row r="6919" spans="3:4" x14ac:dyDescent="0.25">
      <c r="C6919"/>
      <c r="D6919"/>
    </row>
    <row r="6920" spans="3:4" x14ac:dyDescent="0.25">
      <c r="C6920"/>
      <c r="D6920"/>
    </row>
    <row r="6921" spans="3:4" x14ac:dyDescent="0.25">
      <c r="C6921"/>
      <c r="D6921"/>
    </row>
    <row r="6922" spans="3:4" x14ac:dyDescent="0.25">
      <c r="C6922"/>
      <c r="D6922"/>
    </row>
    <row r="6923" spans="3:4" x14ac:dyDescent="0.25">
      <c r="C6923"/>
      <c r="D6923"/>
    </row>
    <row r="6924" spans="3:4" x14ac:dyDescent="0.25">
      <c r="C6924"/>
      <c r="D6924"/>
    </row>
    <row r="6925" spans="3:4" x14ac:dyDescent="0.25">
      <c r="C6925"/>
      <c r="D6925"/>
    </row>
    <row r="6926" spans="3:4" x14ac:dyDescent="0.25">
      <c r="C6926"/>
      <c r="D6926"/>
    </row>
    <row r="6927" spans="3:4" x14ac:dyDescent="0.25">
      <c r="C6927"/>
      <c r="D6927"/>
    </row>
    <row r="6928" spans="3:4" x14ac:dyDescent="0.25">
      <c r="C6928"/>
      <c r="D6928"/>
    </row>
    <row r="6929" spans="3:4" x14ac:dyDescent="0.25">
      <c r="C6929"/>
      <c r="D6929"/>
    </row>
    <row r="6930" spans="3:4" x14ac:dyDescent="0.25">
      <c r="C6930"/>
      <c r="D6930"/>
    </row>
    <row r="6931" spans="3:4" x14ac:dyDescent="0.25">
      <c r="C6931"/>
      <c r="D6931"/>
    </row>
    <row r="6932" spans="3:4" x14ac:dyDescent="0.25">
      <c r="C6932"/>
      <c r="D6932"/>
    </row>
    <row r="6933" spans="3:4" x14ac:dyDescent="0.25">
      <c r="C6933"/>
      <c r="D6933"/>
    </row>
    <row r="6934" spans="3:4" x14ac:dyDescent="0.25">
      <c r="C6934"/>
      <c r="D6934"/>
    </row>
    <row r="6935" spans="3:4" x14ac:dyDescent="0.25">
      <c r="C6935"/>
      <c r="D6935"/>
    </row>
    <row r="6936" spans="3:4" x14ac:dyDescent="0.25">
      <c r="C6936"/>
      <c r="D6936"/>
    </row>
    <row r="6937" spans="3:4" x14ac:dyDescent="0.25">
      <c r="C6937"/>
      <c r="D6937"/>
    </row>
    <row r="6938" spans="3:4" x14ac:dyDescent="0.25">
      <c r="C6938"/>
      <c r="D6938"/>
    </row>
    <row r="6939" spans="3:4" x14ac:dyDescent="0.25">
      <c r="C6939"/>
      <c r="D6939"/>
    </row>
    <row r="6940" spans="3:4" x14ac:dyDescent="0.25">
      <c r="C6940"/>
      <c r="D6940"/>
    </row>
    <row r="6941" spans="3:4" x14ac:dyDescent="0.25">
      <c r="C6941"/>
      <c r="D6941"/>
    </row>
    <row r="6942" spans="3:4" x14ac:dyDescent="0.25">
      <c r="C6942"/>
      <c r="D6942"/>
    </row>
    <row r="6943" spans="3:4" x14ac:dyDescent="0.25">
      <c r="C6943"/>
      <c r="D6943"/>
    </row>
    <row r="6944" spans="3:4" x14ac:dyDescent="0.25">
      <c r="C6944"/>
      <c r="D6944"/>
    </row>
    <row r="6945" spans="3:4" x14ac:dyDescent="0.25">
      <c r="C6945"/>
      <c r="D6945"/>
    </row>
    <row r="6946" spans="3:4" x14ac:dyDescent="0.25">
      <c r="C6946"/>
      <c r="D6946"/>
    </row>
    <row r="6947" spans="3:4" x14ac:dyDescent="0.25">
      <c r="C6947"/>
      <c r="D6947"/>
    </row>
    <row r="6948" spans="3:4" x14ac:dyDescent="0.25">
      <c r="C6948"/>
      <c r="D6948"/>
    </row>
    <row r="6949" spans="3:4" x14ac:dyDescent="0.25">
      <c r="C6949"/>
      <c r="D6949"/>
    </row>
    <row r="6950" spans="3:4" x14ac:dyDescent="0.25">
      <c r="C6950"/>
      <c r="D6950"/>
    </row>
    <row r="6951" spans="3:4" x14ac:dyDescent="0.25">
      <c r="C6951"/>
      <c r="D6951"/>
    </row>
    <row r="6952" spans="3:4" x14ac:dyDescent="0.25">
      <c r="C6952"/>
      <c r="D6952"/>
    </row>
    <row r="6953" spans="3:4" x14ac:dyDescent="0.25">
      <c r="C6953"/>
      <c r="D6953"/>
    </row>
    <row r="6954" spans="3:4" x14ac:dyDescent="0.25">
      <c r="C6954"/>
      <c r="D6954"/>
    </row>
    <row r="6955" spans="3:4" x14ac:dyDescent="0.25">
      <c r="C6955"/>
      <c r="D6955"/>
    </row>
    <row r="6956" spans="3:4" x14ac:dyDescent="0.25">
      <c r="C6956"/>
      <c r="D6956"/>
    </row>
    <row r="6957" spans="3:4" x14ac:dyDescent="0.25">
      <c r="C6957"/>
      <c r="D6957"/>
    </row>
    <row r="6958" spans="3:4" x14ac:dyDescent="0.25">
      <c r="C6958"/>
      <c r="D6958"/>
    </row>
    <row r="6959" spans="3:4" x14ac:dyDescent="0.25">
      <c r="C6959"/>
      <c r="D6959"/>
    </row>
    <row r="6960" spans="3:4" x14ac:dyDescent="0.25">
      <c r="C6960"/>
      <c r="D6960"/>
    </row>
    <row r="6961" spans="3:4" x14ac:dyDescent="0.25">
      <c r="C6961"/>
      <c r="D6961"/>
    </row>
    <row r="6962" spans="3:4" x14ac:dyDescent="0.25">
      <c r="C6962"/>
      <c r="D6962"/>
    </row>
    <row r="6963" spans="3:4" x14ac:dyDescent="0.25">
      <c r="C6963"/>
      <c r="D6963"/>
    </row>
    <row r="6964" spans="3:4" x14ac:dyDescent="0.25">
      <c r="C6964"/>
      <c r="D6964"/>
    </row>
    <row r="6965" spans="3:4" x14ac:dyDescent="0.25">
      <c r="C6965"/>
      <c r="D6965"/>
    </row>
    <row r="6966" spans="3:4" x14ac:dyDescent="0.25">
      <c r="C6966"/>
      <c r="D6966"/>
    </row>
    <row r="6967" spans="3:4" x14ac:dyDescent="0.25">
      <c r="C6967"/>
      <c r="D6967"/>
    </row>
    <row r="6968" spans="3:4" x14ac:dyDescent="0.25">
      <c r="C6968"/>
      <c r="D6968"/>
    </row>
    <row r="6969" spans="3:4" x14ac:dyDescent="0.25">
      <c r="C6969"/>
      <c r="D6969"/>
    </row>
    <row r="6970" spans="3:4" x14ac:dyDescent="0.25">
      <c r="C6970"/>
      <c r="D6970"/>
    </row>
    <row r="6971" spans="3:4" x14ac:dyDescent="0.25">
      <c r="C6971"/>
      <c r="D6971"/>
    </row>
    <row r="6972" spans="3:4" x14ac:dyDescent="0.25">
      <c r="C6972"/>
      <c r="D6972"/>
    </row>
    <row r="6973" spans="3:4" x14ac:dyDescent="0.25">
      <c r="C6973"/>
      <c r="D6973"/>
    </row>
    <row r="6974" spans="3:4" x14ac:dyDescent="0.25">
      <c r="C6974"/>
      <c r="D6974"/>
    </row>
    <row r="6975" spans="3:4" x14ac:dyDescent="0.25">
      <c r="C6975"/>
      <c r="D6975"/>
    </row>
    <row r="6976" spans="3:4" x14ac:dyDescent="0.25">
      <c r="C6976"/>
      <c r="D6976"/>
    </row>
    <row r="6977" spans="3:4" x14ac:dyDescent="0.25">
      <c r="C6977"/>
      <c r="D6977"/>
    </row>
    <row r="6978" spans="3:4" x14ac:dyDescent="0.25">
      <c r="C6978"/>
      <c r="D6978"/>
    </row>
    <row r="6979" spans="3:4" x14ac:dyDescent="0.25">
      <c r="C6979"/>
      <c r="D6979"/>
    </row>
    <row r="6980" spans="3:4" x14ac:dyDescent="0.25">
      <c r="C6980"/>
      <c r="D6980"/>
    </row>
    <row r="6981" spans="3:4" x14ac:dyDescent="0.25">
      <c r="C6981"/>
      <c r="D6981"/>
    </row>
    <row r="6982" spans="3:4" x14ac:dyDescent="0.25">
      <c r="C6982"/>
      <c r="D6982"/>
    </row>
    <row r="6983" spans="3:4" x14ac:dyDescent="0.25">
      <c r="C6983"/>
      <c r="D6983"/>
    </row>
    <row r="6984" spans="3:4" x14ac:dyDescent="0.25">
      <c r="C6984"/>
      <c r="D6984"/>
    </row>
    <row r="6985" spans="3:4" x14ac:dyDescent="0.25">
      <c r="C6985"/>
      <c r="D6985"/>
    </row>
    <row r="6986" spans="3:4" x14ac:dyDescent="0.25">
      <c r="C6986"/>
      <c r="D6986"/>
    </row>
    <row r="6987" spans="3:4" x14ac:dyDescent="0.25">
      <c r="C6987"/>
      <c r="D6987"/>
    </row>
    <row r="6988" spans="3:4" x14ac:dyDescent="0.25">
      <c r="C6988"/>
      <c r="D6988"/>
    </row>
    <row r="6989" spans="3:4" x14ac:dyDescent="0.25">
      <c r="C6989"/>
      <c r="D6989"/>
    </row>
    <row r="6990" spans="3:4" x14ac:dyDescent="0.25">
      <c r="C6990"/>
      <c r="D6990"/>
    </row>
    <row r="6991" spans="3:4" x14ac:dyDescent="0.25">
      <c r="C6991"/>
      <c r="D6991"/>
    </row>
    <row r="6992" spans="3:4" x14ac:dyDescent="0.25">
      <c r="C6992"/>
      <c r="D6992"/>
    </row>
    <row r="6993" spans="3:4" x14ac:dyDescent="0.25">
      <c r="C6993"/>
      <c r="D6993"/>
    </row>
    <row r="6994" spans="3:4" x14ac:dyDescent="0.25">
      <c r="C6994"/>
      <c r="D6994"/>
    </row>
    <row r="6995" spans="3:4" x14ac:dyDescent="0.25">
      <c r="C6995"/>
      <c r="D6995"/>
    </row>
    <row r="6996" spans="3:4" x14ac:dyDescent="0.25">
      <c r="C6996"/>
      <c r="D6996"/>
    </row>
    <row r="6997" spans="3:4" x14ac:dyDescent="0.25">
      <c r="C6997"/>
      <c r="D6997"/>
    </row>
    <row r="6998" spans="3:4" x14ac:dyDescent="0.25">
      <c r="C6998"/>
      <c r="D6998"/>
    </row>
    <row r="6999" spans="3:4" x14ac:dyDescent="0.25">
      <c r="C6999"/>
      <c r="D6999"/>
    </row>
    <row r="7000" spans="3:4" x14ac:dyDescent="0.25">
      <c r="C7000"/>
      <c r="D7000"/>
    </row>
    <row r="7001" spans="3:4" x14ac:dyDescent="0.25">
      <c r="C7001"/>
      <c r="D7001"/>
    </row>
    <row r="7002" spans="3:4" x14ac:dyDescent="0.25">
      <c r="C7002"/>
      <c r="D7002"/>
    </row>
    <row r="7003" spans="3:4" x14ac:dyDescent="0.25">
      <c r="C7003"/>
      <c r="D7003"/>
    </row>
    <row r="7004" spans="3:4" x14ac:dyDescent="0.25">
      <c r="C7004"/>
      <c r="D7004"/>
    </row>
    <row r="7005" spans="3:4" x14ac:dyDescent="0.25">
      <c r="C7005"/>
      <c r="D7005"/>
    </row>
    <row r="7006" spans="3:4" x14ac:dyDescent="0.25">
      <c r="C7006"/>
      <c r="D7006"/>
    </row>
    <row r="7007" spans="3:4" x14ac:dyDescent="0.25">
      <c r="C7007"/>
      <c r="D7007"/>
    </row>
    <row r="7008" spans="3:4" x14ac:dyDescent="0.25">
      <c r="C7008"/>
      <c r="D7008"/>
    </row>
    <row r="7009" spans="3:4" x14ac:dyDescent="0.25">
      <c r="C7009"/>
      <c r="D7009"/>
    </row>
    <row r="7010" spans="3:4" x14ac:dyDescent="0.25">
      <c r="C7010"/>
      <c r="D7010"/>
    </row>
    <row r="7011" spans="3:4" x14ac:dyDescent="0.25">
      <c r="C7011"/>
      <c r="D7011"/>
    </row>
    <row r="7012" spans="3:4" x14ac:dyDescent="0.25">
      <c r="C7012"/>
      <c r="D7012"/>
    </row>
    <row r="7013" spans="3:4" x14ac:dyDescent="0.25">
      <c r="C7013"/>
      <c r="D7013"/>
    </row>
    <row r="7014" spans="3:4" x14ac:dyDescent="0.25">
      <c r="C7014"/>
      <c r="D7014"/>
    </row>
    <row r="7015" spans="3:4" x14ac:dyDescent="0.25">
      <c r="C7015"/>
      <c r="D7015"/>
    </row>
    <row r="7016" spans="3:4" x14ac:dyDescent="0.25">
      <c r="C7016"/>
      <c r="D7016"/>
    </row>
    <row r="7017" spans="3:4" x14ac:dyDescent="0.25">
      <c r="C7017"/>
      <c r="D7017"/>
    </row>
    <row r="7018" spans="3:4" x14ac:dyDescent="0.25">
      <c r="C7018"/>
      <c r="D7018"/>
    </row>
    <row r="7019" spans="3:4" x14ac:dyDescent="0.25">
      <c r="C7019"/>
      <c r="D7019"/>
    </row>
    <row r="7020" spans="3:4" x14ac:dyDescent="0.25">
      <c r="C7020"/>
      <c r="D7020"/>
    </row>
    <row r="7021" spans="3:4" x14ac:dyDescent="0.25">
      <c r="C7021"/>
      <c r="D7021"/>
    </row>
    <row r="7022" spans="3:4" x14ac:dyDescent="0.25">
      <c r="C7022"/>
      <c r="D7022"/>
    </row>
    <row r="7023" spans="3:4" x14ac:dyDescent="0.25">
      <c r="C7023"/>
      <c r="D7023"/>
    </row>
    <row r="7024" spans="3:4" x14ac:dyDescent="0.25">
      <c r="C7024"/>
      <c r="D7024"/>
    </row>
    <row r="7025" spans="3:4" x14ac:dyDescent="0.25">
      <c r="C7025"/>
      <c r="D7025"/>
    </row>
    <row r="7026" spans="3:4" x14ac:dyDescent="0.25">
      <c r="C7026"/>
      <c r="D7026"/>
    </row>
    <row r="7027" spans="3:4" x14ac:dyDescent="0.25">
      <c r="C7027"/>
      <c r="D7027"/>
    </row>
    <row r="7028" spans="3:4" x14ac:dyDescent="0.25">
      <c r="C7028"/>
      <c r="D7028"/>
    </row>
    <row r="7029" spans="3:4" x14ac:dyDescent="0.25">
      <c r="C7029"/>
      <c r="D7029"/>
    </row>
    <row r="7030" spans="3:4" x14ac:dyDescent="0.25">
      <c r="C7030"/>
      <c r="D7030"/>
    </row>
    <row r="7031" spans="3:4" x14ac:dyDescent="0.25">
      <c r="C7031"/>
      <c r="D7031"/>
    </row>
    <row r="7032" spans="3:4" x14ac:dyDescent="0.25">
      <c r="C7032"/>
      <c r="D7032"/>
    </row>
    <row r="7033" spans="3:4" x14ac:dyDescent="0.25">
      <c r="C7033"/>
      <c r="D7033"/>
    </row>
    <row r="7034" spans="3:4" x14ac:dyDescent="0.25">
      <c r="C7034"/>
      <c r="D7034"/>
    </row>
    <row r="7035" spans="3:4" x14ac:dyDescent="0.25">
      <c r="C7035"/>
      <c r="D7035"/>
    </row>
    <row r="7036" spans="3:4" x14ac:dyDescent="0.25">
      <c r="C7036"/>
      <c r="D7036"/>
    </row>
    <row r="7037" spans="3:4" x14ac:dyDescent="0.25">
      <c r="C7037"/>
      <c r="D7037"/>
    </row>
    <row r="7038" spans="3:4" x14ac:dyDescent="0.25">
      <c r="C7038"/>
      <c r="D7038"/>
    </row>
    <row r="7039" spans="3:4" x14ac:dyDescent="0.25">
      <c r="C7039"/>
      <c r="D7039"/>
    </row>
    <row r="7040" spans="3:4" x14ac:dyDescent="0.25">
      <c r="C7040"/>
      <c r="D7040"/>
    </row>
    <row r="7041" spans="3:4" x14ac:dyDescent="0.25">
      <c r="C7041"/>
      <c r="D7041"/>
    </row>
    <row r="7042" spans="3:4" x14ac:dyDescent="0.25">
      <c r="C7042"/>
      <c r="D7042"/>
    </row>
    <row r="7043" spans="3:4" x14ac:dyDescent="0.25">
      <c r="C7043"/>
      <c r="D7043"/>
    </row>
    <row r="7044" spans="3:4" x14ac:dyDescent="0.25">
      <c r="C7044"/>
      <c r="D7044"/>
    </row>
    <row r="7045" spans="3:4" x14ac:dyDescent="0.25">
      <c r="C7045"/>
      <c r="D7045"/>
    </row>
    <row r="7046" spans="3:4" x14ac:dyDescent="0.25">
      <c r="C7046"/>
      <c r="D7046"/>
    </row>
    <row r="7047" spans="3:4" x14ac:dyDescent="0.25">
      <c r="C7047"/>
      <c r="D7047"/>
    </row>
    <row r="7048" spans="3:4" x14ac:dyDescent="0.25">
      <c r="C7048"/>
      <c r="D7048"/>
    </row>
    <row r="7049" spans="3:4" x14ac:dyDescent="0.25">
      <c r="C7049"/>
      <c r="D7049"/>
    </row>
    <row r="7050" spans="3:4" x14ac:dyDescent="0.25">
      <c r="C7050"/>
      <c r="D7050"/>
    </row>
    <row r="7051" spans="3:4" x14ac:dyDescent="0.25">
      <c r="C7051"/>
      <c r="D7051"/>
    </row>
    <row r="7052" spans="3:4" x14ac:dyDescent="0.25">
      <c r="C7052"/>
      <c r="D7052"/>
    </row>
    <row r="7053" spans="3:4" x14ac:dyDescent="0.25">
      <c r="C7053"/>
      <c r="D7053"/>
    </row>
    <row r="7054" spans="3:4" x14ac:dyDescent="0.25">
      <c r="C7054"/>
      <c r="D7054"/>
    </row>
    <row r="7055" spans="3:4" x14ac:dyDescent="0.25">
      <c r="C7055"/>
      <c r="D7055"/>
    </row>
    <row r="7056" spans="3:4" x14ac:dyDescent="0.25">
      <c r="C7056"/>
      <c r="D7056"/>
    </row>
    <row r="7057" spans="3:4" x14ac:dyDescent="0.25">
      <c r="C7057"/>
      <c r="D7057"/>
    </row>
    <row r="7058" spans="3:4" x14ac:dyDescent="0.25">
      <c r="C7058"/>
      <c r="D7058"/>
    </row>
    <row r="7059" spans="3:4" x14ac:dyDescent="0.25">
      <c r="C7059"/>
      <c r="D7059"/>
    </row>
    <row r="7060" spans="3:4" x14ac:dyDescent="0.25">
      <c r="C7060"/>
      <c r="D7060"/>
    </row>
    <row r="7061" spans="3:4" x14ac:dyDescent="0.25">
      <c r="C7061"/>
      <c r="D7061"/>
    </row>
    <row r="7062" spans="3:4" x14ac:dyDescent="0.25">
      <c r="C7062"/>
      <c r="D7062"/>
    </row>
    <row r="7063" spans="3:4" x14ac:dyDescent="0.25">
      <c r="C7063"/>
      <c r="D7063"/>
    </row>
    <row r="7064" spans="3:4" x14ac:dyDescent="0.25">
      <c r="C7064"/>
      <c r="D7064"/>
    </row>
    <row r="7065" spans="3:4" x14ac:dyDescent="0.25">
      <c r="C7065"/>
      <c r="D7065"/>
    </row>
    <row r="7066" spans="3:4" x14ac:dyDescent="0.25">
      <c r="C7066"/>
      <c r="D7066"/>
    </row>
    <row r="7067" spans="3:4" x14ac:dyDescent="0.25">
      <c r="C7067"/>
      <c r="D7067"/>
    </row>
    <row r="7068" spans="3:4" x14ac:dyDescent="0.25">
      <c r="C7068"/>
      <c r="D7068"/>
    </row>
    <row r="7069" spans="3:4" x14ac:dyDescent="0.25">
      <c r="C7069"/>
      <c r="D7069"/>
    </row>
    <row r="7070" spans="3:4" x14ac:dyDescent="0.25">
      <c r="C7070"/>
      <c r="D7070"/>
    </row>
    <row r="7071" spans="3:4" x14ac:dyDescent="0.25">
      <c r="C7071"/>
      <c r="D7071"/>
    </row>
    <row r="7072" spans="3:4" x14ac:dyDescent="0.25">
      <c r="C7072"/>
      <c r="D7072"/>
    </row>
    <row r="7073" spans="3:4" x14ac:dyDescent="0.25">
      <c r="C7073"/>
      <c r="D7073"/>
    </row>
    <row r="7074" spans="3:4" x14ac:dyDescent="0.25">
      <c r="C7074"/>
      <c r="D7074"/>
    </row>
    <row r="7075" spans="3:4" x14ac:dyDescent="0.25">
      <c r="C7075"/>
      <c r="D7075"/>
    </row>
    <row r="7076" spans="3:4" x14ac:dyDescent="0.25">
      <c r="C7076"/>
      <c r="D7076"/>
    </row>
    <row r="7077" spans="3:4" x14ac:dyDescent="0.25">
      <c r="C7077"/>
      <c r="D7077"/>
    </row>
    <row r="7078" spans="3:4" x14ac:dyDescent="0.25">
      <c r="C7078"/>
      <c r="D7078"/>
    </row>
    <row r="7079" spans="3:4" x14ac:dyDescent="0.25">
      <c r="C7079"/>
      <c r="D7079"/>
    </row>
    <row r="7080" spans="3:4" x14ac:dyDescent="0.25">
      <c r="C7080"/>
      <c r="D7080"/>
    </row>
    <row r="7081" spans="3:4" x14ac:dyDescent="0.25">
      <c r="C7081"/>
      <c r="D7081"/>
    </row>
    <row r="7082" spans="3:4" x14ac:dyDescent="0.25">
      <c r="C7082"/>
      <c r="D7082"/>
    </row>
    <row r="7083" spans="3:4" x14ac:dyDescent="0.25">
      <c r="C7083"/>
      <c r="D7083"/>
    </row>
    <row r="7084" spans="3:4" x14ac:dyDescent="0.25">
      <c r="C7084"/>
      <c r="D7084"/>
    </row>
    <row r="7085" spans="3:4" x14ac:dyDescent="0.25">
      <c r="C7085"/>
      <c r="D7085"/>
    </row>
    <row r="7086" spans="3:4" x14ac:dyDescent="0.25">
      <c r="C7086"/>
      <c r="D7086"/>
    </row>
    <row r="7087" spans="3:4" x14ac:dyDescent="0.25">
      <c r="C7087"/>
      <c r="D7087"/>
    </row>
    <row r="7088" spans="3:4" x14ac:dyDescent="0.25">
      <c r="C7088"/>
      <c r="D7088"/>
    </row>
    <row r="7089" spans="3:4" x14ac:dyDescent="0.25">
      <c r="C7089"/>
      <c r="D7089"/>
    </row>
    <row r="7090" spans="3:4" x14ac:dyDescent="0.25">
      <c r="C7090"/>
      <c r="D7090"/>
    </row>
    <row r="7091" spans="3:4" x14ac:dyDescent="0.25">
      <c r="C7091"/>
      <c r="D7091"/>
    </row>
    <row r="7092" spans="3:4" x14ac:dyDescent="0.25">
      <c r="C7092"/>
      <c r="D7092"/>
    </row>
    <row r="7093" spans="3:4" x14ac:dyDescent="0.25">
      <c r="C7093"/>
      <c r="D7093"/>
    </row>
    <row r="7094" spans="3:4" x14ac:dyDescent="0.25">
      <c r="C7094"/>
      <c r="D7094"/>
    </row>
    <row r="7095" spans="3:4" x14ac:dyDescent="0.25">
      <c r="C7095"/>
      <c r="D7095"/>
    </row>
    <row r="7096" spans="3:4" x14ac:dyDescent="0.25">
      <c r="C7096"/>
      <c r="D7096"/>
    </row>
    <row r="7097" spans="3:4" x14ac:dyDescent="0.25">
      <c r="C7097"/>
      <c r="D7097"/>
    </row>
    <row r="7098" spans="3:4" x14ac:dyDescent="0.25">
      <c r="C7098"/>
      <c r="D7098"/>
    </row>
    <row r="7099" spans="3:4" x14ac:dyDescent="0.25">
      <c r="C7099"/>
      <c r="D7099"/>
    </row>
    <row r="7100" spans="3:4" x14ac:dyDescent="0.25">
      <c r="C7100"/>
      <c r="D7100"/>
    </row>
    <row r="7101" spans="3:4" x14ac:dyDescent="0.25">
      <c r="C7101"/>
      <c r="D7101"/>
    </row>
    <row r="7102" spans="3:4" x14ac:dyDescent="0.25">
      <c r="C7102"/>
      <c r="D7102"/>
    </row>
    <row r="7103" spans="3:4" x14ac:dyDescent="0.25">
      <c r="C7103"/>
      <c r="D7103"/>
    </row>
    <row r="7104" spans="3:4" x14ac:dyDescent="0.25">
      <c r="C7104"/>
      <c r="D7104"/>
    </row>
    <row r="7105" spans="3:4" x14ac:dyDescent="0.25">
      <c r="C7105"/>
      <c r="D7105"/>
    </row>
    <row r="7106" spans="3:4" x14ac:dyDescent="0.25">
      <c r="C7106"/>
      <c r="D7106"/>
    </row>
    <row r="7107" spans="3:4" x14ac:dyDescent="0.25">
      <c r="C7107"/>
      <c r="D7107"/>
    </row>
    <row r="7108" spans="3:4" x14ac:dyDescent="0.25">
      <c r="C7108"/>
      <c r="D7108"/>
    </row>
    <row r="7109" spans="3:4" x14ac:dyDescent="0.25">
      <c r="C7109"/>
      <c r="D7109"/>
    </row>
    <row r="7110" spans="3:4" x14ac:dyDescent="0.25">
      <c r="C7110"/>
      <c r="D7110"/>
    </row>
    <row r="7111" spans="3:4" x14ac:dyDescent="0.25">
      <c r="C7111"/>
      <c r="D7111"/>
    </row>
    <row r="7112" spans="3:4" x14ac:dyDescent="0.25">
      <c r="C7112"/>
      <c r="D7112"/>
    </row>
    <row r="7113" spans="3:4" x14ac:dyDescent="0.25">
      <c r="C7113"/>
      <c r="D7113"/>
    </row>
    <row r="7114" spans="3:4" x14ac:dyDescent="0.25">
      <c r="C7114"/>
      <c r="D7114"/>
    </row>
    <row r="7115" spans="3:4" x14ac:dyDescent="0.25">
      <c r="C7115"/>
      <c r="D7115"/>
    </row>
    <row r="7116" spans="3:4" x14ac:dyDescent="0.25">
      <c r="C7116"/>
      <c r="D7116"/>
    </row>
    <row r="7117" spans="3:4" x14ac:dyDescent="0.25">
      <c r="C7117"/>
      <c r="D7117"/>
    </row>
    <row r="7118" spans="3:4" x14ac:dyDescent="0.25">
      <c r="C7118"/>
      <c r="D7118"/>
    </row>
    <row r="7119" spans="3:4" x14ac:dyDescent="0.25">
      <c r="C7119"/>
      <c r="D7119"/>
    </row>
    <row r="7120" spans="3:4" x14ac:dyDescent="0.25">
      <c r="C7120"/>
      <c r="D7120"/>
    </row>
    <row r="7121" spans="3:4" x14ac:dyDescent="0.25">
      <c r="C7121"/>
      <c r="D7121"/>
    </row>
    <row r="7122" spans="3:4" x14ac:dyDescent="0.25">
      <c r="C7122"/>
      <c r="D7122"/>
    </row>
    <row r="7123" spans="3:4" x14ac:dyDescent="0.25">
      <c r="C7123"/>
      <c r="D7123"/>
    </row>
    <row r="7124" spans="3:4" x14ac:dyDescent="0.25">
      <c r="C7124"/>
      <c r="D7124"/>
    </row>
    <row r="7125" spans="3:4" x14ac:dyDescent="0.25">
      <c r="C7125"/>
      <c r="D7125"/>
    </row>
    <row r="7126" spans="3:4" x14ac:dyDescent="0.25">
      <c r="C7126"/>
      <c r="D7126"/>
    </row>
    <row r="7127" spans="3:4" x14ac:dyDescent="0.25">
      <c r="C7127"/>
      <c r="D7127"/>
    </row>
    <row r="7128" spans="3:4" x14ac:dyDescent="0.25">
      <c r="C7128"/>
      <c r="D7128"/>
    </row>
    <row r="7129" spans="3:4" x14ac:dyDescent="0.25">
      <c r="C7129"/>
      <c r="D7129"/>
    </row>
    <row r="7130" spans="3:4" x14ac:dyDescent="0.25">
      <c r="C7130"/>
      <c r="D7130"/>
    </row>
    <row r="7131" spans="3:4" x14ac:dyDescent="0.25">
      <c r="C7131"/>
      <c r="D7131"/>
    </row>
    <row r="7132" spans="3:4" x14ac:dyDescent="0.25">
      <c r="C7132"/>
      <c r="D7132"/>
    </row>
    <row r="7133" spans="3:4" x14ac:dyDescent="0.25">
      <c r="C7133"/>
      <c r="D7133"/>
    </row>
    <row r="7134" spans="3:4" x14ac:dyDescent="0.25">
      <c r="C7134"/>
      <c r="D7134"/>
    </row>
    <row r="7135" spans="3:4" x14ac:dyDescent="0.25">
      <c r="C7135"/>
      <c r="D7135"/>
    </row>
    <row r="7136" spans="3:4" x14ac:dyDescent="0.25">
      <c r="C7136"/>
      <c r="D7136"/>
    </row>
    <row r="7137" spans="3:4" x14ac:dyDescent="0.25">
      <c r="C7137"/>
      <c r="D7137"/>
    </row>
    <row r="7138" spans="3:4" x14ac:dyDescent="0.25">
      <c r="C7138"/>
      <c r="D7138"/>
    </row>
    <row r="7139" spans="3:4" x14ac:dyDescent="0.25">
      <c r="C7139"/>
      <c r="D7139"/>
    </row>
    <row r="7140" spans="3:4" x14ac:dyDescent="0.25">
      <c r="C7140"/>
      <c r="D7140"/>
    </row>
    <row r="7141" spans="3:4" x14ac:dyDescent="0.25">
      <c r="C7141"/>
      <c r="D7141"/>
    </row>
    <row r="7142" spans="3:4" x14ac:dyDescent="0.25">
      <c r="C7142"/>
      <c r="D7142"/>
    </row>
    <row r="7143" spans="3:4" x14ac:dyDescent="0.25">
      <c r="C7143"/>
      <c r="D7143"/>
    </row>
    <row r="7144" spans="3:4" x14ac:dyDescent="0.25">
      <c r="C7144"/>
      <c r="D7144"/>
    </row>
    <row r="7145" spans="3:4" x14ac:dyDescent="0.25">
      <c r="C7145"/>
      <c r="D7145"/>
    </row>
    <row r="7146" spans="3:4" x14ac:dyDescent="0.25">
      <c r="C7146"/>
      <c r="D7146"/>
    </row>
    <row r="7147" spans="3:4" x14ac:dyDescent="0.25">
      <c r="C7147"/>
      <c r="D7147"/>
    </row>
    <row r="7148" spans="3:4" x14ac:dyDescent="0.25">
      <c r="C7148"/>
      <c r="D7148"/>
    </row>
    <row r="7149" spans="3:4" x14ac:dyDescent="0.25">
      <c r="C7149"/>
      <c r="D7149"/>
    </row>
    <row r="7150" spans="3:4" x14ac:dyDescent="0.25">
      <c r="C7150"/>
      <c r="D7150"/>
    </row>
    <row r="7151" spans="3:4" x14ac:dyDescent="0.25">
      <c r="C7151"/>
      <c r="D7151"/>
    </row>
    <row r="7152" spans="3:4" x14ac:dyDescent="0.25">
      <c r="C7152"/>
      <c r="D7152"/>
    </row>
    <row r="7153" spans="3:4" x14ac:dyDescent="0.25">
      <c r="C7153"/>
      <c r="D7153"/>
    </row>
    <row r="7154" spans="3:4" x14ac:dyDescent="0.25">
      <c r="C7154"/>
      <c r="D7154"/>
    </row>
    <row r="7155" spans="3:4" x14ac:dyDescent="0.25">
      <c r="C7155"/>
      <c r="D7155"/>
    </row>
    <row r="7156" spans="3:4" x14ac:dyDescent="0.25">
      <c r="C7156"/>
      <c r="D7156"/>
    </row>
    <row r="7157" spans="3:4" x14ac:dyDescent="0.25">
      <c r="C7157"/>
      <c r="D7157"/>
    </row>
    <row r="7158" spans="3:4" x14ac:dyDescent="0.25">
      <c r="C7158"/>
      <c r="D7158"/>
    </row>
    <row r="7159" spans="3:4" x14ac:dyDescent="0.25">
      <c r="C7159"/>
      <c r="D7159"/>
    </row>
    <row r="7160" spans="3:4" x14ac:dyDescent="0.25">
      <c r="C7160"/>
      <c r="D7160"/>
    </row>
    <row r="7161" spans="3:4" x14ac:dyDescent="0.25">
      <c r="C7161"/>
      <c r="D7161"/>
    </row>
    <row r="7162" spans="3:4" x14ac:dyDescent="0.25">
      <c r="C7162"/>
      <c r="D7162"/>
    </row>
    <row r="7163" spans="3:4" x14ac:dyDescent="0.25">
      <c r="C7163"/>
      <c r="D7163"/>
    </row>
    <row r="7164" spans="3:4" x14ac:dyDescent="0.25">
      <c r="C7164"/>
      <c r="D7164"/>
    </row>
    <row r="7165" spans="3:4" x14ac:dyDescent="0.25">
      <c r="C7165"/>
      <c r="D7165"/>
    </row>
    <row r="7166" spans="3:4" x14ac:dyDescent="0.25">
      <c r="C7166"/>
      <c r="D7166"/>
    </row>
    <row r="7167" spans="3:4" x14ac:dyDescent="0.25">
      <c r="C7167"/>
      <c r="D7167"/>
    </row>
    <row r="7168" spans="3:4" x14ac:dyDescent="0.25">
      <c r="C7168"/>
      <c r="D7168"/>
    </row>
    <row r="7169" spans="3:4" x14ac:dyDescent="0.25">
      <c r="C7169"/>
      <c r="D7169"/>
    </row>
    <row r="7170" spans="3:4" x14ac:dyDescent="0.25">
      <c r="C7170"/>
      <c r="D7170"/>
    </row>
    <row r="7171" spans="3:4" x14ac:dyDescent="0.25">
      <c r="C7171"/>
      <c r="D7171"/>
    </row>
    <row r="7172" spans="3:4" x14ac:dyDescent="0.25">
      <c r="C7172"/>
      <c r="D7172"/>
    </row>
    <row r="7173" spans="3:4" x14ac:dyDescent="0.25">
      <c r="C7173"/>
      <c r="D7173"/>
    </row>
    <row r="7174" spans="3:4" x14ac:dyDescent="0.25">
      <c r="C7174"/>
      <c r="D7174"/>
    </row>
    <row r="7175" spans="3:4" x14ac:dyDescent="0.25">
      <c r="C7175"/>
      <c r="D7175"/>
    </row>
    <row r="7176" spans="3:4" x14ac:dyDescent="0.25">
      <c r="C7176"/>
      <c r="D7176"/>
    </row>
    <row r="7177" spans="3:4" x14ac:dyDescent="0.25">
      <c r="C7177"/>
      <c r="D7177"/>
    </row>
    <row r="7178" spans="3:4" x14ac:dyDescent="0.25">
      <c r="C7178"/>
      <c r="D7178"/>
    </row>
    <row r="7179" spans="3:4" x14ac:dyDescent="0.25">
      <c r="C7179"/>
      <c r="D7179"/>
    </row>
    <row r="7180" spans="3:4" x14ac:dyDescent="0.25">
      <c r="C7180"/>
      <c r="D7180"/>
    </row>
    <row r="7181" spans="3:4" x14ac:dyDescent="0.25">
      <c r="C7181"/>
      <c r="D7181"/>
    </row>
    <row r="7182" spans="3:4" x14ac:dyDescent="0.25">
      <c r="C7182"/>
      <c r="D7182"/>
    </row>
    <row r="7183" spans="3:4" x14ac:dyDescent="0.25">
      <c r="C7183"/>
      <c r="D7183"/>
    </row>
    <row r="7184" spans="3:4" x14ac:dyDescent="0.25">
      <c r="C7184"/>
      <c r="D7184"/>
    </row>
    <row r="7185" spans="3:4" x14ac:dyDescent="0.25">
      <c r="C7185"/>
      <c r="D7185"/>
    </row>
    <row r="7186" spans="3:4" x14ac:dyDescent="0.25">
      <c r="C7186"/>
      <c r="D7186"/>
    </row>
    <row r="7187" spans="3:4" x14ac:dyDescent="0.25">
      <c r="C7187"/>
      <c r="D7187"/>
    </row>
    <row r="7188" spans="3:4" x14ac:dyDescent="0.25">
      <c r="C7188"/>
      <c r="D7188"/>
    </row>
    <row r="7189" spans="3:4" x14ac:dyDescent="0.25">
      <c r="C7189"/>
      <c r="D7189"/>
    </row>
    <row r="7190" spans="3:4" x14ac:dyDescent="0.25">
      <c r="C7190"/>
      <c r="D7190"/>
    </row>
    <row r="7191" spans="3:4" x14ac:dyDescent="0.25">
      <c r="C7191"/>
      <c r="D7191"/>
    </row>
    <row r="7192" spans="3:4" x14ac:dyDescent="0.25">
      <c r="C7192"/>
      <c r="D7192"/>
    </row>
    <row r="7193" spans="3:4" x14ac:dyDescent="0.25">
      <c r="C7193"/>
      <c r="D7193"/>
    </row>
    <row r="7194" spans="3:4" x14ac:dyDescent="0.25">
      <c r="C7194"/>
      <c r="D7194"/>
    </row>
    <row r="7195" spans="3:4" x14ac:dyDescent="0.25">
      <c r="C7195"/>
      <c r="D7195"/>
    </row>
    <row r="7196" spans="3:4" x14ac:dyDescent="0.25">
      <c r="C7196"/>
      <c r="D7196"/>
    </row>
    <row r="7197" spans="3:4" x14ac:dyDescent="0.25">
      <c r="C7197"/>
      <c r="D7197"/>
    </row>
    <row r="7198" spans="3:4" x14ac:dyDescent="0.25">
      <c r="C7198"/>
      <c r="D7198"/>
    </row>
    <row r="7199" spans="3:4" x14ac:dyDescent="0.25">
      <c r="C7199"/>
      <c r="D7199"/>
    </row>
    <row r="7200" spans="3:4" x14ac:dyDescent="0.25">
      <c r="C7200"/>
      <c r="D7200"/>
    </row>
    <row r="7201" spans="3:4" x14ac:dyDescent="0.25">
      <c r="C7201"/>
      <c r="D7201"/>
    </row>
    <row r="7202" spans="3:4" x14ac:dyDescent="0.25">
      <c r="C7202"/>
      <c r="D7202"/>
    </row>
    <row r="7203" spans="3:4" x14ac:dyDescent="0.25">
      <c r="C7203"/>
      <c r="D7203"/>
    </row>
    <row r="7204" spans="3:4" x14ac:dyDescent="0.25">
      <c r="C7204"/>
      <c r="D7204"/>
    </row>
    <row r="7205" spans="3:4" x14ac:dyDescent="0.25">
      <c r="C7205"/>
      <c r="D7205"/>
    </row>
    <row r="7206" spans="3:4" x14ac:dyDescent="0.25">
      <c r="C7206"/>
      <c r="D7206"/>
    </row>
    <row r="7207" spans="3:4" x14ac:dyDescent="0.25">
      <c r="C7207"/>
      <c r="D7207"/>
    </row>
    <row r="7208" spans="3:4" x14ac:dyDescent="0.25">
      <c r="C7208"/>
      <c r="D7208"/>
    </row>
    <row r="7209" spans="3:4" x14ac:dyDescent="0.25">
      <c r="C7209"/>
      <c r="D7209"/>
    </row>
    <row r="7210" spans="3:4" x14ac:dyDescent="0.25">
      <c r="C7210"/>
      <c r="D7210"/>
    </row>
    <row r="7211" spans="3:4" x14ac:dyDescent="0.25">
      <c r="C7211"/>
      <c r="D7211"/>
    </row>
    <row r="7212" spans="3:4" x14ac:dyDescent="0.25">
      <c r="C7212"/>
      <c r="D7212"/>
    </row>
    <row r="7213" spans="3:4" x14ac:dyDescent="0.25">
      <c r="C7213"/>
      <c r="D7213"/>
    </row>
    <row r="7214" spans="3:4" x14ac:dyDescent="0.25">
      <c r="C7214"/>
      <c r="D7214"/>
    </row>
    <row r="7215" spans="3:4" x14ac:dyDescent="0.25">
      <c r="C7215"/>
      <c r="D7215"/>
    </row>
    <row r="7216" spans="3:4" x14ac:dyDescent="0.25">
      <c r="C7216"/>
      <c r="D7216"/>
    </row>
    <row r="7217" spans="3:4" x14ac:dyDescent="0.25">
      <c r="C7217"/>
      <c r="D7217"/>
    </row>
    <row r="7218" spans="3:4" x14ac:dyDescent="0.25">
      <c r="C7218"/>
      <c r="D7218"/>
    </row>
    <row r="7219" spans="3:4" x14ac:dyDescent="0.25">
      <c r="C7219"/>
      <c r="D7219"/>
    </row>
    <row r="7220" spans="3:4" x14ac:dyDescent="0.25">
      <c r="C7220"/>
      <c r="D7220"/>
    </row>
    <row r="7221" spans="3:4" x14ac:dyDescent="0.25">
      <c r="C7221"/>
      <c r="D7221"/>
    </row>
    <row r="7222" spans="3:4" x14ac:dyDescent="0.25">
      <c r="C7222"/>
      <c r="D7222"/>
    </row>
    <row r="7223" spans="3:4" x14ac:dyDescent="0.25">
      <c r="C7223"/>
      <c r="D7223"/>
    </row>
    <row r="7224" spans="3:4" x14ac:dyDescent="0.25">
      <c r="C7224"/>
      <c r="D7224"/>
    </row>
    <row r="7225" spans="3:4" x14ac:dyDescent="0.25">
      <c r="C7225"/>
      <c r="D7225"/>
    </row>
    <row r="7226" spans="3:4" x14ac:dyDescent="0.25">
      <c r="C7226"/>
      <c r="D7226"/>
    </row>
    <row r="7227" spans="3:4" x14ac:dyDescent="0.25">
      <c r="C7227"/>
      <c r="D7227"/>
    </row>
    <row r="7228" spans="3:4" x14ac:dyDescent="0.25">
      <c r="C7228"/>
      <c r="D7228"/>
    </row>
    <row r="7229" spans="3:4" x14ac:dyDescent="0.25">
      <c r="C7229"/>
      <c r="D7229"/>
    </row>
    <row r="7230" spans="3:4" x14ac:dyDescent="0.25">
      <c r="C7230"/>
      <c r="D7230"/>
    </row>
    <row r="7231" spans="3:4" x14ac:dyDescent="0.25">
      <c r="C7231"/>
      <c r="D7231"/>
    </row>
    <row r="7232" spans="3:4" x14ac:dyDescent="0.25">
      <c r="C7232"/>
      <c r="D7232"/>
    </row>
    <row r="7233" spans="3:4" x14ac:dyDescent="0.25">
      <c r="C7233"/>
      <c r="D7233"/>
    </row>
    <row r="7234" spans="3:4" x14ac:dyDescent="0.25">
      <c r="C7234"/>
      <c r="D7234"/>
    </row>
    <row r="7235" spans="3:4" x14ac:dyDescent="0.25">
      <c r="C7235"/>
      <c r="D7235"/>
    </row>
    <row r="7236" spans="3:4" x14ac:dyDescent="0.25">
      <c r="C7236"/>
      <c r="D7236"/>
    </row>
    <row r="7237" spans="3:4" x14ac:dyDescent="0.25">
      <c r="C7237"/>
      <c r="D7237"/>
    </row>
    <row r="7238" spans="3:4" x14ac:dyDescent="0.25">
      <c r="C7238"/>
      <c r="D7238"/>
    </row>
    <row r="7239" spans="3:4" x14ac:dyDescent="0.25">
      <c r="C7239"/>
      <c r="D7239"/>
    </row>
    <row r="7240" spans="3:4" x14ac:dyDescent="0.25">
      <c r="C7240"/>
      <c r="D7240"/>
    </row>
    <row r="7241" spans="3:4" x14ac:dyDescent="0.25">
      <c r="C7241"/>
      <c r="D7241"/>
    </row>
    <row r="7242" spans="3:4" x14ac:dyDescent="0.25">
      <c r="C7242"/>
      <c r="D7242"/>
    </row>
    <row r="7243" spans="3:4" x14ac:dyDescent="0.25">
      <c r="C7243"/>
      <c r="D7243"/>
    </row>
    <row r="7244" spans="3:4" x14ac:dyDescent="0.25">
      <c r="C7244"/>
      <c r="D7244"/>
    </row>
    <row r="7245" spans="3:4" x14ac:dyDescent="0.25">
      <c r="C7245"/>
      <c r="D7245"/>
    </row>
    <row r="7246" spans="3:4" x14ac:dyDescent="0.25">
      <c r="C7246"/>
      <c r="D7246"/>
    </row>
    <row r="7247" spans="3:4" x14ac:dyDescent="0.25">
      <c r="C7247"/>
      <c r="D7247"/>
    </row>
    <row r="7248" spans="3:4" x14ac:dyDescent="0.25">
      <c r="C7248"/>
      <c r="D7248"/>
    </row>
    <row r="7249" spans="3:4" x14ac:dyDescent="0.25">
      <c r="C7249"/>
      <c r="D7249"/>
    </row>
    <row r="7250" spans="3:4" x14ac:dyDescent="0.25">
      <c r="C7250"/>
      <c r="D7250"/>
    </row>
    <row r="7251" spans="3:4" x14ac:dyDescent="0.25">
      <c r="C7251"/>
      <c r="D7251"/>
    </row>
    <row r="7252" spans="3:4" x14ac:dyDescent="0.25">
      <c r="C7252"/>
      <c r="D7252"/>
    </row>
    <row r="7253" spans="3:4" x14ac:dyDescent="0.25">
      <c r="C7253"/>
      <c r="D7253"/>
    </row>
    <row r="7254" spans="3:4" x14ac:dyDescent="0.25">
      <c r="C7254"/>
      <c r="D7254"/>
    </row>
    <row r="7255" spans="3:4" x14ac:dyDescent="0.25">
      <c r="C7255"/>
      <c r="D7255"/>
    </row>
    <row r="7256" spans="3:4" x14ac:dyDescent="0.25">
      <c r="C7256"/>
      <c r="D7256"/>
    </row>
    <row r="7257" spans="3:4" x14ac:dyDescent="0.25">
      <c r="C7257"/>
      <c r="D7257"/>
    </row>
    <row r="7258" spans="3:4" x14ac:dyDescent="0.25">
      <c r="C7258"/>
      <c r="D7258"/>
    </row>
    <row r="7259" spans="3:4" x14ac:dyDescent="0.25">
      <c r="C7259"/>
      <c r="D7259"/>
    </row>
    <row r="7260" spans="3:4" x14ac:dyDescent="0.25">
      <c r="C7260"/>
      <c r="D7260"/>
    </row>
    <row r="7261" spans="3:4" x14ac:dyDescent="0.25">
      <c r="C7261"/>
      <c r="D7261"/>
    </row>
    <row r="7262" spans="3:4" x14ac:dyDescent="0.25">
      <c r="C7262"/>
      <c r="D7262"/>
    </row>
    <row r="7263" spans="3:4" x14ac:dyDescent="0.25">
      <c r="C7263"/>
      <c r="D7263"/>
    </row>
    <row r="7264" spans="3:4" x14ac:dyDescent="0.25">
      <c r="C7264"/>
      <c r="D7264"/>
    </row>
    <row r="7265" spans="3:4" x14ac:dyDescent="0.25">
      <c r="C7265"/>
      <c r="D7265"/>
    </row>
    <row r="7266" spans="3:4" x14ac:dyDescent="0.25">
      <c r="C7266"/>
      <c r="D7266"/>
    </row>
    <row r="7267" spans="3:4" x14ac:dyDescent="0.25">
      <c r="C7267"/>
      <c r="D7267"/>
    </row>
    <row r="7268" spans="3:4" x14ac:dyDescent="0.25">
      <c r="C7268"/>
      <c r="D7268"/>
    </row>
    <row r="7269" spans="3:4" x14ac:dyDescent="0.25">
      <c r="C7269"/>
      <c r="D7269"/>
    </row>
    <row r="7270" spans="3:4" x14ac:dyDescent="0.25">
      <c r="C7270"/>
      <c r="D7270"/>
    </row>
    <row r="7271" spans="3:4" x14ac:dyDescent="0.25">
      <c r="C7271"/>
      <c r="D7271"/>
    </row>
    <row r="7272" spans="3:4" x14ac:dyDescent="0.25">
      <c r="C7272"/>
      <c r="D7272"/>
    </row>
    <row r="7273" spans="3:4" x14ac:dyDescent="0.25">
      <c r="C7273"/>
      <c r="D7273"/>
    </row>
    <row r="7274" spans="3:4" x14ac:dyDescent="0.25">
      <c r="C7274"/>
      <c r="D7274"/>
    </row>
    <row r="7275" spans="3:4" x14ac:dyDescent="0.25">
      <c r="C7275"/>
      <c r="D7275"/>
    </row>
    <row r="7276" spans="3:4" x14ac:dyDescent="0.25">
      <c r="C7276"/>
      <c r="D7276"/>
    </row>
    <row r="7277" spans="3:4" x14ac:dyDescent="0.25">
      <c r="C7277"/>
      <c r="D7277"/>
    </row>
    <row r="7278" spans="3:4" x14ac:dyDescent="0.25">
      <c r="C7278"/>
      <c r="D7278"/>
    </row>
    <row r="7279" spans="3:4" x14ac:dyDescent="0.25">
      <c r="C7279"/>
      <c r="D7279"/>
    </row>
    <row r="7280" spans="3:4" x14ac:dyDescent="0.25">
      <c r="C7280"/>
      <c r="D7280"/>
    </row>
    <row r="7281" spans="3:4" x14ac:dyDescent="0.25">
      <c r="C7281"/>
      <c r="D7281"/>
    </row>
    <row r="7282" spans="3:4" x14ac:dyDescent="0.25">
      <c r="C7282"/>
      <c r="D7282"/>
    </row>
    <row r="7283" spans="3:4" x14ac:dyDescent="0.25">
      <c r="C7283"/>
      <c r="D7283"/>
    </row>
    <row r="7284" spans="3:4" x14ac:dyDescent="0.25">
      <c r="C7284"/>
      <c r="D7284"/>
    </row>
    <row r="7285" spans="3:4" x14ac:dyDescent="0.25">
      <c r="C7285"/>
      <c r="D7285"/>
    </row>
    <row r="7286" spans="3:4" x14ac:dyDescent="0.25">
      <c r="C7286"/>
      <c r="D7286"/>
    </row>
    <row r="7287" spans="3:4" x14ac:dyDescent="0.25">
      <c r="C7287"/>
      <c r="D7287"/>
    </row>
    <row r="7288" spans="3:4" x14ac:dyDescent="0.25">
      <c r="C7288"/>
      <c r="D7288"/>
    </row>
    <row r="7289" spans="3:4" x14ac:dyDescent="0.25">
      <c r="C7289"/>
      <c r="D7289"/>
    </row>
    <row r="7290" spans="3:4" x14ac:dyDescent="0.25">
      <c r="C7290"/>
      <c r="D7290"/>
    </row>
    <row r="7291" spans="3:4" x14ac:dyDescent="0.25">
      <c r="C7291"/>
      <c r="D7291"/>
    </row>
    <row r="7292" spans="3:4" x14ac:dyDescent="0.25">
      <c r="C7292"/>
      <c r="D7292"/>
    </row>
    <row r="7293" spans="3:4" x14ac:dyDescent="0.25">
      <c r="C7293"/>
      <c r="D7293"/>
    </row>
    <row r="7294" spans="3:4" x14ac:dyDescent="0.25">
      <c r="C7294"/>
      <c r="D7294"/>
    </row>
    <row r="7295" spans="3:4" x14ac:dyDescent="0.25">
      <c r="C7295"/>
      <c r="D7295"/>
    </row>
    <row r="7296" spans="3:4" x14ac:dyDescent="0.25">
      <c r="C7296"/>
      <c r="D7296"/>
    </row>
    <row r="7297" spans="3:4" x14ac:dyDescent="0.25">
      <c r="C7297"/>
      <c r="D7297"/>
    </row>
    <row r="7298" spans="3:4" x14ac:dyDescent="0.25">
      <c r="C7298"/>
      <c r="D7298"/>
    </row>
    <row r="7299" spans="3:4" x14ac:dyDescent="0.25">
      <c r="C7299"/>
      <c r="D7299"/>
    </row>
    <row r="7300" spans="3:4" x14ac:dyDescent="0.25">
      <c r="C7300"/>
      <c r="D7300"/>
    </row>
    <row r="7301" spans="3:4" x14ac:dyDescent="0.25">
      <c r="C7301"/>
      <c r="D7301"/>
    </row>
    <row r="7302" spans="3:4" x14ac:dyDescent="0.25">
      <c r="C7302"/>
      <c r="D7302"/>
    </row>
    <row r="7303" spans="3:4" x14ac:dyDescent="0.25">
      <c r="C7303"/>
      <c r="D7303"/>
    </row>
    <row r="7304" spans="3:4" x14ac:dyDescent="0.25">
      <c r="C7304"/>
      <c r="D7304"/>
    </row>
    <row r="7305" spans="3:4" x14ac:dyDescent="0.25">
      <c r="C7305"/>
      <c r="D7305"/>
    </row>
    <row r="7306" spans="3:4" x14ac:dyDescent="0.25">
      <c r="C7306"/>
      <c r="D7306"/>
    </row>
    <row r="7307" spans="3:4" x14ac:dyDescent="0.25">
      <c r="C7307"/>
      <c r="D7307"/>
    </row>
    <row r="7308" spans="3:4" x14ac:dyDescent="0.25">
      <c r="C7308"/>
      <c r="D7308"/>
    </row>
    <row r="7309" spans="3:4" x14ac:dyDescent="0.25">
      <c r="C7309"/>
      <c r="D7309"/>
    </row>
    <row r="7310" spans="3:4" x14ac:dyDescent="0.25">
      <c r="C7310"/>
      <c r="D7310"/>
    </row>
    <row r="7311" spans="3:4" x14ac:dyDescent="0.25">
      <c r="C7311"/>
      <c r="D7311"/>
    </row>
    <row r="7312" spans="3:4" x14ac:dyDescent="0.25">
      <c r="C7312"/>
      <c r="D7312"/>
    </row>
    <row r="7313" spans="3:4" x14ac:dyDescent="0.25">
      <c r="C7313"/>
      <c r="D7313"/>
    </row>
    <row r="7314" spans="3:4" x14ac:dyDescent="0.25">
      <c r="C7314"/>
      <c r="D7314"/>
    </row>
    <row r="7315" spans="3:4" x14ac:dyDescent="0.25">
      <c r="C7315"/>
      <c r="D7315"/>
    </row>
    <row r="7316" spans="3:4" x14ac:dyDescent="0.25">
      <c r="C7316"/>
      <c r="D7316"/>
    </row>
    <row r="7317" spans="3:4" x14ac:dyDescent="0.25">
      <c r="C7317"/>
      <c r="D7317"/>
    </row>
    <row r="7318" spans="3:4" x14ac:dyDescent="0.25">
      <c r="C7318"/>
      <c r="D7318"/>
    </row>
    <row r="7319" spans="3:4" x14ac:dyDescent="0.25">
      <c r="C7319"/>
      <c r="D7319"/>
    </row>
    <row r="7320" spans="3:4" x14ac:dyDescent="0.25">
      <c r="C7320"/>
      <c r="D7320"/>
    </row>
    <row r="7321" spans="3:4" x14ac:dyDescent="0.25">
      <c r="C7321"/>
      <c r="D7321"/>
    </row>
    <row r="7322" spans="3:4" x14ac:dyDescent="0.25">
      <c r="C7322"/>
      <c r="D7322"/>
    </row>
    <row r="7323" spans="3:4" x14ac:dyDescent="0.25">
      <c r="C7323"/>
      <c r="D7323"/>
    </row>
    <row r="7324" spans="3:4" x14ac:dyDescent="0.25">
      <c r="C7324"/>
      <c r="D7324"/>
    </row>
    <row r="7325" spans="3:4" x14ac:dyDescent="0.25">
      <c r="C7325"/>
      <c r="D7325"/>
    </row>
    <row r="7326" spans="3:4" x14ac:dyDescent="0.25">
      <c r="C7326"/>
      <c r="D7326"/>
    </row>
    <row r="7327" spans="3:4" x14ac:dyDescent="0.25">
      <c r="C7327"/>
      <c r="D7327"/>
    </row>
    <row r="7328" spans="3:4" x14ac:dyDescent="0.25">
      <c r="C7328"/>
      <c r="D7328"/>
    </row>
    <row r="7329" spans="3:4" x14ac:dyDescent="0.25">
      <c r="C7329"/>
      <c r="D7329"/>
    </row>
    <row r="7330" spans="3:4" x14ac:dyDescent="0.25">
      <c r="C7330"/>
      <c r="D7330"/>
    </row>
    <row r="7331" spans="3:4" x14ac:dyDescent="0.25">
      <c r="C7331"/>
      <c r="D7331"/>
    </row>
    <row r="7332" spans="3:4" x14ac:dyDescent="0.25">
      <c r="C7332"/>
      <c r="D7332"/>
    </row>
    <row r="7333" spans="3:4" x14ac:dyDescent="0.25">
      <c r="C7333"/>
      <c r="D7333"/>
    </row>
    <row r="7334" spans="3:4" x14ac:dyDescent="0.25">
      <c r="C7334"/>
      <c r="D7334"/>
    </row>
    <row r="7335" spans="3:4" x14ac:dyDescent="0.25">
      <c r="C7335"/>
      <c r="D7335"/>
    </row>
    <row r="7336" spans="3:4" x14ac:dyDescent="0.25">
      <c r="C7336"/>
      <c r="D7336"/>
    </row>
    <row r="7337" spans="3:4" x14ac:dyDescent="0.25">
      <c r="C7337"/>
      <c r="D7337"/>
    </row>
    <row r="7338" spans="3:4" x14ac:dyDescent="0.25">
      <c r="C7338"/>
      <c r="D7338"/>
    </row>
    <row r="7339" spans="3:4" x14ac:dyDescent="0.25">
      <c r="C7339"/>
      <c r="D7339"/>
    </row>
    <row r="7340" spans="3:4" x14ac:dyDescent="0.25">
      <c r="C7340"/>
      <c r="D7340"/>
    </row>
    <row r="7341" spans="3:4" x14ac:dyDescent="0.25">
      <c r="C7341"/>
      <c r="D7341"/>
    </row>
    <row r="7342" spans="3:4" x14ac:dyDescent="0.25">
      <c r="C7342"/>
      <c r="D7342"/>
    </row>
    <row r="7343" spans="3:4" x14ac:dyDescent="0.25">
      <c r="C7343"/>
      <c r="D7343"/>
    </row>
    <row r="7344" spans="3:4" x14ac:dyDescent="0.25">
      <c r="C7344"/>
      <c r="D7344"/>
    </row>
    <row r="7345" spans="3:4" x14ac:dyDescent="0.25">
      <c r="C7345"/>
      <c r="D7345"/>
    </row>
    <row r="7346" spans="3:4" x14ac:dyDescent="0.25">
      <c r="C7346"/>
      <c r="D7346"/>
    </row>
    <row r="7347" spans="3:4" x14ac:dyDescent="0.25">
      <c r="C7347"/>
      <c r="D7347"/>
    </row>
    <row r="7348" spans="3:4" x14ac:dyDescent="0.25">
      <c r="C7348"/>
      <c r="D7348"/>
    </row>
    <row r="7349" spans="3:4" x14ac:dyDescent="0.25">
      <c r="C7349"/>
      <c r="D7349"/>
    </row>
    <row r="7350" spans="3:4" x14ac:dyDescent="0.25">
      <c r="C7350"/>
      <c r="D7350"/>
    </row>
    <row r="7351" spans="3:4" x14ac:dyDescent="0.25">
      <c r="C7351"/>
      <c r="D7351"/>
    </row>
    <row r="7352" spans="3:4" x14ac:dyDescent="0.25">
      <c r="C7352"/>
      <c r="D7352"/>
    </row>
    <row r="7353" spans="3:4" x14ac:dyDescent="0.25">
      <c r="C7353"/>
      <c r="D7353"/>
    </row>
    <row r="7354" spans="3:4" x14ac:dyDescent="0.25">
      <c r="C7354"/>
      <c r="D7354"/>
    </row>
    <row r="7355" spans="3:4" x14ac:dyDescent="0.25">
      <c r="C7355"/>
      <c r="D7355"/>
    </row>
    <row r="7356" spans="3:4" x14ac:dyDescent="0.25">
      <c r="C7356"/>
      <c r="D7356"/>
    </row>
    <row r="7357" spans="3:4" x14ac:dyDescent="0.25">
      <c r="C7357"/>
      <c r="D7357"/>
    </row>
    <row r="7358" spans="3:4" x14ac:dyDescent="0.25">
      <c r="C7358"/>
      <c r="D7358"/>
    </row>
    <row r="7359" spans="3:4" x14ac:dyDescent="0.25">
      <c r="C7359"/>
      <c r="D7359"/>
    </row>
    <row r="7360" spans="3:4" x14ac:dyDescent="0.25">
      <c r="C7360"/>
      <c r="D7360"/>
    </row>
    <row r="7361" spans="3:4" x14ac:dyDescent="0.25">
      <c r="C7361"/>
      <c r="D7361"/>
    </row>
    <row r="7362" spans="3:4" x14ac:dyDescent="0.25">
      <c r="C7362"/>
      <c r="D7362"/>
    </row>
    <row r="7363" spans="3:4" x14ac:dyDescent="0.25">
      <c r="C7363"/>
      <c r="D7363"/>
    </row>
    <row r="7364" spans="3:4" x14ac:dyDescent="0.25">
      <c r="C7364"/>
      <c r="D7364"/>
    </row>
    <row r="7365" spans="3:4" x14ac:dyDescent="0.25">
      <c r="C7365"/>
      <c r="D7365"/>
    </row>
    <row r="7366" spans="3:4" x14ac:dyDescent="0.25">
      <c r="C7366"/>
      <c r="D7366"/>
    </row>
    <row r="7367" spans="3:4" x14ac:dyDescent="0.25">
      <c r="C7367"/>
      <c r="D7367"/>
    </row>
    <row r="7368" spans="3:4" x14ac:dyDescent="0.25">
      <c r="C7368"/>
      <c r="D7368"/>
    </row>
    <row r="7369" spans="3:4" x14ac:dyDescent="0.25">
      <c r="C7369"/>
      <c r="D7369"/>
    </row>
    <row r="7370" spans="3:4" x14ac:dyDescent="0.25">
      <c r="C7370"/>
      <c r="D7370"/>
    </row>
    <row r="7371" spans="3:4" x14ac:dyDescent="0.25">
      <c r="C7371"/>
      <c r="D7371"/>
    </row>
    <row r="7372" spans="3:4" x14ac:dyDescent="0.25">
      <c r="C7372"/>
      <c r="D7372"/>
    </row>
    <row r="7373" spans="3:4" x14ac:dyDescent="0.25">
      <c r="C7373"/>
      <c r="D7373"/>
    </row>
    <row r="7374" spans="3:4" x14ac:dyDescent="0.25">
      <c r="C7374"/>
      <c r="D7374"/>
    </row>
    <row r="7375" spans="3:4" x14ac:dyDescent="0.25">
      <c r="C7375"/>
      <c r="D7375"/>
    </row>
    <row r="7376" spans="3:4" x14ac:dyDescent="0.25">
      <c r="C7376"/>
      <c r="D7376"/>
    </row>
    <row r="7377" spans="3:4" x14ac:dyDescent="0.25">
      <c r="C7377"/>
      <c r="D7377"/>
    </row>
    <row r="7378" spans="3:4" x14ac:dyDescent="0.25">
      <c r="C7378"/>
      <c r="D7378"/>
    </row>
    <row r="7379" spans="3:4" x14ac:dyDescent="0.25">
      <c r="C7379"/>
      <c r="D7379"/>
    </row>
    <row r="7380" spans="3:4" x14ac:dyDescent="0.25">
      <c r="C7380"/>
      <c r="D7380"/>
    </row>
    <row r="7381" spans="3:4" x14ac:dyDescent="0.25">
      <c r="C7381"/>
      <c r="D7381"/>
    </row>
    <row r="7382" spans="3:4" x14ac:dyDescent="0.25">
      <c r="C7382"/>
      <c r="D7382"/>
    </row>
    <row r="7383" spans="3:4" x14ac:dyDescent="0.25">
      <c r="C7383"/>
      <c r="D7383"/>
    </row>
    <row r="7384" spans="3:4" x14ac:dyDescent="0.25">
      <c r="C7384"/>
      <c r="D7384"/>
    </row>
    <row r="7385" spans="3:4" x14ac:dyDescent="0.25">
      <c r="C7385"/>
      <c r="D7385"/>
    </row>
    <row r="7386" spans="3:4" x14ac:dyDescent="0.25">
      <c r="C7386"/>
      <c r="D7386"/>
    </row>
    <row r="7387" spans="3:4" x14ac:dyDescent="0.25">
      <c r="C7387"/>
      <c r="D7387"/>
    </row>
    <row r="7388" spans="3:4" x14ac:dyDescent="0.25">
      <c r="C7388"/>
      <c r="D7388"/>
    </row>
    <row r="7389" spans="3:4" x14ac:dyDescent="0.25">
      <c r="C7389"/>
      <c r="D7389"/>
    </row>
    <row r="7390" spans="3:4" x14ac:dyDescent="0.25">
      <c r="C7390"/>
      <c r="D7390"/>
    </row>
    <row r="7391" spans="3:4" x14ac:dyDescent="0.25">
      <c r="C7391"/>
      <c r="D7391"/>
    </row>
    <row r="7392" spans="3:4" x14ac:dyDescent="0.25">
      <c r="C7392"/>
      <c r="D7392"/>
    </row>
    <row r="7393" spans="3:4" x14ac:dyDescent="0.25">
      <c r="C7393"/>
      <c r="D7393"/>
    </row>
    <row r="7394" spans="3:4" x14ac:dyDescent="0.25">
      <c r="C7394"/>
      <c r="D7394"/>
    </row>
    <row r="7395" spans="3:4" x14ac:dyDescent="0.25">
      <c r="C7395"/>
      <c r="D7395"/>
    </row>
    <row r="7396" spans="3:4" x14ac:dyDescent="0.25">
      <c r="C7396"/>
      <c r="D7396"/>
    </row>
    <row r="7397" spans="3:4" x14ac:dyDescent="0.25">
      <c r="C7397"/>
      <c r="D7397"/>
    </row>
    <row r="7398" spans="3:4" x14ac:dyDescent="0.25">
      <c r="C7398"/>
      <c r="D7398"/>
    </row>
    <row r="7399" spans="3:4" x14ac:dyDescent="0.25">
      <c r="C7399"/>
      <c r="D7399"/>
    </row>
    <row r="7400" spans="3:4" x14ac:dyDescent="0.25">
      <c r="C7400"/>
      <c r="D7400"/>
    </row>
    <row r="7401" spans="3:4" x14ac:dyDescent="0.25">
      <c r="C7401"/>
      <c r="D7401"/>
    </row>
    <row r="7402" spans="3:4" x14ac:dyDescent="0.25">
      <c r="C7402"/>
      <c r="D7402"/>
    </row>
    <row r="7403" spans="3:4" x14ac:dyDescent="0.25">
      <c r="C7403"/>
      <c r="D7403"/>
    </row>
    <row r="7404" spans="3:4" x14ac:dyDescent="0.25">
      <c r="C7404"/>
      <c r="D7404"/>
    </row>
    <row r="7405" spans="3:4" x14ac:dyDescent="0.25">
      <c r="C7405"/>
      <c r="D7405"/>
    </row>
    <row r="7406" spans="3:4" x14ac:dyDescent="0.25">
      <c r="C7406"/>
      <c r="D7406"/>
    </row>
    <row r="7407" spans="3:4" x14ac:dyDescent="0.25">
      <c r="C7407"/>
      <c r="D7407"/>
    </row>
    <row r="7408" spans="3:4" x14ac:dyDescent="0.25">
      <c r="C7408"/>
      <c r="D7408"/>
    </row>
    <row r="7409" spans="3:4" x14ac:dyDescent="0.25">
      <c r="C7409"/>
      <c r="D7409"/>
    </row>
    <row r="7410" spans="3:4" x14ac:dyDescent="0.25">
      <c r="C7410"/>
      <c r="D7410"/>
    </row>
    <row r="7411" spans="3:4" x14ac:dyDescent="0.25">
      <c r="C7411"/>
      <c r="D7411"/>
    </row>
    <row r="7412" spans="3:4" x14ac:dyDescent="0.25">
      <c r="C7412"/>
      <c r="D7412"/>
    </row>
    <row r="7413" spans="3:4" x14ac:dyDescent="0.25">
      <c r="C7413"/>
      <c r="D7413"/>
    </row>
    <row r="7414" spans="3:4" x14ac:dyDescent="0.25">
      <c r="C7414"/>
      <c r="D7414"/>
    </row>
    <row r="7415" spans="3:4" x14ac:dyDescent="0.25">
      <c r="C7415"/>
      <c r="D7415"/>
    </row>
    <row r="7416" spans="3:4" x14ac:dyDescent="0.25">
      <c r="C7416"/>
      <c r="D7416"/>
    </row>
    <row r="7417" spans="3:4" x14ac:dyDescent="0.25">
      <c r="C7417"/>
      <c r="D7417"/>
    </row>
    <row r="7418" spans="3:4" x14ac:dyDescent="0.25">
      <c r="C7418"/>
      <c r="D7418"/>
    </row>
    <row r="7419" spans="3:4" x14ac:dyDescent="0.25">
      <c r="C7419"/>
      <c r="D7419"/>
    </row>
    <row r="7420" spans="3:4" x14ac:dyDescent="0.25">
      <c r="C7420"/>
      <c r="D7420"/>
    </row>
    <row r="7421" spans="3:4" x14ac:dyDescent="0.25">
      <c r="C7421"/>
      <c r="D7421"/>
    </row>
    <row r="7422" spans="3:4" x14ac:dyDescent="0.25">
      <c r="C7422"/>
      <c r="D7422"/>
    </row>
    <row r="7423" spans="3:4" x14ac:dyDescent="0.25">
      <c r="C7423"/>
      <c r="D7423"/>
    </row>
    <row r="7424" spans="3:4" x14ac:dyDescent="0.25">
      <c r="C7424"/>
      <c r="D7424"/>
    </row>
    <row r="7425" spans="3:4" x14ac:dyDescent="0.25">
      <c r="C7425"/>
      <c r="D7425"/>
    </row>
    <row r="7426" spans="3:4" x14ac:dyDescent="0.25">
      <c r="C7426"/>
      <c r="D7426"/>
    </row>
    <row r="7427" spans="3:4" x14ac:dyDescent="0.25">
      <c r="C7427"/>
      <c r="D7427"/>
    </row>
    <row r="7428" spans="3:4" x14ac:dyDescent="0.25">
      <c r="C7428"/>
      <c r="D7428"/>
    </row>
    <row r="7429" spans="3:4" x14ac:dyDescent="0.25">
      <c r="C7429"/>
      <c r="D7429"/>
    </row>
    <row r="7430" spans="3:4" x14ac:dyDescent="0.25">
      <c r="C7430"/>
      <c r="D7430"/>
    </row>
    <row r="7431" spans="3:4" x14ac:dyDescent="0.25">
      <c r="C7431"/>
      <c r="D7431"/>
    </row>
    <row r="7432" spans="3:4" x14ac:dyDescent="0.25">
      <c r="C7432"/>
      <c r="D7432"/>
    </row>
    <row r="7433" spans="3:4" x14ac:dyDescent="0.25">
      <c r="C7433"/>
      <c r="D7433"/>
    </row>
    <row r="7434" spans="3:4" x14ac:dyDescent="0.25">
      <c r="C7434"/>
      <c r="D7434"/>
    </row>
    <row r="7435" spans="3:4" x14ac:dyDescent="0.25">
      <c r="C7435"/>
      <c r="D7435"/>
    </row>
    <row r="7436" spans="3:4" x14ac:dyDescent="0.25">
      <c r="C7436"/>
      <c r="D7436"/>
    </row>
    <row r="7437" spans="3:4" x14ac:dyDescent="0.25">
      <c r="C7437"/>
      <c r="D7437"/>
    </row>
    <row r="7438" spans="3:4" x14ac:dyDescent="0.25">
      <c r="C7438"/>
      <c r="D7438"/>
    </row>
    <row r="7439" spans="3:4" x14ac:dyDescent="0.25">
      <c r="C7439"/>
      <c r="D7439"/>
    </row>
    <row r="7440" spans="3:4" x14ac:dyDescent="0.25">
      <c r="C7440"/>
      <c r="D7440"/>
    </row>
    <row r="7441" spans="3:4" x14ac:dyDescent="0.25">
      <c r="C7441"/>
      <c r="D7441"/>
    </row>
    <row r="7442" spans="3:4" x14ac:dyDescent="0.25">
      <c r="C7442"/>
      <c r="D7442"/>
    </row>
    <row r="7443" spans="3:4" x14ac:dyDescent="0.25">
      <c r="C7443"/>
      <c r="D7443"/>
    </row>
    <row r="7444" spans="3:4" x14ac:dyDescent="0.25">
      <c r="C7444"/>
      <c r="D7444"/>
    </row>
    <row r="7445" spans="3:4" x14ac:dyDescent="0.25">
      <c r="C7445"/>
      <c r="D7445"/>
    </row>
    <row r="7446" spans="3:4" x14ac:dyDescent="0.25">
      <c r="C7446"/>
      <c r="D7446"/>
    </row>
    <row r="7447" spans="3:4" x14ac:dyDescent="0.25">
      <c r="C7447"/>
      <c r="D7447"/>
    </row>
    <row r="7448" spans="3:4" x14ac:dyDescent="0.25">
      <c r="C7448"/>
      <c r="D7448"/>
    </row>
    <row r="7449" spans="3:4" x14ac:dyDescent="0.25">
      <c r="C7449"/>
      <c r="D7449"/>
    </row>
    <row r="7450" spans="3:4" x14ac:dyDescent="0.25">
      <c r="C7450"/>
      <c r="D7450"/>
    </row>
    <row r="7451" spans="3:4" x14ac:dyDescent="0.25">
      <c r="C7451"/>
      <c r="D7451"/>
    </row>
    <row r="7452" spans="3:4" x14ac:dyDescent="0.25">
      <c r="C7452"/>
      <c r="D7452"/>
    </row>
    <row r="7453" spans="3:4" x14ac:dyDescent="0.25">
      <c r="C7453"/>
      <c r="D7453"/>
    </row>
    <row r="7454" spans="3:4" x14ac:dyDescent="0.25">
      <c r="C7454"/>
      <c r="D7454"/>
    </row>
    <row r="7455" spans="3:4" x14ac:dyDescent="0.25">
      <c r="C7455"/>
      <c r="D7455"/>
    </row>
    <row r="7456" spans="3:4" x14ac:dyDescent="0.25">
      <c r="C7456"/>
      <c r="D7456"/>
    </row>
    <row r="7457" spans="3:4" x14ac:dyDescent="0.25">
      <c r="C7457"/>
      <c r="D7457"/>
    </row>
    <row r="7458" spans="3:4" x14ac:dyDescent="0.25">
      <c r="C7458"/>
      <c r="D7458"/>
    </row>
    <row r="7459" spans="3:4" x14ac:dyDescent="0.25">
      <c r="C7459"/>
      <c r="D7459"/>
    </row>
    <row r="7460" spans="3:4" x14ac:dyDescent="0.25">
      <c r="C7460"/>
      <c r="D7460"/>
    </row>
    <row r="7461" spans="3:4" x14ac:dyDescent="0.25">
      <c r="C7461"/>
      <c r="D7461"/>
    </row>
    <row r="7462" spans="3:4" x14ac:dyDescent="0.25">
      <c r="C7462"/>
      <c r="D7462"/>
    </row>
    <row r="7463" spans="3:4" x14ac:dyDescent="0.25">
      <c r="C7463"/>
      <c r="D7463"/>
    </row>
    <row r="7464" spans="3:4" x14ac:dyDescent="0.25">
      <c r="C7464"/>
      <c r="D7464"/>
    </row>
    <row r="7465" spans="3:4" x14ac:dyDescent="0.25">
      <c r="C7465"/>
      <c r="D7465"/>
    </row>
    <row r="7466" spans="3:4" x14ac:dyDescent="0.25">
      <c r="C7466"/>
      <c r="D7466"/>
    </row>
    <row r="7467" spans="3:4" x14ac:dyDescent="0.25">
      <c r="C7467"/>
      <c r="D7467"/>
    </row>
    <row r="7468" spans="3:4" x14ac:dyDescent="0.25">
      <c r="C7468"/>
      <c r="D7468"/>
    </row>
    <row r="7469" spans="3:4" x14ac:dyDescent="0.25">
      <c r="C7469"/>
      <c r="D7469"/>
    </row>
    <row r="7470" spans="3:4" x14ac:dyDescent="0.25">
      <c r="C7470"/>
      <c r="D7470"/>
    </row>
    <row r="7471" spans="3:4" x14ac:dyDescent="0.25">
      <c r="C7471"/>
      <c r="D7471"/>
    </row>
    <row r="7472" spans="3:4" x14ac:dyDescent="0.25">
      <c r="C7472"/>
      <c r="D7472"/>
    </row>
    <row r="7473" spans="3:4" x14ac:dyDescent="0.25">
      <c r="C7473"/>
      <c r="D7473"/>
    </row>
    <row r="7474" spans="3:4" x14ac:dyDescent="0.25">
      <c r="C7474"/>
      <c r="D7474"/>
    </row>
    <row r="7475" spans="3:4" x14ac:dyDescent="0.25">
      <c r="C7475"/>
      <c r="D7475"/>
    </row>
    <row r="7476" spans="3:4" x14ac:dyDescent="0.25">
      <c r="C7476"/>
      <c r="D7476"/>
    </row>
    <row r="7477" spans="3:4" x14ac:dyDescent="0.25">
      <c r="C7477"/>
      <c r="D7477"/>
    </row>
    <row r="7478" spans="3:4" x14ac:dyDescent="0.25">
      <c r="C7478"/>
      <c r="D7478"/>
    </row>
    <row r="7479" spans="3:4" x14ac:dyDescent="0.25">
      <c r="C7479"/>
      <c r="D7479"/>
    </row>
    <row r="7480" spans="3:4" x14ac:dyDescent="0.25">
      <c r="C7480"/>
      <c r="D7480"/>
    </row>
    <row r="7481" spans="3:4" x14ac:dyDescent="0.25">
      <c r="C7481"/>
      <c r="D7481"/>
    </row>
    <row r="7482" spans="3:4" x14ac:dyDescent="0.25">
      <c r="C7482"/>
      <c r="D7482"/>
    </row>
    <row r="7483" spans="3:4" x14ac:dyDescent="0.25">
      <c r="C7483"/>
      <c r="D7483"/>
    </row>
    <row r="7484" spans="3:4" x14ac:dyDescent="0.25">
      <c r="C7484"/>
      <c r="D7484"/>
    </row>
    <row r="7485" spans="3:4" x14ac:dyDescent="0.25">
      <c r="C7485"/>
      <c r="D7485"/>
    </row>
    <row r="7486" spans="3:4" x14ac:dyDescent="0.25">
      <c r="C7486"/>
      <c r="D7486"/>
    </row>
    <row r="7487" spans="3:4" x14ac:dyDescent="0.25">
      <c r="C7487"/>
      <c r="D7487"/>
    </row>
    <row r="7488" spans="3:4" x14ac:dyDescent="0.25">
      <c r="C7488"/>
      <c r="D7488"/>
    </row>
    <row r="7489" spans="3:4" x14ac:dyDescent="0.25">
      <c r="C7489"/>
      <c r="D7489"/>
    </row>
    <row r="7490" spans="3:4" x14ac:dyDescent="0.25">
      <c r="C7490"/>
      <c r="D7490"/>
    </row>
    <row r="7491" spans="3:4" x14ac:dyDescent="0.25">
      <c r="C7491"/>
      <c r="D7491"/>
    </row>
    <row r="7492" spans="3:4" x14ac:dyDescent="0.25">
      <c r="C7492"/>
      <c r="D7492"/>
    </row>
    <row r="7493" spans="3:4" x14ac:dyDescent="0.25">
      <c r="C7493"/>
      <c r="D7493"/>
    </row>
    <row r="7494" spans="3:4" x14ac:dyDescent="0.25">
      <c r="C7494"/>
      <c r="D7494"/>
    </row>
    <row r="7495" spans="3:4" x14ac:dyDescent="0.25">
      <c r="C7495"/>
      <c r="D7495"/>
    </row>
    <row r="7496" spans="3:4" x14ac:dyDescent="0.25">
      <c r="C7496"/>
      <c r="D7496"/>
    </row>
    <row r="7497" spans="3:4" x14ac:dyDescent="0.25">
      <c r="C7497"/>
      <c r="D7497"/>
    </row>
    <row r="7498" spans="3:4" x14ac:dyDescent="0.25">
      <c r="C7498"/>
      <c r="D7498"/>
    </row>
    <row r="7499" spans="3:4" x14ac:dyDescent="0.25">
      <c r="C7499"/>
      <c r="D7499"/>
    </row>
    <row r="7500" spans="3:4" x14ac:dyDescent="0.25">
      <c r="C7500"/>
      <c r="D7500"/>
    </row>
    <row r="7501" spans="3:4" x14ac:dyDescent="0.25">
      <c r="C7501"/>
      <c r="D7501"/>
    </row>
    <row r="7502" spans="3:4" x14ac:dyDescent="0.25">
      <c r="C7502"/>
      <c r="D7502"/>
    </row>
    <row r="7503" spans="3:4" x14ac:dyDescent="0.25">
      <c r="C7503"/>
      <c r="D7503"/>
    </row>
    <row r="7504" spans="3:4" x14ac:dyDescent="0.25">
      <c r="C7504"/>
      <c r="D7504"/>
    </row>
    <row r="7505" spans="3:4" x14ac:dyDescent="0.25">
      <c r="C7505"/>
      <c r="D7505"/>
    </row>
    <row r="7506" spans="3:4" x14ac:dyDescent="0.25">
      <c r="C7506"/>
      <c r="D7506"/>
    </row>
    <row r="7507" spans="3:4" x14ac:dyDescent="0.25">
      <c r="C7507"/>
      <c r="D7507"/>
    </row>
    <row r="7508" spans="3:4" x14ac:dyDescent="0.25">
      <c r="C7508"/>
      <c r="D7508"/>
    </row>
    <row r="7509" spans="3:4" x14ac:dyDescent="0.25">
      <c r="C7509"/>
      <c r="D7509"/>
    </row>
    <row r="7510" spans="3:4" x14ac:dyDescent="0.25">
      <c r="C7510"/>
      <c r="D7510"/>
    </row>
    <row r="7511" spans="3:4" x14ac:dyDescent="0.25">
      <c r="C7511"/>
      <c r="D7511"/>
    </row>
    <row r="7512" spans="3:4" x14ac:dyDescent="0.25">
      <c r="C7512"/>
      <c r="D7512"/>
    </row>
    <row r="7513" spans="3:4" x14ac:dyDescent="0.25">
      <c r="C7513"/>
      <c r="D7513"/>
    </row>
    <row r="7514" spans="3:4" x14ac:dyDescent="0.25">
      <c r="C7514"/>
      <c r="D7514"/>
    </row>
    <row r="7515" spans="3:4" x14ac:dyDescent="0.25">
      <c r="C7515"/>
      <c r="D7515"/>
    </row>
    <row r="7516" spans="3:4" x14ac:dyDescent="0.25">
      <c r="C7516"/>
      <c r="D7516"/>
    </row>
    <row r="7517" spans="3:4" x14ac:dyDescent="0.25">
      <c r="C7517"/>
      <c r="D7517"/>
    </row>
    <row r="7518" spans="3:4" x14ac:dyDescent="0.25">
      <c r="C7518"/>
      <c r="D7518"/>
    </row>
    <row r="7519" spans="3:4" x14ac:dyDescent="0.25">
      <c r="C7519"/>
      <c r="D7519"/>
    </row>
    <row r="7520" spans="3:4" x14ac:dyDescent="0.25">
      <c r="C7520"/>
      <c r="D7520"/>
    </row>
    <row r="7521" spans="3:4" x14ac:dyDescent="0.25">
      <c r="C7521"/>
      <c r="D7521"/>
    </row>
    <row r="7522" spans="3:4" x14ac:dyDescent="0.25">
      <c r="C7522"/>
      <c r="D7522"/>
    </row>
    <row r="7523" spans="3:4" x14ac:dyDescent="0.25">
      <c r="C7523"/>
      <c r="D7523"/>
    </row>
    <row r="7524" spans="3:4" x14ac:dyDescent="0.25">
      <c r="C7524"/>
      <c r="D7524"/>
    </row>
    <row r="7525" spans="3:4" x14ac:dyDescent="0.25">
      <c r="C7525"/>
      <c r="D7525"/>
    </row>
    <row r="7526" spans="3:4" x14ac:dyDescent="0.25">
      <c r="C7526"/>
      <c r="D7526"/>
    </row>
    <row r="7527" spans="3:4" x14ac:dyDescent="0.25">
      <c r="C7527"/>
      <c r="D7527"/>
    </row>
    <row r="7528" spans="3:4" x14ac:dyDescent="0.25">
      <c r="C7528"/>
      <c r="D7528"/>
    </row>
    <row r="7529" spans="3:4" x14ac:dyDescent="0.25">
      <c r="C7529"/>
      <c r="D7529"/>
    </row>
    <row r="7530" spans="3:4" x14ac:dyDescent="0.25">
      <c r="C7530"/>
      <c r="D7530"/>
    </row>
    <row r="7531" spans="3:4" x14ac:dyDescent="0.25">
      <c r="C7531"/>
      <c r="D7531"/>
    </row>
    <row r="7532" spans="3:4" x14ac:dyDescent="0.25">
      <c r="C7532"/>
      <c r="D7532"/>
    </row>
    <row r="7533" spans="3:4" x14ac:dyDescent="0.25">
      <c r="C7533"/>
      <c r="D7533"/>
    </row>
    <row r="7534" spans="3:4" x14ac:dyDescent="0.25">
      <c r="C7534"/>
      <c r="D7534"/>
    </row>
    <row r="7535" spans="3:4" x14ac:dyDescent="0.25">
      <c r="C7535"/>
      <c r="D7535"/>
    </row>
    <row r="7536" spans="3:4" x14ac:dyDescent="0.25">
      <c r="C7536"/>
      <c r="D7536"/>
    </row>
    <row r="7537" spans="3:4" x14ac:dyDescent="0.25">
      <c r="C7537"/>
      <c r="D7537"/>
    </row>
    <row r="7538" spans="3:4" x14ac:dyDescent="0.25">
      <c r="C7538"/>
      <c r="D7538"/>
    </row>
    <row r="7539" spans="3:4" x14ac:dyDescent="0.25">
      <c r="C7539"/>
      <c r="D7539"/>
    </row>
    <row r="7540" spans="3:4" x14ac:dyDescent="0.25">
      <c r="C7540"/>
      <c r="D7540"/>
    </row>
    <row r="7541" spans="3:4" x14ac:dyDescent="0.25">
      <c r="C7541"/>
      <c r="D7541"/>
    </row>
    <row r="7542" spans="3:4" x14ac:dyDescent="0.25">
      <c r="C7542"/>
      <c r="D7542"/>
    </row>
    <row r="7543" spans="3:4" x14ac:dyDescent="0.25">
      <c r="C7543"/>
      <c r="D7543"/>
    </row>
    <row r="7544" spans="3:4" x14ac:dyDescent="0.25">
      <c r="C7544"/>
      <c r="D7544"/>
    </row>
    <row r="7545" spans="3:4" x14ac:dyDescent="0.25">
      <c r="C7545"/>
      <c r="D7545"/>
    </row>
    <row r="7546" spans="3:4" x14ac:dyDescent="0.25">
      <c r="C7546"/>
      <c r="D7546"/>
    </row>
    <row r="7547" spans="3:4" x14ac:dyDescent="0.25">
      <c r="C7547"/>
      <c r="D7547"/>
    </row>
    <row r="7548" spans="3:4" x14ac:dyDescent="0.25">
      <c r="C7548"/>
      <c r="D7548"/>
    </row>
    <row r="7549" spans="3:4" x14ac:dyDescent="0.25">
      <c r="C7549"/>
      <c r="D7549"/>
    </row>
    <row r="7550" spans="3:4" x14ac:dyDescent="0.25">
      <c r="C7550"/>
      <c r="D7550"/>
    </row>
    <row r="7551" spans="3:4" x14ac:dyDescent="0.25">
      <c r="C7551"/>
      <c r="D7551"/>
    </row>
    <row r="7552" spans="3:4" x14ac:dyDescent="0.25">
      <c r="C7552"/>
      <c r="D7552"/>
    </row>
    <row r="7553" spans="3:4" x14ac:dyDescent="0.25">
      <c r="C7553"/>
      <c r="D7553"/>
    </row>
    <row r="7554" spans="3:4" x14ac:dyDescent="0.25">
      <c r="C7554"/>
      <c r="D7554"/>
    </row>
    <row r="7555" spans="3:4" x14ac:dyDescent="0.25">
      <c r="C7555"/>
      <c r="D7555"/>
    </row>
    <row r="7556" spans="3:4" x14ac:dyDescent="0.25">
      <c r="C7556"/>
      <c r="D7556"/>
    </row>
    <row r="7557" spans="3:4" x14ac:dyDescent="0.25">
      <c r="C7557"/>
      <c r="D7557"/>
    </row>
    <row r="7558" spans="3:4" x14ac:dyDescent="0.25">
      <c r="C7558"/>
      <c r="D7558"/>
    </row>
    <row r="7559" spans="3:4" x14ac:dyDescent="0.25">
      <c r="C7559"/>
      <c r="D7559"/>
    </row>
    <row r="7560" spans="3:4" x14ac:dyDescent="0.25">
      <c r="C7560"/>
      <c r="D7560"/>
    </row>
    <row r="7561" spans="3:4" x14ac:dyDescent="0.25">
      <c r="C7561"/>
      <c r="D7561"/>
    </row>
    <row r="7562" spans="3:4" x14ac:dyDescent="0.25">
      <c r="C7562"/>
      <c r="D7562"/>
    </row>
    <row r="7563" spans="3:4" x14ac:dyDescent="0.25">
      <c r="C7563"/>
      <c r="D7563"/>
    </row>
    <row r="7564" spans="3:4" x14ac:dyDescent="0.25">
      <c r="C7564"/>
      <c r="D7564"/>
    </row>
    <row r="7565" spans="3:4" x14ac:dyDescent="0.25">
      <c r="C7565"/>
      <c r="D7565"/>
    </row>
    <row r="7566" spans="3:4" x14ac:dyDescent="0.25">
      <c r="C7566"/>
      <c r="D7566"/>
    </row>
    <row r="7567" spans="3:4" x14ac:dyDescent="0.25">
      <c r="C7567"/>
      <c r="D7567"/>
    </row>
    <row r="7568" spans="3:4" x14ac:dyDescent="0.25">
      <c r="C7568"/>
      <c r="D7568"/>
    </row>
    <row r="7569" spans="3:4" x14ac:dyDescent="0.25">
      <c r="C7569"/>
      <c r="D7569"/>
    </row>
    <row r="7570" spans="3:4" x14ac:dyDescent="0.25">
      <c r="C7570"/>
      <c r="D7570"/>
    </row>
    <row r="7571" spans="3:4" x14ac:dyDescent="0.25">
      <c r="C7571"/>
      <c r="D7571"/>
    </row>
    <row r="7572" spans="3:4" x14ac:dyDescent="0.25">
      <c r="C7572"/>
      <c r="D7572"/>
    </row>
    <row r="7573" spans="3:4" x14ac:dyDescent="0.25">
      <c r="C7573"/>
      <c r="D7573"/>
    </row>
    <row r="7574" spans="3:4" x14ac:dyDescent="0.25">
      <c r="C7574"/>
      <c r="D7574"/>
    </row>
    <row r="7575" spans="3:4" x14ac:dyDescent="0.25">
      <c r="C7575"/>
      <c r="D7575"/>
    </row>
    <row r="7576" spans="3:4" x14ac:dyDescent="0.25">
      <c r="C7576"/>
      <c r="D7576"/>
    </row>
    <row r="7577" spans="3:4" x14ac:dyDescent="0.25">
      <c r="C7577"/>
      <c r="D7577"/>
    </row>
    <row r="7578" spans="3:4" x14ac:dyDescent="0.25">
      <c r="C7578"/>
      <c r="D7578"/>
    </row>
    <row r="7579" spans="3:4" x14ac:dyDescent="0.25">
      <c r="C7579"/>
      <c r="D7579"/>
    </row>
    <row r="7580" spans="3:4" x14ac:dyDescent="0.25">
      <c r="C7580"/>
      <c r="D7580"/>
    </row>
    <row r="7581" spans="3:4" x14ac:dyDescent="0.25">
      <c r="C7581"/>
      <c r="D7581"/>
    </row>
    <row r="7582" spans="3:4" x14ac:dyDescent="0.25">
      <c r="C7582"/>
      <c r="D7582"/>
    </row>
    <row r="7583" spans="3:4" x14ac:dyDescent="0.25">
      <c r="C7583"/>
      <c r="D7583"/>
    </row>
    <row r="7584" spans="3:4" x14ac:dyDescent="0.25">
      <c r="C7584"/>
      <c r="D7584"/>
    </row>
    <row r="7585" spans="3:4" x14ac:dyDescent="0.25">
      <c r="C7585"/>
      <c r="D7585"/>
    </row>
    <row r="7586" spans="3:4" x14ac:dyDescent="0.25">
      <c r="C7586"/>
      <c r="D7586"/>
    </row>
    <row r="7587" spans="3:4" x14ac:dyDescent="0.25">
      <c r="C7587"/>
      <c r="D7587"/>
    </row>
    <row r="7588" spans="3:4" x14ac:dyDescent="0.25">
      <c r="C7588"/>
      <c r="D7588"/>
    </row>
    <row r="7589" spans="3:4" x14ac:dyDescent="0.25">
      <c r="C7589"/>
      <c r="D7589"/>
    </row>
    <row r="7590" spans="3:4" x14ac:dyDescent="0.25">
      <c r="C7590"/>
      <c r="D7590"/>
    </row>
    <row r="7591" spans="3:4" x14ac:dyDescent="0.25">
      <c r="C7591"/>
      <c r="D7591"/>
    </row>
    <row r="7592" spans="3:4" x14ac:dyDescent="0.25">
      <c r="C7592"/>
      <c r="D7592"/>
    </row>
    <row r="7593" spans="3:4" x14ac:dyDescent="0.25">
      <c r="C7593"/>
      <c r="D7593"/>
    </row>
    <row r="7594" spans="3:4" x14ac:dyDescent="0.25">
      <c r="C7594"/>
      <c r="D7594"/>
    </row>
    <row r="7595" spans="3:4" x14ac:dyDescent="0.25">
      <c r="C7595"/>
      <c r="D7595"/>
    </row>
    <row r="7596" spans="3:4" x14ac:dyDescent="0.25">
      <c r="C7596"/>
      <c r="D7596"/>
    </row>
    <row r="7597" spans="3:4" x14ac:dyDescent="0.25">
      <c r="C7597"/>
      <c r="D7597"/>
    </row>
    <row r="7598" spans="3:4" x14ac:dyDescent="0.25">
      <c r="C7598"/>
      <c r="D7598"/>
    </row>
    <row r="7599" spans="3:4" x14ac:dyDescent="0.25">
      <c r="C7599"/>
      <c r="D7599"/>
    </row>
    <row r="7600" spans="3:4" x14ac:dyDescent="0.25">
      <c r="C7600"/>
      <c r="D7600"/>
    </row>
    <row r="7601" spans="3:4" x14ac:dyDescent="0.25">
      <c r="C7601"/>
      <c r="D7601"/>
    </row>
    <row r="7602" spans="3:4" x14ac:dyDescent="0.25">
      <c r="C7602"/>
      <c r="D7602"/>
    </row>
    <row r="7603" spans="3:4" x14ac:dyDescent="0.25">
      <c r="C7603"/>
      <c r="D7603"/>
    </row>
    <row r="7604" spans="3:4" x14ac:dyDescent="0.25">
      <c r="C7604"/>
      <c r="D7604"/>
    </row>
    <row r="7605" spans="3:4" x14ac:dyDescent="0.25">
      <c r="C7605"/>
      <c r="D7605"/>
    </row>
    <row r="7606" spans="3:4" x14ac:dyDescent="0.25">
      <c r="C7606"/>
      <c r="D7606"/>
    </row>
    <row r="7607" spans="3:4" x14ac:dyDescent="0.25">
      <c r="C7607"/>
      <c r="D7607"/>
    </row>
    <row r="7608" spans="3:4" x14ac:dyDescent="0.25">
      <c r="C7608"/>
      <c r="D7608"/>
    </row>
    <row r="7609" spans="3:4" x14ac:dyDescent="0.25">
      <c r="C7609"/>
      <c r="D7609"/>
    </row>
    <row r="7610" spans="3:4" x14ac:dyDescent="0.25">
      <c r="C7610"/>
      <c r="D7610"/>
    </row>
    <row r="7611" spans="3:4" x14ac:dyDescent="0.25">
      <c r="C7611"/>
      <c r="D7611"/>
    </row>
    <row r="7612" spans="3:4" x14ac:dyDescent="0.25">
      <c r="C7612"/>
      <c r="D7612"/>
    </row>
    <row r="7613" spans="3:4" x14ac:dyDescent="0.25">
      <c r="C7613"/>
      <c r="D7613"/>
    </row>
    <row r="7614" spans="3:4" x14ac:dyDescent="0.25">
      <c r="C7614"/>
      <c r="D7614"/>
    </row>
    <row r="7615" spans="3:4" x14ac:dyDescent="0.25">
      <c r="C7615"/>
      <c r="D7615"/>
    </row>
    <row r="7616" spans="3:4" x14ac:dyDescent="0.25">
      <c r="C7616"/>
      <c r="D7616"/>
    </row>
    <row r="7617" spans="3:4" x14ac:dyDescent="0.25">
      <c r="C7617"/>
      <c r="D7617"/>
    </row>
    <row r="7618" spans="3:4" x14ac:dyDescent="0.25">
      <c r="C7618"/>
      <c r="D7618"/>
    </row>
    <row r="7619" spans="3:4" x14ac:dyDescent="0.25">
      <c r="C7619"/>
      <c r="D7619"/>
    </row>
    <row r="7620" spans="3:4" x14ac:dyDescent="0.25">
      <c r="C7620"/>
      <c r="D7620"/>
    </row>
    <row r="7621" spans="3:4" x14ac:dyDescent="0.25">
      <c r="C7621"/>
      <c r="D7621"/>
    </row>
    <row r="7622" spans="3:4" x14ac:dyDescent="0.25">
      <c r="C7622"/>
      <c r="D7622"/>
    </row>
    <row r="7623" spans="3:4" x14ac:dyDescent="0.25">
      <c r="C7623"/>
      <c r="D7623"/>
    </row>
    <row r="7624" spans="3:4" x14ac:dyDescent="0.25">
      <c r="C7624"/>
      <c r="D7624"/>
    </row>
    <row r="7625" spans="3:4" x14ac:dyDescent="0.25">
      <c r="C7625"/>
      <c r="D7625"/>
    </row>
    <row r="7626" spans="3:4" x14ac:dyDescent="0.25">
      <c r="C7626"/>
      <c r="D7626"/>
    </row>
    <row r="7627" spans="3:4" x14ac:dyDescent="0.25">
      <c r="C7627"/>
      <c r="D7627"/>
    </row>
    <row r="7628" spans="3:4" x14ac:dyDescent="0.25">
      <c r="C7628"/>
      <c r="D7628"/>
    </row>
    <row r="7629" spans="3:4" x14ac:dyDescent="0.25">
      <c r="C7629"/>
      <c r="D7629"/>
    </row>
    <row r="7630" spans="3:4" x14ac:dyDescent="0.25">
      <c r="C7630"/>
      <c r="D7630"/>
    </row>
    <row r="7631" spans="3:4" x14ac:dyDescent="0.25">
      <c r="C7631"/>
      <c r="D7631"/>
    </row>
    <row r="7632" spans="3:4" x14ac:dyDescent="0.25">
      <c r="C7632"/>
      <c r="D7632"/>
    </row>
    <row r="7633" spans="3:4" x14ac:dyDescent="0.25">
      <c r="C7633"/>
      <c r="D7633"/>
    </row>
    <row r="7634" spans="3:4" x14ac:dyDescent="0.25">
      <c r="C7634"/>
      <c r="D7634"/>
    </row>
    <row r="7635" spans="3:4" x14ac:dyDescent="0.25">
      <c r="C7635"/>
      <c r="D7635"/>
    </row>
    <row r="7636" spans="3:4" x14ac:dyDescent="0.25">
      <c r="C7636"/>
      <c r="D7636"/>
    </row>
    <row r="7637" spans="3:4" x14ac:dyDescent="0.25">
      <c r="C7637"/>
      <c r="D7637"/>
    </row>
    <row r="7638" spans="3:4" x14ac:dyDescent="0.25">
      <c r="C7638"/>
      <c r="D7638"/>
    </row>
    <row r="7639" spans="3:4" x14ac:dyDescent="0.25">
      <c r="C7639"/>
      <c r="D7639"/>
    </row>
    <row r="7640" spans="3:4" x14ac:dyDescent="0.25">
      <c r="C7640"/>
      <c r="D7640"/>
    </row>
  </sheetData>
  <pageMargins left="0.7" right="0.7" top="0.75" bottom="0.75" header="0.3" footer="0.3"/>
  <pageSetup scale="33" fitToHeight="0" orientation="landscape" r:id="rId2"/>
  <headerFooter>
    <oddHeader>&amp;R&amp;"Times New Roman,Bold"&amp;10KyPSC Case  No. 2022-00372
AG-DR-01-122 Attachment 1
Page &amp;P of &amp;N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FABD47-D7F3-4ADA-AB10-C184C6460CCD}">
  <dimension ref="A1:P7640"/>
  <sheetViews>
    <sheetView view="pageLayout" topLeftCell="G2" zoomScaleNormal="75" workbookViewId="0">
      <selection activeCell="P383" sqref="P383"/>
    </sheetView>
  </sheetViews>
  <sheetFormatPr defaultRowHeight="15" x14ac:dyDescent="0.25"/>
  <cols>
    <col min="1" max="1" width="47.140625" bestFit="1" customWidth="1"/>
    <col min="2" max="2" width="41.7109375" bestFit="1" customWidth="1"/>
    <col min="3" max="4" width="20.85546875" style="1" bestFit="1" customWidth="1"/>
    <col min="5" max="14" width="20.85546875" bestFit="1" customWidth="1"/>
    <col min="15" max="16" width="13.85546875" bestFit="1" customWidth="1"/>
    <col min="17" max="26" width="20.85546875" bestFit="1" customWidth="1"/>
    <col min="27" max="27" width="23.7109375" bestFit="1" customWidth="1"/>
    <col min="28" max="28" width="24.7109375" bestFit="1" customWidth="1"/>
    <col min="29" max="29" width="23.5703125" bestFit="1" customWidth="1"/>
    <col min="30" max="30" width="24.28515625" bestFit="1" customWidth="1"/>
  </cols>
  <sheetData>
    <row r="1" spans="1:15" ht="15.75" hidden="1" x14ac:dyDescent="0.25">
      <c r="I1" s="2" t="s">
        <v>0</v>
      </c>
      <c r="J1" s="3">
        <v>44873</v>
      </c>
    </row>
    <row r="2" spans="1:15" x14ac:dyDescent="0.25">
      <c r="K2" s="4"/>
    </row>
    <row r="5" spans="1:15" x14ac:dyDescent="0.25">
      <c r="A5" s="10" t="s">
        <v>212</v>
      </c>
    </row>
    <row r="6" spans="1:15" x14ac:dyDescent="0.25">
      <c r="A6" s="10" t="s">
        <v>213</v>
      </c>
    </row>
    <row r="7" spans="1:15" x14ac:dyDescent="0.25">
      <c r="A7" s="10" t="s">
        <v>232</v>
      </c>
    </row>
    <row r="8" spans="1:15" s="5" customFormat="1" x14ac:dyDescent="0.25">
      <c r="A8"/>
      <c r="B8"/>
      <c r="C8"/>
      <c r="D8"/>
      <c r="E8"/>
      <c r="F8"/>
      <c r="G8"/>
      <c r="H8"/>
      <c r="I8"/>
      <c r="J8"/>
      <c r="K8"/>
    </row>
    <row r="9" spans="1:15" x14ac:dyDescent="0.25">
      <c r="C9"/>
      <c r="D9"/>
    </row>
    <row r="10" spans="1:15" x14ac:dyDescent="0.25">
      <c r="D10"/>
    </row>
    <row r="11" spans="1:15" hidden="1" x14ac:dyDescent="0.25">
      <c r="C11"/>
      <c r="D11"/>
    </row>
    <row r="12" spans="1:15" hidden="1" x14ac:dyDescent="0.25">
      <c r="C12"/>
      <c r="D12"/>
    </row>
    <row r="13" spans="1:15" hidden="1" x14ac:dyDescent="0.25">
      <c r="A13" s="7" t="s">
        <v>1</v>
      </c>
      <c r="B13" t="s" vm="6">
        <v>162</v>
      </c>
      <c r="C13"/>
      <c r="D13"/>
      <c r="L13" s="6"/>
      <c r="M13" s="6"/>
      <c r="N13" s="6"/>
      <c r="O13" s="6"/>
    </row>
    <row r="14" spans="1:15" hidden="1" x14ac:dyDescent="0.25">
      <c r="A14" s="7" t="s">
        <v>2</v>
      </c>
      <c r="B14" t="s" vm="5">
        <v>16</v>
      </c>
      <c r="C14"/>
      <c r="D14"/>
    </row>
    <row r="15" spans="1:15" hidden="1" x14ac:dyDescent="0.25">
      <c r="A15" s="7" t="s">
        <v>4</v>
      </c>
      <c r="B15" t="s" vm="1">
        <v>5</v>
      </c>
      <c r="C15"/>
      <c r="D15"/>
    </row>
    <row r="16" spans="1:15" ht="15" hidden="1" customHeight="1" x14ac:dyDescent="0.25">
      <c r="A16" s="8" t="s">
        <v>6</v>
      </c>
      <c r="B16" t="s" vm="3">
        <v>7</v>
      </c>
      <c r="C16"/>
      <c r="D16"/>
    </row>
    <row r="17" spans="1:16" hidden="1" x14ac:dyDescent="0.25">
      <c r="A17" s="7" t="s">
        <v>3</v>
      </c>
      <c r="B17" t="s" vm="4">
        <v>7</v>
      </c>
      <c r="C17"/>
      <c r="D17"/>
    </row>
    <row r="18" spans="1:16" hidden="1" x14ac:dyDescent="0.25">
      <c r="A18" s="7" t="s">
        <v>15</v>
      </c>
      <c r="B18" t="s" vm="2">
        <v>16</v>
      </c>
      <c r="C18"/>
      <c r="D18"/>
    </row>
    <row r="19" spans="1:16" hidden="1" x14ac:dyDescent="0.25">
      <c r="C19"/>
      <c r="D19"/>
    </row>
    <row r="20" spans="1:16" hidden="1" x14ac:dyDescent="0.25">
      <c r="A20" s="7" t="s">
        <v>234</v>
      </c>
      <c r="C20" s="7" t="s">
        <v>8</v>
      </c>
      <c r="D20" s="7" t="s">
        <v>9</v>
      </c>
      <c r="E20" s="7" t="s">
        <v>10</v>
      </c>
    </row>
    <row r="21" spans="1:16" hidden="1" x14ac:dyDescent="0.25">
      <c r="C21" t="s">
        <v>186</v>
      </c>
      <c r="D21"/>
      <c r="O21" t="s">
        <v>215</v>
      </c>
      <c r="P21" t="s">
        <v>11</v>
      </c>
    </row>
    <row r="22" spans="1:16" hidden="1" x14ac:dyDescent="0.25">
      <c r="C22" t="s">
        <v>216</v>
      </c>
      <c r="D22"/>
      <c r="F22" t="s">
        <v>217</v>
      </c>
      <c r="I22" t="s">
        <v>218</v>
      </c>
      <c r="L22" t="s">
        <v>219</v>
      </c>
    </row>
    <row r="23" spans="1:16" x14ac:dyDescent="0.25">
      <c r="A23" s="7" t="s">
        <v>163</v>
      </c>
      <c r="B23" s="7" t="s">
        <v>12</v>
      </c>
      <c r="C23" t="s">
        <v>220</v>
      </c>
      <c r="D23" t="s">
        <v>221</v>
      </c>
      <c r="E23" t="s">
        <v>222</v>
      </c>
      <c r="F23" t="s">
        <v>223</v>
      </c>
      <c r="G23" t="s">
        <v>224</v>
      </c>
      <c r="H23" t="s">
        <v>225</v>
      </c>
      <c r="I23" t="s">
        <v>226</v>
      </c>
      <c r="J23" t="s">
        <v>227</v>
      </c>
      <c r="K23" t="s">
        <v>228</v>
      </c>
      <c r="L23" t="s">
        <v>229</v>
      </c>
      <c r="M23" t="s">
        <v>230</v>
      </c>
      <c r="N23" t="s">
        <v>231</v>
      </c>
    </row>
    <row r="24" spans="1:16" x14ac:dyDescent="0.25">
      <c r="A24" t="s">
        <v>161</v>
      </c>
      <c r="B24" s="9" t="s">
        <v>17</v>
      </c>
      <c r="C24" s="11">
        <v>64097.06</v>
      </c>
      <c r="D24" s="11">
        <v>9893.43</v>
      </c>
      <c r="E24" s="11">
        <v>-49973.46</v>
      </c>
      <c r="F24" s="11">
        <v>11943.41</v>
      </c>
      <c r="G24" s="11">
        <v>9681.7099999999991</v>
      </c>
      <c r="H24" s="11">
        <v>7065.77</v>
      </c>
      <c r="I24" s="11">
        <v>10424.030000000001</v>
      </c>
      <c r="J24" s="11">
        <v>7859.63</v>
      </c>
      <c r="K24" s="11">
        <v>11400.4</v>
      </c>
      <c r="L24" s="11">
        <v>13135.42</v>
      </c>
      <c r="M24" s="11">
        <v>7395.04</v>
      </c>
      <c r="N24" s="11">
        <v>12819.45</v>
      </c>
      <c r="O24" s="11">
        <v>115741.89</v>
      </c>
      <c r="P24" s="11">
        <v>115741.89</v>
      </c>
    </row>
    <row r="25" spans="1:16" x14ac:dyDescent="0.25">
      <c r="B25" s="9" t="s">
        <v>19</v>
      </c>
      <c r="C25" s="11">
        <v>47212.91</v>
      </c>
      <c r="D25" s="11"/>
      <c r="E25" s="11">
        <v>104346.64</v>
      </c>
      <c r="F25" s="11">
        <v>49847.28</v>
      </c>
      <c r="G25" s="11"/>
      <c r="H25" s="11">
        <v>78042.850000000006</v>
      </c>
      <c r="I25" s="11">
        <v>76264.899999999994</v>
      </c>
      <c r="J25" s="11">
        <v>44863.5</v>
      </c>
      <c r="K25" s="11">
        <v>54425.84</v>
      </c>
      <c r="L25" s="11">
        <v>0.01</v>
      </c>
      <c r="M25" s="11">
        <v>80275.350000000006</v>
      </c>
      <c r="N25" s="11">
        <v>67519.710000000006</v>
      </c>
      <c r="O25" s="11">
        <v>602798.99</v>
      </c>
      <c r="P25" s="11">
        <v>602798.99</v>
      </c>
    </row>
    <row r="26" spans="1:16" x14ac:dyDescent="0.25">
      <c r="B26" s="9" t="s">
        <v>21</v>
      </c>
      <c r="C26" s="11">
        <v>19244.91</v>
      </c>
      <c r="D26" s="11">
        <v>15288.13</v>
      </c>
      <c r="E26" s="11">
        <v>39746.03</v>
      </c>
      <c r="F26" s="11">
        <v>30425.62</v>
      </c>
      <c r="G26" s="11">
        <v>24300.959999999999</v>
      </c>
      <c r="H26" s="11">
        <v>27244.53</v>
      </c>
      <c r="I26" s="11">
        <v>33599.07</v>
      </c>
      <c r="J26" s="11">
        <v>31524.53</v>
      </c>
      <c r="K26" s="11">
        <v>29510.23</v>
      </c>
      <c r="L26" s="11">
        <v>4082.67</v>
      </c>
      <c r="M26" s="11">
        <v>19468.669999999998</v>
      </c>
      <c r="N26" s="11">
        <v>27125.8</v>
      </c>
      <c r="O26" s="11">
        <v>301561.15000000002</v>
      </c>
      <c r="P26" s="11">
        <v>301561.15000000002</v>
      </c>
    </row>
    <row r="27" spans="1:16" x14ac:dyDescent="0.25">
      <c r="B27" s="9" t="s">
        <v>22</v>
      </c>
      <c r="C27" s="11">
        <v>54039.11</v>
      </c>
      <c r="D27" s="11">
        <v>58395.15</v>
      </c>
      <c r="E27" s="11">
        <v>73871.009999999995</v>
      </c>
      <c r="F27" s="11">
        <v>52900.01</v>
      </c>
      <c r="G27" s="11">
        <v>70240.320000000007</v>
      </c>
      <c r="H27" s="11">
        <v>93232.86</v>
      </c>
      <c r="I27" s="11">
        <v>96358.13</v>
      </c>
      <c r="J27" s="11">
        <v>96830.99</v>
      </c>
      <c r="K27" s="11">
        <v>-649.38</v>
      </c>
      <c r="L27" s="11">
        <v>530</v>
      </c>
      <c r="M27" s="11"/>
      <c r="N27" s="11">
        <v>17579.400000000001</v>
      </c>
      <c r="O27" s="11">
        <v>613327.6</v>
      </c>
      <c r="P27" s="11">
        <v>613327.6</v>
      </c>
    </row>
    <row r="28" spans="1:16" x14ac:dyDescent="0.25">
      <c r="B28" s="9" t="s">
        <v>13</v>
      </c>
      <c r="C28" s="11">
        <v>1168145.0900000001</v>
      </c>
      <c r="D28" s="11">
        <v>1466951.89</v>
      </c>
      <c r="E28" s="11">
        <v>1449009.17</v>
      </c>
      <c r="F28" s="11">
        <v>1078293.43</v>
      </c>
      <c r="G28" s="11">
        <v>1091301.46</v>
      </c>
      <c r="H28" s="11">
        <v>1383980.27</v>
      </c>
      <c r="I28" s="11">
        <v>1443910.98</v>
      </c>
      <c r="J28" s="11">
        <v>1107267.82</v>
      </c>
      <c r="K28" s="11">
        <v>462018.53</v>
      </c>
      <c r="L28" s="11">
        <v>24367.919999999998</v>
      </c>
      <c r="M28" s="11"/>
      <c r="N28" s="11">
        <v>217063.53</v>
      </c>
      <c r="O28" s="11">
        <v>10892310.09</v>
      </c>
      <c r="P28" s="11">
        <v>10892310.09</v>
      </c>
    </row>
    <row r="29" spans="1:16" x14ac:dyDescent="0.25">
      <c r="B29" s="9" t="s">
        <v>23</v>
      </c>
      <c r="C29" s="11">
        <v>288745.93</v>
      </c>
      <c r="D29" s="11">
        <v>50932.41</v>
      </c>
      <c r="E29" s="11">
        <v>479951.71</v>
      </c>
      <c r="F29" s="11">
        <v>272943.14</v>
      </c>
      <c r="G29" s="11">
        <v>21769.01</v>
      </c>
      <c r="H29" s="11">
        <v>503399.62</v>
      </c>
      <c r="I29" s="11">
        <v>394403.65</v>
      </c>
      <c r="J29" s="11">
        <v>304838.69</v>
      </c>
      <c r="K29" s="11">
        <v>320329.77</v>
      </c>
      <c r="L29" s="11">
        <v>12093.6</v>
      </c>
      <c r="M29" s="11">
        <v>446622.71</v>
      </c>
      <c r="N29" s="11">
        <v>447333.82</v>
      </c>
      <c r="O29" s="11">
        <v>3543364.06</v>
      </c>
      <c r="P29" s="11">
        <v>3543364.06</v>
      </c>
    </row>
    <row r="30" spans="1:16" x14ac:dyDescent="0.25">
      <c r="B30" s="9" t="s">
        <v>24</v>
      </c>
      <c r="C30" s="11">
        <v>-18.25</v>
      </c>
      <c r="D30" s="11">
        <v>1790.8</v>
      </c>
      <c r="E30" s="11">
        <v>1661.81</v>
      </c>
      <c r="F30" s="11">
        <v>2714.74</v>
      </c>
      <c r="G30" s="11">
        <v>-705.35</v>
      </c>
      <c r="H30" s="11">
        <v>1854.82</v>
      </c>
      <c r="I30" s="11">
        <v>9115.49</v>
      </c>
      <c r="J30" s="11">
        <v>397.16</v>
      </c>
      <c r="K30" s="11"/>
      <c r="L30" s="11">
        <v>16767.18</v>
      </c>
      <c r="M30" s="11">
        <v>1661.86</v>
      </c>
      <c r="N30" s="11">
        <v>8680.83</v>
      </c>
      <c r="O30" s="11">
        <v>43921.09</v>
      </c>
      <c r="P30" s="11">
        <v>43921.09</v>
      </c>
    </row>
    <row r="31" spans="1:16" x14ac:dyDescent="0.25">
      <c r="B31" s="9" t="s">
        <v>25</v>
      </c>
      <c r="C31" s="11">
        <v>49940.72</v>
      </c>
      <c r="D31" s="11"/>
      <c r="E31" s="11">
        <v>108260.34</v>
      </c>
      <c r="F31" s="11">
        <v>52121.05</v>
      </c>
      <c r="G31" s="11"/>
      <c r="H31" s="11">
        <v>109050.31</v>
      </c>
      <c r="I31" s="11">
        <v>82585.850000000006</v>
      </c>
      <c r="J31" s="11">
        <v>58334.92</v>
      </c>
      <c r="K31" s="11">
        <v>67726.42</v>
      </c>
      <c r="L31" s="11"/>
      <c r="M31" s="11">
        <v>106540.14</v>
      </c>
      <c r="N31" s="11">
        <v>96145.66</v>
      </c>
      <c r="O31" s="11">
        <v>730705.41</v>
      </c>
      <c r="P31" s="11">
        <v>730705.41</v>
      </c>
    </row>
    <row r="32" spans="1:16" x14ac:dyDescent="0.25">
      <c r="B32" s="9" t="s">
        <v>26</v>
      </c>
      <c r="C32" s="11">
        <v>10359.43</v>
      </c>
      <c r="D32" s="11">
        <v>22163.52</v>
      </c>
      <c r="E32" s="11">
        <v>46403.19</v>
      </c>
      <c r="F32" s="11">
        <v>29395.25</v>
      </c>
      <c r="G32" s="11">
        <v>11499.87</v>
      </c>
      <c r="H32" s="11">
        <v>29958.36</v>
      </c>
      <c r="I32" s="11">
        <v>21730.23</v>
      </c>
      <c r="J32" s="11">
        <v>31179.89</v>
      </c>
      <c r="K32" s="11">
        <v>36455.49</v>
      </c>
      <c r="L32" s="11">
        <v>50075.23</v>
      </c>
      <c r="M32" s="11">
        <v>18482.57</v>
      </c>
      <c r="N32" s="11">
        <v>474281.1</v>
      </c>
      <c r="O32" s="11">
        <v>781984.13</v>
      </c>
      <c r="P32" s="11">
        <v>781984.13</v>
      </c>
    </row>
    <row r="33" spans="2:16" x14ac:dyDescent="0.25">
      <c r="B33" s="9" t="s">
        <v>28</v>
      </c>
      <c r="C33" s="11">
        <v>1891.93</v>
      </c>
      <c r="D33" s="11">
        <v>2591.1799999999998</v>
      </c>
      <c r="E33" s="11">
        <v>3223.4</v>
      </c>
      <c r="F33" s="11">
        <v>3036.67</v>
      </c>
      <c r="G33" s="11">
        <v>2430.06</v>
      </c>
      <c r="H33" s="11">
        <v>2843.24</v>
      </c>
      <c r="I33" s="11">
        <v>4480.76</v>
      </c>
      <c r="J33" s="11">
        <v>7625.2</v>
      </c>
      <c r="K33" s="11">
        <v>19283.32</v>
      </c>
      <c r="L33" s="11">
        <v>32199.279999999999</v>
      </c>
      <c r="M33" s="11">
        <v>8905.8700000000008</v>
      </c>
      <c r="N33" s="11">
        <v>4701.6899999999996</v>
      </c>
      <c r="O33" s="11">
        <v>93212.6</v>
      </c>
      <c r="P33" s="11">
        <v>93212.6</v>
      </c>
    </row>
    <row r="34" spans="2:16" x14ac:dyDescent="0.25">
      <c r="B34" s="9" t="s">
        <v>29</v>
      </c>
      <c r="C34" s="11">
        <v>0</v>
      </c>
      <c r="D34" s="11">
        <v>0</v>
      </c>
      <c r="E34" s="11">
        <v>0</v>
      </c>
      <c r="F34" s="11">
        <v>0</v>
      </c>
      <c r="G34" s="11">
        <v>0</v>
      </c>
      <c r="H34" s="11">
        <v>0</v>
      </c>
      <c r="I34" s="11">
        <v>0</v>
      </c>
      <c r="J34" s="11">
        <v>0</v>
      </c>
      <c r="K34" s="11">
        <v>0</v>
      </c>
      <c r="L34" s="11">
        <v>0</v>
      </c>
      <c r="M34" s="11">
        <v>0</v>
      </c>
      <c r="N34" s="11">
        <v>0</v>
      </c>
      <c r="O34" s="11">
        <v>0</v>
      </c>
      <c r="P34" s="11">
        <v>0</v>
      </c>
    </row>
    <row r="35" spans="2:16" x14ac:dyDescent="0.25">
      <c r="B35" s="9" t="s">
        <v>30</v>
      </c>
      <c r="C35" s="11">
        <v>136452.34</v>
      </c>
      <c r="D35" s="11">
        <v>157740.82999999999</v>
      </c>
      <c r="E35" s="11">
        <v>246285.69</v>
      </c>
      <c r="F35" s="11">
        <v>196498.69</v>
      </c>
      <c r="G35" s="11">
        <v>310458.40999999997</v>
      </c>
      <c r="H35" s="11">
        <v>438624.14</v>
      </c>
      <c r="I35" s="11">
        <v>244272.19</v>
      </c>
      <c r="J35" s="11">
        <v>255049.49</v>
      </c>
      <c r="K35" s="11">
        <v>502743.3</v>
      </c>
      <c r="L35" s="11">
        <v>125437.52</v>
      </c>
      <c r="M35" s="11">
        <v>269701.82</v>
      </c>
      <c r="N35" s="11">
        <v>648555.82999999996</v>
      </c>
      <c r="O35" s="11">
        <v>3531820.25</v>
      </c>
      <c r="P35" s="11">
        <v>3531820.25</v>
      </c>
    </row>
    <row r="36" spans="2:16" x14ac:dyDescent="0.25">
      <c r="B36" s="9" t="s">
        <v>31</v>
      </c>
      <c r="C36" s="11">
        <v>569235.89</v>
      </c>
      <c r="D36" s="11">
        <v>706854.95</v>
      </c>
      <c r="E36" s="11">
        <v>466493.49</v>
      </c>
      <c r="F36" s="11">
        <v>719042.77</v>
      </c>
      <c r="G36" s="11">
        <v>582765.87</v>
      </c>
      <c r="H36" s="11">
        <v>106867.93</v>
      </c>
      <c r="I36" s="11">
        <v>476959.83</v>
      </c>
      <c r="J36" s="11">
        <v>546898.38</v>
      </c>
      <c r="K36" s="11">
        <v>1080962.3</v>
      </c>
      <c r="L36" s="11">
        <v>3226964.39</v>
      </c>
      <c r="M36" s="11">
        <v>1651104.25</v>
      </c>
      <c r="N36" s="11">
        <v>810398.81</v>
      </c>
      <c r="O36" s="11">
        <v>10944548.859999999</v>
      </c>
      <c r="P36" s="11">
        <v>10944548.859999999</v>
      </c>
    </row>
    <row r="37" spans="2:16" x14ac:dyDescent="0.25">
      <c r="B37" s="9" t="s">
        <v>32</v>
      </c>
      <c r="C37" s="11">
        <v>36027.43</v>
      </c>
      <c r="D37" s="11">
        <v>49776.36</v>
      </c>
      <c r="E37" s="11">
        <v>272005.13</v>
      </c>
      <c r="F37" s="11">
        <v>55506.53</v>
      </c>
      <c r="G37" s="11">
        <v>72743.69</v>
      </c>
      <c r="H37" s="11">
        <v>96477.98</v>
      </c>
      <c r="I37" s="11">
        <v>-32920.050000000003</v>
      </c>
      <c r="J37" s="11">
        <v>41652.870000000003</v>
      </c>
      <c r="K37" s="11">
        <v>391089.31</v>
      </c>
      <c r="L37" s="11">
        <v>1385195.45</v>
      </c>
      <c r="M37" s="11">
        <v>1204311.57</v>
      </c>
      <c r="N37" s="11">
        <v>-265467.33</v>
      </c>
      <c r="O37" s="11">
        <v>3306398.94</v>
      </c>
      <c r="P37" s="11">
        <v>3306398.94</v>
      </c>
    </row>
    <row r="38" spans="2:16" x14ac:dyDescent="0.25">
      <c r="B38" s="9" t="s">
        <v>33</v>
      </c>
      <c r="C38" s="11">
        <v>183402.07</v>
      </c>
      <c r="D38" s="11">
        <v>302330.01</v>
      </c>
      <c r="E38" s="11">
        <v>-19100.22</v>
      </c>
      <c r="F38" s="11">
        <v>152859.24</v>
      </c>
      <c r="G38" s="11">
        <v>303855.35999999999</v>
      </c>
      <c r="H38" s="11">
        <v>4196.0200000000004</v>
      </c>
      <c r="I38" s="11">
        <v>183241.69</v>
      </c>
      <c r="J38" s="11">
        <v>222970.56</v>
      </c>
      <c r="K38" s="11">
        <v>743132.32</v>
      </c>
      <c r="L38" s="11">
        <v>590026.86</v>
      </c>
      <c r="M38" s="11">
        <v>182930.77</v>
      </c>
      <c r="N38" s="11">
        <v>475235.91</v>
      </c>
      <c r="O38" s="11">
        <v>3325080.59</v>
      </c>
      <c r="P38" s="11">
        <v>3325080.59</v>
      </c>
    </row>
    <row r="39" spans="2:16" x14ac:dyDescent="0.25">
      <c r="B39" s="9" t="s">
        <v>37</v>
      </c>
      <c r="C39" s="11"/>
      <c r="D39" s="11"/>
      <c r="E39" s="11">
        <v>0</v>
      </c>
      <c r="F39" s="11"/>
      <c r="G39" s="11"/>
      <c r="H39" s="11"/>
      <c r="I39" s="11"/>
      <c r="J39" s="11"/>
      <c r="K39" s="11"/>
      <c r="L39" s="11"/>
      <c r="M39" s="11"/>
      <c r="N39" s="11"/>
      <c r="O39" s="11">
        <v>0</v>
      </c>
      <c r="P39" s="11">
        <v>0</v>
      </c>
    </row>
    <row r="40" spans="2:16" x14ac:dyDescent="0.25">
      <c r="B40" s="9" t="s">
        <v>38</v>
      </c>
      <c r="C40" s="11"/>
      <c r="D40" s="11"/>
      <c r="E40" s="11">
        <v>0</v>
      </c>
      <c r="F40" s="11"/>
      <c r="G40" s="11"/>
      <c r="H40" s="11"/>
      <c r="I40" s="11"/>
      <c r="J40" s="11"/>
      <c r="K40" s="11"/>
      <c r="L40" s="11"/>
      <c r="M40" s="11"/>
      <c r="N40" s="11"/>
      <c r="O40" s="11">
        <v>0</v>
      </c>
      <c r="P40" s="11">
        <v>0</v>
      </c>
    </row>
    <row r="41" spans="2:16" x14ac:dyDescent="0.25">
      <c r="B41" s="9" t="s">
        <v>41</v>
      </c>
      <c r="C41" s="11">
        <v>10530.82</v>
      </c>
      <c r="D41" s="11">
        <v>9274.7199999999993</v>
      </c>
      <c r="E41" s="11">
        <v>7214.47</v>
      </c>
      <c r="F41" s="11">
        <v>6452</v>
      </c>
      <c r="G41" s="11">
        <v>9430.67</v>
      </c>
      <c r="H41" s="11">
        <v>6935.74</v>
      </c>
      <c r="I41" s="11">
        <v>8936.77</v>
      </c>
      <c r="J41" s="11">
        <v>7763.18</v>
      </c>
      <c r="K41" s="11">
        <v>2721.33</v>
      </c>
      <c r="L41" s="11">
        <v>7483.87</v>
      </c>
      <c r="M41" s="11">
        <v>5909.32</v>
      </c>
      <c r="N41" s="11">
        <v>7939.25</v>
      </c>
      <c r="O41" s="11">
        <v>90592.14</v>
      </c>
      <c r="P41" s="11">
        <v>90592.14</v>
      </c>
    </row>
    <row r="42" spans="2:16" x14ac:dyDescent="0.25">
      <c r="B42" s="9" t="s">
        <v>42</v>
      </c>
      <c r="C42" s="11">
        <v>0</v>
      </c>
      <c r="D42" s="11">
        <v>0</v>
      </c>
      <c r="E42" s="11">
        <v>0</v>
      </c>
      <c r="F42" s="11">
        <v>0</v>
      </c>
      <c r="G42" s="11">
        <v>0</v>
      </c>
      <c r="H42" s="11">
        <v>0</v>
      </c>
      <c r="I42" s="11">
        <v>0</v>
      </c>
      <c r="J42" s="11">
        <v>0</v>
      </c>
      <c r="K42" s="11">
        <v>0</v>
      </c>
      <c r="L42" s="11">
        <v>0</v>
      </c>
      <c r="M42" s="11">
        <v>0</v>
      </c>
      <c r="N42" s="11">
        <v>0</v>
      </c>
      <c r="O42" s="11">
        <v>0</v>
      </c>
      <c r="P42" s="11">
        <v>0</v>
      </c>
    </row>
    <row r="43" spans="2:16" x14ac:dyDescent="0.25">
      <c r="B43" s="9" t="s">
        <v>43</v>
      </c>
      <c r="C43" s="11">
        <v>0</v>
      </c>
      <c r="D43" s="11">
        <v>0</v>
      </c>
      <c r="E43" s="11">
        <v>0</v>
      </c>
      <c r="F43" s="11">
        <v>0</v>
      </c>
      <c r="G43" s="11"/>
      <c r="H43" s="11"/>
      <c r="I43" s="11"/>
      <c r="J43" s="11"/>
      <c r="K43" s="11"/>
      <c r="L43" s="11"/>
      <c r="M43" s="11"/>
      <c r="N43" s="11"/>
      <c r="O43" s="11">
        <v>0</v>
      </c>
      <c r="P43" s="11">
        <v>0</v>
      </c>
    </row>
    <row r="44" spans="2:16" x14ac:dyDescent="0.25">
      <c r="B44" s="9" t="s">
        <v>44</v>
      </c>
      <c r="C44" s="11">
        <v>5347.31</v>
      </c>
      <c r="D44" s="11">
        <v>9602.7099999999991</v>
      </c>
      <c r="E44" s="11">
        <v>3083.64</v>
      </c>
      <c r="F44" s="11">
        <v>6615.52</v>
      </c>
      <c r="G44" s="11">
        <v>6005.01</v>
      </c>
      <c r="H44" s="11">
        <v>18665</v>
      </c>
      <c r="I44" s="11">
        <v>11180.25</v>
      </c>
      <c r="J44" s="11">
        <v>12481.39</v>
      </c>
      <c r="K44" s="11">
        <v>11304.36</v>
      </c>
      <c r="L44" s="11">
        <v>6873.93</v>
      </c>
      <c r="M44" s="11">
        <v>3916.76</v>
      </c>
      <c r="N44" s="11">
        <v>12040.67</v>
      </c>
      <c r="O44" s="11">
        <v>107116.55</v>
      </c>
      <c r="P44" s="11">
        <v>107116.55</v>
      </c>
    </row>
    <row r="45" spans="2:16" x14ac:dyDescent="0.25">
      <c r="B45" s="9" t="s">
        <v>45</v>
      </c>
      <c r="C45" s="11">
        <v>36292.49</v>
      </c>
      <c r="D45" s="11">
        <v>44526.1</v>
      </c>
      <c r="E45" s="11">
        <v>47595.94</v>
      </c>
      <c r="F45" s="11">
        <v>42318.41</v>
      </c>
      <c r="G45" s="11">
        <v>46269.21</v>
      </c>
      <c r="H45" s="11">
        <v>28278.84</v>
      </c>
      <c r="I45" s="11">
        <v>58408.82</v>
      </c>
      <c r="J45" s="11">
        <v>75350.84</v>
      </c>
      <c r="K45" s="11">
        <v>46373.2</v>
      </c>
      <c r="L45" s="11">
        <v>43795.91</v>
      </c>
      <c r="M45" s="11">
        <v>41347.870000000003</v>
      </c>
      <c r="N45" s="11">
        <v>51501.65</v>
      </c>
      <c r="O45" s="11">
        <v>562059.28</v>
      </c>
      <c r="P45" s="11">
        <v>562059.28</v>
      </c>
    </row>
    <row r="46" spans="2:16" x14ac:dyDescent="0.25">
      <c r="B46" s="9" t="s">
        <v>46</v>
      </c>
      <c r="C46" s="11">
        <v>198.98</v>
      </c>
      <c r="D46" s="11">
        <v>281.17</v>
      </c>
      <c r="E46" s="11">
        <v>360.24</v>
      </c>
      <c r="F46" s="11">
        <v>339.24</v>
      </c>
      <c r="G46" s="11">
        <v>245.52</v>
      </c>
      <c r="H46" s="11">
        <v>356.75</v>
      </c>
      <c r="I46" s="11">
        <v>259.77</v>
      </c>
      <c r="J46" s="11">
        <v>273.10000000000002</v>
      </c>
      <c r="K46" s="11">
        <v>211.83</v>
      </c>
      <c r="L46" s="11">
        <v>117.96</v>
      </c>
      <c r="M46" s="11">
        <v>105.11</v>
      </c>
      <c r="N46" s="11">
        <v>155.97999999999999</v>
      </c>
      <c r="O46" s="11">
        <v>2905.65</v>
      </c>
      <c r="P46" s="11">
        <v>2905.65</v>
      </c>
    </row>
    <row r="47" spans="2:16" x14ac:dyDescent="0.25">
      <c r="B47" s="9" t="s">
        <v>47</v>
      </c>
      <c r="C47" s="11">
        <v>20161.52</v>
      </c>
      <c r="D47" s="11">
        <v>30246.07</v>
      </c>
      <c r="E47" s="11">
        <v>7305.53</v>
      </c>
      <c r="F47" s="11">
        <v>4844.1499999999996</v>
      </c>
      <c r="G47" s="11">
        <v>10266.35</v>
      </c>
      <c r="H47" s="11">
        <v>13291.07</v>
      </c>
      <c r="I47" s="11">
        <v>24417</v>
      </c>
      <c r="J47" s="11">
        <v>10483.07</v>
      </c>
      <c r="K47" s="11">
        <v>106205.09</v>
      </c>
      <c r="L47" s="11">
        <v>29217.43</v>
      </c>
      <c r="M47" s="11">
        <v>3384.06</v>
      </c>
      <c r="N47" s="11">
        <v>27182.03</v>
      </c>
      <c r="O47" s="11">
        <v>287003.37</v>
      </c>
      <c r="P47" s="11">
        <v>287003.37</v>
      </c>
    </row>
    <row r="48" spans="2:16" x14ac:dyDescent="0.25">
      <c r="B48" s="9" t="s">
        <v>48</v>
      </c>
      <c r="C48" s="11"/>
      <c r="D48" s="11"/>
      <c r="E48" s="11"/>
      <c r="F48" s="11"/>
      <c r="G48" s="11">
        <v>581.97</v>
      </c>
      <c r="H48" s="11">
        <v>2524.69</v>
      </c>
      <c r="I48" s="11"/>
      <c r="J48" s="11">
        <v>12368.16</v>
      </c>
      <c r="K48" s="11"/>
      <c r="L48" s="11">
        <v>2137.1</v>
      </c>
      <c r="M48" s="11"/>
      <c r="N48" s="11">
        <v>8610.36</v>
      </c>
      <c r="O48" s="11">
        <v>26222.28</v>
      </c>
      <c r="P48" s="11">
        <v>26222.28</v>
      </c>
    </row>
    <row r="49" spans="2:16" x14ac:dyDescent="0.25">
      <c r="B49" s="9" t="s">
        <v>49</v>
      </c>
      <c r="C49" s="11">
        <v>38127.300000000003</v>
      </c>
      <c r="D49" s="11">
        <v>5243.81</v>
      </c>
      <c r="E49" s="11">
        <v>243817.46</v>
      </c>
      <c r="F49" s="11">
        <v>5923.08</v>
      </c>
      <c r="G49" s="11">
        <v>21873.84</v>
      </c>
      <c r="H49" s="11">
        <v>131402.09</v>
      </c>
      <c r="I49" s="11">
        <v>145551.18</v>
      </c>
      <c r="J49" s="11">
        <v>277857.12</v>
      </c>
      <c r="K49" s="11">
        <v>156869.95000000001</v>
      </c>
      <c r="L49" s="11">
        <v>-37729.82</v>
      </c>
      <c r="M49" s="11">
        <v>-181335.94</v>
      </c>
      <c r="N49" s="11">
        <v>8199.8799999999992</v>
      </c>
      <c r="O49" s="11">
        <v>815799.95</v>
      </c>
      <c r="P49" s="11">
        <v>815799.95</v>
      </c>
    </row>
    <row r="50" spans="2:16" x14ac:dyDescent="0.25">
      <c r="B50" s="9" t="s">
        <v>50</v>
      </c>
      <c r="C50" s="11">
        <v>35257.980000000003</v>
      </c>
      <c r="D50" s="11">
        <v>18464.93</v>
      </c>
      <c r="E50" s="11">
        <v>18446.53</v>
      </c>
      <c r="F50" s="11">
        <v>7900.88</v>
      </c>
      <c r="G50" s="11">
        <v>16208.38</v>
      </c>
      <c r="H50" s="11">
        <v>10665.49</v>
      </c>
      <c r="I50" s="11">
        <v>14189.52</v>
      </c>
      <c r="J50" s="11">
        <v>6026.54</v>
      </c>
      <c r="K50" s="11">
        <v>8579.39</v>
      </c>
      <c r="L50" s="11">
        <v>7514.29</v>
      </c>
      <c r="M50" s="11">
        <v>17350.98</v>
      </c>
      <c r="N50" s="11">
        <v>14652.8</v>
      </c>
      <c r="O50" s="11">
        <v>175257.71</v>
      </c>
      <c r="P50" s="11">
        <v>175257.71</v>
      </c>
    </row>
    <row r="51" spans="2:16" x14ac:dyDescent="0.25">
      <c r="B51" s="9" t="s">
        <v>53</v>
      </c>
      <c r="C51" s="11">
        <v>30109.11</v>
      </c>
      <c r="D51" s="11">
        <v>1779.87</v>
      </c>
      <c r="E51" s="11">
        <v>13376.28</v>
      </c>
      <c r="F51" s="11">
        <v>14055.71</v>
      </c>
      <c r="G51" s="11">
        <v>10157.129999999999</v>
      </c>
      <c r="H51" s="11">
        <v>6690.52</v>
      </c>
      <c r="I51" s="11">
        <v>6664.21</v>
      </c>
      <c r="J51" s="11">
        <v>-1157213.49</v>
      </c>
      <c r="K51" s="11">
        <v>-720752.37</v>
      </c>
      <c r="L51" s="11">
        <v>-2118471.87</v>
      </c>
      <c r="M51" s="11">
        <v>-2367827.37</v>
      </c>
      <c r="N51" s="11">
        <v>602479.81000000006</v>
      </c>
      <c r="O51" s="11">
        <v>-5678952.46</v>
      </c>
      <c r="P51" s="11">
        <v>-5678952.46</v>
      </c>
    </row>
    <row r="52" spans="2:16" x14ac:dyDescent="0.25">
      <c r="B52" s="9" t="s">
        <v>54</v>
      </c>
      <c r="C52" s="11">
        <v>4248</v>
      </c>
      <c r="D52" s="11">
        <v>4110</v>
      </c>
      <c r="E52" s="11">
        <v>4110</v>
      </c>
      <c r="F52" s="11">
        <v>4277.3999999999996</v>
      </c>
      <c r="G52" s="11">
        <v>4555.79</v>
      </c>
      <c r="H52" s="11">
        <v>4036</v>
      </c>
      <c r="I52" s="11">
        <v>4110</v>
      </c>
      <c r="J52" s="11">
        <v>5053.9399999999996</v>
      </c>
      <c r="K52" s="11">
        <v>5878.39</v>
      </c>
      <c r="L52" s="11">
        <v>5542.36</v>
      </c>
      <c r="M52" s="11">
        <v>5497.84</v>
      </c>
      <c r="N52" s="11">
        <v>5496.41</v>
      </c>
      <c r="O52" s="11">
        <v>56916.13</v>
      </c>
      <c r="P52" s="11">
        <v>56916.13</v>
      </c>
    </row>
    <row r="53" spans="2:16" x14ac:dyDescent="0.25">
      <c r="B53" s="9" t="s">
        <v>57</v>
      </c>
      <c r="C53" s="11"/>
      <c r="D53" s="11">
        <v>418.09</v>
      </c>
      <c r="E53" s="11"/>
      <c r="F53" s="11"/>
      <c r="G53" s="11"/>
      <c r="H53" s="11"/>
      <c r="I53" s="11"/>
      <c r="J53" s="11"/>
      <c r="K53" s="11"/>
      <c r="L53" s="11"/>
      <c r="M53" s="11"/>
      <c r="N53" s="11"/>
      <c r="O53" s="11">
        <v>418.09</v>
      </c>
      <c r="P53" s="11">
        <v>418.09</v>
      </c>
    </row>
    <row r="54" spans="2:16" x14ac:dyDescent="0.25">
      <c r="B54" s="9" t="s">
        <v>58</v>
      </c>
      <c r="C54" s="11"/>
      <c r="D54" s="11">
        <v>1463.36</v>
      </c>
      <c r="E54" s="11"/>
      <c r="F54" s="11"/>
      <c r="G54" s="11"/>
      <c r="H54" s="11"/>
      <c r="I54" s="11"/>
      <c r="J54" s="11"/>
      <c r="K54" s="11"/>
      <c r="L54" s="11"/>
      <c r="M54" s="11"/>
      <c r="N54" s="11"/>
      <c r="O54" s="11">
        <v>1463.36</v>
      </c>
      <c r="P54" s="11">
        <v>1463.36</v>
      </c>
    </row>
    <row r="55" spans="2:16" x14ac:dyDescent="0.25">
      <c r="B55" s="9" t="s">
        <v>59</v>
      </c>
      <c r="C55" s="11"/>
      <c r="D55" s="11">
        <v>209.06</v>
      </c>
      <c r="E55" s="11"/>
      <c r="F55" s="11"/>
      <c r="G55" s="11"/>
      <c r="H55" s="11"/>
      <c r="I55" s="11"/>
      <c r="J55" s="11"/>
      <c r="K55" s="11"/>
      <c r="L55" s="11"/>
      <c r="M55" s="11"/>
      <c r="N55" s="11"/>
      <c r="O55" s="11">
        <v>209.06</v>
      </c>
      <c r="P55" s="11">
        <v>209.06</v>
      </c>
    </row>
    <row r="56" spans="2:16" x14ac:dyDescent="0.25">
      <c r="B56" s="9" t="s">
        <v>60</v>
      </c>
      <c r="C56" s="11">
        <v>126339.23</v>
      </c>
      <c r="D56" s="11">
        <v>122668.6</v>
      </c>
      <c r="E56" s="11">
        <v>162964.23000000001</v>
      </c>
      <c r="F56" s="11">
        <v>159260.22</v>
      </c>
      <c r="G56" s="11">
        <v>211752.21</v>
      </c>
      <c r="H56" s="11">
        <v>251597.69</v>
      </c>
      <c r="I56" s="11">
        <v>248417.34</v>
      </c>
      <c r="J56" s="11">
        <v>124171.32</v>
      </c>
      <c r="K56" s="11">
        <v>197141.35</v>
      </c>
      <c r="L56" s="11">
        <v>-88920.16</v>
      </c>
      <c r="M56" s="11">
        <v>162228.70000000001</v>
      </c>
      <c r="N56" s="11">
        <v>314784.69</v>
      </c>
      <c r="O56" s="11">
        <v>1992405.42</v>
      </c>
      <c r="P56" s="11">
        <v>1992405.42</v>
      </c>
    </row>
    <row r="57" spans="2:16" x14ac:dyDescent="0.25">
      <c r="B57" s="9" t="s">
        <v>61</v>
      </c>
      <c r="C57" s="11"/>
      <c r="D57" s="11"/>
      <c r="E57" s="11"/>
      <c r="F57" s="11"/>
      <c r="G57" s="11"/>
      <c r="H57" s="11"/>
      <c r="I57" s="11"/>
      <c r="J57" s="11"/>
      <c r="K57" s="11"/>
      <c r="L57" s="11"/>
      <c r="M57" s="11"/>
      <c r="N57" s="11">
        <v>-150000</v>
      </c>
      <c r="O57" s="11">
        <v>-150000</v>
      </c>
      <c r="P57" s="11">
        <v>-150000</v>
      </c>
    </row>
    <row r="58" spans="2:16" x14ac:dyDescent="0.25">
      <c r="B58" s="9" t="s">
        <v>62</v>
      </c>
      <c r="C58" s="11">
        <v>591.67999999999995</v>
      </c>
      <c r="D58" s="11">
        <v>1220.56</v>
      </c>
      <c r="E58" s="11">
        <v>3169.7</v>
      </c>
      <c r="F58" s="11">
        <v>-1074.67</v>
      </c>
      <c r="G58" s="11">
        <v>13211.98</v>
      </c>
      <c r="H58" s="11">
        <v>1552.39</v>
      </c>
      <c r="I58" s="11">
        <v>1695.2</v>
      </c>
      <c r="J58" s="11">
        <v>983.42</v>
      </c>
      <c r="K58" s="11">
        <v>529.04</v>
      </c>
      <c r="L58" s="11">
        <v>594.80999999999995</v>
      </c>
      <c r="M58" s="11">
        <v>227.09</v>
      </c>
      <c r="N58" s="11">
        <v>1597.16</v>
      </c>
      <c r="O58" s="11">
        <v>24298.36</v>
      </c>
      <c r="P58" s="11">
        <v>24298.36</v>
      </c>
    </row>
    <row r="59" spans="2:16" x14ac:dyDescent="0.25">
      <c r="B59" s="9" t="s">
        <v>63</v>
      </c>
      <c r="C59" s="11"/>
      <c r="D59" s="11"/>
      <c r="E59" s="11"/>
      <c r="F59" s="11">
        <v>258.3</v>
      </c>
      <c r="G59" s="11">
        <v>0</v>
      </c>
      <c r="H59" s="11"/>
      <c r="I59" s="11"/>
      <c r="J59" s="11"/>
      <c r="K59" s="11">
        <v>1039.52</v>
      </c>
      <c r="L59" s="11"/>
      <c r="M59" s="11">
        <v>26.47</v>
      </c>
      <c r="N59" s="11">
        <v>27.86</v>
      </c>
      <c r="O59" s="11">
        <v>1352.15</v>
      </c>
      <c r="P59" s="11">
        <v>1352.15</v>
      </c>
    </row>
    <row r="60" spans="2:16" x14ac:dyDescent="0.25">
      <c r="B60" s="9" t="s">
        <v>64</v>
      </c>
      <c r="C60" s="11"/>
      <c r="D60" s="11"/>
      <c r="E60" s="11">
        <v>139250</v>
      </c>
      <c r="F60" s="11"/>
      <c r="G60" s="11"/>
      <c r="H60" s="11">
        <v>139250</v>
      </c>
      <c r="I60" s="11"/>
      <c r="J60" s="11"/>
      <c r="K60" s="11">
        <v>139250</v>
      </c>
      <c r="L60" s="11"/>
      <c r="M60" s="11"/>
      <c r="N60" s="11"/>
      <c r="O60" s="11">
        <v>417750</v>
      </c>
      <c r="P60" s="11">
        <v>417750</v>
      </c>
    </row>
    <row r="61" spans="2:16" x14ac:dyDescent="0.25">
      <c r="B61" s="9" t="s">
        <v>65</v>
      </c>
      <c r="C61" s="11">
        <v>53.47</v>
      </c>
      <c r="D61" s="11">
        <v>183.16</v>
      </c>
      <c r="E61" s="11">
        <v>177.15</v>
      </c>
      <c r="F61" s="11">
        <v>431.34</v>
      </c>
      <c r="G61" s="11">
        <v>-70.239999999999995</v>
      </c>
      <c r="H61" s="11">
        <v>585.1</v>
      </c>
      <c r="I61" s="11">
        <v>172.23</v>
      </c>
      <c r="J61" s="11">
        <v>223.03</v>
      </c>
      <c r="K61" s="11">
        <v>86.92</v>
      </c>
      <c r="L61" s="11">
        <v>69.78</v>
      </c>
      <c r="M61" s="11">
        <v>-152.99</v>
      </c>
      <c r="N61" s="11">
        <v>-122.7</v>
      </c>
      <c r="O61" s="11">
        <v>1636.25</v>
      </c>
      <c r="P61" s="11">
        <v>1636.25</v>
      </c>
    </row>
    <row r="62" spans="2:16" x14ac:dyDescent="0.25">
      <c r="B62" s="9" t="s">
        <v>67</v>
      </c>
      <c r="C62" s="11">
        <v>80.45</v>
      </c>
      <c r="D62" s="11">
        <v>204.3</v>
      </c>
      <c r="E62" s="11">
        <v>46.06</v>
      </c>
      <c r="F62" s="11">
        <v>346.92</v>
      </c>
      <c r="G62" s="11">
        <v>336.33</v>
      </c>
      <c r="H62" s="11">
        <v>325.94</v>
      </c>
      <c r="I62" s="11">
        <v>660.33</v>
      </c>
      <c r="J62" s="11">
        <v>928.97</v>
      </c>
      <c r="K62" s="11">
        <v>210.24</v>
      </c>
      <c r="L62" s="11">
        <v>69.77</v>
      </c>
      <c r="M62" s="11">
        <v>42.97</v>
      </c>
      <c r="N62" s="11">
        <v>72</v>
      </c>
      <c r="O62" s="11">
        <v>3324.28</v>
      </c>
      <c r="P62" s="11">
        <v>3324.28</v>
      </c>
    </row>
    <row r="63" spans="2:16" x14ac:dyDescent="0.25">
      <c r="B63" s="9" t="s">
        <v>68</v>
      </c>
      <c r="C63" s="11"/>
      <c r="D63" s="11"/>
      <c r="E63" s="11"/>
      <c r="F63" s="11"/>
      <c r="G63" s="11"/>
      <c r="H63" s="11">
        <v>0</v>
      </c>
      <c r="I63" s="11"/>
      <c r="J63" s="11"/>
      <c r="K63" s="11"/>
      <c r="L63" s="11"/>
      <c r="M63" s="11"/>
      <c r="N63" s="11"/>
      <c r="O63" s="11">
        <v>0</v>
      </c>
      <c r="P63" s="11">
        <v>0</v>
      </c>
    </row>
    <row r="64" spans="2:16" x14ac:dyDescent="0.25">
      <c r="B64" s="9" t="s">
        <v>69</v>
      </c>
      <c r="C64" s="11"/>
      <c r="D64" s="11">
        <v>4159.1000000000004</v>
      </c>
      <c r="E64" s="11">
        <v>283.47000000000003</v>
      </c>
      <c r="F64" s="11">
        <v>-0.82</v>
      </c>
      <c r="G64" s="11">
        <v>-3842.32</v>
      </c>
      <c r="H64" s="11"/>
      <c r="I64" s="11"/>
      <c r="J64" s="11"/>
      <c r="K64" s="11"/>
      <c r="L64" s="11"/>
      <c r="M64" s="11">
        <v>2.82</v>
      </c>
      <c r="N64" s="11">
        <v>-0.82</v>
      </c>
      <c r="O64" s="11">
        <v>601.42999999999995</v>
      </c>
      <c r="P64" s="11">
        <v>601.42999999999995</v>
      </c>
    </row>
    <row r="65" spans="2:16" x14ac:dyDescent="0.25">
      <c r="B65" s="9" t="s">
        <v>70</v>
      </c>
      <c r="C65" s="11">
        <v>210.47</v>
      </c>
      <c r="D65" s="11">
        <v>-1561.48</v>
      </c>
      <c r="E65" s="11">
        <v>257.10000000000002</v>
      </c>
      <c r="F65" s="11">
        <v>848.7</v>
      </c>
      <c r="G65" s="11">
        <v>662.02</v>
      </c>
      <c r="H65" s="11">
        <v>1014.4</v>
      </c>
      <c r="I65" s="11">
        <v>708.76</v>
      </c>
      <c r="J65" s="11">
        <v>965.55</v>
      </c>
      <c r="K65" s="11">
        <v>808.62</v>
      </c>
      <c r="L65" s="11">
        <v>700.12</v>
      </c>
      <c r="M65" s="11">
        <v>567.32000000000005</v>
      </c>
      <c r="N65" s="11">
        <v>117.6</v>
      </c>
      <c r="O65" s="11">
        <v>5299.18</v>
      </c>
      <c r="P65" s="11">
        <v>5299.18</v>
      </c>
    </row>
    <row r="66" spans="2:16" x14ac:dyDescent="0.25">
      <c r="B66" s="9" t="s">
        <v>71</v>
      </c>
      <c r="C66" s="11">
        <v>2468.4699999999998</v>
      </c>
      <c r="D66" s="11">
        <v>691.95</v>
      </c>
      <c r="E66" s="11">
        <v>2450.62</v>
      </c>
      <c r="F66" s="11">
        <v>-1344.53</v>
      </c>
      <c r="G66" s="11">
        <v>3971.9</v>
      </c>
      <c r="H66" s="11">
        <v>1748.33</v>
      </c>
      <c r="I66" s="11">
        <v>4140.6499999999996</v>
      </c>
      <c r="J66" s="11">
        <v>3965.38</v>
      </c>
      <c r="K66" s="11">
        <v>5069.55</v>
      </c>
      <c r="L66" s="11">
        <v>2985.9</v>
      </c>
      <c r="M66" s="11">
        <v>2662.38</v>
      </c>
      <c r="N66" s="11">
        <v>2273.1799999999998</v>
      </c>
      <c r="O66" s="11">
        <v>31083.78</v>
      </c>
      <c r="P66" s="11">
        <v>31083.78</v>
      </c>
    </row>
    <row r="67" spans="2:16" x14ac:dyDescent="0.25">
      <c r="B67" s="9" t="s">
        <v>72</v>
      </c>
      <c r="C67" s="11">
        <v>2217.9499999999998</v>
      </c>
      <c r="D67" s="11">
        <v>55781.81</v>
      </c>
      <c r="E67" s="11">
        <v>7742.86</v>
      </c>
      <c r="F67" s="11">
        <v>1059.43</v>
      </c>
      <c r="G67" s="11">
        <v>4400.08</v>
      </c>
      <c r="H67" s="11">
        <v>23760.43</v>
      </c>
      <c r="I67" s="11">
        <v>-7029.61</v>
      </c>
      <c r="J67" s="11">
        <v>35918.65</v>
      </c>
      <c r="K67" s="11">
        <v>827.46</v>
      </c>
      <c r="L67" s="11">
        <v>3123.29</v>
      </c>
      <c r="M67" s="11">
        <v>503.94</v>
      </c>
      <c r="N67" s="11">
        <v>710.4</v>
      </c>
      <c r="O67" s="11">
        <v>129016.69</v>
      </c>
      <c r="P67" s="11">
        <v>129016.69</v>
      </c>
    </row>
    <row r="68" spans="2:16" x14ac:dyDescent="0.25">
      <c r="B68" s="9" t="s">
        <v>74</v>
      </c>
      <c r="C68" s="11"/>
      <c r="D68" s="11">
        <v>1433.4</v>
      </c>
      <c r="E68" s="11">
        <v>4026.77</v>
      </c>
      <c r="F68" s="11">
        <v>3837.58</v>
      </c>
      <c r="G68" s="11">
        <v>2228.5</v>
      </c>
      <c r="H68" s="11">
        <v>1137.95</v>
      </c>
      <c r="I68" s="11">
        <v>2666.83</v>
      </c>
      <c r="J68" s="11">
        <v>995.58</v>
      </c>
      <c r="K68" s="11">
        <v>2177.0300000000002</v>
      </c>
      <c r="L68" s="11">
        <v>2020.42</v>
      </c>
      <c r="M68" s="11">
        <v>2068.4499999999998</v>
      </c>
      <c r="N68" s="11">
        <v>5231.3599999999997</v>
      </c>
      <c r="O68" s="11">
        <v>27823.87</v>
      </c>
      <c r="P68" s="11">
        <v>27823.87</v>
      </c>
    </row>
    <row r="69" spans="2:16" x14ac:dyDescent="0.25">
      <c r="B69" s="9" t="s">
        <v>76</v>
      </c>
      <c r="C69" s="11">
        <v>354.57</v>
      </c>
      <c r="D69" s="11">
        <v>678.97</v>
      </c>
      <c r="E69" s="11">
        <v>457.92</v>
      </c>
      <c r="F69" s="11">
        <v>592.79999999999995</v>
      </c>
      <c r="G69" s="11">
        <v>705.28</v>
      </c>
      <c r="H69" s="11">
        <v>4072.7</v>
      </c>
      <c r="I69" s="11">
        <v>1779.02</v>
      </c>
      <c r="J69" s="11">
        <v>1989.37</v>
      </c>
      <c r="K69" s="11">
        <v>189.85</v>
      </c>
      <c r="L69" s="11">
        <v>331.12</v>
      </c>
      <c r="M69" s="11">
        <v>116.67</v>
      </c>
      <c r="N69" s="11">
        <v>312.42</v>
      </c>
      <c r="O69" s="11">
        <v>11580.69</v>
      </c>
      <c r="P69" s="11">
        <v>11580.69</v>
      </c>
    </row>
    <row r="70" spans="2:16" x14ac:dyDescent="0.25">
      <c r="B70" s="9" t="s">
        <v>77</v>
      </c>
      <c r="C70" s="11"/>
      <c r="D70" s="11"/>
      <c r="E70" s="11"/>
      <c r="F70" s="11">
        <v>26273.67</v>
      </c>
      <c r="G70" s="11">
        <v>38544.54</v>
      </c>
      <c r="H70" s="11">
        <v>16559.39</v>
      </c>
      <c r="I70" s="11">
        <v>15728.21</v>
      </c>
      <c r="J70" s="11">
        <v>35117.35</v>
      </c>
      <c r="K70" s="11">
        <v>2412.02</v>
      </c>
      <c r="L70" s="11">
        <v>0</v>
      </c>
      <c r="M70" s="11">
        <v>-19336.060000000001</v>
      </c>
      <c r="N70" s="11"/>
      <c r="O70" s="11">
        <v>115299.12</v>
      </c>
      <c r="P70" s="11">
        <v>115299.12</v>
      </c>
    </row>
    <row r="71" spans="2:16" x14ac:dyDescent="0.25">
      <c r="B71" s="9" t="s">
        <v>78</v>
      </c>
      <c r="C71" s="11"/>
      <c r="D71" s="11"/>
      <c r="E71" s="11"/>
      <c r="F71" s="11"/>
      <c r="G71" s="11"/>
      <c r="H71" s="11"/>
      <c r="I71" s="11"/>
      <c r="J71" s="11"/>
      <c r="K71" s="11"/>
      <c r="L71" s="11">
        <v>48961.16</v>
      </c>
      <c r="M71" s="11"/>
      <c r="N71" s="11"/>
      <c r="O71" s="11">
        <v>48961.16</v>
      </c>
      <c r="P71" s="11">
        <v>48961.16</v>
      </c>
    </row>
    <row r="72" spans="2:16" x14ac:dyDescent="0.25">
      <c r="B72" s="9" t="s">
        <v>79</v>
      </c>
      <c r="C72" s="11">
        <v>14685.22</v>
      </c>
      <c r="D72" s="11">
        <v>18385.16</v>
      </c>
      <c r="E72" s="11">
        <v>18419.72</v>
      </c>
      <c r="F72" s="11">
        <v>54530.32</v>
      </c>
      <c r="G72" s="11">
        <v>52428.69</v>
      </c>
      <c r="H72" s="11">
        <v>40022</v>
      </c>
      <c r="I72" s="11">
        <v>37857.83</v>
      </c>
      <c r="J72" s="11">
        <v>34805.089999999997</v>
      </c>
      <c r="K72" s="11">
        <v>25041.61</v>
      </c>
      <c r="L72" s="11">
        <v>26011.360000000001</v>
      </c>
      <c r="M72" s="11">
        <v>18221.59</v>
      </c>
      <c r="N72" s="11">
        <v>18350.419999999998</v>
      </c>
      <c r="O72" s="11">
        <v>358759.01</v>
      </c>
      <c r="P72" s="11">
        <v>358759.01</v>
      </c>
    </row>
    <row r="73" spans="2:16" x14ac:dyDescent="0.25">
      <c r="B73" s="9" t="s">
        <v>80</v>
      </c>
      <c r="C73" s="11">
        <v>12273.47</v>
      </c>
      <c r="D73" s="11">
        <v>15583.58</v>
      </c>
      <c r="E73" s="11">
        <v>21235.22</v>
      </c>
      <c r="F73" s="11">
        <v>25340.93</v>
      </c>
      <c r="G73" s="11">
        <v>22955.35</v>
      </c>
      <c r="H73" s="11">
        <v>25352.34</v>
      </c>
      <c r="I73" s="11">
        <v>30309.3</v>
      </c>
      <c r="J73" s="11">
        <v>18502.91</v>
      </c>
      <c r="K73" s="11">
        <v>13323.15</v>
      </c>
      <c r="L73" s="11">
        <v>18058.8</v>
      </c>
      <c r="M73" s="11">
        <v>13089.97</v>
      </c>
      <c r="N73" s="11">
        <v>17820.740000000002</v>
      </c>
      <c r="O73" s="11">
        <v>233845.76000000001</v>
      </c>
      <c r="P73" s="11">
        <v>233845.76000000001</v>
      </c>
    </row>
    <row r="74" spans="2:16" x14ac:dyDescent="0.25">
      <c r="B74" s="9" t="s">
        <v>81</v>
      </c>
      <c r="C74" s="11">
        <v>34329.25</v>
      </c>
      <c r="D74" s="11">
        <v>40485.24</v>
      </c>
      <c r="E74" s="11">
        <v>36977.58</v>
      </c>
      <c r="F74" s="11">
        <v>48682.18</v>
      </c>
      <c r="G74" s="11">
        <v>44224.99</v>
      </c>
      <c r="H74" s="11">
        <v>58879.39</v>
      </c>
      <c r="I74" s="11">
        <v>43878.28</v>
      </c>
      <c r="J74" s="11">
        <v>40278.35</v>
      </c>
      <c r="K74" s="11">
        <v>31762.02</v>
      </c>
      <c r="L74" s="11">
        <v>34492.99</v>
      </c>
      <c r="M74" s="11">
        <v>10891.11</v>
      </c>
      <c r="N74" s="11">
        <v>46956.01</v>
      </c>
      <c r="O74" s="11">
        <v>471837.39</v>
      </c>
      <c r="P74" s="11">
        <v>471837.39</v>
      </c>
    </row>
    <row r="75" spans="2:16" x14ac:dyDescent="0.25">
      <c r="B75" s="9" t="s">
        <v>82</v>
      </c>
      <c r="C75" s="11">
        <v>28277.74</v>
      </c>
      <c r="D75" s="11">
        <v>60831.68</v>
      </c>
      <c r="E75" s="11">
        <v>44013.79</v>
      </c>
      <c r="F75" s="11">
        <v>46909.07</v>
      </c>
      <c r="G75" s="11">
        <v>56680.74</v>
      </c>
      <c r="H75" s="11">
        <v>54967.35</v>
      </c>
      <c r="I75" s="11">
        <v>45571.55</v>
      </c>
      <c r="J75" s="11">
        <v>49836.69</v>
      </c>
      <c r="K75" s="11">
        <v>28795.97</v>
      </c>
      <c r="L75" s="11">
        <v>76551.100000000006</v>
      </c>
      <c r="M75" s="11">
        <v>11092.98</v>
      </c>
      <c r="N75" s="11">
        <v>27034.85</v>
      </c>
      <c r="O75" s="11">
        <v>530563.51</v>
      </c>
      <c r="P75" s="11">
        <v>530563.51</v>
      </c>
    </row>
    <row r="76" spans="2:16" x14ac:dyDescent="0.25">
      <c r="B76" s="9" t="s">
        <v>83</v>
      </c>
      <c r="C76" s="11">
        <v>36648.300000000003</v>
      </c>
      <c r="D76" s="11">
        <v>3600</v>
      </c>
      <c r="E76" s="11">
        <v>-6210</v>
      </c>
      <c r="F76" s="11">
        <v>8532.7999999999993</v>
      </c>
      <c r="G76" s="11">
        <v>810</v>
      </c>
      <c r="H76" s="11">
        <v>4428.75</v>
      </c>
      <c r="I76" s="11">
        <v>1170.06</v>
      </c>
      <c r="J76" s="11">
        <v>0</v>
      </c>
      <c r="K76" s="11">
        <v>-18507</v>
      </c>
      <c r="L76" s="11">
        <v>32694</v>
      </c>
      <c r="M76" s="11">
        <v>-2365</v>
      </c>
      <c r="N76" s="11">
        <v>12840</v>
      </c>
      <c r="O76" s="11">
        <v>73641.91</v>
      </c>
      <c r="P76" s="11">
        <v>73641.91</v>
      </c>
    </row>
    <row r="77" spans="2:16" x14ac:dyDescent="0.25">
      <c r="B77" s="9" t="s">
        <v>84</v>
      </c>
      <c r="C77" s="11">
        <v>945.17</v>
      </c>
      <c r="D77" s="11">
        <v>1175.07</v>
      </c>
      <c r="E77" s="11">
        <v>695.1</v>
      </c>
      <c r="F77" s="11">
        <v>981.18</v>
      </c>
      <c r="G77" s="11">
        <v>917.74</v>
      </c>
      <c r="H77" s="11">
        <v>651.91999999999996</v>
      </c>
      <c r="I77" s="11">
        <v>738.16</v>
      </c>
      <c r="J77" s="11">
        <v>684.32</v>
      </c>
      <c r="K77" s="11">
        <v>799.32</v>
      </c>
      <c r="L77" s="11">
        <v>1179.3</v>
      </c>
      <c r="M77" s="11">
        <v>1009.03</v>
      </c>
      <c r="N77" s="11">
        <v>893.41</v>
      </c>
      <c r="O77" s="11">
        <v>10669.72</v>
      </c>
      <c r="P77" s="11">
        <v>10669.72</v>
      </c>
    </row>
    <row r="78" spans="2:16" x14ac:dyDescent="0.25">
      <c r="B78" s="9" t="s">
        <v>187</v>
      </c>
      <c r="C78" s="11">
        <v>44.1</v>
      </c>
      <c r="D78" s="11">
        <v>189.97</v>
      </c>
      <c r="E78" s="11"/>
      <c r="F78" s="11"/>
      <c r="G78" s="11"/>
      <c r="H78" s="11">
        <v>18</v>
      </c>
      <c r="I78" s="11">
        <v>17.52</v>
      </c>
      <c r="J78" s="11"/>
      <c r="K78" s="11"/>
      <c r="L78" s="11"/>
      <c r="M78" s="11"/>
      <c r="N78" s="11"/>
      <c r="O78" s="11">
        <v>269.58999999999997</v>
      </c>
      <c r="P78" s="11">
        <v>269.58999999999997</v>
      </c>
    </row>
    <row r="79" spans="2:16" x14ac:dyDescent="0.25">
      <c r="B79" s="9" t="s">
        <v>85</v>
      </c>
      <c r="C79" s="11">
        <v>213.99</v>
      </c>
      <c r="D79" s="11">
        <v>834.9</v>
      </c>
      <c r="E79" s="11">
        <v>254.86</v>
      </c>
      <c r="F79" s="11">
        <v>364.77</v>
      </c>
      <c r="G79" s="11">
        <v>605.44000000000005</v>
      </c>
      <c r="H79" s="11">
        <v>1810.92</v>
      </c>
      <c r="I79" s="11">
        <v>3302.55</v>
      </c>
      <c r="J79" s="11">
        <v>4963.33</v>
      </c>
      <c r="K79" s="11">
        <v>910.95</v>
      </c>
      <c r="L79" s="11">
        <v>1382.1</v>
      </c>
      <c r="M79" s="11">
        <v>320.5</v>
      </c>
      <c r="N79" s="11">
        <v>157.51</v>
      </c>
      <c r="O79" s="11">
        <v>15121.82</v>
      </c>
      <c r="P79" s="11">
        <v>15121.82</v>
      </c>
    </row>
    <row r="80" spans="2:16" x14ac:dyDescent="0.25">
      <c r="B80" s="9" t="s">
        <v>86</v>
      </c>
      <c r="C80" s="11">
        <v>1284.93</v>
      </c>
      <c r="D80" s="11">
        <v>2288.34</v>
      </c>
      <c r="E80" s="11">
        <v>1048.6199999999999</v>
      </c>
      <c r="F80" s="11">
        <v>1247.1500000000001</v>
      </c>
      <c r="G80" s="11">
        <v>8463.7999999999993</v>
      </c>
      <c r="H80" s="11">
        <v>6084.67</v>
      </c>
      <c r="I80" s="11">
        <v>9862.2099999999991</v>
      </c>
      <c r="J80" s="11">
        <v>9239.68</v>
      </c>
      <c r="K80" s="11">
        <v>9019.39</v>
      </c>
      <c r="L80" s="11">
        <v>6172.34</v>
      </c>
      <c r="M80" s="11">
        <v>4505.1400000000003</v>
      </c>
      <c r="N80" s="11">
        <v>4291.62</v>
      </c>
      <c r="O80" s="11">
        <v>63507.89</v>
      </c>
      <c r="P80" s="11">
        <v>63507.89</v>
      </c>
    </row>
    <row r="81" spans="2:16" x14ac:dyDescent="0.25">
      <c r="B81" s="9" t="s">
        <v>87</v>
      </c>
      <c r="C81" s="11">
        <v>160811.62</v>
      </c>
      <c r="D81" s="11">
        <v>107923.63</v>
      </c>
      <c r="E81" s="11">
        <v>195137.31</v>
      </c>
      <c r="F81" s="11">
        <v>185778.41</v>
      </c>
      <c r="G81" s="11">
        <v>148795.88</v>
      </c>
      <c r="H81" s="11">
        <v>267842.7</v>
      </c>
      <c r="I81" s="11">
        <v>183508.99</v>
      </c>
      <c r="J81" s="11">
        <v>218070.35</v>
      </c>
      <c r="K81" s="11">
        <v>129574.23</v>
      </c>
      <c r="L81" s="11">
        <v>176331.81</v>
      </c>
      <c r="M81" s="11">
        <v>124889</v>
      </c>
      <c r="N81" s="11">
        <v>166495.07999999999</v>
      </c>
      <c r="O81" s="11">
        <v>2065159.01</v>
      </c>
      <c r="P81" s="11">
        <v>2065159.01</v>
      </c>
    </row>
    <row r="82" spans="2:16" x14ac:dyDescent="0.25">
      <c r="B82" s="9" t="s">
        <v>88</v>
      </c>
      <c r="C82" s="11">
        <v>225107.3</v>
      </c>
      <c r="D82" s="11">
        <v>424402.44</v>
      </c>
      <c r="E82" s="11">
        <v>295860.47999999998</v>
      </c>
      <c r="F82" s="11">
        <v>242571.04</v>
      </c>
      <c r="G82" s="11">
        <v>284355.76</v>
      </c>
      <c r="H82" s="11">
        <v>514242.95</v>
      </c>
      <c r="I82" s="11">
        <v>258900.47</v>
      </c>
      <c r="J82" s="11">
        <v>373511.88</v>
      </c>
      <c r="K82" s="11">
        <v>439140.13</v>
      </c>
      <c r="L82" s="11">
        <v>354956.85</v>
      </c>
      <c r="M82" s="11">
        <v>196846.53</v>
      </c>
      <c r="N82" s="11">
        <v>231472.53</v>
      </c>
      <c r="O82" s="11">
        <v>3841368.36</v>
      </c>
      <c r="P82" s="11">
        <v>3841368.36</v>
      </c>
    </row>
    <row r="83" spans="2:16" x14ac:dyDescent="0.25">
      <c r="B83" s="9" t="s">
        <v>89</v>
      </c>
      <c r="C83" s="11">
        <v>5792.18</v>
      </c>
      <c r="D83" s="11">
        <v>4895.32</v>
      </c>
      <c r="E83" s="11">
        <v>9024.23</v>
      </c>
      <c r="F83" s="11">
        <v>15370.99</v>
      </c>
      <c r="G83" s="11">
        <v>24378.13</v>
      </c>
      <c r="H83" s="11">
        <v>17604.189999999999</v>
      </c>
      <c r="I83" s="11">
        <v>5589.06</v>
      </c>
      <c r="J83" s="11">
        <v>6733.53</v>
      </c>
      <c r="K83" s="11">
        <v>6945.51</v>
      </c>
      <c r="L83" s="11">
        <v>22104.17</v>
      </c>
      <c r="M83" s="11">
        <v>2828.18</v>
      </c>
      <c r="N83" s="11">
        <v>15000.43</v>
      </c>
      <c r="O83" s="11">
        <v>136265.92000000001</v>
      </c>
      <c r="P83" s="11">
        <v>136265.92000000001</v>
      </c>
    </row>
    <row r="84" spans="2:16" x14ac:dyDescent="0.25">
      <c r="B84" s="9" t="s">
        <v>90</v>
      </c>
      <c r="C84" s="11"/>
      <c r="D84" s="11"/>
      <c r="E84" s="11">
        <v>1247.73</v>
      </c>
      <c r="F84" s="11">
        <v>2408.13</v>
      </c>
      <c r="G84" s="11"/>
      <c r="H84" s="11"/>
      <c r="I84" s="11"/>
      <c r="J84" s="11"/>
      <c r="K84" s="11">
        <v>768.67</v>
      </c>
      <c r="L84" s="11"/>
      <c r="M84" s="11">
        <v>137.69</v>
      </c>
      <c r="N84" s="11">
        <v>12784.51</v>
      </c>
      <c r="O84" s="11">
        <v>17346.73</v>
      </c>
      <c r="P84" s="11">
        <v>17346.73</v>
      </c>
    </row>
    <row r="85" spans="2:16" x14ac:dyDescent="0.25">
      <c r="B85" s="9" t="s">
        <v>91</v>
      </c>
      <c r="C85" s="11">
        <v>5672.41</v>
      </c>
      <c r="D85" s="11">
        <v>14705.68</v>
      </c>
      <c r="E85" s="11">
        <v>9078.1</v>
      </c>
      <c r="F85" s="11">
        <v>26271.72</v>
      </c>
      <c r="G85" s="11">
        <v>13362.42</v>
      </c>
      <c r="H85" s="11">
        <v>12207.64</v>
      </c>
      <c r="I85" s="11">
        <v>8187.75</v>
      </c>
      <c r="J85" s="11">
        <v>16921.57</v>
      </c>
      <c r="K85" s="11">
        <v>21314.15</v>
      </c>
      <c r="L85" s="11">
        <v>29883.67</v>
      </c>
      <c r="M85" s="11">
        <v>37473.47</v>
      </c>
      <c r="N85" s="11">
        <v>20822.88</v>
      </c>
      <c r="O85" s="11">
        <v>215901.46</v>
      </c>
      <c r="P85" s="11">
        <v>215901.46</v>
      </c>
    </row>
    <row r="86" spans="2:16" x14ac:dyDescent="0.25">
      <c r="B86" s="9" t="s">
        <v>95</v>
      </c>
      <c r="C86" s="11">
        <v>309.76</v>
      </c>
      <c r="D86" s="11"/>
      <c r="E86" s="11"/>
      <c r="F86" s="11"/>
      <c r="G86" s="11"/>
      <c r="H86" s="11"/>
      <c r="I86" s="11"/>
      <c r="J86" s="11"/>
      <c r="K86" s="11"/>
      <c r="L86" s="11"/>
      <c r="M86" s="11"/>
      <c r="N86" s="11"/>
      <c r="O86" s="11">
        <v>309.76</v>
      </c>
      <c r="P86" s="11">
        <v>309.76</v>
      </c>
    </row>
    <row r="87" spans="2:16" x14ac:dyDescent="0.25">
      <c r="B87" s="9" t="s">
        <v>96</v>
      </c>
      <c r="C87" s="11">
        <v>10146.42</v>
      </c>
      <c r="D87" s="11">
        <v>10492.62</v>
      </c>
      <c r="E87" s="11">
        <v>10017.950000000001</v>
      </c>
      <c r="F87" s="11">
        <v>11126.28</v>
      </c>
      <c r="G87" s="11">
        <v>11203.78</v>
      </c>
      <c r="H87" s="11">
        <v>9688.2999999999993</v>
      </c>
      <c r="I87" s="11">
        <v>14118.43</v>
      </c>
      <c r="J87" s="11">
        <v>10732.55</v>
      </c>
      <c r="K87" s="11">
        <v>11328.38</v>
      </c>
      <c r="L87" s="11">
        <v>12817.22</v>
      </c>
      <c r="M87" s="11">
        <v>9442.2900000000009</v>
      </c>
      <c r="N87" s="11">
        <v>11927.14</v>
      </c>
      <c r="O87" s="11">
        <v>133041.35999999999</v>
      </c>
      <c r="P87" s="11">
        <v>133041.35999999999</v>
      </c>
    </row>
    <row r="88" spans="2:16" x14ac:dyDescent="0.25">
      <c r="B88" s="9" t="s">
        <v>97</v>
      </c>
      <c r="C88" s="11">
        <v>7934.88</v>
      </c>
      <c r="D88" s="11">
        <v>2322.9</v>
      </c>
      <c r="E88" s="11">
        <v>7732.53</v>
      </c>
      <c r="F88" s="11">
        <v>6117.19</v>
      </c>
      <c r="G88" s="11">
        <v>6133.79</v>
      </c>
      <c r="H88" s="11">
        <v>5359.51</v>
      </c>
      <c r="I88" s="11">
        <v>8828.7800000000007</v>
      </c>
      <c r="J88" s="11">
        <v>5226.34</v>
      </c>
      <c r="K88" s="11">
        <v>5075.41</v>
      </c>
      <c r="L88" s="11">
        <v>5205.22</v>
      </c>
      <c r="M88" s="11">
        <v>3459.86</v>
      </c>
      <c r="N88" s="11">
        <v>3515.81</v>
      </c>
      <c r="O88" s="11">
        <v>66912.22</v>
      </c>
      <c r="P88" s="11">
        <v>66912.22</v>
      </c>
    </row>
    <row r="89" spans="2:16" x14ac:dyDescent="0.25">
      <c r="B89" s="9" t="s">
        <v>98</v>
      </c>
      <c r="C89" s="11"/>
      <c r="D89" s="11"/>
      <c r="E89" s="11"/>
      <c r="F89" s="11"/>
      <c r="G89" s="11"/>
      <c r="H89" s="11"/>
      <c r="I89" s="11"/>
      <c r="J89" s="11"/>
      <c r="K89" s="11"/>
      <c r="L89" s="11"/>
      <c r="M89" s="11">
        <v>7.0000000000000007E-2</v>
      </c>
      <c r="N89" s="11">
        <v>2.15</v>
      </c>
      <c r="O89" s="11">
        <v>2.2200000000000002</v>
      </c>
      <c r="P89" s="11">
        <v>2.2200000000000002</v>
      </c>
    </row>
    <row r="90" spans="2:16" x14ac:dyDescent="0.25">
      <c r="B90" s="9" t="s">
        <v>99</v>
      </c>
      <c r="C90" s="11"/>
      <c r="D90" s="11"/>
      <c r="E90" s="11"/>
      <c r="F90" s="11"/>
      <c r="G90" s="11"/>
      <c r="H90" s="11"/>
      <c r="I90" s="11"/>
      <c r="J90" s="11"/>
      <c r="K90" s="11"/>
      <c r="L90" s="11"/>
      <c r="M90" s="11">
        <v>0.05</v>
      </c>
      <c r="N90" s="11">
        <v>2.0299999999999998</v>
      </c>
      <c r="O90" s="11">
        <v>2.08</v>
      </c>
      <c r="P90" s="11">
        <v>2.08</v>
      </c>
    </row>
    <row r="91" spans="2:16" x14ac:dyDescent="0.25">
      <c r="B91" s="9" t="s">
        <v>100</v>
      </c>
      <c r="C91" s="11"/>
      <c r="D91" s="11"/>
      <c r="E91" s="11"/>
      <c r="F91" s="11"/>
      <c r="G91" s="11"/>
      <c r="H91" s="11"/>
      <c r="I91" s="11"/>
      <c r="J91" s="11"/>
      <c r="K91" s="11"/>
      <c r="L91" s="11"/>
      <c r="M91" s="11">
        <v>0.05</v>
      </c>
      <c r="N91" s="11">
        <v>1.62</v>
      </c>
      <c r="O91" s="11">
        <v>1.67</v>
      </c>
      <c r="P91" s="11">
        <v>1.67</v>
      </c>
    </row>
    <row r="92" spans="2:16" x14ac:dyDescent="0.25">
      <c r="B92" s="9" t="s">
        <v>102</v>
      </c>
      <c r="C92" s="11">
        <v>-18628.259999999998</v>
      </c>
      <c r="D92" s="11">
        <v>-20159.080000000002</v>
      </c>
      <c r="E92" s="11">
        <v>-15972.06</v>
      </c>
      <c r="F92" s="11">
        <v>-13868.34</v>
      </c>
      <c r="G92" s="11">
        <v>-13608</v>
      </c>
      <c r="H92" s="11">
        <v>-15750.36</v>
      </c>
      <c r="I92" s="11">
        <v>-15995.93</v>
      </c>
      <c r="J92" s="11">
        <v>-16905.189999999999</v>
      </c>
      <c r="K92" s="11">
        <v>-14446.4</v>
      </c>
      <c r="L92" s="11">
        <v>-14769.11</v>
      </c>
      <c r="M92" s="11">
        <v>-18871.939999999999</v>
      </c>
      <c r="N92" s="11">
        <v>-23596.959999999999</v>
      </c>
      <c r="O92" s="11">
        <v>-202571.63</v>
      </c>
      <c r="P92" s="11">
        <v>-202571.63</v>
      </c>
    </row>
    <row r="93" spans="2:16" x14ac:dyDescent="0.25">
      <c r="B93" s="9" t="s">
        <v>103</v>
      </c>
      <c r="C93" s="11">
        <v>-40</v>
      </c>
      <c r="D93" s="11">
        <v>-20</v>
      </c>
      <c r="E93" s="11">
        <v>-20</v>
      </c>
      <c r="F93" s="11"/>
      <c r="G93" s="11"/>
      <c r="H93" s="11">
        <v>-20</v>
      </c>
      <c r="I93" s="11"/>
      <c r="J93" s="11"/>
      <c r="K93" s="11">
        <v>-20</v>
      </c>
      <c r="L93" s="11">
        <v>-704.4</v>
      </c>
      <c r="M93" s="11"/>
      <c r="N93" s="11">
        <v>207742.62</v>
      </c>
      <c r="O93" s="11">
        <v>206918.22</v>
      </c>
      <c r="P93" s="11">
        <v>206918.22</v>
      </c>
    </row>
    <row r="94" spans="2:16" x14ac:dyDescent="0.25">
      <c r="B94" s="9" t="s">
        <v>105</v>
      </c>
      <c r="C94" s="11">
        <v>-0.15</v>
      </c>
      <c r="D94" s="11">
        <v>-0.15</v>
      </c>
      <c r="E94" s="11">
        <v>-0.15</v>
      </c>
      <c r="F94" s="11"/>
      <c r="G94" s="11">
        <v>-0.28000000000000003</v>
      </c>
      <c r="H94" s="11">
        <v>-0.15</v>
      </c>
      <c r="I94" s="11">
        <v>-0.15</v>
      </c>
      <c r="J94" s="11">
        <v>-0.15</v>
      </c>
      <c r="K94" s="11">
        <v>-0.15</v>
      </c>
      <c r="L94" s="11">
        <v>-7.0000000000000007E-2</v>
      </c>
      <c r="M94" s="11">
        <v>-0.28000000000000003</v>
      </c>
      <c r="N94" s="11">
        <v>-0.15</v>
      </c>
      <c r="O94" s="11">
        <v>-1.83</v>
      </c>
      <c r="P94" s="11">
        <v>-1.83</v>
      </c>
    </row>
    <row r="95" spans="2:16" x14ac:dyDescent="0.25">
      <c r="B95" s="9" t="s">
        <v>107</v>
      </c>
      <c r="C95" s="11">
        <v>-157.79</v>
      </c>
      <c r="D95" s="11">
        <v>-107.57</v>
      </c>
      <c r="E95" s="11">
        <v>-171.41</v>
      </c>
      <c r="F95" s="11">
        <v>-93.44</v>
      </c>
      <c r="G95" s="11"/>
      <c r="H95" s="11">
        <v>-18.559999999999999</v>
      </c>
      <c r="I95" s="11"/>
      <c r="J95" s="11">
        <v>-12.79</v>
      </c>
      <c r="K95" s="11">
        <v>-10.7</v>
      </c>
      <c r="L95" s="11">
        <v>-15.68</v>
      </c>
      <c r="M95" s="11">
        <v>-23.06</v>
      </c>
      <c r="N95" s="11">
        <v>-18.399999999999999</v>
      </c>
      <c r="O95" s="11">
        <v>-629.4</v>
      </c>
      <c r="P95" s="11">
        <v>-629.4</v>
      </c>
    </row>
    <row r="96" spans="2:16" x14ac:dyDescent="0.25">
      <c r="B96" s="9" t="s">
        <v>108</v>
      </c>
      <c r="C96" s="11"/>
      <c r="D96" s="11"/>
      <c r="E96" s="11">
        <v>-1.4</v>
      </c>
      <c r="F96" s="11"/>
      <c r="G96" s="11"/>
      <c r="H96" s="11"/>
      <c r="I96" s="11">
        <v>-1.83</v>
      </c>
      <c r="J96" s="11">
        <v>-5.48</v>
      </c>
      <c r="K96" s="11">
        <v>-2.0699999999999998</v>
      </c>
      <c r="L96" s="11">
        <v>0.66</v>
      </c>
      <c r="M96" s="11">
        <v>-14.21</v>
      </c>
      <c r="N96" s="11"/>
      <c r="O96" s="11">
        <v>-24.33</v>
      </c>
      <c r="P96" s="11">
        <v>-24.33</v>
      </c>
    </row>
    <row r="97" spans="2:16" x14ac:dyDescent="0.25">
      <c r="B97" s="9" t="s">
        <v>109</v>
      </c>
      <c r="C97" s="11">
        <v>209.24</v>
      </c>
      <c r="D97" s="11">
        <v>822.18</v>
      </c>
      <c r="E97" s="11">
        <v>349.04</v>
      </c>
      <c r="F97" s="11">
        <v>19.149999999999999</v>
      </c>
      <c r="G97" s="11">
        <v>434.43</v>
      </c>
      <c r="H97" s="11">
        <v>243</v>
      </c>
      <c r="I97" s="11">
        <v>163.30000000000001</v>
      </c>
      <c r="J97" s="11">
        <v>145.27000000000001</v>
      </c>
      <c r="K97" s="11">
        <v>847.02</v>
      </c>
      <c r="L97" s="11">
        <v>608.84</v>
      </c>
      <c r="M97" s="11">
        <v>536.04999999999995</v>
      </c>
      <c r="N97" s="11">
        <v>269.2</v>
      </c>
      <c r="O97" s="11">
        <v>4646.72</v>
      </c>
      <c r="P97" s="11">
        <v>4646.72</v>
      </c>
    </row>
    <row r="98" spans="2:16" x14ac:dyDescent="0.25">
      <c r="B98" s="9" t="s">
        <v>113</v>
      </c>
      <c r="C98" s="11">
        <v>-191911.21</v>
      </c>
      <c r="D98" s="11">
        <v>-221392.11</v>
      </c>
      <c r="E98" s="11">
        <v>-402677.58</v>
      </c>
      <c r="F98" s="11">
        <v>-195745.58</v>
      </c>
      <c r="G98" s="11">
        <v>-196120.91</v>
      </c>
      <c r="H98" s="11">
        <v>7043.51</v>
      </c>
      <c r="I98" s="11">
        <v>-195958.57</v>
      </c>
      <c r="J98" s="11">
        <v>-208936.76</v>
      </c>
      <c r="K98" s="11">
        <v>621833.31999999995</v>
      </c>
      <c r="L98" s="11">
        <v>-198604.05</v>
      </c>
      <c r="M98" s="11">
        <v>30496.25</v>
      </c>
      <c r="N98" s="11">
        <v>-92328.72</v>
      </c>
      <c r="O98" s="11">
        <v>-1244302.4099999999</v>
      </c>
      <c r="P98" s="11">
        <v>-1244302.4099999999</v>
      </c>
    </row>
    <row r="99" spans="2:16" x14ac:dyDescent="0.25">
      <c r="B99" s="9" t="s">
        <v>114</v>
      </c>
      <c r="C99" s="11">
        <v>-893.07</v>
      </c>
      <c r="D99" s="11">
        <v>-1138.32</v>
      </c>
      <c r="E99" s="11">
        <v>-888.58</v>
      </c>
      <c r="F99" s="11">
        <v>-550.62</v>
      </c>
      <c r="G99" s="11">
        <v>-592.73</v>
      </c>
      <c r="H99" s="11">
        <v>-577.54</v>
      </c>
      <c r="I99" s="11">
        <v>-820.65</v>
      </c>
      <c r="J99" s="11">
        <v>-599.59</v>
      </c>
      <c r="K99" s="11">
        <v>-606.44000000000005</v>
      </c>
      <c r="L99" s="11">
        <v>-609.73</v>
      </c>
      <c r="M99" s="11">
        <v>-592.16</v>
      </c>
      <c r="N99" s="11">
        <v>-919</v>
      </c>
      <c r="O99" s="11">
        <v>-8788.43</v>
      </c>
      <c r="P99" s="11">
        <v>-8788.43</v>
      </c>
    </row>
    <row r="100" spans="2:16" x14ac:dyDescent="0.25">
      <c r="B100" s="9" t="s">
        <v>116</v>
      </c>
      <c r="C100" s="11">
        <v>-2652.02</v>
      </c>
      <c r="D100" s="11">
        <v>-2653.34</v>
      </c>
      <c r="E100" s="11">
        <v>-3147</v>
      </c>
      <c r="F100" s="11">
        <v>-2265.77</v>
      </c>
      <c r="G100" s="11">
        <v>-3124.89</v>
      </c>
      <c r="H100" s="11">
        <v>-2571.6799999999998</v>
      </c>
      <c r="I100" s="11">
        <v>-2953.45</v>
      </c>
      <c r="J100" s="11">
        <v>-3611.73</v>
      </c>
      <c r="K100" s="11">
        <v>-3378.49</v>
      </c>
      <c r="L100" s="11">
        <v>-2810.96</v>
      </c>
      <c r="M100" s="11">
        <v>-5236.28</v>
      </c>
      <c r="N100" s="11">
        <v>-5718.85</v>
      </c>
      <c r="O100" s="11">
        <v>-40124.46</v>
      </c>
      <c r="P100" s="11">
        <v>-40124.46</v>
      </c>
    </row>
    <row r="101" spans="2:16" x14ac:dyDescent="0.25">
      <c r="B101" s="9" t="s">
        <v>118</v>
      </c>
      <c r="C101" s="11">
        <v>-0.26</v>
      </c>
      <c r="D101" s="11"/>
      <c r="E101" s="11">
        <v>-0.26</v>
      </c>
      <c r="F101" s="11">
        <v>-0.26</v>
      </c>
      <c r="G101" s="11">
        <v>-0.26</v>
      </c>
      <c r="H101" s="11">
        <v>-0.26</v>
      </c>
      <c r="I101" s="11">
        <v>-0.26</v>
      </c>
      <c r="J101" s="11">
        <v>-0.26</v>
      </c>
      <c r="K101" s="11">
        <v>-18.91</v>
      </c>
      <c r="L101" s="11">
        <v>-0.26</v>
      </c>
      <c r="M101" s="11">
        <v>-0.26</v>
      </c>
      <c r="N101" s="11">
        <v>-1.21</v>
      </c>
      <c r="O101" s="11">
        <v>-22.46</v>
      </c>
      <c r="P101" s="11">
        <v>-22.46</v>
      </c>
    </row>
    <row r="102" spans="2:16" x14ac:dyDescent="0.25">
      <c r="B102" s="9" t="s">
        <v>119</v>
      </c>
      <c r="C102" s="11">
        <v>-16224.17</v>
      </c>
      <c r="D102" s="11">
        <v>-12467.93</v>
      </c>
      <c r="E102" s="11">
        <v>-27387.93</v>
      </c>
      <c r="F102" s="11">
        <v>-17462.849999999999</v>
      </c>
      <c r="G102" s="11">
        <v>-17647.38</v>
      </c>
      <c r="H102" s="11">
        <v>-26922.880000000001</v>
      </c>
      <c r="I102" s="11">
        <v>-18708.29</v>
      </c>
      <c r="J102" s="11">
        <v>-22865.94</v>
      </c>
      <c r="K102" s="11">
        <v>-18299.259999999998</v>
      </c>
      <c r="L102" s="11">
        <v>-21319.14</v>
      </c>
      <c r="M102" s="11">
        <v>-22039.86</v>
      </c>
      <c r="N102" s="11">
        <v>-25783.919999999998</v>
      </c>
      <c r="O102" s="11">
        <v>-247129.55</v>
      </c>
      <c r="P102" s="11">
        <v>-247129.55</v>
      </c>
    </row>
    <row r="103" spans="2:16" x14ac:dyDescent="0.25">
      <c r="B103" s="9" t="s">
        <v>120</v>
      </c>
      <c r="C103" s="11">
        <v>-0.15</v>
      </c>
      <c r="D103" s="11">
        <v>-5.41</v>
      </c>
      <c r="E103" s="11">
        <v>-18.53</v>
      </c>
      <c r="F103" s="11">
        <v>-145.47999999999999</v>
      </c>
      <c r="G103" s="11">
        <v>-98.28</v>
      </c>
      <c r="H103" s="11">
        <v>-108.86</v>
      </c>
      <c r="I103" s="11">
        <v>-2.58</v>
      </c>
      <c r="J103" s="11">
        <v>172.59</v>
      </c>
      <c r="K103" s="11">
        <v>-3.09</v>
      </c>
      <c r="L103" s="11">
        <v>-36.799999999999997</v>
      </c>
      <c r="M103" s="11">
        <v>-1.97</v>
      </c>
      <c r="N103" s="11">
        <v>-63.97</v>
      </c>
      <c r="O103" s="11">
        <v>-312.52999999999997</v>
      </c>
      <c r="P103" s="11">
        <v>-312.52999999999997</v>
      </c>
    </row>
    <row r="104" spans="2:16" x14ac:dyDescent="0.25">
      <c r="B104" s="9" t="s">
        <v>121</v>
      </c>
      <c r="C104" s="11">
        <v>-6766.91</v>
      </c>
      <c r="D104" s="11">
        <v>-7141.97</v>
      </c>
      <c r="E104" s="11">
        <v>-10058.68</v>
      </c>
      <c r="F104" s="11">
        <v>-5077.6400000000003</v>
      </c>
      <c r="G104" s="11">
        <v>-6725.01</v>
      </c>
      <c r="H104" s="11">
        <v>-17149.22</v>
      </c>
      <c r="I104" s="11">
        <v>2603.98</v>
      </c>
      <c r="J104" s="11">
        <v>-15421.79</v>
      </c>
      <c r="K104" s="11">
        <v>-9594.48</v>
      </c>
      <c r="L104" s="11">
        <v>-7188.97</v>
      </c>
      <c r="M104" s="11">
        <v>-1507.85</v>
      </c>
      <c r="N104" s="11">
        <v>-14463.42</v>
      </c>
      <c r="O104" s="11">
        <v>-98491.96</v>
      </c>
      <c r="P104" s="11">
        <v>-98491.96</v>
      </c>
    </row>
    <row r="105" spans="2:16" x14ac:dyDescent="0.25">
      <c r="B105" s="9" t="s">
        <v>122</v>
      </c>
      <c r="C105" s="11">
        <v>-27137.53</v>
      </c>
      <c r="D105" s="11">
        <v>-27546.44</v>
      </c>
      <c r="E105" s="11">
        <v>-28901.83</v>
      </c>
      <c r="F105" s="11">
        <v>-25252.13</v>
      </c>
      <c r="G105" s="11">
        <v>-26132.21</v>
      </c>
      <c r="H105" s="11">
        <v>-20204.47</v>
      </c>
      <c r="I105" s="11">
        <v>-29396.12</v>
      </c>
      <c r="J105" s="11">
        <v>-39363.769999999997</v>
      </c>
      <c r="K105" s="11">
        <v>-29583.63</v>
      </c>
      <c r="L105" s="11">
        <v>-29763.38</v>
      </c>
      <c r="M105" s="11">
        <v>-30496.07</v>
      </c>
      <c r="N105" s="11">
        <v>-29619.69</v>
      </c>
      <c r="O105" s="11">
        <v>-343397.27</v>
      </c>
      <c r="P105" s="11">
        <v>-343397.27</v>
      </c>
    </row>
    <row r="106" spans="2:16" x14ac:dyDescent="0.25">
      <c r="B106" s="9" t="s">
        <v>123</v>
      </c>
      <c r="C106" s="11"/>
      <c r="D106" s="11"/>
      <c r="E106" s="11"/>
      <c r="F106" s="11"/>
      <c r="G106" s="11"/>
      <c r="H106" s="11"/>
      <c r="I106" s="11">
        <v>-0.84</v>
      </c>
      <c r="J106" s="11"/>
      <c r="K106" s="11"/>
      <c r="L106" s="11"/>
      <c r="M106" s="11"/>
      <c r="N106" s="11">
        <v>-0.9</v>
      </c>
      <c r="O106" s="11">
        <v>-1.74</v>
      </c>
      <c r="P106" s="11">
        <v>-1.74</v>
      </c>
    </row>
    <row r="107" spans="2:16" x14ac:dyDescent="0.25">
      <c r="B107" s="9" t="s">
        <v>124</v>
      </c>
      <c r="C107" s="11"/>
      <c r="D107" s="11"/>
      <c r="E107" s="11">
        <v>-0.28000000000000003</v>
      </c>
      <c r="F107" s="11"/>
      <c r="G107" s="11"/>
      <c r="H107" s="11"/>
      <c r="I107" s="11"/>
      <c r="J107" s="11"/>
      <c r="K107" s="11"/>
      <c r="L107" s="11"/>
      <c r="M107" s="11"/>
      <c r="N107" s="11"/>
      <c r="O107" s="11">
        <v>-0.28000000000000003</v>
      </c>
      <c r="P107" s="11">
        <v>-0.28000000000000003</v>
      </c>
    </row>
    <row r="108" spans="2:16" x14ac:dyDescent="0.25">
      <c r="B108" s="9" t="s">
        <v>125</v>
      </c>
      <c r="C108" s="11">
        <v>-21203.97</v>
      </c>
      <c r="D108" s="11">
        <v>-24682.7</v>
      </c>
      <c r="E108" s="11">
        <v>-30163.59</v>
      </c>
      <c r="F108" s="11">
        <v>-19347.830000000002</v>
      </c>
      <c r="G108" s="11">
        <v>-31644.69</v>
      </c>
      <c r="H108" s="11">
        <v>-26053.82</v>
      </c>
      <c r="I108" s="11">
        <v>-22357.19</v>
      </c>
      <c r="J108" s="11">
        <v>-23100.71</v>
      </c>
      <c r="K108" s="11">
        <v>-34736.980000000003</v>
      </c>
      <c r="L108" s="11">
        <v>-27350.880000000001</v>
      </c>
      <c r="M108" s="11">
        <v>-27830.67</v>
      </c>
      <c r="N108" s="11">
        <v>-25233.98</v>
      </c>
      <c r="O108" s="11">
        <v>-313707.01</v>
      </c>
      <c r="P108" s="11">
        <v>-313707.01</v>
      </c>
    </row>
    <row r="109" spans="2:16" x14ac:dyDescent="0.25">
      <c r="B109" s="9" t="s">
        <v>128</v>
      </c>
      <c r="C109" s="11">
        <v>-0.82</v>
      </c>
      <c r="D109" s="11">
        <v>-0.82</v>
      </c>
      <c r="E109" s="11">
        <v>-0.82</v>
      </c>
      <c r="F109" s="11">
        <v>-0.82</v>
      </c>
      <c r="G109" s="11">
        <v>-0.82</v>
      </c>
      <c r="H109" s="11">
        <v>-0.82</v>
      </c>
      <c r="I109" s="11">
        <v>-0.82</v>
      </c>
      <c r="J109" s="11">
        <v>-0.82</v>
      </c>
      <c r="K109" s="11"/>
      <c r="L109" s="11">
        <v>-0.82</v>
      </c>
      <c r="M109" s="11">
        <v>-0.82</v>
      </c>
      <c r="N109" s="11">
        <v>-0.82</v>
      </c>
      <c r="O109" s="11">
        <v>-9.02</v>
      </c>
      <c r="P109" s="11">
        <v>-9.02</v>
      </c>
    </row>
    <row r="110" spans="2:16" x14ac:dyDescent="0.25">
      <c r="B110" s="9" t="s">
        <v>131</v>
      </c>
      <c r="C110" s="11">
        <v>2393.4499999999998</v>
      </c>
      <c r="D110" s="11">
        <v>9085.9</v>
      </c>
      <c r="E110" s="11">
        <v>2450</v>
      </c>
      <c r="F110" s="11">
        <v>8692.25</v>
      </c>
      <c r="G110" s="11">
        <v>900</v>
      </c>
      <c r="H110" s="11">
        <v>2134.44</v>
      </c>
      <c r="I110" s="11">
        <v>1071.01</v>
      </c>
      <c r="J110" s="11">
        <v>5865.86</v>
      </c>
      <c r="K110" s="11">
        <v>2954.9</v>
      </c>
      <c r="L110" s="11">
        <v>15085.72</v>
      </c>
      <c r="M110" s="11">
        <v>1382.8</v>
      </c>
      <c r="N110" s="11">
        <v>600</v>
      </c>
      <c r="O110" s="11">
        <v>52616.33</v>
      </c>
      <c r="P110" s="11">
        <v>52616.33</v>
      </c>
    </row>
    <row r="111" spans="2:16" x14ac:dyDescent="0.25">
      <c r="B111" s="9" t="s">
        <v>132</v>
      </c>
      <c r="C111" s="11">
        <v>25799.33</v>
      </c>
      <c r="D111" s="11">
        <v>25799.33</v>
      </c>
      <c r="E111" s="11">
        <v>25799.33</v>
      </c>
      <c r="F111" s="11">
        <v>25799.33</v>
      </c>
      <c r="G111" s="11">
        <v>25799.33</v>
      </c>
      <c r="H111" s="11">
        <v>25799.33</v>
      </c>
      <c r="I111" s="11">
        <v>25799.33</v>
      </c>
      <c r="J111" s="11">
        <v>25799.33</v>
      </c>
      <c r="K111" s="11">
        <v>25799.33</v>
      </c>
      <c r="L111" s="11">
        <v>25799.33</v>
      </c>
      <c r="M111" s="11">
        <v>25799.33</v>
      </c>
      <c r="N111" s="11">
        <v>25799.33</v>
      </c>
      <c r="O111" s="11">
        <v>309591.96000000002</v>
      </c>
      <c r="P111" s="11">
        <v>309591.96000000002</v>
      </c>
    </row>
    <row r="112" spans="2:16" x14ac:dyDescent="0.25">
      <c r="B112" s="9" t="s">
        <v>135</v>
      </c>
      <c r="C112" s="11">
        <v>-8.36</v>
      </c>
      <c r="D112" s="11">
        <v>-119.58</v>
      </c>
      <c r="E112" s="11">
        <v>-18.72</v>
      </c>
      <c r="F112" s="11">
        <v>-10.81</v>
      </c>
      <c r="G112" s="11">
        <v>-13.82</v>
      </c>
      <c r="H112" s="11">
        <v>-9533.5300000000007</v>
      </c>
      <c r="I112" s="11">
        <v>-1.01</v>
      </c>
      <c r="J112" s="11">
        <v>-12.6</v>
      </c>
      <c r="K112" s="11">
        <v>-22.83</v>
      </c>
      <c r="L112" s="11">
        <v>-8661.7900000000009</v>
      </c>
      <c r="M112" s="11">
        <v>-4.05</v>
      </c>
      <c r="N112" s="11">
        <v>-4860.63</v>
      </c>
      <c r="O112" s="11">
        <v>-23267.73</v>
      </c>
      <c r="P112" s="11">
        <v>-23267.73</v>
      </c>
    </row>
    <row r="113" spans="1:16" x14ac:dyDescent="0.25">
      <c r="B113" s="9" t="s">
        <v>138</v>
      </c>
      <c r="C113" s="11">
        <v>-122326.01</v>
      </c>
      <c r="D113" s="11">
        <v>-131035.36</v>
      </c>
      <c r="E113" s="11">
        <v>-189974.87</v>
      </c>
      <c r="F113" s="11">
        <v>-122182.55</v>
      </c>
      <c r="G113" s="11">
        <v>-106420.1</v>
      </c>
      <c r="H113" s="11">
        <v>-60131.89</v>
      </c>
      <c r="I113" s="11">
        <v>-160711.04999999999</v>
      </c>
      <c r="J113" s="11">
        <v>-121942.44</v>
      </c>
      <c r="K113" s="11">
        <v>-149617.4</v>
      </c>
      <c r="L113" s="11">
        <v>-119392.86</v>
      </c>
      <c r="M113" s="11">
        <v>-65603.199999999997</v>
      </c>
      <c r="N113" s="11">
        <v>-33436.85</v>
      </c>
      <c r="O113" s="11">
        <v>-1382774.58</v>
      </c>
      <c r="P113" s="11">
        <v>-1382774.58</v>
      </c>
    </row>
    <row r="114" spans="1:16" x14ac:dyDescent="0.25">
      <c r="B114" s="9" t="s">
        <v>140</v>
      </c>
      <c r="C114" s="11">
        <v>12227</v>
      </c>
      <c r="D114" s="11">
        <v>12227</v>
      </c>
      <c r="E114" s="11">
        <v>12227</v>
      </c>
      <c r="F114" s="11">
        <v>12227</v>
      </c>
      <c r="G114" s="11">
        <v>12227</v>
      </c>
      <c r="H114" s="11">
        <v>12227</v>
      </c>
      <c r="I114" s="11">
        <v>12227</v>
      </c>
      <c r="J114" s="11">
        <v>18801.2</v>
      </c>
      <c r="K114" s="11">
        <v>12227</v>
      </c>
      <c r="L114" s="11">
        <v>12227</v>
      </c>
      <c r="M114" s="11">
        <v>12227</v>
      </c>
      <c r="N114" s="11">
        <v>12227</v>
      </c>
      <c r="O114" s="11">
        <v>153298.20000000001</v>
      </c>
      <c r="P114" s="11">
        <v>153298.20000000001</v>
      </c>
    </row>
    <row r="115" spans="1:16" x14ac:dyDescent="0.25">
      <c r="B115" s="9" t="s">
        <v>143</v>
      </c>
      <c r="C115" s="11">
        <v>-37600.49</v>
      </c>
      <c r="D115" s="11">
        <v>-40388.959999999999</v>
      </c>
      <c r="E115" s="11">
        <v>-29602.66</v>
      </c>
      <c r="F115" s="11">
        <v>-37953.67</v>
      </c>
      <c r="G115" s="11">
        <v>-31036.95</v>
      </c>
      <c r="H115" s="11">
        <v>-37024.959999999999</v>
      </c>
      <c r="I115" s="11">
        <v>-64186.35</v>
      </c>
      <c r="J115" s="11">
        <v>-32720.23</v>
      </c>
      <c r="K115" s="11">
        <v>-28705.35</v>
      </c>
      <c r="L115" s="11">
        <v>-29640.52</v>
      </c>
      <c r="M115" s="11">
        <v>-33125.85</v>
      </c>
      <c r="N115" s="11">
        <v>-47278.22</v>
      </c>
      <c r="O115" s="11">
        <v>-449264.21</v>
      </c>
      <c r="P115" s="11">
        <v>-449264.21</v>
      </c>
    </row>
    <row r="116" spans="1:16" x14ac:dyDescent="0.25">
      <c r="B116" s="9" t="s">
        <v>145</v>
      </c>
      <c r="C116" s="11">
        <v>-182356.06</v>
      </c>
      <c r="D116" s="11">
        <v>38505.410000000003</v>
      </c>
      <c r="E116" s="11">
        <v>40317.5</v>
      </c>
      <c r="F116" s="11">
        <v>37131.660000000003</v>
      </c>
      <c r="G116" s="11">
        <v>37032.31</v>
      </c>
      <c r="H116" s="11">
        <v>46169.29</v>
      </c>
      <c r="I116" s="11">
        <v>34788.94</v>
      </c>
      <c r="J116" s="11">
        <v>35434.370000000003</v>
      </c>
      <c r="K116" s="11">
        <v>70100.13</v>
      </c>
      <c r="L116" s="11">
        <v>36074.61</v>
      </c>
      <c r="M116" s="11">
        <v>32682.54</v>
      </c>
      <c r="N116" s="11">
        <v>32605.87</v>
      </c>
      <c r="O116" s="11">
        <v>258486.57</v>
      </c>
      <c r="P116" s="11">
        <v>258486.57</v>
      </c>
    </row>
    <row r="117" spans="1:16" x14ac:dyDescent="0.25">
      <c r="B117" s="9" t="s">
        <v>146</v>
      </c>
      <c r="C117" s="11">
        <v>-43032.32</v>
      </c>
      <c r="D117" s="11">
        <v>43032.32</v>
      </c>
      <c r="E117" s="11"/>
      <c r="F117" s="11"/>
      <c r="G117" s="11"/>
      <c r="H117" s="11"/>
      <c r="I117" s="11"/>
      <c r="J117" s="11"/>
      <c r="K117" s="11"/>
      <c r="L117" s="11"/>
      <c r="M117" s="11"/>
      <c r="N117" s="11"/>
      <c r="O117" s="11">
        <v>0</v>
      </c>
      <c r="P117" s="11">
        <v>0</v>
      </c>
    </row>
    <row r="118" spans="1:16" x14ac:dyDescent="0.25">
      <c r="B118" s="9" t="s">
        <v>148</v>
      </c>
      <c r="C118" s="11"/>
      <c r="D118" s="11"/>
      <c r="E118" s="11"/>
      <c r="F118" s="11"/>
      <c r="G118" s="11"/>
      <c r="H118" s="11"/>
      <c r="I118" s="11"/>
      <c r="J118" s="11">
        <v>4398.58</v>
      </c>
      <c r="K118" s="11"/>
      <c r="L118" s="11">
        <v>-0.36</v>
      </c>
      <c r="M118" s="11"/>
      <c r="N118" s="11"/>
      <c r="O118" s="11">
        <v>4398.22</v>
      </c>
      <c r="P118" s="11">
        <v>4398.22</v>
      </c>
    </row>
    <row r="119" spans="1:16" x14ac:dyDescent="0.25">
      <c r="B119" s="9" t="s">
        <v>149</v>
      </c>
      <c r="C119" s="11"/>
      <c r="D119" s="11"/>
      <c r="E119" s="11"/>
      <c r="F119" s="11"/>
      <c r="G119" s="11"/>
      <c r="H119" s="11"/>
      <c r="I119" s="11"/>
      <c r="J119" s="11"/>
      <c r="K119" s="11">
        <v>-0.2</v>
      </c>
      <c r="L119" s="11"/>
      <c r="M119" s="11"/>
      <c r="N119" s="11"/>
      <c r="O119" s="11">
        <v>-0.2</v>
      </c>
      <c r="P119" s="11">
        <v>-0.2</v>
      </c>
    </row>
    <row r="120" spans="1:16" x14ac:dyDescent="0.25">
      <c r="B120" s="9" t="s">
        <v>150</v>
      </c>
      <c r="C120" s="11">
        <v>0</v>
      </c>
      <c r="D120" s="11"/>
      <c r="E120" s="11">
        <v>-63.75</v>
      </c>
      <c r="F120" s="11"/>
      <c r="G120" s="11"/>
      <c r="H120" s="11"/>
      <c r="I120" s="11"/>
      <c r="J120" s="11">
        <v>37.619999999999997</v>
      </c>
      <c r="K120" s="11"/>
      <c r="L120" s="11"/>
      <c r="M120" s="11"/>
      <c r="N120" s="11">
        <v>-111.23</v>
      </c>
      <c r="O120" s="11">
        <v>-137.36000000000001</v>
      </c>
      <c r="P120" s="11">
        <v>-137.36000000000001</v>
      </c>
    </row>
    <row r="121" spans="1:16" x14ac:dyDescent="0.25">
      <c r="B121" s="9" t="s">
        <v>152</v>
      </c>
      <c r="C121" s="11">
        <v>-0.3</v>
      </c>
      <c r="D121" s="11">
        <v>-1.21</v>
      </c>
      <c r="E121" s="11">
        <v>-1.01</v>
      </c>
      <c r="F121" s="11">
        <v>-0.57999999999999996</v>
      </c>
      <c r="G121" s="11">
        <v>-0.57999999999999996</v>
      </c>
      <c r="H121" s="11">
        <v>-2.4300000000000002</v>
      </c>
      <c r="I121" s="11">
        <v>-0.3</v>
      </c>
      <c r="J121" s="11">
        <v>-0.83</v>
      </c>
      <c r="K121" s="11">
        <v>-2.52</v>
      </c>
      <c r="L121" s="11">
        <v>-0.43</v>
      </c>
      <c r="M121" s="11">
        <v>-3.3</v>
      </c>
      <c r="N121" s="11">
        <v>-320.64</v>
      </c>
      <c r="O121" s="11">
        <v>-334.13</v>
      </c>
      <c r="P121" s="11">
        <v>-334.13</v>
      </c>
    </row>
    <row r="122" spans="1:16" x14ac:dyDescent="0.25">
      <c r="B122" s="9" t="s">
        <v>153</v>
      </c>
      <c r="C122" s="11">
        <v>-5500.94</v>
      </c>
      <c r="D122" s="11">
        <v>-5957.7</v>
      </c>
      <c r="E122" s="11">
        <v>-8598.34</v>
      </c>
      <c r="F122" s="11">
        <v>-5236.45</v>
      </c>
      <c r="G122" s="11">
        <v>-6083.76</v>
      </c>
      <c r="H122" s="11">
        <v>-5498.41</v>
      </c>
      <c r="I122" s="11">
        <v>-5786.65</v>
      </c>
      <c r="J122" s="11">
        <v>-5270.87</v>
      </c>
      <c r="K122" s="11">
        <v>-5617.47</v>
      </c>
      <c r="L122" s="11">
        <v>-6236.92</v>
      </c>
      <c r="M122" s="11">
        <v>-5368.27</v>
      </c>
      <c r="N122" s="11">
        <v>-6594.51</v>
      </c>
      <c r="O122" s="11">
        <v>-71750.289999999994</v>
      </c>
      <c r="P122" s="11">
        <v>-71750.289999999994</v>
      </c>
    </row>
    <row r="123" spans="1:16" x14ac:dyDescent="0.25">
      <c r="B123" s="9" t="s">
        <v>156</v>
      </c>
      <c r="C123" s="11"/>
      <c r="D123" s="11"/>
      <c r="E123" s="11"/>
      <c r="F123" s="11"/>
      <c r="G123" s="11"/>
      <c r="H123" s="11"/>
      <c r="I123" s="11"/>
      <c r="J123" s="11"/>
      <c r="K123" s="11"/>
      <c r="L123" s="11"/>
      <c r="M123" s="11">
        <v>1</v>
      </c>
      <c r="N123" s="11">
        <v>1.2</v>
      </c>
      <c r="O123" s="11">
        <v>2.2000000000000002</v>
      </c>
      <c r="P123" s="11">
        <v>2.2000000000000002</v>
      </c>
    </row>
    <row r="124" spans="1:16" x14ac:dyDescent="0.25">
      <c r="B124" s="9" t="s">
        <v>157</v>
      </c>
      <c r="C124" s="11">
        <v>-102.65</v>
      </c>
      <c r="D124" s="11">
        <v>-283.02999999999997</v>
      </c>
      <c r="E124" s="11">
        <v>-98.94</v>
      </c>
      <c r="F124" s="11">
        <v>-118.99</v>
      </c>
      <c r="G124" s="11">
        <v>-336.89</v>
      </c>
      <c r="H124" s="11">
        <v>-27.8</v>
      </c>
      <c r="I124" s="11">
        <v>-18.079999999999998</v>
      </c>
      <c r="J124" s="11">
        <v>-193.49</v>
      </c>
      <c r="K124" s="11">
        <v>-41.4</v>
      </c>
      <c r="L124" s="11">
        <v>-56.32</v>
      </c>
      <c r="M124" s="11">
        <v>-209.22</v>
      </c>
      <c r="N124" s="11">
        <v>219.78</v>
      </c>
      <c r="O124" s="11">
        <v>-1267.03</v>
      </c>
      <c r="P124" s="11">
        <v>-1267.03</v>
      </c>
    </row>
    <row r="125" spans="1:16" x14ac:dyDescent="0.25">
      <c r="A125" t="s">
        <v>166</v>
      </c>
      <c r="C125" s="11">
        <v>2849928.69</v>
      </c>
      <c r="D125" s="11">
        <v>3498275.91</v>
      </c>
      <c r="E125" s="11">
        <v>3866227.6</v>
      </c>
      <c r="F125" s="11">
        <v>3305530.9</v>
      </c>
      <c r="G125" s="11">
        <v>3209957.54</v>
      </c>
      <c r="H125" s="11">
        <v>4438468.7699999996</v>
      </c>
      <c r="I125" s="11">
        <v>3798677.61</v>
      </c>
      <c r="J125" s="11">
        <v>2602192.0699999998</v>
      </c>
      <c r="K125" s="11">
        <v>4829906.4400000004</v>
      </c>
      <c r="L125" s="11">
        <v>3817766.54</v>
      </c>
      <c r="M125" s="11">
        <v>1998745.17</v>
      </c>
      <c r="N125" s="11">
        <v>4514717.87</v>
      </c>
      <c r="O125" s="11">
        <v>42730395.109999999</v>
      </c>
      <c r="P125" s="11">
        <v>42730395.109999999</v>
      </c>
    </row>
    <row r="126" spans="1:16" x14ac:dyDescent="0.25">
      <c r="A126" t="s">
        <v>160</v>
      </c>
      <c r="B126" s="9" t="s">
        <v>32</v>
      </c>
      <c r="C126" s="11">
        <v>1496.78</v>
      </c>
      <c r="D126" s="11">
        <v>600.48</v>
      </c>
      <c r="E126" s="11">
        <v>2142.98</v>
      </c>
      <c r="F126" s="11">
        <v>605.03</v>
      </c>
      <c r="G126" s="11">
        <v>237.14</v>
      </c>
      <c r="H126" s="11">
        <v>804.39</v>
      </c>
      <c r="I126" s="11">
        <v>1017.22</v>
      </c>
      <c r="J126" s="11">
        <v>780.51</v>
      </c>
      <c r="K126" s="11">
        <v>7788</v>
      </c>
      <c r="L126" s="11">
        <v>1233.76</v>
      </c>
      <c r="M126" s="11">
        <v>3794.71</v>
      </c>
      <c r="N126" s="11">
        <v>864.9</v>
      </c>
      <c r="O126" s="11">
        <v>21365.9</v>
      </c>
      <c r="P126" s="11">
        <v>21365.9</v>
      </c>
    </row>
    <row r="127" spans="1:16" x14ac:dyDescent="0.25">
      <c r="B127" s="9" t="s">
        <v>47</v>
      </c>
      <c r="C127" s="11">
        <v>3752.63</v>
      </c>
      <c r="D127" s="11"/>
      <c r="E127" s="11"/>
      <c r="F127" s="11"/>
      <c r="G127" s="11">
        <v>2242.6999999999998</v>
      </c>
      <c r="H127" s="11"/>
      <c r="I127" s="11"/>
      <c r="J127" s="11"/>
      <c r="K127" s="11"/>
      <c r="L127" s="11"/>
      <c r="M127" s="11"/>
      <c r="N127" s="11"/>
      <c r="O127" s="11">
        <v>5995.33</v>
      </c>
      <c r="P127" s="11">
        <v>5995.33</v>
      </c>
    </row>
    <row r="128" spans="1:16" x14ac:dyDescent="0.25">
      <c r="B128" s="9" t="s">
        <v>49</v>
      </c>
      <c r="C128" s="11">
        <v>164.54</v>
      </c>
      <c r="D128" s="11">
        <v>8743.93</v>
      </c>
      <c r="E128" s="11">
        <v>19579.759999999998</v>
      </c>
      <c r="F128" s="11">
        <v>20893.97</v>
      </c>
      <c r="G128" s="11">
        <v>-17563.14</v>
      </c>
      <c r="H128" s="11">
        <v>2259.6799999999998</v>
      </c>
      <c r="I128" s="11">
        <v>5922.31</v>
      </c>
      <c r="J128" s="11">
        <v>1825.96</v>
      </c>
      <c r="K128" s="11">
        <v>10570.42</v>
      </c>
      <c r="L128" s="11">
        <v>8516.4</v>
      </c>
      <c r="M128" s="11">
        <v>3691.47</v>
      </c>
      <c r="N128" s="11">
        <v>4340.74</v>
      </c>
      <c r="O128" s="11">
        <v>68946.039999999994</v>
      </c>
      <c r="P128" s="11">
        <v>68946.039999999994</v>
      </c>
    </row>
    <row r="129" spans="2:16" x14ac:dyDescent="0.25">
      <c r="B129" s="9" t="s">
        <v>50</v>
      </c>
      <c r="C129" s="11"/>
      <c r="D129" s="11"/>
      <c r="E129" s="11">
        <v>545.5</v>
      </c>
      <c r="F129" s="11"/>
      <c r="G129" s="11"/>
      <c r="H129" s="11"/>
      <c r="I129" s="11"/>
      <c r="J129" s="11"/>
      <c r="K129" s="11"/>
      <c r="L129" s="11"/>
      <c r="M129" s="11"/>
      <c r="N129" s="11"/>
      <c r="O129" s="11">
        <v>545.5</v>
      </c>
      <c r="P129" s="11">
        <v>545.5</v>
      </c>
    </row>
    <row r="130" spans="2:16" x14ac:dyDescent="0.25">
      <c r="B130" s="9" t="s">
        <v>53</v>
      </c>
      <c r="C130" s="11">
        <v>37880.339999999997</v>
      </c>
      <c r="D130" s="11">
        <v>22569.27</v>
      </c>
      <c r="E130" s="11">
        <v>32705.18</v>
      </c>
      <c r="F130" s="11">
        <v>30726.53</v>
      </c>
      <c r="G130" s="11">
        <v>48504.13</v>
      </c>
      <c r="H130" s="11">
        <v>40075.879999999997</v>
      </c>
      <c r="I130" s="11">
        <v>59200.42</v>
      </c>
      <c r="J130" s="11">
        <v>35585.019999999997</v>
      </c>
      <c r="K130" s="11">
        <v>49474.17</v>
      </c>
      <c r="L130" s="11">
        <v>23733.37</v>
      </c>
      <c r="M130" s="11">
        <v>27543.18</v>
      </c>
      <c r="N130" s="11">
        <v>34411.019999999997</v>
      </c>
      <c r="O130" s="11">
        <v>442408.51</v>
      </c>
      <c r="P130" s="11">
        <v>442408.51</v>
      </c>
    </row>
    <row r="131" spans="2:16" x14ac:dyDescent="0.25">
      <c r="B131" s="9" t="s">
        <v>62</v>
      </c>
      <c r="C131" s="11"/>
      <c r="D131" s="11">
        <v>2011.26</v>
      </c>
      <c r="E131" s="11">
        <v>935.53</v>
      </c>
      <c r="F131" s="11">
        <v>1495.39</v>
      </c>
      <c r="G131" s="11">
        <v>818.76</v>
      </c>
      <c r="H131" s="11">
        <v>1662.32</v>
      </c>
      <c r="I131" s="11">
        <v>751.86</v>
      </c>
      <c r="J131" s="11">
        <v>922.28</v>
      </c>
      <c r="K131" s="11">
        <v>2896.8</v>
      </c>
      <c r="L131" s="11">
        <v>955.66</v>
      </c>
      <c r="M131" s="11">
        <v>565.83000000000004</v>
      </c>
      <c r="N131" s="11">
        <v>2712.88</v>
      </c>
      <c r="O131" s="11">
        <v>15728.57</v>
      </c>
      <c r="P131" s="11">
        <v>15728.57</v>
      </c>
    </row>
    <row r="132" spans="2:16" x14ac:dyDescent="0.25">
      <c r="B132" s="9" t="s">
        <v>65</v>
      </c>
      <c r="C132" s="11">
        <v>0.63</v>
      </c>
      <c r="D132" s="11">
        <v>295.86</v>
      </c>
      <c r="E132" s="11"/>
      <c r="F132" s="11">
        <v>183.23</v>
      </c>
      <c r="G132" s="11">
        <v>243.96</v>
      </c>
      <c r="H132" s="11">
        <v>707.9</v>
      </c>
      <c r="I132" s="11">
        <v>277.39</v>
      </c>
      <c r="J132" s="11">
        <v>174.66</v>
      </c>
      <c r="K132" s="11">
        <v>136.33000000000001</v>
      </c>
      <c r="L132" s="11">
        <v>202.34</v>
      </c>
      <c r="M132" s="11">
        <v>134.86000000000001</v>
      </c>
      <c r="N132" s="11">
        <v>173.25</v>
      </c>
      <c r="O132" s="11">
        <v>2530.41</v>
      </c>
      <c r="P132" s="11">
        <v>2530.41</v>
      </c>
    </row>
    <row r="133" spans="2:16" x14ac:dyDescent="0.25">
      <c r="B133" s="9" t="s">
        <v>67</v>
      </c>
      <c r="C133" s="11"/>
      <c r="D133" s="11"/>
      <c r="E133" s="11"/>
      <c r="F133" s="11"/>
      <c r="G133" s="11">
        <v>664.29</v>
      </c>
      <c r="H133" s="11"/>
      <c r="I133" s="11"/>
      <c r="J133" s="11">
        <v>34.24</v>
      </c>
      <c r="K133" s="11">
        <v>414.83</v>
      </c>
      <c r="L133" s="11"/>
      <c r="M133" s="11"/>
      <c r="N133" s="11">
        <v>936.78</v>
      </c>
      <c r="O133" s="11">
        <v>2050.14</v>
      </c>
      <c r="P133" s="11">
        <v>2050.14</v>
      </c>
    </row>
    <row r="134" spans="2:16" x14ac:dyDescent="0.25">
      <c r="B134" s="9" t="s">
        <v>68</v>
      </c>
      <c r="C134" s="11"/>
      <c r="D134" s="11"/>
      <c r="E134" s="11"/>
      <c r="F134" s="11"/>
      <c r="G134" s="11"/>
      <c r="H134" s="11">
        <v>0</v>
      </c>
      <c r="I134" s="11"/>
      <c r="J134" s="11"/>
      <c r="K134" s="11"/>
      <c r="L134" s="11"/>
      <c r="M134" s="11"/>
      <c r="N134" s="11"/>
      <c r="O134" s="11">
        <v>0</v>
      </c>
      <c r="P134" s="11">
        <v>0</v>
      </c>
    </row>
    <row r="135" spans="2:16" x14ac:dyDescent="0.25">
      <c r="B135" s="9" t="s">
        <v>70</v>
      </c>
      <c r="C135" s="11">
        <v>259.67</v>
      </c>
      <c r="D135" s="11"/>
      <c r="E135" s="11">
        <v>875</v>
      </c>
      <c r="F135" s="11">
        <v>748.85</v>
      </c>
      <c r="G135" s="11">
        <v>135.54</v>
      </c>
      <c r="H135" s="11">
        <v>675.84</v>
      </c>
      <c r="I135" s="11"/>
      <c r="J135" s="11"/>
      <c r="K135" s="11">
        <v>249.13</v>
      </c>
      <c r="L135" s="11">
        <v>3108.57</v>
      </c>
      <c r="M135" s="11">
        <v>1850</v>
      </c>
      <c r="N135" s="11">
        <v>1285</v>
      </c>
      <c r="O135" s="11">
        <v>9187.6</v>
      </c>
      <c r="P135" s="11">
        <v>9187.6</v>
      </c>
    </row>
    <row r="136" spans="2:16" x14ac:dyDescent="0.25">
      <c r="B136" s="9" t="s">
        <v>71</v>
      </c>
      <c r="C136" s="11">
        <v>7755.12</v>
      </c>
      <c r="D136" s="11">
        <v>1993.19</v>
      </c>
      <c r="E136" s="11">
        <v>1694.15</v>
      </c>
      <c r="F136" s="11">
        <v>1440.37</v>
      </c>
      <c r="G136" s="11">
        <v>1285</v>
      </c>
      <c r="H136" s="11">
        <v>3048.14</v>
      </c>
      <c r="I136" s="11">
        <v>-548.28</v>
      </c>
      <c r="J136" s="11">
        <v>1091.2</v>
      </c>
      <c r="K136" s="11">
        <v>-1529.4</v>
      </c>
      <c r="L136" s="11">
        <v>505.33</v>
      </c>
      <c r="M136" s="11">
        <v>1281.82</v>
      </c>
      <c r="N136" s="11">
        <v>1164.06</v>
      </c>
      <c r="O136" s="11">
        <v>19180.7</v>
      </c>
      <c r="P136" s="11">
        <v>19180.7</v>
      </c>
    </row>
    <row r="137" spans="2:16" x14ac:dyDescent="0.25">
      <c r="B137" s="9" t="s">
        <v>72</v>
      </c>
      <c r="C137" s="11">
        <v>6801.7</v>
      </c>
      <c r="D137" s="11"/>
      <c r="E137" s="11">
        <v>-26601.200000000001</v>
      </c>
      <c r="F137" s="11">
        <v>5937.9</v>
      </c>
      <c r="G137" s="11">
        <v>0</v>
      </c>
      <c r="H137" s="11">
        <v>82130.509999999995</v>
      </c>
      <c r="I137" s="11"/>
      <c r="J137" s="11">
        <v>80.55</v>
      </c>
      <c r="K137" s="11"/>
      <c r="L137" s="11"/>
      <c r="M137" s="11"/>
      <c r="N137" s="11"/>
      <c r="O137" s="11">
        <v>68349.460000000006</v>
      </c>
      <c r="P137" s="11">
        <v>68349.460000000006</v>
      </c>
    </row>
    <row r="138" spans="2:16" x14ac:dyDescent="0.25">
      <c r="B138" s="9" t="s">
        <v>76</v>
      </c>
      <c r="C138" s="11"/>
      <c r="D138" s="11">
        <v>1782.88</v>
      </c>
      <c r="E138" s="11">
        <v>585.08000000000004</v>
      </c>
      <c r="F138" s="11">
        <v>91.43</v>
      </c>
      <c r="G138" s="11">
        <v>1597.6</v>
      </c>
      <c r="H138" s="11">
        <v>1054.73</v>
      </c>
      <c r="I138" s="11">
        <v>1089.1400000000001</v>
      </c>
      <c r="J138" s="11">
        <v>-233.44</v>
      </c>
      <c r="K138" s="11"/>
      <c r="L138" s="11">
        <v>542.37</v>
      </c>
      <c r="M138" s="11">
        <v>1153.28</v>
      </c>
      <c r="N138" s="11">
        <v>150.87</v>
      </c>
      <c r="O138" s="11">
        <v>7813.94</v>
      </c>
      <c r="P138" s="11">
        <v>7813.94</v>
      </c>
    </row>
    <row r="139" spans="2:16" x14ac:dyDescent="0.25">
      <c r="B139" s="9" t="s">
        <v>79</v>
      </c>
      <c r="C139" s="11"/>
      <c r="D139" s="11"/>
      <c r="E139" s="11">
        <v>0</v>
      </c>
      <c r="F139" s="11"/>
      <c r="G139" s="11">
        <v>83.67</v>
      </c>
      <c r="H139" s="11">
        <v>25.21</v>
      </c>
      <c r="I139" s="11">
        <v>425.31</v>
      </c>
      <c r="J139" s="11"/>
      <c r="K139" s="11"/>
      <c r="L139" s="11"/>
      <c r="M139" s="11"/>
      <c r="N139" s="11"/>
      <c r="O139" s="11">
        <v>534.19000000000005</v>
      </c>
      <c r="P139" s="11">
        <v>534.19000000000005</v>
      </c>
    </row>
    <row r="140" spans="2:16" x14ac:dyDescent="0.25">
      <c r="B140" s="9" t="s">
        <v>80</v>
      </c>
      <c r="C140" s="11">
        <v>6393.66</v>
      </c>
      <c r="D140" s="11">
        <v>17147.36</v>
      </c>
      <c r="E140" s="11">
        <v>17233.93</v>
      </c>
      <c r="F140" s="11">
        <v>13323.85</v>
      </c>
      <c r="G140" s="11">
        <v>17620.849999999999</v>
      </c>
      <c r="H140" s="11">
        <v>12894.38</v>
      </c>
      <c r="I140" s="11">
        <v>20315.84</v>
      </c>
      <c r="J140" s="11">
        <v>18219.03</v>
      </c>
      <c r="K140" s="11">
        <v>9443.9500000000007</v>
      </c>
      <c r="L140" s="11">
        <v>14590.75</v>
      </c>
      <c r="M140" s="11">
        <v>22007.52</v>
      </c>
      <c r="N140" s="11">
        <v>7260.56</v>
      </c>
      <c r="O140" s="11">
        <v>176451.68</v>
      </c>
      <c r="P140" s="11">
        <v>176451.68</v>
      </c>
    </row>
    <row r="141" spans="2:16" x14ac:dyDescent="0.25">
      <c r="B141" s="9" t="s">
        <v>81</v>
      </c>
      <c r="C141" s="11">
        <v>11712.83</v>
      </c>
      <c r="D141" s="11">
        <v>11638.86</v>
      </c>
      <c r="E141" s="11">
        <v>7785.72</v>
      </c>
      <c r="F141" s="11">
        <v>14411.87</v>
      </c>
      <c r="G141" s="11">
        <v>17336.189999999999</v>
      </c>
      <c r="H141" s="11">
        <v>13081.12</v>
      </c>
      <c r="I141" s="11">
        <v>18668.64</v>
      </c>
      <c r="J141" s="11">
        <v>12300.94</v>
      </c>
      <c r="K141" s="11">
        <v>12010.7</v>
      </c>
      <c r="L141" s="11">
        <v>13313.72</v>
      </c>
      <c r="M141" s="11">
        <v>7334.72</v>
      </c>
      <c r="N141" s="11">
        <v>15770.05</v>
      </c>
      <c r="O141" s="11">
        <v>155365.35999999999</v>
      </c>
      <c r="P141" s="11">
        <v>155365.35999999999</v>
      </c>
    </row>
    <row r="142" spans="2:16" x14ac:dyDescent="0.25">
      <c r="B142" s="9" t="s">
        <v>82</v>
      </c>
      <c r="C142" s="11">
        <v>2540.34</v>
      </c>
      <c r="D142" s="11">
        <v>5293.39</v>
      </c>
      <c r="E142" s="11">
        <v>6913.06</v>
      </c>
      <c r="F142" s="11">
        <v>4917.38</v>
      </c>
      <c r="G142" s="11">
        <v>2894.55</v>
      </c>
      <c r="H142" s="11">
        <v>8732.3799999999992</v>
      </c>
      <c r="I142" s="11">
        <v>6688.75</v>
      </c>
      <c r="J142" s="11">
        <v>11001.22</v>
      </c>
      <c r="K142" s="11">
        <v>7861.32</v>
      </c>
      <c r="L142" s="11">
        <v>3156.92</v>
      </c>
      <c r="M142" s="11">
        <v>1696.85</v>
      </c>
      <c r="N142" s="11">
        <v>15306.67</v>
      </c>
      <c r="O142" s="11">
        <v>77002.83</v>
      </c>
      <c r="P142" s="11">
        <v>77002.83</v>
      </c>
    </row>
    <row r="143" spans="2:16" x14ac:dyDescent="0.25">
      <c r="B143" s="9" t="s">
        <v>84</v>
      </c>
      <c r="C143" s="11">
        <v>70.680000000000007</v>
      </c>
      <c r="D143" s="11">
        <v>5016.8100000000004</v>
      </c>
      <c r="E143" s="11">
        <v>3740.44</v>
      </c>
      <c r="F143" s="11">
        <v>533.04</v>
      </c>
      <c r="G143" s="11">
        <v>-3585.58</v>
      </c>
      <c r="H143" s="11">
        <v>858.29</v>
      </c>
      <c r="I143" s="11">
        <v>625.84</v>
      </c>
      <c r="J143" s="11">
        <v>-659.22</v>
      </c>
      <c r="K143" s="11">
        <v>499.05</v>
      </c>
      <c r="L143" s="11">
        <v>-2816.63</v>
      </c>
      <c r="M143" s="11">
        <v>-10982.01</v>
      </c>
      <c r="N143" s="11">
        <v>-1128.3900000000001</v>
      </c>
      <c r="O143" s="11">
        <v>-7827.68</v>
      </c>
      <c r="P143" s="11">
        <v>-7827.68</v>
      </c>
    </row>
    <row r="144" spans="2:16" x14ac:dyDescent="0.25">
      <c r="B144" s="9" t="s">
        <v>187</v>
      </c>
      <c r="C144" s="11"/>
      <c r="D144" s="11"/>
      <c r="E144" s="11"/>
      <c r="F144" s="11"/>
      <c r="G144" s="11"/>
      <c r="H144" s="11"/>
      <c r="I144" s="11">
        <v>63.6</v>
      </c>
      <c r="J144" s="11"/>
      <c r="K144" s="11"/>
      <c r="L144" s="11"/>
      <c r="M144" s="11"/>
      <c r="N144" s="11"/>
      <c r="O144" s="11">
        <v>63.6</v>
      </c>
      <c r="P144" s="11">
        <v>63.6</v>
      </c>
    </row>
    <row r="145" spans="2:16" x14ac:dyDescent="0.25">
      <c r="B145" s="9" t="s">
        <v>85</v>
      </c>
      <c r="C145" s="11"/>
      <c r="D145" s="11">
        <v>680.34</v>
      </c>
      <c r="E145" s="11">
        <v>715.58</v>
      </c>
      <c r="F145" s="11"/>
      <c r="G145" s="11"/>
      <c r="H145" s="11"/>
      <c r="I145" s="11">
        <v>4912.13</v>
      </c>
      <c r="J145" s="11">
        <v>2606.23</v>
      </c>
      <c r="K145" s="11">
        <v>5515.13</v>
      </c>
      <c r="L145" s="11">
        <v>4775</v>
      </c>
      <c r="M145" s="11">
        <v>1560</v>
      </c>
      <c r="N145" s="11">
        <v>1.19</v>
      </c>
      <c r="O145" s="11">
        <v>20765.599999999999</v>
      </c>
      <c r="P145" s="11">
        <v>20765.599999999999</v>
      </c>
    </row>
    <row r="146" spans="2:16" x14ac:dyDescent="0.25">
      <c r="B146" s="9" t="s">
        <v>86</v>
      </c>
      <c r="C146" s="11">
        <v>4519.05</v>
      </c>
      <c r="D146" s="11">
        <v>3547.82</v>
      </c>
      <c r="E146" s="11">
        <v>4425.22</v>
      </c>
      <c r="F146" s="11">
        <v>670.43</v>
      </c>
      <c r="G146" s="11">
        <v>1701.89</v>
      </c>
      <c r="H146" s="11">
        <v>4990.7700000000004</v>
      </c>
      <c r="I146" s="11">
        <v>3002.1</v>
      </c>
      <c r="J146" s="11">
        <v>10641.6</v>
      </c>
      <c r="K146" s="11">
        <v>-13503.22</v>
      </c>
      <c r="L146" s="11">
        <v>1197.98</v>
      </c>
      <c r="M146" s="11">
        <v>1088.47</v>
      </c>
      <c r="N146" s="11">
        <v>1814.21</v>
      </c>
      <c r="O146" s="11">
        <v>24096.32</v>
      </c>
      <c r="P146" s="11">
        <v>24096.32</v>
      </c>
    </row>
    <row r="147" spans="2:16" x14ac:dyDescent="0.25">
      <c r="B147" s="9" t="s">
        <v>87</v>
      </c>
      <c r="C147" s="11">
        <v>5941.5</v>
      </c>
      <c r="D147" s="11">
        <v>9223.74</v>
      </c>
      <c r="E147" s="11">
        <v>5601.24</v>
      </c>
      <c r="F147" s="11">
        <v>7973.46</v>
      </c>
      <c r="G147" s="11">
        <v>-427.85</v>
      </c>
      <c r="H147" s="11">
        <v>12265.23</v>
      </c>
      <c r="I147" s="11">
        <v>36427.24</v>
      </c>
      <c r="J147" s="11">
        <v>13070.14</v>
      </c>
      <c r="K147" s="11">
        <v>27691.74</v>
      </c>
      <c r="L147" s="11">
        <v>11243.37</v>
      </c>
      <c r="M147" s="11">
        <v>3404.85</v>
      </c>
      <c r="N147" s="11">
        <v>18932.759999999998</v>
      </c>
      <c r="O147" s="11">
        <v>151347.42000000001</v>
      </c>
      <c r="P147" s="11">
        <v>151347.42000000001</v>
      </c>
    </row>
    <row r="148" spans="2:16" x14ac:dyDescent="0.25">
      <c r="B148" s="9" t="s">
        <v>89</v>
      </c>
      <c r="C148" s="11">
        <v>675.73</v>
      </c>
      <c r="D148" s="11">
        <v>202.55</v>
      </c>
      <c r="E148" s="11">
        <v>803.73</v>
      </c>
      <c r="F148" s="11">
        <v>1857.65</v>
      </c>
      <c r="G148" s="11">
        <v>351.25</v>
      </c>
      <c r="H148" s="11">
        <v>87.19</v>
      </c>
      <c r="I148" s="11">
        <v>0.8</v>
      </c>
      <c r="J148" s="11">
        <v>590.49</v>
      </c>
      <c r="K148" s="11">
        <v>2586.42</v>
      </c>
      <c r="L148" s="11">
        <v>215</v>
      </c>
      <c r="M148" s="11">
        <v>16.690000000000001</v>
      </c>
      <c r="N148" s="11">
        <v>1236.8</v>
      </c>
      <c r="O148" s="11">
        <v>8624.2999999999993</v>
      </c>
      <c r="P148" s="11">
        <v>8624.2999999999993</v>
      </c>
    </row>
    <row r="149" spans="2:16" x14ac:dyDescent="0.25">
      <c r="B149" s="9" t="s">
        <v>91</v>
      </c>
      <c r="C149" s="11">
        <v>2348.64</v>
      </c>
      <c r="D149" s="11"/>
      <c r="E149" s="11">
        <v>0</v>
      </c>
      <c r="F149" s="11">
        <v>837.48</v>
      </c>
      <c r="G149" s="11">
        <v>-1796.39</v>
      </c>
      <c r="H149" s="11">
        <v>0</v>
      </c>
      <c r="I149" s="11"/>
      <c r="J149" s="11">
        <v>1254</v>
      </c>
      <c r="K149" s="11">
        <v>286.66000000000003</v>
      </c>
      <c r="L149" s="11">
        <v>15.63</v>
      </c>
      <c r="M149" s="11">
        <v>29.29</v>
      </c>
      <c r="N149" s="11"/>
      <c r="O149" s="11">
        <v>2975.31</v>
      </c>
      <c r="P149" s="11">
        <v>2975.31</v>
      </c>
    </row>
    <row r="150" spans="2:16" x14ac:dyDescent="0.25">
      <c r="B150" s="9" t="s">
        <v>92</v>
      </c>
      <c r="C150" s="11">
        <v>18260.46</v>
      </c>
      <c r="D150" s="11">
        <v>21004.81</v>
      </c>
      <c r="E150" s="11">
        <v>18170.2</v>
      </c>
      <c r="F150" s="11">
        <v>19795.41</v>
      </c>
      <c r="G150" s="11">
        <v>19412.650000000001</v>
      </c>
      <c r="H150" s="11">
        <v>19594.53</v>
      </c>
      <c r="I150" s="11">
        <v>21843.18</v>
      </c>
      <c r="J150" s="11">
        <v>16042.39</v>
      </c>
      <c r="K150" s="11">
        <v>16852.72</v>
      </c>
      <c r="L150" s="11">
        <v>19152.97</v>
      </c>
      <c r="M150" s="11">
        <v>17218.72</v>
      </c>
      <c r="N150" s="11">
        <v>32675.82</v>
      </c>
      <c r="O150" s="11">
        <v>240023.86</v>
      </c>
      <c r="P150" s="11">
        <v>240023.86</v>
      </c>
    </row>
    <row r="151" spans="2:16" x14ac:dyDescent="0.25">
      <c r="B151" s="9" t="s">
        <v>95</v>
      </c>
      <c r="C151" s="11">
        <v>4439.05</v>
      </c>
      <c r="D151" s="11">
        <v>4715.13</v>
      </c>
      <c r="E151" s="11">
        <v>4111.9799999999996</v>
      </c>
      <c r="F151" s="11">
        <v>2816.23</v>
      </c>
      <c r="G151" s="11">
        <v>3728.37</v>
      </c>
      <c r="H151" s="11">
        <v>6476.53</v>
      </c>
      <c r="I151" s="11">
        <v>4582.26</v>
      </c>
      <c r="J151" s="11">
        <v>3204.5</v>
      </c>
      <c r="K151" s="11">
        <v>4535.12</v>
      </c>
      <c r="L151" s="11">
        <v>4733.26</v>
      </c>
      <c r="M151" s="11">
        <v>3947.15</v>
      </c>
      <c r="N151" s="11">
        <v>4893.09</v>
      </c>
      <c r="O151" s="11">
        <v>52182.67</v>
      </c>
      <c r="P151" s="11">
        <v>52182.67</v>
      </c>
    </row>
    <row r="152" spans="2:16" x14ac:dyDescent="0.25">
      <c r="B152" s="9" t="s">
        <v>96</v>
      </c>
      <c r="C152" s="11">
        <v>12749.86</v>
      </c>
      <c r="D152" s="11">
        <v>11977.05</v>
      </c>
      <c r="E152" s="11">
        <v>12906.84</v>
      </c>
      <c r="F152" s="11">
        <v>14072.54</v>
      </c>
      <c r="G152" s="11">
        <v>13261.55</v>
      </c>
      <c r="H152" s="11">
        <v>11436.01</v>
      </c>
      <c r="I152" s="11">
        <v>17413.12</v>
      </c>
      <c r="J152" s="11">
        <v>14646.59</v>
      </c>
      <c r="K152" s="11">
        <v>8336.41</v>
      </c>
      <c r="L152" s="11">
        <v>10984.31</v>
      </c>
      <c r="M152" s="11">
        <v>10717.58</v>
      </c>
      <c r="N152" s="11">
        <v>13716.85</v>
      </c>
      <c r="O152" s="11">
        <v>152218.71</v>
      </c>
      <c r="P152" s="11">
        <v>152218.71</v>
      </c>
    </row>
    <row r="153" spans="2:16" x14ac:dyDescent="0.25">
      <c r="B153" s="9" t="s">
        <v>97</v>
      </c>
      <c r="C153" s="11">
        <v>1338.18</v>
      </c>
      <c r="D153" s="11">
        <v>2725.9</v>
      </c>
      <c r="E153" s="11">
        <v>5451.6</v>
      </c>
      <c r="F153" s="11">
        <v>3627.37</v>
      </c>
      <c r="G153" s="11">
        <v>2714.16</v>
      </c>
      <c r="H153" s="11">
        <v>3140.71</v>
      </c>
      <c r="I153" s="11">
        <v>3492.73</v>
      </c>
      <c r="J153" s="11">
        <v>1108.32</v>
      </c>
      <c r="K153" s="11">
        <v>983.75</v>
      </c>
      <c r="L153" s="11">
        <v>2477.54</v>
      </c>
      <c r="M153" s="11">
        <v>1419.48</v>
      </c>
      <c r="N153" s="11">
        <v>2280.0300000000002</v>
      </c>
      <c r="O153" s="11">
        <v>30759.77</v>
      </c>
      <c r="P153" s="11">
        <v>30759.77</v>
      </c>
    </row>
    <row r="154" spans="2:16" x14ac:dyDescent="0.25">
      <c r="B154" s="9" t="s">
        <v>98</v>
      </c>
      <c r="C154" s="11">
        <v>149.63</v>
      </c>
      <c r="D154" s="11">
        <v>128.6</v>
      </c>
      <c r="E154" s="11">
        <v>121.56</v>
      </c>
      <c r="F154" s="11">
        <v>317.14</v>
      </c>
      <c r="G154" s="11">
        <v>405.47</v>
      </c>
      <c r="H154" s="11"/>
      <c r="I154" s="11"/>
      <c r="J154" s="11">
        <v>2.38</v>
      </c>
      <c r="K154" s="11"/>
      <c r="L154" s="11">
        <v>131.61000000000001</v>
      </c>
      <c r="M154" s="11"/>
      <c r="N154" s="11">
        <v>147.34</v>
      </c>
      <c r="O154" s="11">
        <v>1403.73</v>
      </c>
      <c r="P154" s="11">
        <v>1403.73</v>
      </c>
    </row>
    <row r="155" spans="2:16" x14ac:dyDescent="0.25">
      <c r="B155" s="9" t="s">
        <v>99</v>
      </c>
      <c r="C155" s="11">
        <v>-54.7</v>
      </c>
      <c r="D155" s="11">
        <v>122.01</v>
      </c>
      <c r="E155" s="11">
        <v>332.55</v>
      </c>
      <c r="F155" s="11">
        <v>733.81</v>
      </c>
      <c r="G155" s="11">
        <v>1045.44</v>
      </c>
      <c r="H155" s="11">
        <v>0.36</v>
      </c>
      <c r="I155" s="11">
        <v>0.36</v>
      </c>
      <c r="J155" s="11">
        <v>2.61</v>
      </c>
      <c r="K155" s="11">
        <v>0.36</v>
      </c>
      <c r="L155" s="11">
        <v>79.92</v>
      </c>
      <c r="M155" s="11">
        <v>0.36</v>
      </c>
      <c r="N155" s="11">
        <v>124.6</v>
      </c>
      <c r="O155" s="11">
        <v>2387.6799999999998</v>
      </c>
      <c r="P155" s="11">
        <v>2387.6799999999998</v>
      </c>
    </row>
    <row r="156" spans="2:16" x14ac:dyDescent="0.25">
      <c r="B156" s="9" t="s">
        <v>100</v>
      </c>
      <c r="C156" s="11">
        <v>111.41</v>
      </c>
      <c r="D156" s="11">
        <v>97.31</v>
      </c>
      <c r="E156" s="11">
        <v>92</v>
      </c>
      <c r="F156" s="11">
        <v>213.69</v>
      </c>
      <c r="G156" s="11">
        <v>295.51</v>
      </c>
      <c r="H156" s="11"/>
      <c r="I156" s="11"/>
      <c r="J156" s="11">
        <v>1.8</v>
      </c>
      <c r="K156" s="11"/>
      <c r="L156" s="11">
        <v>63.23</v>
      </c>
      <c r="M156" s="11"/>
      <c r="N156" s="11">
        <v>99.12</v>
      </c>
      <c r="O156" s="11">
        <v>974.07</v>
      </c>
      <c r="P156" s="11">
        <v>974.07</v>
      </c>
    </row>
    <row r="157" spans="2:16" x14ac:dyDescent="0.25">
      <c r="B157" s="9" t="s">
        <v>109</v>
      </c>
      <c r="C157" s="11">
        <v>25443.1</v>
      </c>
      <c r="D157" s="11">
        <v>25552.05</v>
      </c>
      <c r="E157" s="11">
        <v>26506.22</v>
      </c>
      <c r="F157" s="11">
        <v>25913.96</v>
      </c>
      <c r="G157" s="11">
        <v>26062.5</v>
      </c>
      <c r="H157" s="11">
        <v>26712.39</v>
      </c>
      <c r="I157" s="11">
        <v>29071.43</v>
      </c>
      <c r="J157" s="11">
        <v>27988.11</v>
      </c>
      <c r="K157" s="11">
        <v>26943.91</v>
      </c>
      <c r="L157" s="11">
        <v>27359.32</v>
      </c>
      <c r="M157" s="11">
        <v>27333.51</v>
      </c>
      <c r="N157" s="11">
        <v>27573.23</v>
      </c>
      <c r="O157" s="11">
        <v>322459.73</v>
      </c>
      <c r="P157" s="11">
        <v>322459.73</v>
      </c>
    </row>
    <row r="158" spans="2:16" x14ac:dyDescent="0.25">
      <c r="B158" s="9" t="s">
        <v>113</v>
      </c>
      <c r="C158" s="11"/>
      <c r="D158" s="11">
        <v>230.16</v>
      </c>
      <c r="E158" s="11">
        <v>1150.54</v>
      </c>
      <c r="F158" s="11"/>
      <c r="G158" s="11"/>
      <c r="H158" s="11">
        <v>315.22000000000003</v>
      </c>
      <c r="I158" s="11">
        <v>461.96</v>
      </c>
      <c r="J158" s="11"/>
      <c r="K158" s="11"/>
      <c r="L158" s="11"/>
      <c r="M158" s="11"/>
      <c r="N158" s="11"/>
      <c r="O158" s="11">
        <v>2157.88</v>
      </c>
      <c r="P158" s="11">
        <v>2157.88</v>
      </c>
    </row>
    <row r="159" spans="2:16" x14ac:dyDescent="0.25">
      <c r="B159" s="9" t="s">
        <v>116</v>
      </c>
      <c r="C159" s="11"/>
      <c r="D159" s="11">
        <v>9.6</v>
      </c>
      <c r="E159" s="11">
        <v>2.33</v>
      </c>
      <c r="F159" s="11">
        <v>9.1999999999999993</v>
      </c>
      <c r="G159" s="11"/>
      <c r="H159" s="11"/>
      <c r="I159" s="11"/>
      <c r="J159" s="11">
        <v>0.92</v>
      </c>
      <c r="K159" s="11"/>
      <c r="L159" s="11"/>
      <c r="M159" s="11">
        <v>9.1999999999999993</v>
      </c>
      <c r="N159" s="11"/>
      <c r="O159" s="11">
        <v>31.25</v>
      </c>
      <c r="P159" s="11">
        <v>31.25</v>
      </c>
    </row>
    <row r="160" spans="2:16" x14ac:dyDescent="0.25">
      <c r="B160" s="9" t="s">
        <v>119</v>
      </c>
      <c r="C160" s="11"/>
      <c r="D160" s="11">
        <v>9.69</v>
      </c>
      <c r="E160" s="11"/>
      <c r="F160" s="11">
        <v>8.81</v>
      </c>
      <c r="G160" s="11">
        <v>9.7899999999999991</v>
      </c>
      <c r="H160" s="11">
        <v>21.07</v>
      </c>
      <c r="I160" s="11">
        <v>9.58</v>
      </c>
      <c r="J160" s="11">
        <v>9.43</v>
      </c>
      <c r="K160" s="11">
        <v>5.67</v>
      </c>
      <c r="L160" s="11">
        <v>22.93</v>
      </c>
      <c r="M160" s="11">
        <v>19.78</v>
      </c>
      <c r="N160" s="11">
        <v>6.58</v>
      </c>
      <c r="O160" s="11">
        <v>123.33</v>
      </c>
      <c r="P160" s="11">
        <v>123.33</v>
      </c>
    </row>
    <row r="161" spans="1:16" x14ac:dyDescent="0.25">
      <c r="B161" s="9" t="s">
        <v>125</v>
      </c>
      <c r="C161" s="11"/>
      <c r="D161" s="11"/>
      <c r="E161" s="11">
        <v>22.17</v>
      </c>
      <c r="F161" s="11"/>
      <c r="G161" s="11"/>
      <c r="H161" s="11">
        <v>209.18</v>
      </c>
      <c r="I161" s="11"/>
      <c r="J161" s="11"/>
      <c r="K161" s="11"/>
      <c r="L161" s="11"/>
      <c r="M161" s="11"/>
      <c r="N161" s="11"/>
      <c r="O161" s="11">
        <v>231.35</v>
      </c>
      <c r="P161" s="11">
        <v>231.35</v>
      </c>
    </row>
    <row r="162" spans="1:16" x14ac:dyDescent="0.25">
      <c r="B162" s="9" t="s">
        <v>135</v>
      </c>
      <c r="C162" s="11"/>
      <c r="D162" s="11"/>
      <c r="E162" s="11"/>
      <c r="F162" s="11"/>
      <c r="G162" s="11"/>
      <c r="H162" s="11">
        <v>79.33</v>
      </c>
      <c r="I162" s="11"/>
      <c r="J162" s="11"/>
      <c r="K162" s="11"/>
      <c r="L162" s="11"/>
      <c r="M162" s="11">
        <v>32.950000000000003</v>
      </c>
      <c r="N162" s="11">
        <v>89.23</v>
      </c>
      <c r="O162" s="11">
        <v>201.51</v>
      </c>
      <c r="P162" s="11">
        <v>201.51</v>
      </c>
    </row>
    <row r="163" spans="1:16" x14ac:dyDescent="0.25">
      <c r="B163" s="9" t="s">
        <v>138</v>
      </c>
      <c r="C163" s="11">
        <v>23556.07</v>
      </c>
      <c r="D163" s="11">
        <v>28650.400000000001</v>
      </c>
      <c r="E163" s="11">
        <v>29882.9</v>
      </c>
      <c r="F163" s="11">
        <v>28476.49</v>
      </c>
      <c r="G163" s="11">
        <v>18790.5</v>
      </c>
      <c r="H163" s="11">
        <v>28053.91</v>
      </c>
      <c r="I163" s="11">
        <v>38050.480000000003</v>
      </c>
      <c r="J163" s="11">
        <v>28114.89</v>
      </c>
      <c r="K163" s="11">
        <v>28925.01</v>
      </c>
      <c r="L163" s="11">
        <v>24621.19</v>
      </c>
      <c r="M163" s="11">
        <v>5956.87</v>
      </c>
      <c r="N163" s="11">
        <v>347.92</v>
      </c>
      <c r="O163" s="11">
        <v>283426.63</v>
      </c>
      <c r="P163" s="11">
        <v>283426.63</v>
      </c>
    </row>
    <row r="164" spans="1:16" x14ac:dyDescent="0.25">
      <c r="B164" s="9" t="s">
        <v>145</v>
      </c>
      <c r="C164" s="11"/>
      <c r="D164" s="11"/>
      <c r="E164" s="11">
        <v>0</v>
      </c>
      <c r="F164" s="11"/>
      <c r="G164" s="11"/>
      <c r="H164" s="11">
        <v>0</v>
      </c>
      <c r="I164" s="11"/>
      <c r="J164" s="11"/>
      <c r="K164" s="11"/>
      <c r="L164" s="11"/>
      <c r="M164" s="11"/>
      <c r="N164" s="11">
        <v>34</v>
      </c>
      <c r="O164" s="11">
        <v>34</v>
      </c>
      <c r="P164" s="11">
        <v>34</v>
      </c>
    </row>
    <row r="165" spans="1:16" x14ac:dyDescent="0.25">
      <c r="A165" t="s">
        <v>164</v>
      </c>
      <c r="C165" s="11">
        <v>178306.9</v>
      </c>
      <c r="D165" s="11">
        <v>185970.45</v>
      </c>
      <c r="E165" s="11">
        <v>178431.79</v>
      </c>
      <c r="F165" s="11">
        <v>202632.51</v>
      </c>
      <c r="G165" s="11">
        <v>158070.5</v>
      </c>
      <c r="H165" s="11">
        <v>281393.2</v>
      </c>
      <c r="I165" s="11">
        <v>273765.40999999997</v>
      </c>
      <c r="J165" s="11">
        <v>200407.35</v>
      </c>
      <c r="K165" s="11">
        <v>208974.98</v>
      </c>
      <c r="L165" s="11">
        <v>174115.82</v>
      </c>
      <c r="M165" s="11">
        <v>132827.13</v>
      </c>
      <c r="N165" s="11">
        <v>187221.16</v>
      </c>
      <c r="O165" s="11">
        <v>2362117.2000000002</v>
      </c>
      <c r="P165" s="11">
        <v>2362117.2000000002</v>
      </c>
    </row>
    <row r="166" spans="1:16" x14ac:dyDescent="0.25">
      <c r="A166" t="s">
        <v>159</v>
      </c>
      <c r="B166" s="9" t="s">
        <v>17</v>
      </c>
      <c r="C166" s="11">
        <v>205826.35</v>
      </c>
      <c r="D166" s="11">
        <v>191666.59</v>
      </c>
      <c r="E166" s="11">
        <v>188977.81</v>
      </c>
      <c r="F166" s="11">
        <v>180511.54</v>
      </c>
      <c r="G166" s="11">
        <v>191424.31</v>
      </c>
      <c r="H166" s="11">
        <v>196169.97</v>
      </c>
      <c r="I166" s="11">
        <v>152658.74</v>
      </c>
      <c r="J166" s="11">
        <v>175361.51</v>
      </c>
      <c r="K166" s="11">
        <v>160617.54999999999</v>
      </c>
      <c r="L166" s="11">
        <v>166626.59</v>
      </c>
      <c r="M166" s="11">
        <v>156595.16</v>
      </c>
      <c r="N166" s="11">
        <v>185043.38</v>
      </c>
      <c r="O166" s="11">
        <v>2151479.5</v>
      </c>
      <c r="P166" s="11">
        <v>2151479.5</v>
      </c>
    </row>
    <row r="167" spans="1:16" x14ac:dyDescent="0.25">
      <c r="B167" s="9" t="s">
        <v>19</v>
      </c>
      <c r="C167" s="11">
        <v>5999.4</v>
      </c>
      <c r="D167" s="11">
        <v>5067.6400000000003</v>
      </c>
      <c r="E167" s="11">
        <v>5478.81</v>
      </c>
      <c r="F167" s="11">
        <v>3208.17</v>
      </c>
      <c r="G167" s="11">
        <v>2769.72</v>
      </c>
      <c r="H167" s="11">
        <v>3524.54</v>
      </c>
      <c r="I167" s="11">
        <v>3006.65</v>
      </c>
      <c r="J167" s="11">
        <v>3287.76</v>
      </c>
      <c r="K167" s="11">
        <v>3324.57</v>
      </c>
      <c r="L167" s="11">
        <v>2954.36</v>
      </c>
      <c r="M167" s="11">
        <v>3305.91</v>
      </c>
      <c r="N167" s="11">
        <v>2533.46</v>
      </c>
      <c r="O167" s="11">
        <v>44460.99</v>
      </c>
      <c r="P167" s="11">
        <v>44460.99</v>
      </c>
    </row>
    <row r="168" spans="1:16" x14ac:dyDescent="0.25">
      <c r="B168" s="9" t="s">
        <v>21</v>
      </c>
      <c r="C168" s="11"/>
      <c r="D168" s="11"/>
      <c r="E168" s="11"/>
      <c r="F168" s="11"/>
      <c r="G168" s="11">
        <v>295.41000000000003</v>
      </c>
      <c r="H168" s="11">
        <v>296.70999999999998</v>
      </c>
      <c r="I168" s="11">
        <v>302.86</v>
      </c>
      <c r="J168" s="11">
        <v>304.06</v>
      </c>
      <c r="K168" s="11">
        <v>300.18</v>
      </c>
      <c r="L168" s="11">
        <v>306.45999999999998</v>
      </c>
      <c r="M168" s="11">
        <v>302.51</v>
      </c>
      <c r="N168" s="11">
        <v>308.36</v>
      </c>
      <c r="O168" s="11">
        <v>2416.5500000000002</v>
      </c>
      <c r="P168" s="11">
        <v>2416.5500000000002</v>
      </c>
    </row>
    <row r="169" spans="1:16" x14ac:dyDescent="0.25">
      <c r="B169" s="9" t="s">
        <v>23</v>
      </c>
      <c r="C169" s="11">
        <v>28698.7</v>
      </c>
      <c r="D169" s="11">
        <v>29074.39</v>
      </c>
      <c r="E169" s="11">
        <v>27272.37</v>
      </c>
      <c r="F169" s="11">
        <v>29098.959999999999</v>
      </c>
      <c r="G169" s="11">
        <v>26254.43</v>
      </c>
      <c r="H169" s="11">
        <v>29328.79</v>
      </c>
      <c r="I169" s="11">
        <v>29348.26</v>
      </c>
      <c r="J169" s="11">
        <v>33119.43</v>
      </c>
      <c r="K169" s="11">
        <v>31046.89</v>
      </c>
      <c r="L169" s="11">
        <v>27422.99</v>
      </c>
      <c r="M169" s="11">
        <v>31389.759999999998</v>
      </c>
      <c r="N169" s="11">
        <v>34564.050000000003</v>
      </c>
      <c r="O169" s="11">
        <v>356619.02</v>
      </c>
      <c r="P169" s="11">
        <v>356619.02</v>
      </c>
    </row>
    <row r="170" spans="1:16" x14ac:dyDescent="0.25">
      <c r="B170" s="9" t="s">
        <v>25</v>
      </c>
      <c r="C170" s="11"/>
      <c r="D170" s="11"/>
      <c r="E170" s="11"/>
      <c r="F170" s="11"/>
      <c r="G170" s="11"/>
      <c r="H170" s="11"/>
      <c r="I170" s="11"/>
      <c r="J170" s="11">
        <v>24.24</v>
      </c>
      <c r="K170" s="11">
        <v>141.33000000000001</v>
      </c>
      <c r="L170" s="11"/>
      <c r="M170" s="11"/>
      <c r="N170" s="11"/>
      <c r="O170" s="11">
        <v>165.57</v>
      </c>
      <c r="P170" s="11">
        <v>165.57</v>
      </c>
    </row>
    <row r="171" spans="1:16" x14ac:dyDescent="0.25">
      <c r="B171" s="9" t="s">
        <v>26</v>
      </c>
      <c r="C171" s="11">
        <v>52203.32</v>
      </c>
      <c r="D171" s="11">
        <v>58619.91</v>
      </c>
      <c r="E171" s="11">
        <v>54493.98</v>
      </c>
      <c r="F171" s="11">
        <v>60414.67</v>
      </c>
      <c r="G171" s="11">
        <v>64174.25</v>
      </c>
      <c r="H171" s="11">
        <v>48972.35</v>
      </c>
      <c r="I171" s="11">
        <v>51398.3</v>
      </c>
      <c r="J171" s="11">
        <v>43468.39</v>
      </c>
      <c r="K171" s="11">
        <v>40872.589999999997</v>
      </c>
      <c r="L171" s="11">
        <v>44157.67</v>
      </c>
      <c r="M171" s="11">
        <v>33666.53</v>
      </c>
      <c r="N171" s="11">
        <v>51984.39</v>
      </c>
      <c r="O171" s="11">
        <v>604426.35</v>
      </c>
      <c r="P171" s="11">
        <v>604426.35</v>
      </c>
    </row>
    <row r="172" spans="1:16" x14ac:dyDescent="0.25">
      <c r="B172" s="9" t="s">
        <v>28</v>
      </c>
      <c r="C172" s="11">
        <v>159777.09</v>
      </c>
      <c r="D172" s="11">
        <v>176020.92</v>
      </c>
      <c r="E172" s="11">
        <v>173574.01</v>
      </c>
      <c r="F172" s="11">
        <v>161873.95000000001</v>
      </c>
      <c r="G172" s="11">
        <v>167662.74</v>
      </c>
      <c r="H172" s="11">
        <v>179895.84</v>
      </c>
      <c r="I172" s="11">
        <v>178707.89</v>
      </c>
      <c r="J172" s="11">
        <v>164992.47</v>
      </c>
      <c r="K172" s="11">
        <v>167361.82999999999</v>
      </c>
      <c r="L172" s="11">
        <v>167988.08</v>
      </c>
      <c r="M172" s="11">
        <v>172709.68</v>
      </c>
      <c r="N172" s="11">
        <v>165031.38</v>
      </c>
      <c r="O172" s="11">
        <v>2035595.88</v>
      </c>
      <c r="P172" s="11">
        <v>2035595.88</v>
      </c>
    </row>
    <row r="173" spans="1:16" x14ac:dyDescent="0.25">
      <c r="B173" s="9" t="s">
        <v>29</v>
      </c>
      <c r="C173" s="11">
        <v>113.4</v>
      </c>
      <c r="D173" s="11">
        <v>109.59</v>
      </c>
      <c r="E173" s="11">
        <v>100.26</v>
      </c>
      <c r="F173" s="11">
        <v>99.56</v>
      </c>
      <c r="G173" s="11">
        <v>417.86</v>
      </c>
      <c r="H173" s="11">
        <v>132.9</v>
      </c>
      <c r="I173" s="11">
        <v>125.4</v>
      </c>
      <c r="J173" s="11">
        <v>139.97999999999999</v>
      </c>
      <c r="K173" s="11">
        <v>-324.57</v>
      </c>
      <c r="L173" s="11">
        <v>90.2</v>
      </c>
      <c r="M173" s="11">
        <v>106.14</v>
      </c>
      <c r="N173" s="11">
        <v>-439.04</v>
      </c>
      <c r="O173" s="11">
        <v>671.68</v>
      </c>
      <c r="P173" s="11">
        <v>671.68</v>
      </c>
    </row>
    <row r="174" spans="1:16" x14ac:dyDescent="0.25">
      <c r="B174" s="9" t="s">
        <v>30</v>
      </c>
      <c r="C174" s="11">
        <v>4838.26</v>
      </c>
      <c r="D174" s="11">
        <v>4184.8100000000004</v>
      </c>
      <c r="E174" s="11">
        <v>8645.2199999999993</v>
      </c>
      <c r="F174" s="11">
        <v>5269.59</v>
      </c>
      <c r="G174" s="11">
        <v>4361.68</v>
      </c>
      <c r="H174" s="11">
        <v>4670.99</v>
      </c>
      <c r="I174" s="11">
        <v>6124.84</v>
      </c>
      <c r="J174" s="11">
        <v>4019.4</v>
      </c>
      <c r="K174" s="11">
        <v>6845.02</v>
      </c>
      <c r="L174" s="11">
        <v>5053.37</v>
      </c>
      <c r="M174" s="11">
        <v>3276.97</v>
      </c>
      <c r="N174" s="11">
        <v>3163.5</v>
      </c>
      <c r="O174" s="11">
        <v>60453.65</v>
      </c>
      <c r="P174" s="11">
        <v>60453.65</v>
      </c>
    </row>
    <row r="175" spans="1:16" x14ac:dyDescent="0.25">
      <c r="B175" s="9" t="s">
        <v>31</v>
      </c>
      <c r="C175" s="11">
        <v>4248</v>
      </c>
      <c r="D175" s="11">
        <v>6625.97</v>
      </c>
      <c r="E175" s="11">
        <v>2239.83</v>
      </c>
      <c r="F175" s="11">
        <v>2641.26</v>
      </c>
      <c r="G175" s="11">
        <v>9816.58</v>
      </c>
      <c r="H175" s="11">
        <v>2047.54</v>
      </c>
      <c r="I175" s="11">
        <v>2602.08</v>
      </c>
      <c r="J175" s="11">
        <v>3562.87</v>
      </c>
      <c r="K175" s="11">
        <v>14761.68</v>
      </c>
      <c r="L175" s="11">
        <v>30134.69</v>
      </c>
      <c r="M175" s="11">
        <v>11399.92</v>
      </c>
      <c r="N175" s="11">
        <v>6110.72</v>
      </c>
      <c r="O175" s="11">
        <v>96191.14</v>
      </c>
      <c r="P175" s="11">
        <v>96191.14</v>
      </c>
    </row>
    <row r="176" spans="1:16" x14ac:dyDescent="0.25">
      <c r="B176" s="9" t="s">
        <v>32</v>
      </c>
      <c r="C176" s="11">
        <v>5446.55</v>
      </c>
      <c r="D176" s="11">
        <v>947.41</v>
      </c>
      <c r="E176" s="11">
        <v>15199.76</v>
      </c>
      <c r="F176" s="11">
        <v>2815.07</v>
      </c>
      <c r="G176" s="11">
        <v>17348.03</v>
      </c>
      <c r="H176" s="11">
        <v>26548.2</v>
      </c>
      <c r="I176" s="11">
        <v>-19572.560000000001</v>
      </c>
      <c r="J176" s="11">
        <v>4477.1899999999996</v>
      </c>
      <c r="K176" s="11">
        <v>7820.6</v>
      </c>
      <c r="L176" s="11">
        <v>10493.13</v>
      </c>
      <c r="M176" s="11">
        <v>6779.02</v>
      </c>
      <c r="N176" s="11">
        <v>9167.65</v>
      </c>
      <c r="O176" s="11">
        <v>87470.05</v>
      </c>
      <c r="P176" s="11">
        <v>87470.05</v>
      </c>
    </row>
    <row r="177" spans="2:16" x14ac:dyDescent="0.25">
      <c r="B177" s="9" t="s">
        <v>33</v>
      </c>
      <c r="C177" s="11">
        <v>1639.41</v>
      </c>
      <c r="D177" s="11">
        <v>461.44</v>
      </c>
      <c r="E177" s="11"/>
      <c r="F177" s="11">
        <v>6548.1</v>
      </c>
      <c r="G177" s="11">
        <v>3913.46</v>
      </c>
      <c r="H177" s="11">
        <v>5138.55</v>
      </c>
      <c r="I177" s="11">
        <v>1798.48</v>
      </c>
      <c r="J177" s="11">
        <v>232.14</v>
      </c>
      <c r="K177" s="11">
        <v>613.29999999999995</v>
      </c>
      <c r="L177" s="11">
        <v>2071</v>
      </c>
      <c r="M177" s="11">
        <v>4184.1000000000004</v>
      </c>
      <c r="N177" s="11">
        <v>148.30000000000001</v>
      </c>
      <c r="O177" s="11">
        <v>26748.28</v>
      </c>
      <c r="P177" s="11">
        <v>26748.28</v>
      </c>
    </row>
    <row r="178" spans="2:16" x14ac:dyDescent="0.25">
      <c r="B178" s="9" t="s">
        <v>40</v>
      </c>
      <c r="C178" s="11"/>
      <c r="D178" s="11"/>
      <c r="E178" s="11"/>
      <c r="F178" s="11"/>
      <c r="G178" s="11"/>
      <c r="H178" s="11"/>
      <c r="I178" s="11"/>
      <c r="J178" s="11"/>
      <c r="K178" s="11"/>
      <c r="L178" s="11">
        <v>0</v>
      </c>
      <c r="M178" s="11">
        <v>0</v>
      </c>
      <c r="N178" s="11"/>
      <c r="O178" s="11">
        <v>0</v>
      </c>
      <c r="P178" s="11">
        <v>0</v>
      </c>
    </row>
    <row r="179" spans="2:16" x14ac:dyDescent="0.25">
      <c r="B179" s="9" t="s">
        <v>41</v>
      </c>
      <c r="C179" s="11">
        <v>15701.72</v>
      </c>
      <c r="D179" s="11">
        <v>22182.83</v>
      </c>
      <c r="E179" s="11">
        <v>18111.78</v>
      </c>
      <c r="F179" s="11">
        <v>18545.669999999998</v>
      </c>
      <c r="G179" s="11">
        <v>18941.39</v>
      </c>
      <c r="H179" s="11">
        <v>17916.04</v>
      </c>
      <c r="I179" s="11">
        <v>18585.12</v>
      </c>
      <c r="J179" s="11">
        <v>17505.13</v>
      </c>
      <c r="K179" s="11">
        <v>15803.96</v>
      </c>
      <c r="L179" s="11">
        <v>16567.009999999998</v>
      </c>
      <c r="M179" s="11">
        <v>15836.35</v>
      </c>
      <c r="N179" s="11">
        <v>16510.490000000002</v>
      </c>
      <c r="O179" s="11">
        <v>212207.49</v>
      </c>
      <c r="P179" s="11">
        <v>212207.49</v>
      </c>
    </row>
    <row r="180" spans="2:16" x14ac:dyDescent="0.25">
      <c r="B180" s="9" t="s">
        <v>42</v>
      </c>
      <c r="C180" s="11">
        <v>460.77</v>
      </c>
      <c r="D180" s="11">
        <v>445.97</v>
      </c>
      <c r="E180" s="11">
        <v>482.86</v>
      </c>
      <c r="F180" s="11">
        <v>471.39</v>
      </c>
      <c r="G180" s="11">
        <v>487.73</v>
      </c>
      <c r="H180" s="11">
        <v>469.22</v>
      </c>
      <c r="I180" s="11">
        <v>486.14</v>
      </c>
      <c r="J180" s="11">
        <v>499.49</v>
      </c>
      <c r="K180" s="11">
        <v>503.51</v>
      </c>
      <c r="L180" s="11">
        <v>512.11</v>
      </c>
      <c r="M180" s="11">
        <v>499.86</v>
      </c>
      <c r="N180" s="11">
        <v>464.84</v>
      </c>
      <c r="O180" s="11">
        <v>5783.89</v>
      </c>
      <c r="P180" s="11">
        <v>5783.89</v>
      </c>
    </row>
    <row r="181" spans="2:16" x14ac:dyDescent="0.25">
      <c r="B181" s="9" t="s">
        <v>43</v>
      </c>
      <c r="C181" s="11">
        <v>2448.5300000000002</v>
      </c>
      <c r="D181" s="11">
        <v>1736.99</v>
      </c>
      <c r="E181" s="11">
        <v>1778.35</v>
      </c>
      <c r="F181" s="11">
        <v>1643.14</v>
      </c>
      <c r="G181" s="11">
        <v>2016.3</v>
      </c>
      <c r="H181" s="11">
        <v>1162.92</v>
      </c>
      <c r="I181" s="11">
        <v>1945.74</v>
      </c>
      <c r="J181" s="11">
        <v>1883.73</v>
      </c>
      <c r="K181" s="11">
        <v>1465.51</v>
      </c>
      <c r="L181" s="11">
        <v>2378.35</v>
      </c>
      <c r="M181" s="11">
        <v>1810.61</v>
      </c>
      <c r="N181" s="11">
        <v>1617.17</v>
      </c>
      <c r="O181" s="11">
        <v>21887.34</v>
      </c>
      <c r="P181" s="11">
        <v>21887.34</v>
      </c>
    </row>
    <row r="182" spans="2:16" x14ac:dyDescent="0.25">
      <c r="B182" s="9" t="s">
        <v>44</v>
      </c>
      <c r="C182" s="11"/>
      <c r="D182" s="11"/>
      <c r="E182" s="11"/>
      <c r="F182" s="11"/>
      <c r="G182" s="11"/>
      <c r="H182" s="11"/>
      <c r="I182" s="11"/>
      <c r="J182" s="11"/>
      <c r="K182" s="11"/>
      <c r="L182" s="11"/>
      <c r="M182" s="11"/>
      <c r="N182" s="11">
        <v>5253.03</v>
      </c>
      <c r="O182" s="11">
        <v>5253.03</v>
      </c>
      <c r="P182" s="11">
        <v>5253.03</v>
      </c>
    </row>
    <row r="183" spans="2:16" x14ac:dyDescent="0.25">
      <c r="B183" s="9" t="s">
        <v>45</v>
      </c>
      <c r="C183" s="11">
        <v>39648.949999999997</v>
      </c>
      <c r="D183" s="11">
        <v>37368.629999999997</v>
      </c>
      <c r="E183" s="11">
        <v>41928.58</v>
      </c>
      <c r="F183" s="11">
        <v>45082.41</v>
      </c>
      <c r="G183" s="11">
        <v>37039.33</v>
      </c>
      <c r="H183" s="11">
        <v>51640.12</v>
      </c>
      <c r="I183" s="11">
        <v>29154.080000000002</v>
      </c>
      <c r="J183" s="11">
        <v>51664.32</v>
      </c>
      <c r="K183" s="11">
        <v>15836.98</v>
      </c>
      <c r="L183" s="11">
        <v>47197.98</v>
      </c>
      <c r="M183" s="11">
        <v>49632.63</v>
      </c>
      <c r="N183" s="11">
        <v>37870.04</v>
      </c>
      <c r="O183" s="11">
        <v>484064.05</v>
      </c>
      <c r="P183" s="11">
        <v>484064.05</v>
      </c>
    </row>
    <row r="184" spans="2:16" x14ac:dyDescent="0.25">
      <c r="B184" s="9" t="s">
        <v>46</v>
      </c>
      <c r="C184" s="11">
        <v>15957.76</v>
      </c>
      <c r="D184" s="11">
        <v>16858.98</v>
      </c>
      <c r="E184" s="11">
        <v>16934.37</v>
      </c>
      <c r="F184" s="11">
        <v>16143.54</v>
      </c>
      <c r="G184" s="11">
        <v>15895.26</v>
      </c>
      <c r="H184" s="11">
        <v>19712.330000000002</v>
      </c>
      <c r="I184" s="11">
        <v>16618.939999999999</v>
      </c>
      <c r="J184" s="11">
        <v>13186.59</v>
      </c>
      <c r="K184" s="11">
        <v>14443.68</v>
      </c>
      <c r="L184" s="11">
        <v>15520.39</v>
      </c>
      <c r="M184" s="11">
        <v>13474.52</v>
      </c>
      <c r="N184" s="11">
        <v>15069.46</v>
      </c>
      <c r="O184" s="11">
        <v>189815.82</v>
      </c>
      <c r="P184" s="11">
        <v>189815.82</v>
      </c>
    </row>
    <row r="185" spans="2:16" x14ac:dyDescent="0.25">
      <c r="B185" s="9" t="s">
        <v>47</v>
      </c>
      <c r="C185" s="11">
        <v>198.01</v>
      </c>
      <c r="D185" s="11"/>
      <c r="E185" s="11"/>
      <c r="F185" s="11"/>
      <c r="G185" s="11"/>
      <c r="H185" s="11"/>
      <c r="I185" s="11"/>
      <c r="J185" s="11"/>
      <c r="K185" s="11">
        <v>550.07000000000005</v>
      </c>
      <c r="L185" s="11">
        <v>530.49</v>
      </c>
      <c r="M185" s="11"/>
      <c r="N185" s="11">
        <v>354.48</v>
      </c>
      <c r="O185" s="11">
        <v>1633.05</v>
      </c>
      <c r="P185" s="11">
        <v>1633.05</v>
      </c>
    </row>
    <row r="186" spans="2:16" x14ac:dyDescent="0.25">
      <c r="B186" s="9" t="s">
        <v>49</v>
      </c>
      <c r="C186" s="11"/>
      <c r="D186" s="11"/>
      <c r="E186" s="11">
        <v>9510.77</v>
      </c>
      <c r="F186" s="11">
        <v>1653.96</v>
      </c>
      <c r="G186" s="11">
        <v>3428.36</v>
      </c>
      <c r="H186" s="11">
        <v>17567.310000000001</v>
      </c>
      <c r="I186" s="11">
        <v>12011.13</v>
      </c>
      <c r="J186" s="11">
        <v>-21959.23</v>
      </c>
      <c r="K186" s="11">
        <v>3631.76</v>
      </c>
      <c r="L186" s="11">
        <v>288</v>
      </c>
      <c r="M186" s="11"/>
      <c r="N186" s="11">
        <v>1613.86</v>
      </c>
      <c r="O186" s="11">
        <v>27745.919999999998</v>
      </c>
      <c r="P186" s="11">
        <v>27745.919999999998</v>
      </c>
    </row>
    <row r="187" spans="2:16" x14ac:dyDescent="0.25">
      <c r="B187" s="9" t="s">
        <v>50</v>
      </c>
      <c r="C187" s="11">
        <v>9066.9699999999993</v>
      </c>
      <c r="D187" s="11">
        <v>9166.5499999999993</v>
      </c>
      <c r="E187" s="11">
        <v>10738.15</v>
      </c>
      <c r="F187" s="11">
        <v>8748.9599999999991</v>
      </c>
      <c r="G187" s="11">
        <v>9776.94</v>
      </c>
      <c r="H187" s="11">
        <v>8403.4</v>
      </c>
      <c r="I187" s="11">
        <v>9578.98</v>
      </c>
      <c r="J187" s="11">
        <v>9773.26</v>
      </c>
      <c r="K187" s="11">
        <v>10905.74</v>
      </c>
      <c r="L187" s="11">
        <v>9065.85</v>
      </c>
      <c r="M187" s="11">
        <v>8080.52</v>
      </c>
      <c r="N187" s="11">
        <v>7282.97</v>
      </c>
      <c r="O187" s="11">
        <v>110588.29</v>
      </c>
      <c r="P187" s="11">
        <v>110588.29</v>
      </c>
    </row>
    <row r="188" spans="2:16" x14ac:dyDescent="0.25">
      <c r="B188" s="9" t="s">
        <v>52</v>
      </c>
      <c r="C188" s="11">
        <v>22.46</v>
      </c>
      <c r="D188" s="11"/>
      <c r="E188" s="11">
        <v>11.33</v>
      </c>
      <c r="F188" s="11">
        <v>4.88</v>
      </c>
      <c r="G188" s="11">
        <v>17.63</v>
      </c>
      <c r="H188" s="11">
        <v>16.52</v>
      </c>
      <c r="I188" s="11"/>
      <c r="J188" s="11">
        <v>8.1</v>
      </c>
      <c r="K188" s="11">
        <v>8.2200000000000006</v>
      </c>
      <c r="L188" s="11">
        <v>12.43</v>
      </c>
      <c r="M188" s="11">
        <v>16.2</v>
      </c>
      <c r="N188" s="11"/>
      <c r="O188" s="11">
        <v>117.77</v>
      </c>
      <c r="P188" s="11">
        <v>117.77</v>
      </c>
    </row>
    <row r="189" spans="2:16" x14ac:dyDescent="0.25">
      <c r="B189" s="9" t="s">
        <v>53</v>
      </c>
      <c r="C189" s="11">
        <v>-392065.88</v>
      </c>
      <c r="D189" s="11">
        <v>619120.54</v>
      </c>
      <c r="E189" s="11">
        <v>-285145.46000000002</v>
      </c>
      <c r="F189" s="11">
        <v>60702.92</v>
      </c>
      <c r="G189" s="11">
        <v>216219.56</v>
      </c>
      <c r="H189" s="11">
        <v>198692.68</v>
      </c>
      <c r="I189" s="11">
        <v>1382255.35</v>
      </c>
      <c r="J189" s="11">
        <v>651394.26</v>
      </c>
      <c r="K189" s="11">
        <v>1353308.78</v>
      </c>
      <c r="L189" s="11">
        <v>719238.79</v>
      </c>
      <c r="M189" s="11">
        <v>491604.4</v>
      </c>
      <c r="N189" s="11">
        <v>77511.520000000004</v>
      </c>
      <c r="O189" s="11">
        <v>5092837.46</v>
      </c>
      <c r="P189" s="11">
        <v>5092837.46</v>
      </c>
    </row>
    <row r="190" spans="2:16" x14ac:dyDescent="0.25">
      <c r="B190" s="9" t="s">
        <v>55</v>
      </c>
      <c r="C190" s="11"/>
      <c r="D190" s="11"/>
      <c r="E190" s="11"/>
      <c r="F190" s="11">
        <v>2668</v>
      </c>
      <c r="G190" s="11"/>
      <c r="H190" s="11"/>
      <c r="I190" s="11"/>
      <c r="J190" s="11"/>
      <c r="K190" s="11"/>
      <c r="L190" s="11">
        <v>985</v>
      </c>
      <c r="M190" s="11"/>
      <c r="N190" s="11"/>
      <c r="O190" s="11">
        <v>3653</v>
      </c>
      <c r="P190" s="11">
        <v>3653</v>
      </c>
    </row>
    <row r="191" spans="2:16" x14ac:dyDescent="0.25">
      <c r="B191" s="9" t="s">
        <v>56</v>
      </c>
      <c r="C191" s="11">
        <v>292.17</v>
      </c>
      <c r="D191" s="11">
        <v>358.18</v>
      </c>
      <c r="E191" s="11">
        <v>385.74</v>
      </c>
      <c r="F191" s="11">
        <v>480.36</v>
      </c>
      <c r="G191" s="11">
        <v>413.16</v>
      </c>
      <c r="H191" s="11">
        <v>399.95</v>
      </c>
      <c r="I191" s="11">
        <v>381</v>
      </c>
      <c r="J191" s="11">
        <v>315.08999999999997</v>
      </c>
      <c r="K191" s="11">
        <v>332.58</v>
      </c>
      <c r="L191" s="11">
        <v>306.2</v>
      </c>
      <c r="M191" s="11">
        <v>291.89999999999998</v>
      </c>
      <c r="N191" s="11">
        <v>229.09</v>
      </c>
      <c r="O191" s="11">
        <v>4185.42</v>
      </c>
      <c r="P191" s="11">
        <v>4185.42</v>
      </c>
    </row>
    <row r="192" spans="2:16" x14ac:dyDescent="0.25">
      <c r="B192" s="9" t="s">
        <v>57</v>
      </c>
      <c r="C192" s="11">
        <v>7141.55</v>
      </c>
      <c r="D192" s="11">
        <v>7010.32</v>
      </c>
      <c r="E192" s="11">
        <v>7102.13</v>
      </c>
      <c r="F192" s="11">
        <v>7046.09</v>
      </c>
      <c r="G192" s="11">
        <v>7036.84</v>
      </c>
      <c r="H192" s="11">
        <v>-2347.5300000000002</v>
      </c>
      <c r="I192" s="11">
        <v>6290.09</v>
      </c>
      <c r="J192" s="11">
        <v>6065.55</v>
      </c>
      <c r="K192" s="11">
        <v>6006.7</v>
      </c>
      <c r="L192" s="11">
        <v>6126.58</v>
      </c>
      <c r="M192" s="11">
        <v>6305.15</v>
      </c>
      <c r="N192" s="11">
        <v>5853.98</v>
      </c>
      <c r="O192" s="11">
        <v>69637.45</v>
      </c>
      <c r="P192" s="11">
        <v>69637.45</v>
      </c>
    </row>
    <row r="193" spans="2:16" x14ac:dyDescent="0.25">
      <c r="B193" s="9" t="s">
        <v>58</v>
      </c>
      <c r="C193" s="11">
        <v>47053.440000000002</v>
      </c>
      <c r="D193" s="11">
        <v>32574.54</v>
      </c>
      <c r="E193" s="11">
        <v>32708.38</v>
      </c>
      <c r="F193" s="11">
        <v>32733.53</v>
      </c>
      <c r="G193" s="11">
        <v>32628.66</v>
      </c>
      <c r="H193" s="11">
        <v>-496.65</v>
      </c>
      <c r="I193" s="11">
        <v>29708.05</v>
      </c>
      <c r="J193" s="11">
        <v>28820.57</v>
      </c>
      <c r="K193" s="11">
        <v>28846.38</v>
      </c>
      <c r="L193" s="11">
        <v>29343.9</v>
      </c>
      <c r="M193" s="11">
        <v>29982.84</v>
      </c>
      <c r="N193" s="11">
        <v>28883.53</v>
      </c>
      <c r="O193" s="11">
        <v>352787.17</v>
      </c>
      <c r="P193" s="11">
        <v>352787.17</v>
      </c>
    </row>
    <row r="194" spans="2:16" x14ac:dyDescent="0.25">
      <c r="B194" s="9" t="s">
        <v>59</v>
      </c>
      <c r="C194" s="11">
        <v>4422.4399999999996</v>
      </c>
      <c r="D194" s="11">
        <v>4390.6400000000003</v>
      </c>
      <c r="E194" s="11">
        <v>4422.22</v>
      </c>
      <c r="F194" s="11">
        <v>4415.72</v>
      </c>
      <c r="G194" s="11">
        <v>4408.1000000000004</v>
      </c>
      <c r="H194" s="11">
        <v>-317.76</v>
      </c>
      <c r="I194" s="11">
        <v>3990.33</v>
      </c>
      <c r="J194" s="11">
        <v>3872.15</v>
      </c>
      <c r="K194" s="11">
        <v>3868.41</v>
      </c>
      <c r="L194" s="11">
        <v>3937.97</v>
      </c>
      <c r="M194" s="11">
        <v>4029.88</v>
      </c>
      <c r="N194" s="11">
        <v>3851.43</v>
      </c>
      <c r="O194" s="11">
        <v>45291.53</v>
      </c>
      <c r="P194" s="11">
        <v>45291.53</v>
      </c>
    </row>
    <row r="195" spans="2:16" x14ac:dyDescent="0.25">
      <c r="B195" s="9" t="s">
        <v>60</v>
      </c>
      <c r="C195" s="11">
        <v>65896.850000000006</v>
      </c>
      <c r="D195" s="11">
        <v>67182.2</v>
      </c>
      <c r="E195" s="11">
        <v>60851.24</v>
      </c>
      <c r="F195" s="11">
        <v>53693.11</v>
      </c>
      <c r="G195" s="11">
        <v>53363.839999999997</v>
      </c>
      <c r="H195" s="11">
        <v>73951.23</v>
      </c>
      <c r="I195" s="11">
        <v>77652.509999999995</v>
      </c>
      <c r="J195" s="11">
        <v>73664.800000000003</v>
      </c>
      <c r="K195" s="11">
        <v>70774.63</v>
      </c>
      <c r="L195" s="11">
        <v>55985.32</v>
      </c>
      <c r="M195" s="11">
        <v>55732.84</v>
      </c>
      <c r="N195" s="11">
        <v>66942.81</v>
      </c>
      <c r="O195" s="11">
        <v>775691.38</v>
      </c>
      <c r="P195" s="11">
        <v>775691.38</v>
      </c>
    </row>
    <row r="196" spans="2:16" x14ac:dyDescent="0.25">
      <c r="B196" s="9" t="s">
        <v>61</v>
      </c>
      <c r="C196" s="11">
        <v>177226.17</v>
      </c>
      <c r="D196" s="11">
        <v>177456.27</v>
      </c>
      <c r="E196" s="11">
        <v>260809.25</v>
      </c>
      <c r="F196" s="11">
        <v>177434.85</v>
      </c>
      <c r="G196" s="11">
        <v>178062.71</v>
      </c>
      <c r="H196" s="11">
        <v>178542.71</v>
      </c>
      <c r="I196" s="11">
        <v>179554.12</v>
      </c>
      <c r="J196" s="11">
        <v>179359.09</v>
      </c>
      <c r="K196" s="11">
        <v>179230.92</v>
      </c>
      <c r="L196" s="11">
        <v>179620.98</v>
      </c>
      <c r="M196" s="11">
        <v>179164.06</v>
      </c>
      <c r="N196" s="11">
        <v>177398.32</v>
      </c>
      <c r="O196" s="11">
        <v>2223859.4500000002</v>
      </c>
      <c r="P196" s="11">
        <v>2223859.4500000002</v>
      </c>
    </row>
    <row r="197" spans="2:16" x14ac:dyDescent="0.25">
      <c r="B197" s="9" t="s">
        <v>62</v>
      </c>
      <c r="C197" s="11">
        <v>9851.67</v>
      </c>
      <c r="D197" s="11">
        <v>5116.2700000000004</v>
      </c>
      <c r="E197" s="11">
        <v>16252.35</v>
      </c>
      <c r="F197" s="11">
        <v>2899.81</v>
      </c>
      <c r="G197" s="11">
        <v>2598.2199999999998</v>
      </c>
      <c r="H197" s="11">
        <v>4549.09</v>
      </c>
      <c r="I197" s="11">
        <v>9908.15</v>
      </c>
      <c r="J197" s="11">
        <v>4709.04</v>
      </c>
      <c r="K197" s="11">
        <v>3244.06</v>
      </c>
      <c r="L197" s="11">
        <v>5557.57</v>
      </c>
      <c r="M197" s="11">
        <v>4569.16</v>
      </c>
      <c r="N197" s="11">
        <v>5143.1099999999997</v>
      </c>
      <c r="O197" s="11">
        <v>74398.5</v>
      </c>
      <c r="P197" s="11">
        <v>74398.5</v>
      </c>
    </row>
    <row r="198" spans="2:16" x14ac:dyDescent="0.25">
      <c r="B198" s="9" t="s">
        <v>63</v>
      </c>
      <c r="C198" s="11">
        <v>376.94</v>
      </c>
      <c r="D198" s="11">
        <v>379.44</v>
      </c>
      <c r="E198" s="11">
        <v>221.12</v>
      </c>
      <c r="F198" s="11">
        <v>1219.5999999999999</v>
      </c>
      <c r="G198" s="11">
        <v>420.96</v>
      </c>
      <c r="H198" s="11">
        <v>444.09</v>
      </c>
      <c r="I198" s="11">
        <v>444.25</v>
      </c>
      <c r="J198" s="11">
        <v>451.37</v>
      </c>
      <c r="K198" s="11">
        <v>8026.41</v>
      </c>
      <c r="L198" s="11">
        <v>460.44</v>
      </c>
      <c r="M198" s="11">
        <v>827.4</v>
      </c>
      <c r="N198" s="11">
        <v>1154.24</v>
      </c>
      <c r="O198" s="11">
        <v>14426.26</v>
      </c>
      <c r="P198" s="11">
        <v>14426.26</v>
      </c>
    </row>
    <row r="199" spans="2:16" x14ac:dyDescent="0.25">
      <c r="B199" s="9" t="s">
        <v>64</v>
      </c>
      <c r="C199" s="11">
        <v>1699004.64</v>
      </c>
      <c r="D199" s="11">
        <v>1420807.19</v>
      </c>
      <c r="E199" s="11">
        <v>1767358.7</v>
      </c>
      <c r="F199" s="11">
        <v>1628737.9</v>
      </c>
      <c r="G199" s="11">
        <v>1355175.44</v>
      </c>
      <c r="H199" s="11">
        <v>1816278.48</v>
      </c>
      <c r="I199" s="11">
        <v>1642487.63</v>
      </c>
      <c r="J199" s="11">
        <v>1465918.81</v>
      </c>
      <c r="K199" s="11">
        <v>1566721.03</v>
      </c>
      <c r="L199" s="11">
        <v>1465918.82</v>
      </c>
      <c r="M199" s="11">
        <v>1743289.86</v>
      </c>
      <c r="N199" s="11">
        <v>1465918.86</v>
      </c>
      <c r="O199" s="11">
        <v>19037617.359999999</v>
      </c>
      <c r="P199" s="11">
        <v>19037617.359999999</v>
      </c>
    </row>
    <row r="200" spans="2:16" x14ac:dyDescent="0.25">
      <c r="B200" s="9" t="s">
        <v>65</v>
      </c>
      <c r="C200" s="11">
        <v>5688.03</v>
      </c>
      <c r="D200" s="11">
        <v>7003.7</v>
      </c>
      <c r="E200" s="11">
        <v>7876.15</v>
      </c>
      <c r="F200" s="11">
        <v>7112.78</v>
      </c>
      <c r="G200" s="11">
        <v>6986.44</v>
      </c>
      <c r="H200" s="11">
        <v>8915.4699999999993</v>
      </c>
      <c r="I200" s="11">
        <v>5551.92</v>
      </c>
      <c r="J200" s="11">
        <v>6255.05</v>
      </c>
      <c r="K200" s="11">
        <v>9948.31</v>
      </c>
      <c r="L200" s="11">
        <v>10755.53</v>
      </c>
      <c r="M200" s="11">
        <v>6597.89</v>
      </c>
      <c r="N200" s="11">
        <v>6770.84</v>
      </c>
      <c r="O200" s="11">
        <v>89462.11</v>
      </c>
      <c r="P200" s="11">
        <v>89462.11</v>
      </c>
    </row>
    <row r="201" spans="2:16" x14ac:dyDescent="0.25">
      <c r="B201" s="9" t="s">
        <v>66</v>
      </c>
      <c r="C201" s="11">
        <v>781.3</v>
      </c>
      <c r="D201" s="11">
        <v>1838.52</v>
      </c>
      <c r="E201" s="11">
        <v>2074.06</v>
      </c>
      <c r="F201" s="11">
        <v>1150.74</v>
      </c>
      <c r="G201" s="11">
        <v>1149.52</v>
      </c>
      <c r="H201" s="11">
        <v>1094.73</v>
      </c>
      <c r="I201" s="11">
        <v>923.82</v>
      </c>
      <c r="J201" s="11">
        <v>870.11</v>
      </c>
      <c r="K201" s="11">
        <v>727.32</v>
      </c>
      <c r="L201" s="11">
        <v>664.37</v>
      </c>
      <c r="M201" s="11">
        <v>539.11</v>
      </c>
      <c r="N201" s="11">
        <v>556.19000000000005</v>
      </c>
      <c r="O201" s="11">
        <v>12369.79</v>
      </c>
      <c r="P201" s="11">
        <v>12369.79</v>
      </c>
    </row>
    <row r="202" spans="2:16" x14ac:dyDescent="0.25">
      <c r="B202" s="9" t="s">
        <v>67</v>
      </c>
      <c r="C202" s="11">
        <v>1237.8699999999999</v>
      </c>
      <c r="D202" s="11">
        <v>2032.01</v>
      </c>
      <c r="E202" s="11">
        <v>555.17999999999995</v>
      </c>
      <c r="F202" s="11">
        <v>1669.52</v>
      </c>
      <c r="G202" s="11">
        <v>2791.15</v>
      </c>
      <c r="H202" s="11">
        <v>2049.65</v>
      </c>
      <c r="I202" s="11">
        <v>3808.86</v>
      </c>
      <c r="J202" s="11">
        <v>4544.18</v>
      </c>
      <c r="K202" s="11">
        <v>2277.81</v>
      </c>
      <c r="L202" s="11">
        <v>745.92</v>
      </c>
      <c r="M202" s="11">
        <v>940.45</v>
      </c>
      <c r="N202" s="11">
        <v>331.73</v>
      </c>
      <c r="O202" s="11">
        <v>22984.33</v>
      </c>
      <c r="P202" s="11">
        <v>22984.33</v>
      </c>
    </row>
    <row r="203" spans="2:16" x14ac:dyDescent="0.25">
      <c r="B203" s="9" t="s">
        <v>68</v>
      </c>
      <c r="C203" s="11"/>
      <c r="D203" s="11"/>
      <c r="E203" s="11"/>
      <c r="F203" s="11"/>
      <c r="G203" s="11"/>
      <c r="H203" s="11">
        <v>21</v>
      </c>
      <c r="I203" s="11"/>
      <c r="J203" s="11"/>
      <c r="K203" s="11"/>
      <c r="L203" s="11"/>
      <c r="M203" s="11"/>
      <c r="N203" s="11">
        <v>21</v>
      </c>
      <c r="O203" s="11">
        <v>42</v>
      </c>
      <c r="P203" s="11">
        <v>42</v>
      </c>
    </row>
    <row r="204" spans="2:16" x14ac:dyDescent="0.25">
      <c r="B204" s="9" t="s">
        <v>69</v>
      </c>
      <c r="C204" s="11">
        <v>9971.9599999999991</v>
      </c>
      <c r="D204" s="11">
        <v>6840.17</v>
      </c>
      <c r="E204" s="11">
        <v>12238.75</v>
      </c>
      <c r="F204" s="11">
        <v>9263.73</v>
      </c>
      <c r="G204" s="11">
        <v>6570.18</v>
      </c>
      <c r="H204" s="11">
        <v>7145.08</v>
      </c>
      <c r="I204" s="11">
        <v>5479.73</v>
      </c>
      <c r="J204" s="11">
        <v>5497.03</v>
      </c>
      <c r="K204" s="11">
        <v>5869.74</v>
      </c>
      <c r="L204" s="11">
        <v>6141.58</v>
      </c>
      <c r="M204" s="11">
        <v>5227.6099999999997</v>
      </c>
      <c r="N204" s="11">
        <v>8821.18</v>
      </c>
      <c r="O204" s="11">
        <v>89066.74</v>
      </c>
      <c r="P204" s="11">
        <v>89066.74</v>
      </c>
    </row>
    <row r="205" spans="2:16" x14ac:dyDescent="0.25">
      <c r="B205" s="9" t="s">
        <v>70</v>
      </c>
      <c r="C205" s="11">
        <v>3113.99</v>
      </c>
      <c r="D205" s="11">
        <v>3230.74</v>
      </c>
      <c r="E205" s="11">
        <v>1408.36</v>
      </c>
      <c r="F205" s="11">
        <v>1813.3</v>
      </c>
      <c r="G205" s="11">
        <v>6770.27</v>
      </c>
      <c r="H205" s="11">
        <v>4153.3999999999996</v>
      </c>
      <c r="I205" s="11">
        <v>1444.97</v>
      </c>
      <c r="J205" s="11">
        <v>3935.66</v>
      </c>
      <c r="K205" s="11">
        <v>9065.44</v>
      </c>
      <c r="L205" s="11">
        <v>3990.22</v>
      </c>
      <c r="M205" s="11">
        <v>9866.5400000000009</v>
      </c>
      <c r="N205" s="11"/>
      <c r="O205" s="11">
        <v>48792.89</v>
      </c>
      <c r="P205" s="11">
        <v>48792.89</v>
      </c>
    </row>
    <row r="206" spans="2:16" x14ac:dyDescent="0.25">
      <c r="B206" s="9" t="s">
        <v>71</v>
      </c>
      <c r="C206" s="11">
        <v>30797.61</v>
      </c>
      <c r="D206" s="11">
        <v>3699.88</v>
      </c>
      <c r="E206" s="11">
        <v>1507.6</v>
      </c>
      <c r="F206" s="11">
        <v>1558.08</v>
      </c>
      <c r="G206" s="11">
        <v>2200.7399999999998</v>
      </c>
      <c r="H206" s="11">
        <v>5948.32</v>
      </c>
      <c r="I206" s="11">
        <v>6309.56</v>
      </c>
      <c r="J206" s="11">
        <v>424.05</v>
      </c>
      <c r="K206" s="11">
        <v>570.79999999999995</v>
      </c>
      <c r="L206" s="11">
        <v>2366.7399999999998</v>
      </c>
      <c r="M206" s="11">
        <v>7627.98</v>
      </c>
      <c r="N206" s="11">
        <v>3466.55</v>
      </c>
      <c r="O206" s="11">
        <v>66477.91</v>
      </c>
      <c r="P206" s="11">
        <v>66477.91</v>
      </c>
    </row>
    <row r="207" spans="2:16" x14ac:dyDescent="0.25">
      <c r="B207" s="9" t="s">
        <v>72</v>
      </c>
      <c r="C207" s="11">
        <v>51951.76</v>
      </c>
      <c r="D207" s="11">
        <v>-32871.69</v>
      </c>
      <c r="E207" s="11">
        <v>10616.6</v>
      </c>
      <c r="F207" s="11">
        <v>-1373.75</v>
      </c>
      <c r="G207" s="11">
        <v>6008.92</v>
      </c>
      <c r="H207" s="11">
        <v>4700.9799999999996</v>
      </c>
      <c r="I207" s="11">
        <v>22188.22</v>
      </c>
      <c r="J207" s="11">
        <v>4258.3100000000004</v>
      </c>
      <c r="K207" s="11">
        <v>3768.71</v>
      </c>
      <c r="L207" s="11">
        <v>25126.34</v>
      </c>
      <c r="M207" s="11">
        <v>12335.07</v>
      </c>
      <c r="N207" s="11">
        <v>3870.99</v>
      </c>
      <c r="O207" s="11">
        <v>110580.46</v>
      </c>
      <c r="P207" s="11">
        <v>110580.46</v>
      </c>
    </row>
    <row r="208" spans="2:16" x14ac:dyDescent="0.25">
      <c r="B208" s="9" t="s">
        <v>73</v>
      </c>
      <c r="C208" s="11">
        <v>182959.86</v>
      </c>
      <c r="D208" s="11">
        <v>178910.83</v>
      </c>
      <c r="E208" s="11">
        <v>166713.17000000001</v>
      </c>
      <c r="F208" s="11">
        <v>143867.16</v>
      </c>
      <c r="G208" s="11">
        <v>127423.05</v>
      </c>
      <c r="H208" s="11">
        <v>186065.79</v>
      </c>
      <c r="I208" s="11">
        <v>198810.97</v>
      </c>
      <c r="J208" s="11">
        <v>186701.1</v>
      </c>
      <c r="K208" s="11">
        <v>168253.81</v>
      </c>
      <c r="L208" s="11">
        <v>133875.9</v>
      </c>
      <c r="M208" s="11">
        <v>106670.64</v>
      </c>
      <c r="N208" s="11">
        <v>142466.66</v>
      </c>
      <c r="O208" s="11">
        <v>1922718.94</v>
      </c>
      <c r="P208" s="11">
        <v>1922718.94</v>
      </c>
    </row>
    <row r="209" spans="2:16" x14ac:dyDescent="0.25">
      <c r="B209" s="9" t="s">
        <v>74</v>
      </c>
      <c r="C209" s="11">
        <v>2049.83</v>
      </c>
      <c r="D209" s="11">
        <v>2181.4299999999998</v>
      </c>
      <c r="E209" s="11">
        <v>2885.66</v>
      </c>
      <c r="F209" s="11">
        <v>2612.83</v>
      </c>
      <c r="G209" s="11">
        <v>3923.93</v>
      </c>
      <c r="H209" s="11">
        <v>2566.2399999999998</v>
      </c>
      <c r="I209" s="11">
        <v>2071.41</v>
      </c>
      <c r="J209" s="11">
        <v>2394.0700000000002</v>
      </c>
      <c r="K209" s="11">
        <v>2058.06</v>
      </c>
      <c r="L209" s="11">
        <v>2113.5100000000002</v>
      </c>
      <c r="M209" s="11">
        <v>1696.13</v>
      </c>
      <c r="N209" s="11">
        <v>1382.31</v>
      </c>
      <c r="O209" s="11">
        <v>27935.41</v>
      </c>
      <c r="P209" s="11">
        <v>27935.41</v>
      </c>
    </row>
    <row r="210" spans="2:16" x14ac:dyDescent="0.25">
      <c r="B210" s="9" t="s">
        <v>75</v>
      </c>
      <c r="C210" s="11">
        <v>25015.29</v>
      </c>
      <c r="D210" s="11">
        <v>24727.91</v>
      </c>
      <c r="E210" s="11">
        <v>24907.08</v>
      </c>
      <c r="F210" s="11">
        <v>25629.43</v>
      </c>
      <c r="G210" s="11">
        <v>49389.08</v>
      </c>
      <c r="H210" s="11">
        <v>25959.06</v>
      </c>
      <c r="I210" s="11">
        <v>34323.120000000003</v>
      </c>
      <c r="J210" s="11">
        <v>24311.78</v>
      </c>
      <c r="K210" s="11">
        <v>44496.6</v>
      </c>
      <c r="L210" s="11">
        <v>27248.39</v>
      </c>
      <c r="M210" s="11">
        <v>24903.75</v>
      </c>
      <c r="N210" s="11">
        <v>42720.82</v>
      </c>
      <c r="O210" s="11">
        <v>373632.31</v>
      </c>
      <c r="P210" s="11">
        <v>373632.31</v>
      </c>
    </row>
    <row r="211" spans="2:16" x14ac:dyDescent="0.25">
      <c r="B211" s="9" t="s">
        <v>76</v>
      </c>
      <c r="C211" s="11">
        <v>11193.95</v>
      </c>
      <c r="D211" s="11">
        <v>3833.7</v>
      </c>
      <c r="E211" s="11">
        <v>4268.7700000000004</v>
      </c>
      <c r="F211" s="11">
        <v>482.38</v>
      </c>
      <c r="G211" s="11">
        <v>5371.15</v>
      </c>
      <c r="H211" s="11">
        <v>13724.71</v>
      </c>
      <c r="I211" s="11">
        <v>10571.2</v>
      </c>
      <c r="J211" s="11">
        <v>8481.0499999999993</v>
      </c>
      <c r="K211" s="11">
        <v>1533.02</v>
      </c>
      <c r="L211" s="11">
        <v>2930.6</v>
      </c>
      <c r="M211" s="11">
        <v>1366.29</v>
      </c>
      <c r="N211" s="11">
        <v>6482.78</v>
      </c>
      <c r="O211" s="11">
        <v>70239.600000000006</v>
      </c>
      <c r="P211" s="11">
        <v>70239.600000000006</v>
      </c>
    </row>
    <row r="212" spans="2:16" x14ac:dyDescent="0.25">
      <c r="B212" s="9" t="s">
        <v>77</v>
      </c>
      <c r="C212" s="11"/>
      <c r="D212" s="11"/>
      <c r="E212" s="11"/>
      <c r="F212" s="11"/>
      <c r="G212" s="11"/>
      <c r="H212" s="11"/>
      <c r="I212" s="11">
        <v>67.8</v>
      </c>
      <c r="J212" s="11"/>
      <c r="K212" s="11"/>
      <c r="L212" s="11"/>
      <c r="M212" s="11"/>
      <c r="N212" s="11"/>
      <c r="O212" s="11">
        <v>67.8</v>
      </c>
      <c r="P212" s="11">
        <v>67.8</v>
      </c>
    </row>
    <row r="213" spans="2:16" x14ac:dyDescent="0.25">
      <c r="B213" s="9" t="s">
        <v>78</v>
      </c>
      <c r="C213" s="11">
        <v>2999.05</v>
      </c>
      <c r="D213" s="11">
        <v>3051.12</v>
      </c>
      <c r="E213" s="11">
        <v>3084.69</v>
      </c>
      <c r="F213" s="11">
        <v>2930.91</v>
      </c>
      <c r="G213" s="11">
        <v>2919.99</v>
      </c>
      <c r="H213" s="11">
        <v>3012.77</v>
      </c>
      <c r="I213" s="11">
        <v>3995.78</v>
      </c>
      <c r="J213" s="11">
        <v>2956.21</v>
      </c>
      <c r="K213" s="11">
        <v>3094.44</v>
      </c>
      <c r="L213" s="11">
        <v>3043.3</v>
      </c>
      <c r="M213" s="11">
        <v>3186.4</v>
      </c>
      <c r="N213" s="11">
        <v>3809.54</v>
      </c>
      <c r="O213" s="11">
        <v>38084.199999999997</v>
      </c>
      <c r="P213" s="11">
        <v>38084.199999999997</v>
      </c>
    </row>
    <row r="214" spans="2:16" x14ac:dyDescent="0.25">
      <c r="B214" s="9" t="s">
        <v>79</v>
      </c>
      <c r="C214" s="11">
        <v>-6955</v>
      </c>
      <c r="D214" s="11"/>
      <c r="E214" s="11"/>
      <c r="F214" s="11"/>
      <c r="G214" s="11"/>
      <c r="H214" s="11"/>
      <c r="I214" s="11"/>
      <c r="J214" s="11"/>
      <c r="K214" s="11"/>
      <c r="L214" s="11"/>
      <c r="M214" s="11"/>
      <c r="N214" s="11"/>
      <c r="O214" s="11">
        <v>-6955</v>
      </c>
      <c r="P214" s="11">
        <v>-6955</v>
      </c>
    </row>
    <row r="215" spans="2:16" x14ac:dyDescent="0.25">
      <c r="B215" s="9" t="s">
        <v>80</v>
      </c>
      <c r="C215" s="11"/>
      <c r="D215" s="11"/>
      <c r="E215" s="11"/>
      <c r="F215" s="11"/>
      <c r="G215" s="11"/>
      <c r="H215" s="11"/>
      <c r="I215" s="11"/>
      <c r="J215" s="11"/>
      <c r="K215" s="11"/>
      <c r="L215" s="11"/>
      <c r="M215" s="11"/>
      <c r="N215" s="11">
        <v>93.42</v>
      </c>
      <c r="O215" s="11">
        <v>93.42</v>
      </c>
      <c r="P215" s="11">
        <v>93.42</v>
      </c>
    </row>
    <row r="216" spans="2:16" x14ac:dyDescent="0.25">
      <c r="B216" s="9" t="s">
        <v>81</v>
      </c>
      <c r="C216" s="11"/>
      <c r="D216" s="11"/>
      <c r="E216" s="11"/>
      <c r="F216" s="11">
        <v>1544.19</v>
      </c>
      <c r="G216" s="11"/>
      <c r="H216" s="11">
        <v>180.63</v>
      </c>
      <c r="I216" s="11">
        <v>730.44</v>
      </c>
      <c r="J216" s="11">
        <v>337.96</v>
      </c>
      <c r="K216" s="11"/>
      <c r="L216" s="11">
        <v>325.39</v>
      </c>
      <c r="M216" s="11"/>
      <c r="N216" s="11">
        <v>46.71</v>
      </c>
      <c r="O216" s="11">
        <v>3165.32</v>
      </c>
      <c r="P216" s="11">
        <v>3165.32</v>
      </c>
    </row>
    <row r="217" spans="2:16" x14ac:dyDescent="0.25">
      <c r="B217" s="9" t="s">
        <v>82</v>
      </c>
      <c r="C217" s="11">
        <v>53929.760000000002</v>
      </c>
      <c r="D217" s="11">
        <v>40475.24</v>
      </c>
      <c r="E217" s="11">
        <v>42111.76</v>
      </c>
      <c r="F217" s="11">
        <v>42427.31</v>
      </c>
      <c r="G217" s="11">
        <v>41379.19</v>
      </c>
      <c r="H217" s="11">
        <v>49088.07</v>
      </c>
      <c r="I217" s="11">
        <v>42524.480000000003</v>
      </c>
      <c r="J217" s="11">
        <v>44273.247000000003</v>
      </c>
      <c r="K217" s="11">
        <v>46904.82</v>
      </c>
      <c r="L217" s="11">
        <v>40955.99</v>
      </c>
      <c r="M217" s="11">
        <v>47377.83</v>
      </c>
      <c r="N217" s="11">
        <v>6263.39</v>
      </c>
      <c r="O217" s="11">
        <v>497711.087</v>
      </c>
      <c r="P217" s="11">
        <v>497711.087</v>
      </c>
    </row>
    <row r="218" spans="2:16" x14ac:dyDescent="0.25">
      <c r="B218" s="9" t="s">
        <v>84</v>
      </c>
      <c r="C218" s="11">
        <v>5776.14</v>
      </c>
      <c r="D218" s="11">
        <v>2850.65</v>
      </c>
      <c r="E218" s="11">
        <v>3367.7</v>
      </c>
      <c r="F218" s="11">
        <v>5206.16</v>
      </c>
      <c r="G218" s="11">
        <v>4897.08</v>
      </c>
      <c r="H218" s="11">
        <v>4778.71</v>
      </c>
      <c r="I218" s="11">
        <v>5392.77</v>
      </c>
      <c r="J218" s="11">
        <v>5033.8599999999997</v>
      </c>
      <c r="K218" s="11">
        <v>3757.43</v>
      </c>
      <c r="L218" s="11">
        <v>3476.03</v>
      </c>
      <c r="M218" s="11">
        <v>5286.01</v>
      </c>
      <c r="N218" s="11">
        <v>8999.4500000000007</v>
      </c>
      <c r="O218" s="11">
        <v>58821.99</v>
      </c>
      <c r="P218" s="11">
        <v>58821.99</v>
      </c>
    </row>
    <row r="219" spans="2:16" x14ac:dyDescent="0.25">
      <c r="B219" s="9" t="s">
        <v>187</v>
      </c>
      <c r="C219" s="11">
        <v>696.27</v>
      </c>
      <c r="D219" s="11">
        <v>1860.03</v>
      </c>
      <c r="E219" s="11"/>
      <c r="F219" s="11"/>
      <c r="G219" s="11"/>
      <c r="H219" s="11">
        <v>65.06</v>
      </c>
      <c r="I219" s="11"/>
      <c r="J219" s="11"/>
      <c r="K219" s="11"/>
      <c r="L219" s="11"/>
      <c r="M219" s="11"/>
      <c r="N219" s="11"/>
      <c r="O219" s="11">
        <v>2621.36</v>
      </c>
      <c r="P219" s="11">
        <v>2621.36</v>
      </c>
    </row>
    <row r="220" spans="2:16" x14ac:dyDescent="0.25">
      <c r="B220" s="9" t="s">
        <v>85</v>
      </c>
      <c r="C220" s="11">
        <v>3399.01</v>
      </c>
      <c r="D220" s="11">
        <v>6840.8</v>
      </c>
      <c r="E220" s="11">
        <v>2032.61</v>
      </c>
      <c r="F220" s="11">
        <v>1753.42</v>
      </c>
      <c r="G220" s="11">
        <v>6132.1</v>
      </c>
      <c r="H220" s="11">
        <v>10540.94</v>
      </c>
      <c r="I220" s="11">
        <v>14362.32</v>
      </c>
      <c r="J220" s="11">
        <v>20463.98</v>
      </c>
      <c r="K220" s="11">
        <v>1994.56</v>
      </c>
      <c r="L220" s="11">
        <v>7272.18</v>
      </c>
      <c r="M220" s="11">
        <v>4879.38</v>
      </c>
      <c r="N220" s="11">
        <v>3090.12</v>
      </c>
      <c r="O220" s="11">
        <v>82761.42</v>
      </c>
      <c r="P220" s="11">
        <v>82761.42</v>
      </c>
    </row>
    <row r="221" spans="2:16" x14ac:dyDescent="0.25">
      <c r="B221" s="9" t="s">
        <v>86</v>
      </c>
      <c r="C221" s="11">
        <v>13677.17</v>
      </c>
      <c r="D221" s="11">
        <v>18310.54</v>
      </c>
      <c r="E221" s="11">
        <v>7902.8</v>
      </c>
      <c r="F221" s="11">
        <v>5445.14</v>
      </c>
      <c r="G221" s="11">
        <v>15717.6</v>
      </c>
      <c r="H221" s="11">
        <v>15043.1</v>
      </c>
      <c r="I221" s="11">
        <v>17137.48</v>
      </c>
      <c r="J221" s="11">
        <v>11224.84</v>
      </c>
      <c r="K221" s="11">
        <v>11018.13</v>
      </c>
      <c r="L221" s="11">
        <v>9738.31</v>
      </c>
      <c r="M221" s="11">
        <v>12668.08</v>
      </c>
      <c r="N221" s="11">
        <v>17503.16</v>
      </c>
      <c r="O221" s="11">
        <v>155386.35</v>
      </c>
      <c r="P221" s="11">
        <v>155386.35</v>
      </c>
    </row>
    <row r="222" spans="2:16" x14ac:dyDescent="0.25">
      <c r="B222" s="9" t="s">
        <v>87</v>
      </c>
      <c r="C222" s="11">
        <v>23586.03</v>
      </c>
      <c r="D222" s="11">
        <v>5405.61</v>
      </c>
      <c r="E222" s="11">
        <v>14133.14</v>
      </c>
      <c r="F222" s="11">
        <v>23412.12</v>
      </c>
      <c r="G222" s="11">
        <v>22555.99</v>
      </c>
      <c r="H222" s="11">
        <v>27156.799999999999</v>
      </c>
      <c r="I222" s="11">
        <v>34102.61</v>
      </c>
      <c r="J222" s="11">
        <v>32592.23</v>
      </c>
      <c r="K222" s="11">
        <v>17759.93</v>
      </c>
      <c r="L222" s="11">
        <v>11197.76</v>
      </c>
      <c r="M222" s="11">
        <v>-11860.92</v>
      </c>
      <c r="N222" s="11">
        <v>14400.06</v>
      </c>
      <c r="O222" s="11">
        <v>214441.36</v>
      </c>
      <c r="P222" s="11">
        <v>214441.36</v>
      </c>
    </row>
    <row r="223" spans="2:16" x14ac:dyDescent="0.25">
      <c r="B223" s="9" t="s">
        <v>88</v>
      </c>
      <c r="C223" s="11">
        <v>7.42</v>
      </c>
      <c r="D223" s="11">
        <v>10.15</v>
      </c>
      <c r="E223" s="11">
        <v>15.1</v>
      </c>
      <c r="F223" s="11">
        <v>14.7</v>
      </c>
      <c r="G223" s="11">
        <v>6.24</v>
      </c>
      <c r="H223" s="11">
        <v>801.23</v>
      </c>
      <c r="I223" s="11">
        <v>691.34</v>
      </c>
      <c r="J223" s="11">
        <v>5830.96</v>
      </c>
      <c r="K223" s="11">
        <v>6596.14</v>
      </c>
      <c r="L223" s="11">
        <v>6430.32</v>
      </c>
      <c r="M223" s="11">
        <v>6833.27</v>
      </c>
      <c r="N223" s="11">
        <v>5841.74</v>
      </c>
      <c r="O223" s="11">
        <v>33078.61</v>
      </c>
      <c r="P223" s="11">
        <v>33078.61</v>
      </c>
    </row>
    <row r="224" spans="2:16" x14ac:dyDescent="0.25">
      <c r="B224" s="9" t="s">
        <v>89</v>
      </c>
      <c r="C224" s="11">
        <v>6379.63</v>
      </c>
      <c r="D224" s="11">
        <v>2023.42</v>
      </c>
      <c r="E224" s="11">
        <v>2978.69</v>
      </c>
      <c r="F224" s="11">
        <v>1181.71</v>
      </c>
      <c r="G224" s="11">
        <v>13497.6</v>
      </c>
      <c r="H224" s="11">
        <v>6029.38</v>
      </c>
      <c r="I224" s="11">
        <v>5362.59</v>
      </c>
      <c r="J224" s="11"/>
      <c r="K224" s="11">
        <v>1126.3699999999999</v>
      </c>
      <c r="L224" s="11"/>
      <c r="M224" s="11">
        <v>2988.61</v>
      </c>
      <c r="N224" s="11">
        <v>3740.11</v>
      </c>
      <c r="O224" s="11">
        <v>45308.11</v>
      </c>
      <c r="P224" s="11">
        <v>45308.11</v>
      </c>
    </row>
    <row r="225" spans="2:16" x14ac:dyDescent="0.25">
      <c r="B225" s="9" t="s">
        <v>90</v>
      </c>
      <c r="C225" s="11">
        <v>1338</v>
      </c>
      <c r="D225" s="11">
        <v>1413.4</v>
      </c>
      <c r="E225" s="11">
        <v>1376.95</v>
      </c>
      <c r="F225" s="11">
        <v>1451.61</v>
      </c>
      <c r="G225" s="11">
        <v>1462.41</v>
      </c>
      <c r="H225" s="11">
        <v>1390.5</v>
      </c>
      <c r="I225" s="11">
        <v>1245.3699999999999</v>
      </c>
      <c r="J225" s="11">
        <v>1489.61</v>
      </c>
      <c r="K225" s="11">
        <v>1445.08</v>
      </c>
      <c r="L225" s="11">
        <v>1266.68</v>
      </c>
      <c r="M225" s="11">
        <v>1485.34</v>
      </c>
      <c r="N225" s="11">
        <v>1416.9</v>
      </c>
      <c r="O225" s="11">
        <v>16781.849999999999</v>
      </c>
      <c r="P225" s="11">
        <v>16781.849999999999</v>
      </c>
    </row>
    <row r="226" spans="2:16" x14ac:dyDescent="0.25">
      <c r="B226" s="9" t="s">
        <v>91</v>
      </c>
      <c r="C226" s="11"/>
      <c r="D226" s="11">
        <v>300</v>
      </c>
      <c r="E226" s="11"/>
      <c r="F226" s="11"/>
      <c r="G226" s="11"/>
      <c r="H226" s="11"/>
      <c r="I226" s="11"/>
      <c r="J226" s="11"/>
      <c r="K226" s="11"/>
      <c r="L226" s="11">
        <v>-1186.8699999999999</v>
      </c>
      <c r="M226" s="11"/>
      <c r="N226" s="11"/>
      <c r="O226" s="11">
        <v>-886.87</v>
      </c>
      <c r="P226" s="11">
        <v>-886.87</v>
      </c>
    </row>
    <row r="227" spans="2:16" x14ac:dyDescent="0.25">
      <c r="B227" s="9" t="s">
        <v>92</v>
      </c>
      <c r="C227" s="11">
        <v>3513.88</v>
      </c>
      <c r="D227" s="11">
        <v>3886.35</v>
      </c>
      <c r="E227" s="11">
        <v>2430.0500000000002</v>
      </c>
      <c r="F227" s="11">
        <v>1885.02</v>
      </c>
      <c r="G227" s="11">
        <v>1023.56</v>
      </c>
      <c r="H227" s="11">
        <v>1268.43</v>
      </c>
      <c r="I227" s="11">
        <v>799.01</v>
      </c>
      <c r="J227" s="11">
        <v>591.02</v>
      </c>
      <c r="K227" s="11">
        <v>1997.34</v>
      </c>
      <c r="L227" s="11">
        <v>4407.2</v>
      </c>
      <c r="M227" s="11">
        <v>3143.75</v>
      </c>
      <c r="N227" s="11">
        <v>4233.7299999999996</v>
      </c>
      <c r="O227" s="11">
        <v>29179.34</v>
      </c>
      <c r="P227" s="11">
        <v>29179.34</v>
      </c>
    </row>
    <row r="228" spans="2:16" x14ac:dyDescent="0.25">
      <c r="B228" s="9" t="s">
        <v>95</v>
      </c>
      <c r="C228" s="11">
        <v>105.67</v>
      </c>
      <c r="D228" s="11">
        <v>92.78</v>
      </c>
      <c r="E228" s="11">
        <v>126.65</v>
      </c>
      <c r="F228" s="11">
        <v>117.62</v>
      </c>
      <c r="G228" s="11">
        <v>140.03</v>
      </c>
      <c r="H228" s="11">
        <v>139.54</v>
      </c>
      <c r="I228" s="11">
        <v>143.32</v>
      </c>
      <c r="J228" s="11">
        <v>138.4</v>
      </c>
      <c r="K228" s="11">
        <v>136.15</v>
      </c>
      <c r="L228" s="11">
        <v>139.78</v>
      </c>
      <c r="M228" s="11">
        <v>137.5</v>
      </c>
      <c r="N228" s="11">
        <v>141.01</v>
      </c>
      <c r="O228" s="11">
        <v>1558.45</v>
      </c>
      <c r="P228" s="11">
        <v>1558.45</v>
      </c>
    </row>
    <row r="229" spans="2:16" x14ac:dyDescent="0.25">
      <c r="B229" s="9" t="s">
        <v>96</v>
      </c>
      <c r="C229" s="11"/>
      <c r="D229" s="11"/>
      <c r="E229" s="11"/>
      <c r="F229" s="11"/>
      <c r="G229" s="11"/>
      <c r="H229" s="11"/>
      <c r="I229" s="11">
        <v>50.33</v>
      </c>
      <c r="J229" s="11"/>
      <c r="K229" s="11"/>
      <c r="L229" s="11"/>
      <c r="M229" s="11"/>
      <c r="N229" s="11"/>
      <c r="O229" s="11">
        <v>50.33</v>
      </c>
      <c r="P229" s="11">
        <v>50.33</v>
      </c>
    </row>
    <row r="230" spans="2:16" x14ac:dyDescent="0.25">
      <c r="B230" s="9" t="s">
        <v>97</v>
      </c>
      <c r="C230" s="11">
        <v>201255.15</v>
      </c>
      <c r="D230" s="11">
        <v>173161.60000000001</v>
      </c>
      <c r="E230" s="11">
        <v>376808.81</v>
      </c>
      <c r="F230" s="11">
        <v>29830.78</v>
      </c>
      <c r="G230" s="11">
        <v>185138.47</v>
      </c>
      <c r="H230" s="11">
        <v>181039.05</v>
      </c>
      <c r="I230" s="11">
        <v>274676.03000000003</v>
      </c>
      <c r="J230" s="11">
        <v>313858.58</v>
      </c>
      <c r="K230" s="11">
        <v>222680.67600000001</v>
      </c>
      <c r="L230" s="11">
        <v>426974.15</v>
      </c>
      <c r="M230" s="11">
        <v>267733.31</v>
      </c>
      <c r="N230" s="11">
        <v>399804.76</v>
      </c>
      <c r="O230" s="11">
        <v>3052961.3659999999</v>
      </c>
      <c r="P230" s="11">
        <v>3052961.3659999999</v>
      </c>
    </row>
    <row r="231" spans="2:16" x14ac:dyDescent="0.25">
      <c r="B231" s="9" t="s">
        <v>98</v>
      </c>
      <c r="C231" s="11">
        <v>7465.35</v>
      </c>
      <c r="D231" s="11">
        <v>7800.31</v>
      </c>
      <c r="E231" s="11">
        <v>6939.19</v>
      </c>
      <c r="F231" s="11">
        <v>7243.37</v>
      </c>
      <c r="G231" s="11">
        <v>7662.78</v>
      </c>
      <c r="H231" s="11">
        <v>6630.93</v>
      </c>
      <c r="I231" s="11">
        <v>7304.47</v>
      </c>
      <c r="J231" s="11">
        <v>8335.7199999999993</v>
      </c>
      <c r="K231" s="11">
        <v>7082.15</v>
      </c>
      <c r="L231" s="11">
        <v>10762.41</v>
      </c>
      <c r="M231" s="11">
        <v>9697.49</v>
      </c>
      <c r="N231" s="11">
        <v>14269.74</v>
      </c>
      <c r="O231" s="11">
        <v>101193.91</v>
      </c>
      <c r="P231" s="11">
        <v>101193.91</v>
      </c>
    </row>
    <row r="232" spans="2:16" x14ac:dyDescent="0.25">
      <c r="B232" s="9" t="s">
        <v>99</v>
      </c>
      <c r="C232" s="11">
        <v>46142.67</v>
      </c>
      <c r="D232" s="11">
        <v>46178.29</v>
      </c>
      <c r="E232" s="11">
        <v>52731.73</v>
      </c>
      <c r="F232" s="11">
        <v>50018.91</v>
      </c>
      <c r="G232" s="11">
        <v>42946.47</v>
      </c>
      <c r="H232" s="11">
        <v>44486.76</v>
      </c>
      <c r="I232" s="11">
        <v>47198.73</v>
      </c>
      <c r="J232" s="11">
        <v>46727.91</v>
      </c>
      <c r="K232" s="11">
        <v>45153.82</v>
      </c>
      <c r="L232" s="11">
        <v>49492.29</v>
      </c>
      <c r="M232" s="11">
        <v>47088.09</v>
      </c>
      <c r="N232" s="11">
        <v>50893.08</v>
      </c>
      <c r="O232" s="11">
        <v>569058.75</v>
      </c>
      <c r="P232" s="11">
        <v>569058.75</v>
      </c>
    </row>
    <row r="233" spans="2:16" x14ac:dyDescent="0.25">
      <c r="B233" s="9" t="s">
        <v>100</v>
      </c>
      <c r="C233" s="11">
        <v>7541.03</v>
      </c>
      <c r="D233" s="11">
        <v>7865.44</v>
      </c>
      <c r="E233" s="11">
        <v>7381.54</v>
      </c>
      <c r="F233" s="11">
        <v>7526.82</v>
      </c>
      <c r="G233" s="11">
        <v>7783.18</v>
      </c>
      <c r="H233" s="11">
        <v>6682.85</v>
      </c>
      <c r="I233" s="11">
        <v>8569.93</v>
      </c>
      <c r="J233" s="11">
        <v>7698.24</v>
      </c>
      <c r="K233" s="11">
        <v>7059.91</v>
      </c>
      <c r="L233" s="11">
        <v>16002.29</v>
      </c>
      <c r="M233" s="11">
        <v>8489.92</v>
      </c>
      <c r="N233" s="11">
        <v>13474.78</v>
      </c>
      <c r="O233" s="11">
        <v>106075.93</v>
      </c>
      <c r="P233" s="11">
        <v>106075.93</v>
      </c>
    </row>
    <row r="234" spans="2:16" x14ac:dyDescent="0.25">
      <c r="B234" s="9" t="s">
        <v>101</v>
      </c>
      <c r="C234" s="11">
        <v>231.54</v>
      </c>
      <c r="D234" s="11">
        <v>177.7</v>
      </c>
      <c r="E234" s="11">
        <v>258.73</v>
      </c>
      <c r="F234" s="11">
        <v>212.62</v>
      </c>
      <c r="G234" s="11">
        <v>242.01</v>
      </c>
      <c r="H234" s="11">
        <v>228.13</v>
      </c>
      <c r="I234" s="11">
        <v>272.51</v>
      </c>
      <c r="J234" s="11">
        <v>247.18</v>
      </c>
      <c r="K234" s="11">
        <v>236.14</v>
      </c>
      <c r="L234" s="11">
        <v>226.09</v>
      </c>
      <c r="M234" s="11">
        <v>214.81</v>
      </c>
      <c r="N234" s="11">
        <v>227.25</v>
      </c>
      <c r="O234" s="11">
        <v>2774.71</v>
      </c>
      <c r="P234" s="11">
        <v>2774.71</v>
      </c>
    </row>
    <row r="235" spans="2:16" x14ac:dyDescent="0.25">
      <c r="B235" s="9" t="s">
        <v>103</v>
      </c>
      <c r="C235" s="11">
        <v>4711.5</v>
      </c>
      <c r="D235" s="11">
        <v>-200</v>
      </c>
      <c r="E235" s="11">
        <v>-468.41</v>
      </c>
      <c r="F235" s="11">
        <v>-113.74</v>
      </c>
      <c r="G235" s="11">
        <v>4093.87</v>
      </c>
      <c r="H235" s="11">
        <v>640.84</v>
      </c>
      <c r="I235" s="11">
        <v>-1304.55</v>
      </c>
      <c r="J235" s="11">
        <v>49.92</v>
      </c>
      <c r="K235" s="11">
        <v>2888.12</v>
      </c>
      <c r="L235" s="11">
        <v>5582.62</v>
      </c>
      <c r="M235" s="11">
        <v>496.73</v>
      </c>
      <c r="N235" s="11">
        <v>999.78</v>
      </c>
      <c r="O235" s="11">
        <v>17376.68</v>
      </c>
      <c r="P235" s="11">
        <v>17376.68</v>
      </c>
    </row>
    <row r="236" spans="2:16" x14ac:dyDescent="0.25">
      <c r="B236" s="9" t="s">
        <v>105</v>
      </c>
      <c r="C236" s="11">
        <v>0.15</v>
      </c>
      <c r="D236" s="11">
        <v>0.15</v>
      </c>
      <c r="E236" s="11">
        <v>0.15</v>
      </c>
      <c r="F236" s="11"/>
      <c r="G236" s="11">
        <v>0.28000000000000003</v>
      </c>
      <c r="H236" s="11">
        <v>0.15</v>
      </c>
      <c r="I236" s="11">
        <v>0.15</v>
      </c>
      <c r="J236" s="11">
        <v>0.15</v>
      </c>
      <c r="K236" s="11">
        <v>0.15</v>
      </c>
      <c r="L236" s="11">
        <v>7.0000000000000007E-2</v>
      </c>
      <c r="M236" s="11">
        <v>0.28000000000000003</v>
      </c>
      <c r="N236" s="11">
        <v>0.15</v>
      </c>
      <c r="O236" s="11">
        <v>1.83</v>
      </c>
      <c r="P236" s="11">
        <v>1.83</v>
      </c>
    </row>
    <row r="237" spans="2:16" x14ac:dyDescent="0.25">
      <c r="B237" s="9" t="s">
        <v>107</v>
      </c>
      <c r="C237" s="11">
        <v>12414.19</v>
      </c>
      <c r="D237" s="11">
        <v>10009.36</v>
      </c>
      <c r="E237" s="11">
        <v>12283.55</v>
      </c>
      <c r="F237" s="11">
        <v>11342.97</v>
      </c>
      <c r="G237" s="11">
        <v>10541</v>
      </c>
      <c r="H237" s="11">
        <v>11524.57</v>
      </c>
      <c r="I237" s="11">
        <v>9101.4</v>
      </c>
      <c r="J237" s="11">
        <v>14655.55</v>
      </c>
      <c r="K237" s="11">
        <v>14273.93</v>
      </c>
      <c r="L237" s="11">
        <v>10732.82</v>
      </c>
      <c r="M237" s="11">
        <v>10906.18</v>
      </c>
      <c r="N237" s="11">
        <v>15060.23</v>
      </c>
      <c r="O237" s="11">
        <v>142845.75</v>
      </c>
      <c r="P237" s="11">
        <v>142845.75</v>
      </c>
    </row>
    <row r="238" spans="2:16" x14ac:dyDescent="0.25">
      <c r="B238" s="9" t="s">
        <v>108</v>
      </c>
      <c r="C238" s="11">
        <v>2112.11</v>
      </c>
      <c r="D238" s="11">
        <v>793.42</v>
      </c>
      <c r="E238" s="11">
        <v>1516.55</v>
      </c>
      <c r="F238" s="11">
        <v>42552.6</v>
      </c>
      <c r="G238" s="11">
        <v>21870.07</v>
      </c>
      <c r="H238" s="11">
        <v>4870.08</v>
      </c>
      <c r="I238" s="11">
        <v>1102.81</v>
      </c>
      <c r="J238" s="11">
        <v>857.19</v>
      </c>
      <c r="K238" s="11">
        <v>1796.04</v>
      </c>
      <c r="L238" s="11">
        <v>1156.52</v>
      </c>
      <c r="M238" s="11">
        <v>4226.8599999999997</v>
      </c>
      <c r="N238" s="11">
        <v>3062.8</v>
      </c>
      <c r="O238" s="11">
        <v>85917.05</v>
      </c>
      <c r="P238" s="11">
        <v>85917.05</v>
      </c>
    </row>
    <row r="239" spans="2:16" x14ac:dyDescent="0.25">
      <c r="B239" s="9" t="s">
        <v>109</v>
      </c>
      <c r="C239" s="11">
        <v>39892.57</v>
      </c>
      <c r="D239" s="11">
        <v>43981.13</v>
      </c>
      <c r="E239" s="11">
        <v>17495.240000000002</v>
      </c>
      <c r="F239" s="11">
        <v>15480.3</v>
      </c>
      <c r="G239" s="11">
        <v>18889.300999999999</v>
      </c>
      <c r="H239" s="11">
        <v>12773.41</v>
      </c>
      <c r="I239" s="11">
        <v>20601.650000000001</v>
      </c>
      <c r="J239" s="11">
        <v>28115.919999999998</v>
      </c>
      <c r="K239" s="11">
        <v>14313.83</v>
      </c>
      <c r="L239" s="11">
        <v>18169.28</v>
      </c>
      <c r="M239" s="11">
        <v>22819.32</v>
      </c>
      <c r="N239" s="11">
        <v>15759.12</v>
      </c>
      <c r="O239" s="11">
        <v>268291.071</v>
      </c>
      <c r="P239" s="11">
        <v>268291.071</v>
      </c>
    </row>
    <row r="240" spans="2:16" x14ac:dyDescent="0.25">
      <c r="B240" s="9" t="s">
        <v>110</v>
      </c>
      <c r="C240" s="11"/>
      <c r="D240" s="11"/>
      <c r="E240" s="11"/>
      <c r="F240" s="11"/>
      <c r="G240" s="11"/>
      <c r="H240" s="11">
        <v>828</v>
      </c>
      <c r="I240" s="11"/>
      <c r="J240" s="11">
        <v>-828</v>
      </c>
      <c r="K240" s="11"/>
      <c r="L240" s="11"/>
      <c r="M240" s="11"/>
      <c r="N240" s="11"/>
      <c r="O240" s="11">
        <v>0</v>
      </c>
      <c r="P240" s="11">
        <v>0</v>
      </c>
    </row>
    <row r="241" spans="2:16" x14ac:dyDescent="0.25">
      <c r="B241" s="9" t="s">
        <v>112</v>
      </c>
      <c r="C241" s="11"/>
      <c r="D241" s="11"/>
      <c r="E241" s="11"/>
      <c r="F241" s="11"/>
      <c r="G241" s="11">
        <v>1532.6</v>
      </c>
      <c r="H241" s="11">
        <v>1400.86</v>
      </c>
      <c r="I241" s="11">
        <v>36.69</v>
      </c>
      <c r="J241" s="11"/>
      <c r="K241" s="11">
        <v>63.04</v>
      </c>
      <c r="L241" s="11">
        <v>112.5</v>
      </c>
      <c r="M241" s="11">
        <v>52.5</v>
      </c>
      <c r="N241" s="11">
        <v>181.71</v>
      </c>
      <c r="O241" s="11">
        <v>3379.9</v>
      </c>
      <c r="P241" s="11">
        <v>3379.9</v>
      </c>
    </row>
    <row r="242" spans="2:16" x14ac:dyDescent="0.25">
      <c r="B242" s="9" t="s">
        <v>113</v>
      </c>
      <c r="C242" s="11">
        <v>644516.93000000005</v>
      </c>
      <c r="D242" s="11">
        <v>620343.26</v>
      </c>
      <c r="E242" s="11">
        <v>679695.24</v>
      </c>
      <c r="F242" s="11">
        <v>645155.23</v>
      </c>
      <c r="G242" s="11">
        <v>639532.31000000006</v>
      </c>
      <c r="H242" s="11">
        <v>1040718</v>
      </c>
      <c r="I242" s="11">
        <v>646482.38</v>
      </c>
      <c r="J242" s="11">
        <v>573058.11</v>
      </c>
      <c r="K242" s="11">
        <v>602531.59</v>
      </c>
      <c r="L242" s="11">
        <v>650164.13</v>
      </c>
      <c r="M242" s="11">
        <v>693992.04</v>
      </c>
      <c r="N242" s="11">
        <v>855354.09</v>
      </c>
      <c r="O242" s="11">
        <v>8291543.3099999996</v>
      </c>
      <c r="P242" s="11">
        <v>8291543.3099999996</v>
      </c>
    </row>
    <row r="243" spans="2:16" x14ac:dyDescent="0.25">
      <c r="B243" s="9" t="s">
        <v>114</v>
      </c>
      <c r="C243" s="11">
        <v>893.07</v>
      </c>
      <c r="D243" s="11">
        <v>1138.32</v>
      </c>
      <c r="E243" s="11">
        <v>888.58</v>
      </c>
      <c r="F243" s="11">
        <v>550.62</v>
      </c>
      <c r="G243" s="11">
        <v>592.73</v>
      </c>
      <c r="H243" s="11">
        <v>577.54</v>
      </c>
      <c r="I243" s="11">
        <v>820.65</v>
      </c>
      <c r="J243" s="11">
        <v>599.59</v>
      </c>
      <c r="K243" s="11">
        <v>606.44000000000005</v>
      </c>
      <c r="L243" s="11">
        <v>609.73</v>
      </c>
      <c r="M243" s="11">
        <v>592.16</v>
      </c>
      <c r="N243" s="11">
        <v>919</v>
      </c>
      <c r="O243" s="11">
        <v>8788.43</v>
      </c>
      <c r="P243" s="11">
        <v>8788.43</v>
      </c>
    </row>
    <row r="244" spans="2:16" x14ac:dyDescent="0.25">
      <c r="B244" s="9" t="s">
        <v>116</v>
      </c>
      <c r="C244" s="11">
        <v>15883.46</v>
      </c>
      <c r="D244" s="11">
        <v>29323.85</v>
      </c>
      <c r="E244" s="11">
        <v>840.15</v>
      </c>
      <c r="F244" s="11">
        <v>5495.01</v>
      </c>
      <c r="G244" s="11">
        <v>20992.560000000001</v>
      </c>
      <c r="H244" s="11">
        <v>-10319.43</v>
      </c>
      <c r="I244" s="11">
        <v>16467.189999999999</v>
      </c>
      <c r="J244" s="11">
        <v>5282.38</v>
      </c>
      <c r="K244" s="11">
        <v>12263.74</v>
      </c>
      <c r="L244" s="11">
        <v>22831.08</v>
      </c>
      <c r="M244" s="11">
        <v>12497.24</v>
      </c>
      <c r="N244" s="11">
        <v>-31107.34</v>
      </c>
      <c r="O244" s="11">
        <v>100449.89</v>
      </c>
      <c r="P244" s="11">
        <v>100449.89</v>
      </c>
    </row>
    <row r="245" spans="2:16" x14ac:dyDescent="0.25">
      <c r="B245" s="9" t="s">
        <v>117</v>
      </c>
      <c r="C245" s="11"/>
      <c r="D245" s="11"/>
      <c r="E245" s="11"/>
      <c r="F245" s="11"/>
      <c r="G245" s="11"/>
      <c r="H245" s="11"/>
      <c r="I245" s="11">
        <v>4.3</v>
      </c>
      <c r="J245" s="11"/>
      <c r="K245" s="11"/>
      <c r="L245" s="11"/>
      <c r="M245" s="11"/>
      <c r="N245" s="11"/>
      <c r="O245" s="11">
        <v>4.3</v>
      </c>
      <c r="P245" s="11">
        <v>4.3</v>
      </c>
    </row>
    <row r="246" spans="2:16" x14ac:dyDescent="0.25">
      <c r="B246" s="9" t="s">
        <v>118</v>
      </c>
      <c r="C246" s="11">
        <v>1.1200000000000001</v>
      </c>
      <c r="D246" s="11"/>
      <c r="E246" s="11">
        <v>0.26</v>
      </c>
      <c r="F246" s="11">
        <v>0.26</v>
      </c>
      <c r="G246" s="11">
        <v>0.26</v>
      </c>
      <c r="H246" s="11">
        <v>0.26</v>
      </c>
      <c r="I246" s="11">
        <v>0.26</v>
      </c>
      <c r="J246" s="11">
        <v>0.26</v>
      </c>
      <c r="K246" s="11">
        <v>18.91</v>
      </c>
      <c r="L246" s="11">
        <v>0.26</v>
      </c>
      <c r="M246" s="11">
        <v>0.26</v>
      </c>
      <c r="N246" s="11">
        <v>1.21</v>
      </c>
      <c r="O246" s="11">
        <v>23.32</v>
      </c>
      <c r="P246" s="11">
        <v>23.32</v>
      </c>
    </row>
    <row r="247" spans="2:16" x14ac:dyDescent="0.25">
      <c r="B247" s="9" t="s">
        <v>119</v>
      </c>
      <c r="C247" s="11">
        <v>53966.02</v>
      </c>
      <c r="D247" s="11">
        <v>-18127.560000000001</v>
      </c>
      <c r="E247" s="11">
        <v>86849.17</v>
      </c>
      <c r="F247" s="11">
        <v>53913.3</v>
      </c>
      <c r="G247" s="11">
        <v>32627.5</v>
      </c>
      <c r="H247" s="11">
        <v>106564.39</v>
      </c>
      <c r="I247" s="11">
        <v>-2034.52</v>
      </c>
      <c r="J247" s="11">
        <v>33290.94</v>
      </c>
      <c r="K247" s="11">
        <v>57076.11</v>
      </c>
      <c r="L247" s="11">
        <v>6669.71</v>
      </c>
      <c r="M247" s="11">
        <v>42346.13</v>
      </c>
      <c r="N247" s="11">
        <v>130276.35</v>
      </c>
      <c r="O247" s="11">
        <v>583417.54</v>
      </c>
      <c r="P247" s="11">
        <v>583417.54</v>
      </c>
    </row>
    <row r="248" spans="2:16" x14ac:dyDescent="0.25">
      <c r="B248" s="9" t="s">
        <v>120</v>
      </c>
      <c r="C248" s="11">
        <v>1.64</v>
      </c>
      <c r="D248" s="11">
        <v>2.86</v>
      </c>
      <c r="E248" s="11">
        <v>19.53</v>
      </c>
      <c r="F248" s="11">
        <v>11.78</v>
      </c>
      <c r="G248" s="11">
        <v>34.549999999999997</v>
      </c>
      <c r="H248" s="11">
        <v>3.54</v>
      </c>
      <c r="I248" s="11">
        <v>2.58</v>
      </c>
      <c r="J248" s="11">
        <v>3.85</v>
      </c>
      <c r="K248" s="11">
        <v>2.86</v>
      </c>
      <c r="L248" s="11">
        <v>10.7</v>
      </c>
      <c r="M248" s="11">
        <v>1.97</v>
      </c>
      <c r="N248" s="11">
        <v>7.94</v>
      </c>
      <c r="O248" s="11">
        <v>103.8</v>
      </c>
      <c r="P248" s="11">
        <v>103.8</v>
      </c>
    </row>
    <row r="249" spans="2:16" x14ac:dyDescent="0.25">
      <c r="B249" s="9" t="s">
        <v>121</v>
      </c>
      <c r="C249" s="11">
        <v>24482.31</v>
      </c>
      <c r="D249" s="11">
        <v>12572.28</v>
      </c>
      <c r="E249" s="11">
        <v>32369.33</v>
      </c>
      <c r="F249" s="11">
        <v>7304.78</v>
      </c>
      <c r="G249" s="11">
        <v>19117.990000000002</v>
      </c>
      <c r="H249" s="11">
        <v>35894.76</v>
      </c>
      <c r="I249" s="11">
        <v>1238.94</v>
      </c>
      <c r="J249" s="11">
        <v>25120.97</v>
      </c>
      <c r="K249" s="11">
        <v>49787.21</v>
      </c>
      <c r="L249" s="11">
        <v>20504.72</v>
      </c>
      <c r="M249" s="11">
        <v>15623.4</v>
      </c>
      <c r="N249" s="11">
        <v>44546.99</v>
      </c>
      <c r="O249" s="11">
        <v>288563.68</v>
      </c>
      <c r="P249" s="11">
        <v>288563.68</v>
      </c>
    </row>
    <row r="250" spans="2:16" x14ac:dyDescent="0.25">
      <c r="B250" s="9" t="s">
        <v>122</v>
      </c>
      <c r="C250" s="11">
        <v>35809.15</v>
      </c>
      <c r="D250" s="11">
        <v>36362.46</v>
      </c>
      <c r="E250" s="11">
        <v>39485.449999999997</v>
      </c>
      <c r="F250" s="11">
        <v>35058.25</v>
      </c>
      <c r="G250" s="11">
        <v>36445.26</v>
      </c>
      <c r="H250" s="11">
        <v>29970.99</v>
      </c>
      <c r="I250" s="11">
        <v>38737.97</v>
      </c>
      <c r="J250" s="11">
        <v>48965.45</v>
      </c>
      <c r="K250" s="11">
        <v>44082.21</v>
      </c>
      <c r="L250" s="11">
        <v>39467.26</v>
      </c>
      <c r="M250" s="11">
        <v>41398.79</v>
      </c>
      <c r="N250" s="11">
        <v>41035.96</v>
      </c>
      <c r="O250" s="11">
        <v>466819.2</v>
      </c>
      <c r="P250" s="11">
        <v>466819.2</v>
      </c>
    </row>
    <row r="251" spans="2:16" x14ac:dyDescent="0.25">
      <c r="B251" s="9" t="s">
        <v>123</v>
      </c>
      <c r="C251" s="11">
        <v>4.45</v>
      </c>
      <c r="D251" s="11">
        <v>0.96</v>
      </c>
      <c r="E251" s="11">
        <v>1.01</v>
      </c>
      <c r="F251" s="11"/>
      <c r="G251" s="11">
        <v>1.17</v>
      </c>
      <c r="H251" s="11">
        <v>28.71</v>
      </c>
      <c r="I251" s="11">
        <v>0.84</v>
      </c>
      <c r="J251" s="11">
        <v>2.0699999999999998</v>
      </c>
      <c r="K251" s="11">
        <v>0.75</v>
      </c>
      <c r="L251" s="11"/>
      <c r="M251" s="11">
        <v>10.28</v>
      </c>
      <c r="N251" s="11">
        <v>0.9</v>
      </c>
      <c r="O251" s="11">
        <v>51.14</v>
      </c>
      <c r="P251" s="11">
        <v>51.14</v>
      </c>
    </row>
    <row r="252" spans="2:16" x14ac:dyDescent="0.25">
      <c r="B252" s="9" t="s">
        <v>124</v>
      </c>
      <c r="C252" s="11">
        <v>192273.95</v>
      </c>
      <c r="D252" s="11">
        <v>186165.46</v>
      </c>
      <c r="E252" s="11">
        <v>189034.15</v>
      </c>
      <c r="F252" s="11">
        <v>190157.36</v>
      </c>
      <c r="G252" s="11">
        <v>191250.33</v>
      </c>
      <c r="H252" s="11">
        <v>370734.83</v>
      </c>
      <c r="I252" s="11">
        <v>189208.26</v>
      </c>
      <c r="J252" s="11">
        <v>193367.7</v>
      </c>
      <c r="K252" s="11">
        <v>186662.58</v>
      </c>
      <c r="L252" s="11">
        <v>180479.34</v>
      </c>
      <c r="M252" s="11">
        <v>203365.68</v>
      </c>
      <c r="N252" s="11">
        <v>189895.96</v>
      </c>
      <c r="O252" s="11">
        <v>2462595.6</v>
      </c>
      <c r="P252" s="11">
        <v>2462595.6</v>
      </c>
    </row>
    <row r="253" spans="2:16" x14ac:dyDescent="0.25">
      <c r="B253" s="9" t="s">
        <v>188</v>
      </c>
      <c r="C253" s="11"/>
      <c r="D253" s="11"/>
      <c r="E253" s="11"/>
      <c r="F253" s="11"/>
      <c r="G253" s="11">
        <v>-2.84</v>
      </c>
      <c r="H253" s="11"/>
      <c r="I253" s="11"/>
      <c r="J253" s="11"/>
      <c r="K253" s="11"/>
      <c r="L253" s="11"/>
      <c r="M253" s="11"/>
      <c r="N253" s="11"/>
      <c r="O253" s="11">
        <v>-2.84</v>
      </c>
      <c r="P253" s="11">
        <v>-2.84</v>
      </c>
    </row>
    <row r="254" spans="2:16" x14ac:dyDescent="0.25">
      <c r="B254" s="9" t="s">
        <v>125</v>
      </c>
      <c r="C254" s="11">
        <v>67632.800000000003</v>
      </c>
      <c r="D254" s="11">
        <v>321450.71999999997</v>
      </c>
      <c r="E254" s="11">
        <v>70850.47</v>
      </c>
      <c r="F254" s="11">
        <v>199787.89</v>
      </c>
      <c r="G254" s="11">
        <v>117759.84</v>
      </c>
      <c r="H254" s="11">
        <v>176905.12</v>
      </c>
      <c r="I254" s="11">
        <v>43866.44</v>
      </c>
      <c r="J254" s="11">
        <v>177812.04</v>
      </c>
      <c r="K254" s="11">
        <v>194273.76</v>
      </c>
      <c r="L254" s="11">
        <v>176027.09</v>
      </c>
      <c r="M254" s="11">
        <v>185795.89</v>
      </c>
      <c r="N254" s="11">
        <v>489965.07</v>
      </c>
      <c r="O254" s="11">
        <v>2222127.13</v>
      </c>
      <c r="P254" s="11">
        <v>2222127.13</v>
      </c>
    </row>
    <row r="255" spans="2:16" x14ac:dyDescent="0.25">
      <c r="B255" s="9" t="s">
        <v>127</v>
      </c>
      <c r="C255" s="11">
        <v>-3672.91</v>
      </c>
      <c r="D255" s="11">
        <v>765.16</v>
      </c>
      <c r="E255" s="11">
        <v>-2191.84</v>
      </c>
      <c r="F255" s="11">
        <v>201.9</v>
      </c>
      <c r="G255" s="11">
        <v>-1008.62</v>
      </c>
      <c r="H255" s="11">
        <v>-1431.09</v>
      </c>
      <c r="I255" s="11">
        <v>1064.5899999999999</v>
      </c>
      <c r="J255" s="11">
        <v>-1544.14</v>
      </c>
      <c r="K255" s="11">
        <v>-605.29</v>
      </c>
      <c r="L255" s="11">
        <v>758.21</v>
      </c>
      <c r="M255" s="11">
        <v>246.83</v>
      </c>
      <c r="N255" s="11">
        <v>-1624.44</v>
      </c>
      <c r="O255" s="11">
        <v>-9041.64</v>
      </c>
      <c r="P255" s="11">
        <v>-9041.64</v>
      </c>
    </row>
    <row r="256" spans="2:16" x14ac:dyDescent="0.25">
      <c r="B256" s="9" t="s">
        <v>128</v>
      </c>
      <c r="C256" s="11">
        <v>467.37</v>
      </c>
      <c r="D256" s="11">
        <v>467.37</v>
      </c>
      <c r="E256" s="11">
        <v>-251.38</v>
      </c>
      <c r="F256" s="11">
        <v>720.37</v>
      </c>
      <c r="G256" s="11">
        <v>467.37</v>
      </c>
      <c r="H256" s="11">
        <v>-251.38</v>
      </c>
      <c r="I256" s="11">
        <v>3046.4</v>
      </c>
      <c r="J256" s="11">
        <v>467.37</v>
      </c>
      <c r="K256" s="11">
        <v>-252.2</v>
      </c>
      <c r="L256" s="11">
        <v>467.37</v>
      </c>
      <c r="M256" s="11">
        <v>467.37</v>
      </c>
      <c r="N256" s="11">
        <v>-251.38</v>
      </c>
      <c r="O256" s="11">
        <v>5564.65</v>
      </c>
      <c r="P256" s="11">
        <v>5564.65</v>
      </c>
    </row>
    <row r="257" spans="2:16" x14ac:dyDescent="0.25">
      <c r="B257" s="9" t="s">
        <v>129</v>
      </c>
      <c r="C257" s="11">
        <v>72119.34</v>
      </c>
      <c r="D257" s="11">
        <v>72119.34</v>
      </c>
      <c r="E257" s="11">
        <v>72119.34</v>
      </c>
      <c r="F257" s="11">
        <v>72119.34</v>
      </c>
      <c r="G257" s="11">
        <v>72119.34</v>
      </c>
      <c r="H257" s="11">
        <v>72119.34</v>
      </c>
      <c r="I257" s="11">
        <v>72119.34</v>
      </c>
      <c r="J257" s="11">
        <v>72119.34</v>
      </c>
      <c r="K257" s="11">
        <v>72119.34</v>
      </c>
      <c r="L257" s="11">
        <v>72119.34</v>
      </c>
      <c r="M257" s="11">
        <v>72119.34</v>
      </c>
      <c r="N257" s="11">
        <v>72119.34</v>
      </c>
      <c r="O257" s="11">
        <v>865432.08</v>
      </c>
      <c r="P257" s="11">
        <v>865432.08</v>
      </c>
    </row>
    <row r="258" spans="2:16" x14ac:dyDescent="0.25">
      <c r="B258" s="9" t="s">
        <v>130</v>
      </c>
      <c r="C258" s="11">
        <v>13364.3</v>
      </c>
      <c r="D258" s="11">
        <v>13364.3</v>
      </c>
      <c r="E258" s="11">
        <v>13364.3</v>
      </c>
      <c r="F258" s="11">
        <v>13364.3</v>
      </c>
      <c r="G258" s="11">
        <v>13364.3</v>
      </c>
      <c r="H258" s="11">
        <v>13364.3</v>
      </c>
      <c r="I258" s="11">
        <v>13364.3</v>
      </c>
      <c r="J258" s="11">
        <v>13364.3</v>
      </c>
      <c r="K258" s="11">
        <v>13364.3</v>
      </c>
      <c r="L258" s="11">
        <v>13364.3</v>
      </c>
      <c r="M258" s="11">
        <v>13364.3</v>
      </c>
      <c r="N258" s="11">
        <v>13364.3</v>
      </c>
      <c r="O258" s="11">
        <v>160371.6</v>
      </c>
      <c r="P258" s="11">
        <v>160371.6</v>
      </c>
    </row>
    <row r="259" spans="2:16" x14ac:dyDescent="0.25">
      <c r="B259" s="9" t="s">
        <v>131</v>
      </c>
      <c r="C259" s="11">
        <v>23823.05</v>
      </c>
      <c r="D259" s="11">
        <v>14441.01</v>
      </c>
      <c r="E259" s="11">
        <v>14859.67</v>
      </c>
      <c r="F259" s="11">
        <v>23240.74</v>
      </c>
      <c r="G259" s="11">
        <v>15137.46</v>
      </c>
      <c r="H259" s="11">
        <v>14640.67</v>
      </c>
      <c r="I259" s="11">
        <v>23243.040000000001</v>
      </c>
      <c r="J259" s="11">
        <v>14654.32</v>
      </c>
      <c r="K259" s="11">
        <v>14641.82</v>
      </c>
      <c r="L259" s="11">
        <v>23240.74</v>
      </c>
      <c r="M259" s="11">
        <v>14640.67</v>
      </c>
      <c r="N259" s="11">
        <v>28775.85</v>
      </c>
      <c r="O259" s="11">
        <v>225339.04</v>
      </c>
      <c r="P259" s="11">
        <v>225339.04</v>
      </c>
    </row>
    <row r="260" spans="2:16" x14ac:dyDescent="0.25">
      <c r="B260" s="9" t="s">
        <v>133</v>
      </c>
      <c r="C260" s="11">
        <v>387.9</v>
      </c>
      <c r="D260" s="11">
        <v>427.57</v>
      </c>
      <c r="E260" s="11">
        <v>441.73</v>
      </c>
      <c r="F260" s="11">
        <v>425.54</v>
      </c>
      <c r="G260" s="11">
        <v>424.52</v>
      </c>
      <c r="H260" s="11">
        <v>424.25</v>
      </c>
      <c r="I260" s="11">
        <v>418.39</v>
      </c>
      <c r="J260" s="11">
        <v>455.37</v>
      </c>
      <c r="K260" s="11">
        <v>457.28</v>
      </c>
      <c r="L260" s="11">
        <v>435.64</v>
      </c>
      <c r="M260" s="11">
        <v>407.37</v>
      </c>
      <c r="N260" s="11">
        <v>415.39</v>
      </c>
      <c r="O260" s="11">
        <v>5120.95</v>
      </c>
      <c r="P260" s="11">
        <v>5120.95</v>
      </c>
    </row>
    <row r="261" spans="2:16" x14ac:dyDescent="0.25">
      <c r="B261" s="9" t="s">
        <v>134</v>
      </c>
      <c r="C261" s="11">
        <v>1070.3399999999999</v>
      </c>
      <c r="D261" s="11">
        <v>1070.3399999999999</v>
      </c>
      <c r="E261" s="11">
        <v>1070.3399999999999</v>
      </c>
      <c r="F261" s="11">
        <v>1070.3399999999999</v>
      </c>
      <c r="G261" s="11">
        <v>1070.3399999999999</v>
      </c>
      <c r="H261" s="11">
        <v>1070.3399999999999</v>
      </c>
      <c r="I261" s="11">
        <v>1070.3399999999999</v>
      </c>
      <c r="J261" s="11">
        <v>1070.3399999999999</v>
      </c>
      <c r="K261" s="11">
        <v>1070.3399999999999</v>
      </c>
      <c r="L261" s="11">
        <v>1070.3399999999999</v>
      </c>
      <c r="M261" s="11">
        <v>1189.1199999999999</v>
      </c>
      <c r="N261" s="11">
        <v>1070.3399999999999</v>
      </c>
      <c r="O261" s="11">
        <v>12962.86</v>
      </c>
      <c r="P261" s="11">
        <v>12962.86</v>
      </c>
    </row>
    <row r="262" spans="2:16" x14ac:dyDescent="0.25">
      <c r="B262" s="9" t="s">
        <v>135</v>
      </c>
      <c r="C262" s="11">
        <v>367514.92</v>
      </c>
      <c r="D262" s="11">
        <v>309464.75</v>
      </c>
      <c r="E262" s="11">
        <v>477183.23</v>
      </c>
      <c r="F262" s="11">
        <v>311724.06</v>
      </c>
      <c r="G262" s="11">
        <v>287906.07</v>
      </c>
      <c r="H262" s="11">
        <v>-294692.81</v>
      </c>
      <c r="I262" s="11">
        <v>297807.25</v>
      </c>
      <c r="J262" s="11">
        <v>250012.13</v>
      </c>
      <c r="K262" s="11">
        <v>270353.90000000002</v>
      </c>
      <c r="L262" s="11">
        <v>269244.74</v>
      </c>
      <c r="M262" s="11">
        <v>329859.77</v>
      </c>
      <c r="N262" s="11">
        <v>409860.97</v>
      </c>
      <c r="O262" s="11">
        <v>3286238.98</v>
      </c>
      <c r="P262" s="11">
        <v>3286238.98</v>
      </c>
    </row>
    <row r="263" spans="2:16" x14ac:dyDescent="0.25">
      <c r="B263" s="9" t="s">
        <v>138</v>
      </c>
      <c r="C263" s="11">
        <v>360981.69</v>
      </c>
      <c r="D263" s="11">
        <v>317352.31</v>
      </c>
      <c r="E263" s="11">
        <v>218577.08</v>
      </c>
      <c r="F263" s="11">
        <v>228070.5</v>
      </c>
      <c r="G263" s="11">
        <v>280075.46000000002</v>
      </c>
      <c r="H263" s="11">
        <v>242081.99</v>
      </c>
      <c r="I263" s="11">
        <v>241896.81</v>
      </c>
      <c r="J263" s="11">
        <v>288116.11</v>
      </c>
      <c r="K263" s="11">
        <v>260635.18</v>
      </c>
      <c r="L263" s="11">
        <v>327333.63</v>
      </c>
      <c r="M263" s="11">
        <v>259825.22</v>
      </c>
      <c r="N263" s="11">
        <v>444173.22700000001</v>
      </c>
      <c r="O263" s="11">
        <v>3469119.2069999999</v>
      </c>
      <c r="P263" s="11">
        <v>3469119.2069999999</v>
      </c>
    </row>
    <row r="264" spans="2:16" x14ac:dyDescent="0.25">
      <c r="B264" s="9" t="s">
        <v>158</v>
      </c>
      <c r="C264" s="11">
        <v>-76654.17</v>
      </c>
      <c r="D264" s="11">
        <v>-113512.06</v>
      </c>
      <c r="E264" s="11">
        <v>-95083.11</v>
      </c>
      <c r="F264" s="11">
        <v>-95083.11</v>
      </c>
      <c r="G264" s="11">
        <v>-95083.11</v>
      </c>
      <c r="H264" s="11">
        <v>-95083.11</v>
      </c>
      <c r="I264" s="11">
        <v>-95083.11</v>
      </c>
      <c r="J264" s="11">
        <v>-95083.11</v>
      </c>
      <c r="K264" s="11">
        <v>-95083.11</v>
      </c>
      <c r="L264" s="11">
        <v>-95083.11</v>
      </c>
      <c r="M264" s="11">
        <v>-121861.99</v>
      </c>
      <c r="N264" s="11">
        <v>-95881.23</v>
      </c>
      <c r="O264" s="11">
        <v>-1168574.33</v>
      </c>
      <c r="P264" s="11">
        <v>-1168574.33</v>
      </c>
    </row>
    <row r="265" spans="2:16" x14ac:dyDescent="0.25">
      <c r="B265" s="9" t="s">
        <v>139</v>
      </c>
      <c r="C265" s="11"/>
      <c r="D265" s="11"/>
      <c r="E265" s="11">
        <v>-142.80000000000001</v>
      </c>
      <c r="F265" s="11"/>
      <c r="G265" s="11"/>
      <c r="H265" s="11"/>
      <c r="I265" s="11"/>
      <c r="J265" s="11"/>
      <c r="K265" s="11"/>
      <c r="L265" s="11"/>
      <c r="M265" s="11"/>
      <c r="N265" s="11"/>
      <c r="O265" s="11">
        <v>-142.80000000000001</v>
      </c>
      <c r="P265" s="11">
        <v>-142.80000000000001</v>
      </c>
    </row>
    <row r="266" spans="2:16" x14ac:dyDescent="0.25">
      <c r="B266" s="9" t="s">
        <v>140</v>
      </c>
      <c r="C266" s="11">
        <v>59078.36</v>
      </c>
      <c r="D266" s="11">
        <v>59078.36</v>
      </c>
      <c r="E266" s="11">
        <v>59078.36</v>
      </c>
      <c r="F266" s="11">
        <v>59078.36</v>
      </c>
      <c r="G266" s="11">
        <v>59078.36</v>
      </c>
      <c r="H266" s="11">
        <v>59078.36</v>
      </c>
      <c r="I266" s="11">
        <v>55373.27</v>
      </c>
      <c r="J266" s="11">
        <v>55373.27</v>
      </c>
      <c r="K266" s="11">
        <v>55373.27</v>
      </c>
      <c r="L266" s="11">
        <v>55373.27</v>
      </c>
      <c r="M266" s="11">
        <v>55373.27</v>
      </c>
      <c r="N266" s="11">
        <v>55373.27</v>
      </c>
      <c r="O266" s="11">
        <v>686709.78</v>
      </c>
      <c r="P266" s="11">
        <v>686709.78</v>
      </c>
    </row>
    <row r="267" spans="2:16" x14ac:dyDescent="0.25">
      <c r="B267" s="9" t="s">
        <v>141</v>
      </c>
      <c r="C267" s="11"/>
      <c r="D267" s="11"/>
      <c r="E267" s="11">
        <v>0</v>
      </c>
      <c r="F267" s="11">
        <v>0</v>
      </c>
      <c r="G267" s="11"/>
      <c r="H267" s="11"/>
      <c r="I267" s="11"/>
      <c r="J267" s="11"/>
      <c r="K267" s="11"/>
      <c r="L267" s="11"/>
      <c r="M267" s="11"/>
      <c r="N267" s="11"/>
      <c r="O267" s="11">
        <v>0</v>
      </c>
      <c r="P267" s="11">
        <v>0</v>
      </c>
    </row>
    <row r="268" spans="2:16" x14ac:dyDescent="0.25">
      <c r="B268" s="9" t="s">
        <v>142</v>
      </c>
      <c r="C268" s="11">
        <v>-5251.9</v>
      </c>
      <c r="D268" s="11">
        <v>-4919.3100000000004</v>
      </c>
      <c r="E268" s="11">
        <v>-5167.82</v>
      </c>
      <c r="F268" s="11">
        <v>-6849.3</v>
      </c>
      <c r="G268" s="11">
        <v>-5121.3900000000003</v>
      </c>
      <c r="H268" s="11">
        <v>-4993.5</v>
      </c>
      <c r="I268" s="11">
        <v>-5575.64</v>
      </c>
      <c r="J268" s="11">
        <v>-5731.07</v>
      </c>
      <c r="K268" s="11">
        <v>-5481.21</v>
      </c>
      <c r="L268" s="11">
        <v>-5592.01</v>
      </c>
      <c r="M268" s="11">
        <v>-4614.55</v>
      </c>
      <c r="N268" s="11">
        <v>-5938.46</v>
      </c>
      <c r="O268" s="11">
        <v>-65236.160000000003</v>
      </c>
      <c r="P268" s="11">
        <v>-65236.160000000003</v>
      </c>
    </row>
    <row r="269" spans="2:16" x14ac:dyDescent="0.25">
      <c r="B269" s="9" t="s">
        <v>144</v>
      </c>
      <c r="C269" s="11">
        <v>10155.23</v>
      </c>
      <c r="D269" s="11">
        <v>1110.92</v>
      </c>
      <c r="E269" s="11">
        <v>3496.82</v>
      </c>
      <c r="F269" s="11">
        <v>6311.47</v>
      </c>
      <c r="G269" s="11">
        <v>2800.74</v>
      </c>
      <c r="H269" s="11">
        <v>4283.95</v>
      </c>
      <c r="I269" s="11">
        <v>536.67999999999995</v>
      </c>
      <c r="J269" s="11">
        <v>3309.42</v>
      </c>
      <c r="K269" s="11">
        <v>7758.8</v>
      </c>
      <c r="L269" s="11">
        <v>5484.97</v>
      </c>
      <c r="M269" s="11">
        <v>14827.78</v>
      </c>
      <c r="N269" s="11">
        <v>-1762.23</v>
      </c>
      <c r="O269" s="11">
        <v>58314.55</v>
      </c>
      <c r="P269" s="11">
        <v>58314.55</v>
      </c>
    </row>
    <row r="270" spans="2:16" x14ac:dyDescent="0.25">
      <c r="B270" s="9" t="s">
        <v>145</v>
      </c>
      <c r="C270" s="11">
        <v>8545.35</v>
      </c>
      <c r="D270" s="11">
        <v>12700.31</v>
      </c>
      <c r="E270" s="11">
        <v>12531.81</v>
      </c>
      <c r="F270" s="11">
        <v>9025.44</v>
      </c>
      <c r="G270" s="11">
        <v>16284.44</v>
      </c>
      <c r="H270" s="11">
        <v>20045.560000000001</v>
      </c>
      <c r="I270" s="11">
        <v>13666.17</v>
      </c>
      <c r="J270" s="11">
        <v>10782.55</v>
      </c>
      <c r="K270" s="11">
        <v>14268.77</v>
      </c>
      <c r="L270" s="11">
        <v>11916.91</v>
      </c>
      <c r="M270" s="11">
        <v>28294.92</v>
      </c>
      <c r="N270" s="11">
        <v>12920.94</v>
      </c>
      <c r="O270" s="11">
        <v>170983.17</v>
      </c>
      <c r="P270" s="11">
        <v>170983.17</v>
      </c>
    </row>
    <row r="271" spans="2:16" x14ac:dyDescent="0.25">
      <c r="B271" s="9" t="s">
        <v>146</v>
      </c>
      <c r="C271" s="11">
        <v>43032.32</v>
      </c>
      <c r="D271" s="11">
        <v>-0.32</v>
      </c>
      <c r="E271" s="11"/>
      <c r="F271" s="11"/>
      <c r="G271" s="11"/>
      <c r="H271" s="11"/>
      <c r="I271" s="11"/>
      <c r="J271" s="11"/>
      <c r="K271" s="11"/>
      <c r="L271" s="11"/>
      <c r="M271" s="11"/>
      <c r="N271" s="11"/>
      <c r="O271" s="11">
        <v>43032</v>
      </c>
      <c r="P271" s="11">
        <v>43032</v>
      </c>
    </row>
    <row r="272" spans="2:16" x14ac:dyDescent="0.25">
      <c r="B272" s="9" t="s">
        <v>147</v>
      </c>
      <c r="C272" s="11">
        <v>840.05</v>
      </c>
      <c r="D272" s="11">
        <v>4307.26</v>
      </c>
      <c r="E272" s="11">
        <v>82.25</v>
      </c>
      <c r="F272" s="11">
        <v>15433.11</v>
      </c>
      <c r="G272" s="11">
        <v>59012.91</v>
      </c>
      <c r="H272" s="11">
        <v>63.8</v>
      </c>
      <c r="I272" s="11">
        <v>13293.5</v>
      </c>
      <c r="J272" s="11">
        <v>-13353.45</v>
      </c>
      <c r="K272" s="11">
        <v>70.14</v>
      </c>
      <c r="L272" s="11">
        <v>18.14</v>
      </c>
      <c r="M272" s="11">
        <v>23675.88</v>
      </c>
      <c r="N272" s="11">
        <v>48.89</v>
      </c>
      <c r="O272" s="11">
        <v>103492.48</v>
      </c>
      <c r="P272" s="11">
        <v>103492.48</v>
      </c>
    </row>
    <row r="273" spans="1:16" x14ac:dyDescent="0.25">
      <c r="B273" s="9" t="s">
        <v>148</v>
      </c>
      <c r="C273" s="11">
        <v>995.06</v>
      </c>
      <c r="D273" s="11">
        <v>8293.17</v>
      </c>
      <c r="E273" s="11"/>
      <c r="F273" s="11">
        <v>2156.25</v>
      </c>
      <c r="G273" s="11">
        <v>595</v>
      </c>
      <c r="H273" s="11">
        <v>402.5</v>
      </c>
      <c r="I273" s="11">
        <v>1725.62</v>
      </c>
      <c r="J273" s="11">
        <v>18568.939999999999</v>
      </c>
      <c r="K273" s="11">
        <v>86.25</v>
      </c>
      <c r="L273" s="11">
        <v>2045.99</v>
      </c>
      <c r="M273" s="11">
        <v>1286.56</v>
      </c>
      <c r="N273" s="11">
        <v>7752.23</v>
      </c>
      <c r="O273" s="11">
        <v>43907.57</v>
      </c>
      <c r="P273" s="11">
        <v>43907.57</v>
      </c>
    </row>
    <row r="274" spans="1:16" x14ac:dyDescent="0.25">
      <c r="B274" s="9" t="s">
        <v>149</v>
      </c>
      <c r="C274" s="11"/>
      <c r="D274" s="11">
        <v>4.0999999999999996</v>
      </c>
      <c r="E274" s="11">
        <v>-1533.91</v>
      </c>
      <c r="F274" s="11">
        <v>3969.36</v>
      </c>
      <c r="G274" s="11">
        <v>25016.6</v>
      </c>
      <c r="H274" s="11">
        <v>2.82</v>
      </c>
      <c r="I274" s="11">
        <v>4663.84</v>
      </c>
      <c r="J274" s="11">
        <v>109.79</v>
      </c>
      <c r="K274" s="11">
        <v>5.21</v>
      </c>
      <c r="L274" s="11">
        <v>4858.75</v>
      </c>
      <c r="M274" s="11">
        <v>865.04</v>
      </c>
      <c r="N274" s="11">
        <v>6745.81</v>
      </c>
      <c r="O274" s="11">
        <v>44707.41</v>
      </c>
      <c r="P274" s="11">
        <v>44707.41</v>
      </c>
    </row>
    <row r="275" spans="1:16" x14ac:dyDescent="0.25">
      <c r="B275" s="9" t="s">
        <v>150</v>
      </c>
      <c r="C275" s="11">
        <v>145.82</v>
      </c>
      <c r="D275" s="11"/>
      <c r="E275" s="11">
        <v>72.84</v>
      </c>
      <c r="F275" s="11"/>
      <c r="G275" s="11"/>
      <c r="H275" s="11">
        <v>771.26</v>
      </c>
      <c r="I275" s="11">
        <v>199.18</v>
      </c>
      <c r="J275" s="11">
        <v>1044.76</v>
      </c>
      <c r="K275" s="11">
        <v>2859.24</v>
      </c>
      <c r="L275" s="11">
        <v>2613.7199999999998</v>
      </c>
      <c r="M275" s="11">
        <v>372.72</v>
      </c>
      <c r="N275" s="11">
        <v>1273.49</v>
      </c>
      <c r="O275" s="11">
        <v>9353.0300000000007</v>
      </c>
      <c r="P275" s="11">
        <v>9353.0300000000007</v>
      </c>
    </row>
    <row r="276" spans="1:16" x14ac:dyDescent="0.25">
      <c r="B276" s="9" t="s">
        <v>151</v>
      </c>
      <c r="C276" s="11">
        <v>28.01</v>
      </c>
      <c r="D276" s="11">
        <v>23.7</v>
      </c>
      <c r="E276" s="11">
        <v>15.48</v>
      </c>
      <c r="F276" s="11"/>
      <c r="G276" s="11">
        <v>7.41</v>
      </c>
      <c r="H276" s="11">
        <v>28.91</v>
      </c>
      <c r="I276" s="11">
        <v>10.92</v>
      </c>
      <c r="J276" s="11">
        <v>724.08</v>
      </c>
      <c r="K276" s="11">
        <v>737.75</v>
      </c>
      <c r="L276" s="11">
        <v>755.96</v>
      </c>
      <c r="M276" s="11">
        <v>746.86</v>
      </c>
      <c r="N276" s="11">
        <v>1155.19</v>
      </c>
      <c r="O276" s="11">
        <v>4234.2700000000004</v>
      </c>
      <c r="P276" s="11">
        <v>4234.2700000000004</v>
      </c>
    </row>
    <row r="277" spans="1:16" x14ac:dyDescent="0.25">
      <c r="B277" s="9" t="s">
        <v>152</v>
      </c>
      <c r="C277" s="11">
        <v>177.74</v>
      </c>
      <c r="D277" s="11">
        <v>379.65</v>
      </c>
      <c r="E277" s="11">
        <v>314.26</v>
      </c>
      <c r="F277" s="11">
        <v>95.38</v>
      </c>
      <c r="G277" s="11">
        <v>7.15</v>
      </c>
      <c r="H277" s="11">
        <v>182.87</v>
      </c>
      <c r="I277" s="11">
        <v>55.43</v>
      </c>
      <c r="J277" s="11">
        <v>62.75</v>
      </c>
      <c r="K277" s="11">
        <v>9.33</v>
      </c>
      <c r="L277" s="11">
        <v>6.05</v>
      </c>
      <c r="M277" s="11">
        <v>16.63</v>
      </c>
      <c r="N277" s="11">
        <v>14.01</v>
      </c>
      <c r="O277" s="11">
        <v>1321.25</v>
      </c>
      <c r="P277" s="11">
        <v>1321.25</v>
      </c>
    </row>
    <row r="278" spans="1:16" x14ac:dyDescent="0.25">
      <c r="B278" s="9" t="s">
        <v>153</v>
      </c>
      <c r="C278" s="11">
        <v>7275.49</v>
      </c>
      <c r="D278" s="11">
        <v>7182.02</v>
      </c>
      <c r="E278" s="11">
        <v>9801.56</v>
      </c>
      <c r="F278" s="11">
        <v>7741.7</v>
      </c>
      <c r="G278" s="11">
        <v>7315.14</v>
      </c>
      <c r="H278" s="11">
        <v>6755.77</v>
      </c>
      <c r="I278" s="11">
        <v>7047.48</v>
      </c>
      <c r="J278" s="11">
        <v>6508.06</v>
      </c>
      <c r="K278" s="11">
        <v>6808.23</v>
      </c>
      <c r="L278" s="11">
        <v>8896.34</v>
      </c>
      <c r="M278" s="11">
        <v>6373.09</v>
      </c>
      <c r="N278" s="11">
        <v>7407.32</v>
      </c>
      <c r="O278" s="11">
        <v>89112.2</v>
      </c>
      <c r="P278" s="11">
        <v>89112.2</v>
      </c>
    </row>
    <row r="279" spans="1:16" x14ac:dyDescent="0.25">
      <c r="B279" s="9" t="s">
        <v>154</v>
      </c>
      <c r="C279" s="11">
        <v>73028</v>
      </c>
      <c r="D279" s="11">
        <v>73367</v>
      </c>
      <c r="E279" s="11">
        <v>73769</v>
      </c>
      <c r="F279" s="11">
        <v>73293</v>
      </c>
      <c r="G279" s="11">
        <v>73447</v>
      </c>
      <c r="H279" s="11">
        <v>63357</v>
      </c>
      <c r="I279" s="11">
        <v>63871</v>
      </c>
      <c r="J279" s="11">
        <v>64170</v>
      </c>
      <c r="K279" s="11">
        <v>62917</v>
      </c>
      <c r="L279" s="11">
        <v>62677</v>
      </c>
      <c r="M279" s="11">
        <v>64788</v>
      </c>
      <c r="N279" s="11">
        <v>65188</v>
      </c>
      <c r="O279" s="11">
        <v>813872</v>
      </c>
      <c r="P279" s="11">
        <v>813872</v>
      </c>
    </row>
    <row r="280" spans="1:16" x14ac:dyDescent="0.25">
      <c r="B280" s="9" t="s">
        <v>156</v>
      </c>
      <c r="C280" s="11"/>
      <c r="D280" s="11"/>
      <c r="E280" s="11"/>
      <c r="F280" s="11"/>
      <c r="G280" s="11"/>
      <c r="H280" s="11"/>
      <c r="I280" s="11">
        <v>31.97</v>
      </c>
      <c r="J280" s="11">
        <v>503.27</v>
      </c>
      <c r="K280" s="11">
        <v>839.77</v>
      </c>
      <c r="L280" s="11">
        <v>2396.1799999999998</v>
      </c>
      <c r="M280" s="11">
        <v>773.56</v>
      </c>
      <c r="N280" s="11">
        <v>25368.81</v>
      </c>
      <c r="O280" s="11">
        <v>29913.56</v>
      </c>
      <c r="P280" s="11">
        <v>29913.56</v>
      </c>
    </row>
    <row r="281" spans="1:16" x14ac:dyDescent="0.25">
      <c r="B281" s="9" t="s">
        <v>157</v>
      </c>
      <c r="C281" s="11">
        <v>102.67</v>
      </c>
      <c r="D281" s="11">
        <v>283.05</v>
      </c>
      <c r="E281" s="11">
        <v>98.96</v>
      </c>
      <c r="F281" s="11">
        <v>119.01</v>
      </c>
      <c r="G281" s="11">
        <v>336.95</v>
      </c>
      <c r="H281" s="11">
        <v>27.83</v>
      </c>
      <c r="I281" s="11">
        <v>18.100000000000001</v>
      </c>
      <c r="J281" s="11">
        <v>193.49</v>
      </c>
      <c r="K281" s="11">
        <v>41.4</v>
      </c>
      <c r="L281" s="11">
        <v>56.32</v>
      </c>
      <c r="M281" s="11">
        <v>209.22</v>
      </c>
      <c r="N281" s="11">
        <v>-219.78</v>
      </c>
      <c r="O281" s="11">
        <v>1267.22</v>
      </c>
      <c r="P281" s="11">
        <v>1267.22</v>
      </c>
    </row>
    <row r="282" spans="1:16" x14ac:dyDescent="0.25">
      <c r="A282" t="s">
        <v>165</v>
      </c>
      <c r="C282" s="11">
        <v>4919495.3099999996</v>
      </c>
      <c r="D282" s="11">
        <v>5439651.5099999998</v>
      </c>
      <c r="E282" s="11">
        <v>5182542.0199999996</v>
      </c>
      <c r="F282" s="11">
        <v>4825719.6900000004</v>
      </c>
      <c r="G282" s="11">
        <v>4926990.2510000002</v>
      </c>
      <c r="H282" s="11">
        <v>5389584.0899999999</v>
      </c>
      <c r="I282" s="11">
        <v>6261861.9500000002</v>
      </c>
      <c r="J282" s="11">
        <v>5455845.8770000003</v>
      </c>
      <c r="K282" s="11">
        <v>6207139.7860000003</v>
      </c>
      <c r="L282" s="11">
        <v>5720311.7400000002</v>
      </c>
      <c r="M282" s="11">
        <v>5613356.9000000004</v>
      </c>
      <c r="N282" s="11">
        <v>5944989.1569999997</v>
      </c>
      <c r="O282" s="11">
        <v>65887488.281000003</v>
      </c>
      <c r="P282" s="11">
        <v>65887488.281000003</v>
      </c>
    </row>
    <row r="283" spans="1:16" x14ac:dyDescent="0.25">
      <c r="A283" t="s">
        <v>167</v>
      </c>
      <c r="B283" s="9" t="s">
        <v>17</v>
      </c>
      <c r="C283" s="11">
        <v>-22198.85</v>
      </c>
      <c r="D283" s="11">
        <v>1346.01</v>
      </c>
      <c r="E283" s="11">
        <v>527.34</v>
      </c>
      <c r="F283" s="11">
        <v>1321.17</v>
      </c>
      <c r="G283" s="11">
        <v>1174</v>
      </c>
      <c r="H283" s="11">
        <v>-630.79999999999995</v>
      </c>
      <c r="I283" s="11">
        <v>778.76</v>
      </c>
      <c r="J283" s="11">
        <v>914.88</v>
      </c>
      <c r="K283" s="11">
        <v>815.54</v>
      </c>
      <c r="L283" s="11">
        <v>849.16</v>
      </c>
      <c r="M283" s="11">
        <v>802.06</v>
      </c>
      <c r="N283" s="11">
        <v>220666.35</v>
      </c>
      <c r="O283" s="11">
        <v>206365.62</v>
      </c>
      <c r="P283" s="11">
        <v>206365.62</v>
      </c>
    </row>
    <row r="284" spans="1:16" x14ac:dyDescent="0.25">
      <c r="B284" s="9" t="s">
        <v>19</v>
      </c>
      <c r="C284" s="11">
        <v>20196.64</v>
      </c>
      <c r="D284" s="11">
        <v>20415.47</v>
      </c>
      <c r="E284" s="11">
        <v>20764.13</v>
      </c>
      <c r="F284" s="11">
        <v>22950.87</v>
      </c>
      <c r="G284" s="11">
        <v>22541.89</v>
      </c>
      <c r="H284" s="11">
        <v>21303.78</v>
      </c>
      <c r="I284" s="11">
        <v>22440.28</v>
      </c>
      <c r="J284" s="11">
        <v>22456.6</v>
      </c>
      <c r="K284" s="11">
        <v>22408.51</v>
      </c>
      <c r="L284" s="11">
        <v>22902.43</v>
      </c>
      <c r="M284" s="11">
        <v>21688.45</v>
      </c>
      <c r="N284" s="11">
        <v>22248.82</v>
      </c>
      <c r="O284" s="11">
        <v>262317.87</v>
      </c>
      <c r="P284" s="11">
        <v>262317.87</v>
      </c>
    </row>
    <row r="285" spans="1:16" x14ac:dyDescent="0.25">
      <c r="B285" s="9" t="s">
        <v>20</v>
      </c>
      <c r="C285" s="11"/>
      <c r="D285" s="11">
        <v>2835</v>
      </c>
      <c r="E285" s="11"/>
      <c r="F285" s="11">
        <v>-2835</v>
      </c>
      <c r="G285" s="11"/>
      <c r="H285" s="11"/>
      <c r="I285" s="11"/>
      <c r="J285" s="11"/>
      <c r="K285" s="11"/>
      <c r="L285" s="11"/>
      <c r="M285" s="11"/>
      <c r="N285" s="11"/>
      <c r="O285" s="11">
        <v>0</v>
      </c>
      <c r="P285" s="11">
        <v>0</v>
      </c>
    </row>
    <row r="286" spans="1:16" x14ac:dyDescent="0.25">
      <c r="B286" s="9" t="s">
        <v>21</v>
      </c>
      <c r="C286" s="11"/>
      <c r="D286" s="11">
        <v>15.93</v>
      </c>
      <c r="E286" s="11"/>
      <c r="F286" s="11">
        <v>146415.59</v>
      </c>
      <c r="G286" s="11">
        <v>7302.83</v>
      </c>
      <c r="H286" s="11">
        <v>1805.75</v>
      </c>
      <c r="I286" s="11">
        <v>-2399.56</v>
      </c>
      <c r="J286" s="11">
        <v>1478.79</v>
      </c>
      <c r="K286" s="11">
        <v>-143927.84</v>
      </c>
      <c r="L286" s="11">
        <v>2052.4899999999998</v>
      </c>
      <c r="M286" s="11">
        <v>2327.44</v>
      </c>
      <c r="N286" s="11">
        <v>155585.60999999999</v>
      </c>
      <c r="O286" s="11">
        <v>170657.03</v>
      </c>
      <c r="P286" s="11">
        <v>170657.03</v>
      </c>
    </row>
    <row r="287" spans="1:16" x14ac:dyDescent="0.25">
      <c r="B287" s="9" t="s">
        <v>23</v>
      </c>
      <c r="C287" s="11"/>
      <c r="D287" s="11"/>
      <c r="E287" s="11"/>
      <c r="F287" s="11">
        <v>1.87</v>
      </c>
      <c r="G287" s="11"/>
      <c r="H287" s="11"/>
      <c r="I287" s="11"/>
      <c r="J287" s="11">
        <v>0.06</v>
      </c>
      <c r="K287" s="11"/>
      <c r="L287" s="11"/>
      <c r="M287" s="11"/>
      <c r="N287" s="11">
        <v>0</v>
      </c>
      <c r="O287" s="11">
        <v>1.93</v>
      </c>
      <c r="P287" s="11">
        <v>1.93</v>
      </c>
    </row>
    <row r="288" spans="1:16" x14ac:dyDescent="0.25">
      <c r="B288" s="9" t="s">
        <v>25</v>
      </c>
      <c r="C288" s="11">
        <v>150.38999999999999</v>
      </c>
      <c r="D288" s="11">
        <v>333.58</v>
      </c>
      <c r="E288" s="11">
        <v>383.86</v>
      </c>
      <c r="F288" s="11">
        <v>155.38</v>
      </c>
      <c r="G288" s="11">
        <v>66.930000000000007</v>
      </c>
      <c r="H288" s="11">
        <v>853.94</v>
      </c>
      <c r="I288" s="11">
        <v>769.19</v>
      </c>
      <c r="J288" s="11">
        <v>60</v>
      </c>
      <c r="K288" s="11">
        <v>58</v>
      </c>
      <c r="L288" s="11">
        <v>126.57</v>
      </c>
      <c r="M288" s="11">
        <v>58</v>
      </c>
      <c r="N288" s="11">
        <v>58</v>
      </c>
      <c r="O288" s="11">
        <v>3073.84</v>
      </c>
      <c r="P288" s="11">
        <v>3073.84</v>
      </c>
    </row>
    <row r="289" spans="2:16" x14ac:dyDescent="0.25">
      <c r="B289" s="9" t="s">
        <v>26</v>
      </c>
      <c r="C289" s="11">
        <v>1754.33</v>
      </c>
      <c r="D289" s="11">
        <v>3676.67</v>
      </c>
      <c r="E289" s="11">
        <v>3615.94</v>
      </c>
      <c r="F289" s="11">
        <v>2477.64</v>
      </c>
      <c r="G289" s="11">
        <v>-6330.49</v>
      </c>
      <c r="H289" s="11">
        <v>7304.66</v>
      </c>
      <c r="I289" s="11">
        <v>2712.32</v>
      </c>
      <c r="J289" s="11">
        <v>4100.32</v>
      </c>
      <c r="K289" s="11">
        <v>3471.81</v>
      </c>
      <c r="L289" s="11">
        <v>5208.49</v>
      </c>
      <c r="M289" s="11">
        <v>4180.8900000000003</v>
      </c>
      <c r="N289" s="11">
        <v>3551.53</v>
      </c>
      <c r="O289" s="11">
        <v>35724.11</v>
      </c>
      <c r="P289" s="11">
        <v>35724.11</v>
      </c>
    </row>
    <row r="290" spans="2:16" x14ac:dyDescent="0.25">
      <c r="B290" s="9" t="s">
        <v>28</v>
      </c>
      <c r="C290" s="11">
        <v>132.33000000000001</v>
      </c>
      <c r="D290" s="11">
        <v>74.510000000000005</v>
      </c>
      <c r="E290" s="11">
        <v>192.69</v>
      </c>
      <c r="F290" s="11">
        <v>182.15</v>
      </c>
      <c r="G290" s="11">
        <v>178.63</v>
      </c>
      <c r="H290" s="11">
        <v>86.24</v>
      </c>
      <c r="I290" s="11">
        <v>6069.99</v>
      </c>
      <c r="J290" s="11">
        <v>2325.65</v>
      </c>
      <c r="K290" s="11">
        <v>85.95</v>
      </c>
      <c r="L290" s="11">
        <v>98.02</v>
      </c>
      <c r="M290" s="11">
        <v>585.58000000000004</v>
      </c>
      <c r="N290" s="11">
        <v>483.72</v>
      </c>
      <c r="O290" s="11">
        <v>10495.46</v>
      </c>
      <c r="P290" s="11">
        <v>10495.46</v>
      </c>
    </row>
    <row r="291" spans="2:16" x14ac:dyDescent="0.25">
      <c r="B291" s="9" t="s">
        <v>29</v>
      </c>
      <c r="C291" s="11">
        <v>2609.38</v>
      </c>
      <c r="D291" s="11">
        <v>2558.09</v>
      </c>
      <c r="E291" s="11">
        <v>2786.66</v>
      </c>
      <c r="F291" s="11">
        <v>2577.7800000000002</v>
      </c>
      <c r="G291" s="11">
        <v>3770.37</v>
      </c>
      <c r="H291" s="11">
        <v>3106.65</v>
      </c>
      <c r="I291" s="11">
        <v>3631.87</v>
      </c>
      <c r="J291" s="11">
        <v>3699.04</v>
      </c>
      <c r="K291" s="11">
        <v>2808.28</v>
      </c>
      <c r="L291" s="11">
        <v>2281.56</v>
      </c>
      <c r="M291" s="11">
        <v>3038.52</v>
      </c>
      <c r="N291" s="11">
        <v>1725.94</v>
      </c>
      <c r="O291" s="11">
        <v>34594.14</v>
      </c>
      <c r="P291" s="11">
        <v>34594.14</v>
      </c>
    </row>
    <row r="292" spans="2:16" x14ac:dyDescent="0.25">
      <c r="B292" s="9" t="s">
        <v>30</v>
      </c>
      <c r="C292" s="11">
        <v>114431.03999999999</v>
      </c>
      <c r="D292" s="11">
        <v>217220.05</v>
      </c>
      <c r="E292" s="11">
        <v>310636.98</v>
      </c>
      <c r="F292" s="11">
        <v>183166.96</v>
      </c>
      <c r="G292" s="11">
        <v>191718.29</v>
      </c>
      <c r="H292" s="11">
        <v>222721.7</v>
      </c>
      <c r="I292" s="11">
        <v>40738.47</v>
      </c>
      <c r="J292" s="11">
        <v>332835.68</v>
      </c>
      <c r="K292" s="11">
        <v>312180.5</v>
      </c>
      <c r="L292" s="11">
        <v>164299.70000000001</v>
      </c>
      <c r="M292" s="11">
        <v>191832.82</v>
      </c>
      <c r="N292" s="11">
        <v>220559.6</v>
      </c>
      <c r="O292" s="11">
        <v>2502341.79</v>
      </c>
      <c r="P292" s="11">
        <v>2502341.79</v>
      </c>
    </row>
    <row r="293" spans="2:16" x14ac:dyDescent="0.25">
      <c r="B293" s="9" t="s">
        <v>31</v>
      </c>
      <c r="C293" s="11">
        <v>1973.59</v>
      </c>
      <c r="D293" s="11">
        <v>4617.49</v>
      </c>
      <c r="E293" s="11"/>
      <c r="F293" s="11"/>
      <c r="G293" s="11"/>
      <c r="H293" s="11"/>
      <c r="I293" s="11">
        <v>1109.18</v>
      </c>
      <c r="J293" s="11">
        <v>-1295.58</v>
      </c>
      <c r="K293" s="11"/>
      <c r="L293" s="11"/>
      <c r="M293" s="11"/>
      <c r="N293" s="11">
        <v>0</v>
      </c>
      <c r="O293" s="11">
        <v>6404.68</v>
      </c>
      <c r="P293" s="11">
        <v>6404.68</v>
      </c>
    </row>
    <row r="294" spans="2:16" x14ac:dyDescent="0.25">
      <c r="B294" s="9" t="s">
        <v>32</v>
      </c>
      <c r="C294" s="11"/>
      <c r="D294" s="11">
        <v>1.1000000000000001</v>
      </c>
      <c r="E294" s="11"/>
      <c r="F294" s="11">
        <v>13.75</v>
      </c>
      <c r="G294" s="11">
        <v>1.39</v>
      </c>
      <c r="H294" s="11">
        <v>2</v>
      </c>
      <c r="I294" s="11">
        <v>1687.85</v>
      </c>
      <c r="J294" s="11"/>
      <c r="K294" s="11">
        <v>13468.05</v>
      </c>
      <c r="L294" s="11">
        <v>16322.87</v>
      </c>
      <c r="M294" s="11">
        <v>8407.8700000000008</v>
      </c>
      <c r="N294" s="11">
        <v>26.21</v>
      </c>
      <c r="O294" s="11">
        <v>39931.089999999997</v>
      </c>
      <c r="P294" s="11">
        <v>39931.089999999997</v>
      </c>
    </row>
    <row r="295" spans="2:16" x14ac:dyDescent="0.25">
      <c r="B295" s="9" t="s">
        <v>33</v>
      </c>
      <c r="C295" s="11">
        <v>5793.19</v>
      </c>
      <c r="D295" s="11">
        <v>463.85</v>
      </c>
      <c r="E295" s="11">
        <v>474.54</v>
      </c>
      <c r="F295" s="11">
        <v>463.85</v>
      </c>
      <c r="G295" s="11">
        <v>464.73</v>
      </c>
      <c r="H295" s="11">
        <v>5189.5</v>
      </c>
      <c r="I295" s="11">
        <v>8512.57</v>
      </c>
      <c r="J295" s="11">
        <v>3192.98</v>
      </c>
      <c r="K295" s="11">
        <v>467.94</v>
      </c>
      <c r="L295" s="11">
        <v>477.79</v>
      </c>
      <c r="M295" s="11">
        <v>467.13</v>
      </c>
      <c r="N295" s="11">
        <v>484.05</v>
      </c>
      <c r="O295" s="11">
        <v>26452.12</v>
      </c>
      <c r="P295" s="11">
        <v>26452.12</v>
      </c>
    </row>
    <row r="296" spans="2:16" x14ac:dyDescent="0.25">
      <c r="B296" s="9" t="s">
        <v>35</v>
      </c>
      <c r="C296" s="11"/>
      <c r="D296" s="11"/>
      <c r="E296" s="11"/>
      <c r="F296" s="11"/>
      <c r="G296" s="11"/>
      <c r="H296" s="11"/>
      <c r="I296" s="11"/>
      <c r="J296" s="11"/>
      <c r="K296" s="11">
        <v>0</v>
      </c>
      <c r="L296" s="11"/>
      <c r="M296" s="11"/>
      <c r="N296" s="11">
        <v>0</v>
      </c>
      <c r="O296" s="11">
        <v>0</v>
      </c>
      <c r="P296" s="11">
        <v>0</v>
      </c>
    </row>
    <row r="297" spans="2:16" x14ac:dyDescent="0.25">
      <c r="B297" s="9" t="s">
        <v>36</v>
      </c>
      <c r="C297" s="11">
        <v>0</v>
      </c>
      <c r="D297" s="11">
        <v>3.7</v>
      </c>
      <c r="E297" s="11">
        <v>0</v>
      </c>
      <c r="F297" s="11">
        <v>0</v>
      </c>
      <c r="G297" s="11"/>
      <c r="H297" s="11">
        <v>-3.7</v>
      </c>
      <c r="I297" s="11"/>
      <c r="J297" s="11">
        <v>0</v>
      </c>
      <c r="K297" s="11">
        <v>0</v>
      </c>
      <c r="L297" s="11"/>
      <c r="M297" s="11">
        <v>0</v>
      </c>
      <c r="N297" s="11">
        <v>0</v>
      </c>
      <c r="O297" s="11">
        <v>0</v>
      </c>
      <c r="P297" s="11">
        <v>0</v>
      </c>
    </row>
    <row r="298" spans="2:16" x14ac:dyDescent="0.25">
      <c r="B298" s="9" t="s">
        <v>37</v>
      </c>
      <c r="C298" s="11"/>
      <c r="D298" s="11"/>
      <c r="E298" s="11">
        <v>0</v>
      </c>
      <c r="F298" s="11"/>
      <c r="G298" s="11"/>
      <c r="H298" s="11"/>
      <c r="I298" s="11">
        <v>0</v>
      </c>
      <c r="J298" s="11">
        <v>0</v>
      </c>
      <c r="K298" s="11">
        <v>0</v>
      </c>
      <c r="L298" s="11"/>
      <c r="M298" s="11">
        <v>0</v>
      </c>
      <c r="N298" s="11">
        <v>0</v>
      </c>
      <c r="O298" s="11">
        <v>0</v>
      </c>
      <c r="P298" s="11">
        <v>0</v>
      </c>
    </row>
    <row r="299" spans="2:16" x14ac:dyDescent="0.25">
      <c r="B299" s="9" t="s">
        <v>38</v>
      </c>
      <c r="C299" s="11"/>
      <c r="D299" s="11"/>
      <c r="E299" s="11">
        <v>0</v>
      </c>
      <c r="F299" s="11"/>
      <c r="G299" s="11"/>
      <c r="H299" s="11"/>
      <c r="I299" s="11">
        <v>0</v>
      </c>
      <c r="J299" s="11">
        <v>0</v>
      </c>
      <c r="K299" s="11"/>
      <c r="L299" s="11"/>
      <c r="M299" s="11">
        <v>0</v>
      </c>
      <c r="N299" s="11">
        <v>0</v>
      </c>
      <c r="O299" s="11">
        <v>0</v>
      </c>
      <c r="P299" s="11">
        <v>0</v>
      </c>
    </row>
    <row r="300" spans="2:16" x14ac:dyDescent="0.25">
      <c r="B300" s="9" t="s">
        <v>39</v>
      </c>
      <c r="C300" s="11"/>
      <c r="D300" s="11"/>
      <c r="E300" s="11"/>
      <c r="F300" s="11"/>
      <c r="G300" s="11"/>
      <c r="H300" s="11"/>
      <c r="I300" s="11"/>
      <c r="J300" s="11">
        <v>0</v>
      </c>
      <c r="K300" s="11"/>
      <c r="L300" s="11">
        <v>0</v>
      </c>
      <c r="M300" s="11"/>
      <c r="N300" s="11">
        <v>0</v>
      </c>
      <c r="O300" s="11">
        <v>0</v>
      </c>
      <c r="P300" s="11">
        <v>0</v>
      </c>
    </row>
    <row r="301" spans="2:16" x14ac:dyDescent="0.25">
      <c r="B301" s="9" t="s">
        <v>41</v>
      </c>
      <c r="C301" s="11"/>
      <c r="D301" s="11"/>
      <c r="E301" s="11">
        <v>17.59</v>
      </c>
      <c r="F301" s="11"/>
      <c r="G301" s="11"/>
      <c r="H301" s="11">
        <v>7.5</v>
      </c>
      <c r="I301" s="11"/>
      <c r="J301" s="11">
        <v>1.1000000000000001</v>
      </c>
      <c r="K301" s="11"/>
      <c r="L301" s="11">
        <v>3.57</v>
      </c>
      <c r="M301" s="11"/>
      <c r="N301" s="11">
        <v>21.33</v>
      </c>
      <c r="O301" s="11">
        <v>51.09</v>
      </c>
      <c r="P301" s="11">
        <v>51.09</v>
      </c>
    </row>
    <row r="302" spans="2:16" x14ac:dyDescent="0.25">
      <c r="B302" s="9" t="s">
        <v>42</v>
      </c>
      <c r="C302" s="11">
        <v>1768.81</v>
      </c>
      <c r="D302" s="11">
        <v>1760.88</v>
      </c>
      <c r="E302" s="11">
        <v>1867.63</v>
      </c>
      <c r="F302" s="11">
        <v>1860.21</v>
      </c>
      <c r="G302" s="11">
        <v>1835.85</v>
      </c>
      <c r="H302" s="11">
        <v>2124.31</v>
      </c>
      <c r="I302" s="11">
        <v>1829.57</v>
      </c>
      <c r="J302" s="11">
        <v>1952.44</v>
      </c>
      <c r="K302" s="11">
        <v>1876.22</v>
      </c>
      <c r="L302" s="11">
        <v>1962.33</v>
      </c>
      <c r="M302" s="11">
        <v>2026.32</v>
      </c>
      <c r="N302" s="11">
        <v>1905.12</v>
      </c>
      <c r="O302" s="11">
        <v>22769.69</v>
      </c>
      <c r="P302" s="11">
        <v>22769.69</v>
      </c>
    </row>
    <row r="303" spans="2:16" x14ac:dyDescent="0.25">
      <c r="B303" s="9" t="s">
        <v>43</v>
      </c>
      <c r="C303" s="11"/>
      <c r="D303" s="11"/>
      <c r="E303" s="11"/>
      <c r="F303" s="11"/>
      <c r="G303" s="11"/>
      <c r="H303" s="11"/>
      <c r="I303" s="11"/>
      <c r="J303" s="11"/>
      <c r="K303" s="11"/>
      <c r="L303" s="11"/>
      <c r="M303" s="11"/>
      <c r="N303" s="11">
        <v>0</v>
      </c>
      <c r="O303" s="11">
        <v>0</v>
      </c>
      <c r="P303" s="11">
        <v>0</v>
      </c>
    </row>
    <row r="304" spans="2:16" x14ac:dyDescent="0.25">
      <c r="B304" s="9" t="s">
        <v>44</v>
      </c>
      <c r="C304" s="11"/>
      <c r="D304" s="11"/>
      <c r="E304" s="11"/>
      <c r="F304" s="11"/>
      <c r="G304" s="11"/>
      <c r="H304" s="11">
        <v>75.3</v>
      </c>
      <c r="I304" s="11">
        <v>78.84</v>
      </c>
      <c r="J304" s="11">
        <v>87.7</v>
      </c>
      <c r="K304" s="11">
        <v>85.19</v>
      </c>
      <c r="L304" s="11">
        <v>84.57</v>
      </c>
      <c r="M304" s="11">
        <v>84.91</v>
      </c>
      <c r="N304" s="11">
        <v>84.97</v>
      </c>
      <c r="O304" s="11">
        <v>581.48</v>
      </c>
      <c r="P304" s="11">
        <v>581.48</v>
      </c>
    </row>
    <row r="305" spans="2:16" x14ac:dyDescent="0.25">
      <c r="B305" s="9" t="s">
        <v>45</v>
      </c>
      <c r="C305" s="11">
        <v>2489.9299999999998</v>
      </c>
      <c r="D305" s="11">
        <v>4092.87</v>
      </c>
      <c r="E305" s="11">
        <v>3080.93</v>
      </c>
      <c r="F305" s="11">
        <v>3601.61</v>
      </c>
      <c r="G305" s="11">
        <v>3512.83</v>
      </c>
      <c r="H305" s="11">
        <v>1923.73</v>
      </c>
      <c r="I305" s="11">
        <v>3363.93</v>
      </c>
      <c r="J305" s="11">
        <v>4091.99</v>
      </c>
      <c r="K305" s="11">
        <v>3551.89</v>
      </c>
      <c r="L305" s="11">
        <v>5001.34</v>
      </c>
      <c r="M305" s="11">
        <v>3395.54</v>
      </c>
      <c r="N305" s="11">
        <v>3105.33</v>
      </c>
      <c r="O305" s="11">
        <v>41211.919999999998</v>
      </c>
      <c r="P305" s="11">
        <v>41211.919999999998</v>
      </c>
    </row>
    <row r="306" spans="2:16" x14ac:dyDescent="0.25">
      <c r="B306" s="9" t="s">
        <v>46</v>
      </c>
      <c r="C306" s="11">
        <v>4099.28</v>
      </c>
      <c r="D306" s="11">
        <v>4567.1499999999996</v>
      </c>
      <c r="E306" s="11">
        <v>4362.24</v>
      </c>
      <c r="F306" s="11">
        <v>4272.5</v>
      </c>
      <c r="G306" s="11">
        <v>4295.96</v>
      </c>
      <c r="H306" s="11">
        <v>4925.57</v>
      </c>
      <c r="I306" s="11">
        <v>4168.3100000000004</v>
      </c>
      <c r="J306" s="11">
        <v>4157.9799999999996</v>
      </c>
      <c r="K306" s="11">
        <v>4026.81</v>
      </c>
      <c r="L306" s="11">
        <v>5044.3900000000003</v>
      </c>
      <c r="M306" s="11">
        <v>3701.92</v>
      </c>
      <c r="N306" s="11">
        <v>5340.29</v>
      </c>
      <c r="O306" s="11">
        <v>52962.400000000001</v>
      </c>
      <c r="P306" s="11">
        <v>52962.400000000001</v>
      </c>
    </row>
    <row r="307" spans="2:16" x14ac:dyDescent="0.25">
      <c r="B307" s="9" t="s">
        <v>47</v>
      </c>
      <c r="C307" s="11"/>
      <c r="D307" s="11"/>
      <c r="E307" s="11"/>
      <c r="F307" s="11"/>
      <c r="G307" s="11"/>
      <c r="H307" s="11"/>
      <c r="I307" s="11"/>
      <c r="J307" s="11"/>
      <c r="K307" s="11">
        <v>14477.5</v>
      </c>
      <c r="L307" s="11">
        <v>0</v>
      </c>
      <c r="M307" s="11"/>
      <c r="N307" s="11">
        <v>-14477.5</v>
      </c>
      <c r="O307" s="11">
        <v>0</v>
      </c>
      <c r="P307" s="11">
        <v>0</v>
      </c>
    </row>
    <row r="308" spans="2:16" x14ac:dyDescent="0.25">
      <c r="B308" s="9" t="s">
        <v>49</v>
      </c>
      <c r="C308" s="11"/>
      <c r="D308" s="11"/>
      <c r="E308" s="11"/>
      <c r="F308" s="11"/>
      <c r="G308" s="11"/>
      <c r="H308" s="11">
        <v>8398.56</v>
      </c>
      <c r="I308" s="11">
        <v>29578.06</v>
      </c>
      <c r="J308" s="11">
        <v>-32948.33</v>
      </c>
      <c r="K308" s="11">
        <v>2238.73</v>
      </c>
      <c r="L308" s="11">
        <v>2.74</v>
      </c>
      <c r="M308" s="11"/>
      <c r="N308" s="11">
        <v>0</v>
      </c>
      <c r="O308" s="11">
        <v>7269.76</v>
      </c>
      <c r="P308" s="11">
        <v>7269.76</v>
      </c>
    </row>
    <row r="309" spans="2:16" x14ac:dyDescent="0.25">
      <c r="B309" s="9" t="s">
        <v>50</v>
      </c>
      <c r="C309" s="11">
        <v>2572.77</v>
      </c>
      <c r="D309" s="11">
        <v>2471.37</v>
      </c>
      <c r="E309" s="11">
        <v>2805.76</v>
      </c>
      <c r="F309" s="11">
        <v>2602.86</v>
      </c>
      <c r="G309" s="11">
        <v>3707.75</v>
      </c>
      <c r="H309" s="11">
        <v>2997.99</v>
      </c>
      <c r="I309" s="11">
        <v>3527.49</v>
      </c>
      <c r="J309" s="11">
        <v>3245.41</v>
      </c>
      <c r="K309" s="11">
        <v>2719.59</v>
      </c>
      <c r="L309" s="11">
        <v>2258.7399999999998</v>
      </c>
      <c r="M309" s="11">
        <v>2977.38</v>
      </c>
      <c r="N309" s="11">
        <v>14868.11</v>
      </c>
      <c r="O309" s="11">
        <v>46755.22</v>
      </c>
      <c r="P309" s="11">
        <v>46755.22</v>
      </c>
    </row>
    <row r="310" spans="2:16" x14ac:dyDescent="0.25">
      <c r="B310" s="9" t="s">
        <v>53</v>
      </c>
      <c r="C310" s="11">
        <v>50227.16</v>
      </c>
      <c r="D310" s="11">
        <v>102117.19</v>
      </c>
      <c r="E310" s="11">
        <v>140872.09</v>
      </c>
      <c r="F310" s="11">
        <v>248843.21</v>
      </c>
      <c r="G310" s="11">
        <v>155421.20000000001</v>
      </c>
      <c r="H310" s="11">
        <v>234332.42</v>
      </c>
      <c r="I310" s="11">
        <v>320283.96000000002</v>
      </c>
      <c r="J310" s="11">
        <v>240189.03</v>
      </c>
      <c r="K310" s="11">
        <v>56057.81</v>
      </c>
      <c r="L310" s="11">
        <v>124305.1</v>
      </c>
      <c r="M310" s="11">
        <v>114348.81</v>
      </c>
      <c r="N310" s="11">
        <v>149152.32999999999</v>
      </c>
      <c r="O310" s="11">
        <v>1936150.31</v>
      </c>
      <c r="P310" s="11">
        <v>1936150.31</v>
      </c>
    </row>
    <row r="311" spans="2:16" x14ac:dyDescent="0.25">
      <c r="B311" s="9" t="s">
        <v>54</v>
      </c>
      <c r="C311" s="11">
        <v>0</v>
      </c>
      <c r="D311" s="11"/>
      <c r="E311" s="11"/>
      <c r="F311" s="11"/>
      <c r="G311" s="11"/>
      <c r="H311" s="11"/>
      <c r="I311" s="11"/>
      <c r="J311" s="11"/>
      <c r="K311" s="11"/>
      <c r="L311" s="11"/>
      <c r="M311" s="11"/>
      <c r="N311" s="11"/>
      <c r="O311" s="11">
        <v>0</v>
      </c>
      <c r="P311" s="11">
        <v>0</v>
      </c>
    </row>
    <row r="312" spans="2:16" x14ac:dyDescent="0.25">
      <c r="B312" s="9" t="s">
        <v>57</v>
      </c>
      <c r="C312" s="11">
        <v>2297.13</v>
      </c>
      <c r="D312" s="11">
        <v>193.86</v>
      </c>
      <c r="E312" s="11">
        <v>166.22</v>
      </c>
      <c r="F312" s="11">
        <v>152.55000000000001</v>
      </c>
      <c r="G312" s="11">
        <v>161.71</v>
      </c>
      <c r="H312" s="11">
        <v>167.95</v>
      </c>
      <c r="I312" s="11">
        <v>150.29</v>
      </c>
      <c r="J312" s="11">
        <v>159.44999999999999</v>
      </c>
      <c r="K312" s="11">
        <v>170.7</v>
      </c>
      <c r="L312" s="11">
        <v>191.44</v>
      </c>
      <c r="M312" s="11">
        <v>144.9</v>
      </c>
      <c r="N312" s="11">
        <v>170.37</v>
      </c>
      <c r="O312" s="11">
        <v>4126.57</v>
      </c>
      <c r="P312" s="11">
        <v>4126.57</v>
      </c>
    </row>
    <row r="313" spans="2:16" x14ac:dyDescent="0.25">
      <c r="B313" s="9" t="s">
        <v>58</v>
      </c>
      <c r="C313" s="11">
        <v>541.16999999999996</v>
      </c>
      <c r="D313" s="11">
        <v>550.41999999999996</v>
      </c>
      <c r="E313" s="11">
        <v>582.20000000000005</v>
      </c>
      <c r="F313" s="11">
        <v>535.04</v>
      </c>
      <c r="G313" s="11">
        <v>558.86</v>
      </c>
      <c r="H313" s="11">
        <v>588.27</v>
      </c>
      <c r="I313" s="11">
        <v>528.11</v>
      </c>
      <c r="J313" s="11">
        <v>558.51</v>
      </c>
      <c r="K313" s="11">
        <v>597.83000000000004</v>
      </c>
      <c r="L313" s="11">
        <v>653.23</v>
      </c>
      <c r="M313" s="11">
        <v>507.58</v>
      </c>
      <c r="N313" s="11">
        <v>590.91999999999996</v>
      </c>
      <c r="O313" s="11">
        <v>6792.14</v>
      </c>
      <c r="P313" s="11">
        <v>6792.14</v>
      </c>
    </row>
    <row r="314" spans="2:16" x14ac:dyDescent="0.25">
      <c r="B314" s="9" t="s">
        <v>59</v>
      </c>
      <c r="C314" s="11">
        <v>77.260000000000005</v>
      </c>
      <c r="D314" s="11">
        <v>78.59</v>
      </c>
      <c r="E314" s="11">
        <v>83.13</v>
      </c>
      <c r="F314" s="11">
        <v>76.260000000000005</v>
      </c>
      <c r="G314" s="11">
        <v>79.69</v>
      </c>
      <c r="H314" s="11">
        <v>84</v>
      </c>
      <c r="I314" s="11">
        <v>75.150000000000006</v>
      </c>
      <c r="J314" s="11">
        <v>79.72</v>
      </c>
      <c r="K314" s="11">
        <v>85.35</v>
      </c>
      <c r="L314" s="11">
        <v>92.87</v>
      </c>
      <c r="M314" s="11">
        <v>72.48</v>
      </c>
      <c r="N314" s="11">
        <v>84.42</v>
      </c>
      <c r="O314" s="11">
        <v>968.92</v>
      </c>
      <c r="P314" s="11">
        <v>968.92</v>
      </c>
    </row>
    <row r="315" spans="2:16" x14ac:dyDescent="0.25">
      <c r="B315" s="9" t="s">
        <v>62</v>
      </c>
      <c r="C315" s="11">
        <v>-1884.23</v>
      </c>
      <c r="D315" s="11"/>
      <c r="E315" s="11"/>
      <c r="F315" s="11">
        <v>453.25</v>
      </c>
      <c r="G315" s="11">
        <v>0</v>
      </c>
      <c r="H315" s="11">
        <v>2181.0700000000002</v>
      </c>
      <c r="I315" s="11">
        <v>-0.01</v>
      </c>
      <c r="J315" s="11"/>
      <c r="K315" s="11"/>
      <c r="L315" s="11"/>
      <c r="M315" s="11"/>
      <c r="N315" s="11"/>
      <c r="O315" s="11">
        <v>750.08</v>
      </c>
      <c r="P315" s="11">
        <v>750.08</v>
      </c>
    </row>
    <row r="316" spans="2:16" x14ac:dyDescent="0.25">
      <c r="B316" s="9" t="s">
        <v>65</v>
      </c>
      <c r="C316" s="11">
        <v>1858.98</v>
      </c>
      <c r="D316" s="11">
        <v>1652.27</v>
      </c>
      <c r="E316" s="11">
        <v>1464.1</v>
      </c>
      <c r="F316" s="11">
        <v>1380.85</v>
      </c>
      <c r="G316" s="11">
        <v>1534.47</v>
      </c>
      <c r="H316" s="11">
        <v>1457.25</v>
      </c>
      <c r="I316" s="11">
        <v>2250.61</v>
      </c>
      <c r="J316" s="11">
        <v>1647.9</v>
      </c>
      <c r="K316" s="11">
        <v>1656.24</v>
      </c>
      <c r="L316" s="11">
        <v>1625.57</v>
      </c>
      <c r="M316" s="11">
        <v>1742.59</v>
      </c>
      <c r="N316" s="11">
        <v>2390.15</v>
      </c>
      <c r="O316" s="11">
        <v>20660.98</v>
      </c>
      <c r="P316" s="11">
        <v>20660.98</v>
      </c>
    </row>
    <row r="317" spans="2:16" x14ac:dyDescent="0.25">
      <c r="B317" s="9" t="s">
        <v>69</v>
      </c>
      <c r="C317" s="11">
        <v>1896.25</v>
      </c>
      <c r="D317" s="11">
        <v>1870.66</v>
      </c>
      <c r="E317" s="11">
        <v>295.3</v>
      </c>
      <c r="F317" s="11">
        <v>1236.21</v>
      </c>
      <c r="G317" s="11">
        <v>1964.96</v>
      </c>
      <c r="H317" s="11">
        <v>1316.98</v>
      </c>
      <c r="I317" s="11">
        <v>436.57</v>
      </c>
      <c r="J317" s="11">
        <v>1536.12</v>
      </c>
      <c r="K317" s="11">
        <v>1272.7</v>
      </c>
      <c r="L317" s="11">
        <v>1649.67</v>
      </c>
      <c r="M317" s="11">
        <v>8341.9</v>
      </c>
      <c r="N317" s="11">
        <v>7581.64</v>
      </c>
      <c r="O317" s="11">
        <v>29398.959999999999</v>
      </c>
      <c r="P317" s="11">
        <v>29398.959999999999</v>
      </c>
    </row>
    <row r="318" spans="2:16" x14ac:dyDescent="0.25">
      <c r="B318" s="9" t="s">
        <v>70</v>
      </c>
      <c r="C318" s="11"/>
      <c r="D318" s="11"/>
      <c r="E318" s="11"/>
      <c r="F318" s="11"/>
      <c r="G318" s="11"/>
      <c r="H318" s="11"/>
      <c r="I318" s="11"/>
      <c r="J318" s="11"/>
      <c r="K318" s="11"/>
      <c r="L318" s="11"/>
      <c r="M318" s="11"/>
      <c r="N318" s="11">
        <v>0</v>
      </c>
      <c r="O318" s="11">
        <v>0</v>
      </c>
      <c r="P318" s="11">
        <v>0</v>
      </c>
    </row>
    <row r="319" spans="2:16" x14ac:dyDescent="0.25">
      <c r="B319" s="9" t="s">
        <v>72</v>
      </c>
      <c r="C319" s="11">
        <v>1144.8800000000001</v>
      </c>
      <c r="D319" s="11">
        <v>810.32</v>
      </c>
      <c r="E319" s="11">
        <v>1081.43</v>
      </c>
      <c r="F319" s="11">
        <v>1042.47</v>
      </c>
      <c r="G319" s="11">
        <v>837.46</v>
      </c>
      <c r="H319" s="11">
        <v>907.81</v>
      </c>
      <c r="I319" s="11">
        <v>517.89</v>
      </c>
      <c r="J319" s="11"/>
      <c r="K319" s="11">
        <v>156.51</v>
      </c>
      <c r="L319" s="11">
        <v>336.62</v>
      </c>
      <c r="M319" s="11">
        <v>-4349.47</v>
      </c>
      <c r="N319" s="11">
        <v>513.52</v>
      </c>
      <c r="O319" s="11">
        <v>2999.44</v>
      </c>
      <c r="P319" s="11">
        <v>2999.44</v>
      </c>
    </row>
    <row r="320" spans="2:16" x14ac:dyDescent="0.25">
      <c r="B320" s="9" t="s">
        <v>74</v>
      </c>
      <c r="C320" s="11"/>
      <c r="D320" s="11"/>
      <c r="E320" s="11"/>
      <c r="F320" s="11"/>
      <c r="G320" s="11"/>
      <c r="H320" s="11"/>
      <c r="I320" s="11"/>
      <c r="J320" s="11"/>
      <c r="K320" s="11"/>
      <c r="L320" s="11"/>
      <c r="M320" s="11"/>
      <c r="N320" s="11">
        <v>110.54</v>
      </c>
      <c r="O320" s="11">
        <v>110.54</v>
      </c>
      <c r="P320" s="11">
        <v>110.54</v>
      </c>
    </row>
    <row r="321" spans="2:16" x14ac:dyDescent="0.25">
      <c r="B321" s="9" t="s">
        <v>76</v>
      </c>
      <c r="C321" s="11">
        <v>-5652.77</v>
      </c>
      <c r="D321" s="11"/>
      <c r="E321" s="11"/>
      <c r="F321" s="11">
        <v>1359.75</v>
      </c>
      <c r="G321" s="11">
        <v>0</v>
      </c>
      <c r="H321" s="11">
        <v>6543.21</v>
      </c>
      <c r="I321" s="11">
        <v>0.01</v>
      </c>
      <c r="J321" s="11"/>
      <c r="K321" s="11">
        <v>190.57</v>
      </c>
      <c r="L321" s="11"/>
      <c r="M321" s="11"/>
      <c r="N321" s="11"/>
      <c r="O321" s="11">
        <v>2440.77</v>
      </c>
      <c r="P321" s="11">
        <v>2440.77</v>
      </c>
    </row>
    <row r="322" spans="2:16" x14ac:dyDescent="0.25">
      <c r="B322" s="9" t="s">
        <v>78</v>
      </c>
      <c r="C322" s="11">
        <v>2457.2399999999998</v>
      </c>
      <c r="D322" s="11">
        <v>2447.7199999999998</v>
      </c>
      <c r="E322" s="11">
        <v>2723.31</v>
      </c>
      <c r="F322" s="11">
        <v>2508.17</v>
      </c>
      <c r="G322" s="11">
        <v>2506.94</v>
      </c>
      <c r="H322" s="11">
        <v>2629.8</v>
      </c>
      <c r="I322" s="11">
        <v>2658.75</v>
      </c>
      <c r="J322" s="11">
        <v>2490.81</v>
      </c>
      <c r="K322" s="11">
        <v>2244.29</v>
      </c>
      <c r="L322" s="11">
        <v>2250.2600000000002</v>
      </c>
      <c r="M322" s="11">
        <v>2353.04</v>
      </c>
      <c r="N322" s="11">
        <v>2404.27</v>
      </c>
      <c r="O322" s="11">
        <v>29674.6</v>
      </c>
      <c r="P322" s="11">
        <v>29674.6</v>
      </c>
    </row>
    <row r="323" spans="2:16" x14ac:dyDescent="0.25">
      <c r="B323" s="9" t="s">
        <v>81</v>
      </c>
      <c r="C323" s="11">
        <v>651.30999999999995</v>
      </c>
      <c r="D323" s="11">
        <v>736.66</v>
      </c>
      <c r="E323" s="11">
        <v>748.66</v>
      </c>
      <c r="F323" s="11">
        <v>716.92</v>
      </c>
      <c r="G323" s="11">
        <v>713.1</v>
      </c>
      <c r="H323" s="11">
        <v>778.78</v>
      </c>
      <c r="I323" s="11">
        <v>700.5</v>
      </c>
      <c r="J323" s="11">
        <v>790.57</v>
      </c>
      <c r="K323" s="11">
        <v>802.06</v>
      </c>
      <c r="L323" s="11">
        <v>783.2</v>
      </c>
      <c r="M323" s="11">
        <v>707.28</v>
      </c>
      <c r="N323" s="11">
        <v>643.29999999999995</v>
      </c>
      <c r="O323" s="11">
        <v>8772.34</v>
      </c>
      <c r="P323" s="11">
        <v>8772.34</v>
      </c>
    </row>
    <row r="324" spans="2:16" x14ac:dyDescent="0.25">
      <c r="B324" s="9" t="s">
        <v>82</v>
      </c>
      <c r="C324" s="11">
        <v>59510.61</v>
      </c>
      <c r="D324" s="11">
        <v>7060.04</v>
      </c>
      <c r="E324" s="11">
        <v>5821.39</v>
      </c>
      <c r="F324" s="11">
        <v>6978.75</v>
      </c>
      <c r="G324" s="11">
        <v>6774.69</v>
      </c>
      <c r="H324" s="11">
        <v>6362.35</v>
      </c>
      <c r="I324" s="11">
        <v>8355.25</v>
      </c>
      <c r="J324" s="11">
        <v>6882.32</v>
      </c>
      <c r="K324" s="11">
        <v>7223.84</v>
      </c>
      <c r="L324" s="11">
        <v>16851.18</v>
      </c>
      <c r="M324" s="11">
        <v>15703.64</v>
      </c>
      <c r="N324" s="11">
        <v>12104.74</v>
      </c>
      <c r="O324" s="11">
        <v>159628.79999999999</v>
      </c>
      <c r="P324" s="11">
        <v>159628.79999999999</v>
      </c>
    </row>
    <row r="325" spans="2:16" x14ac:dyDescent="0.25">
      <c r="B325" s="9" t="s">
        <v>189</v>
      </c>
      <c r="C325" s="11"/>
      <c r="D325" s="11"/>
      <c r="E325" s="11"/>
      <c r="F325" s="11"/>
      <c r="G325" s="11"/>
      <c r="H325" s="11"/>
      <c r="I325" s="11"/>
      <c r="J325" s="11"/>
      <c r="K325" s="11"/>
      <c r="L325" s="11"/>
      <c r="M325" s="11"/>
      <c r="N325" s="11">
        <v>33905.300000000003</v>
      </c>
      <c r="O325" s="11">
        <v>33905.300000000003</v>
      </c>
      <c r="P325" s="11">
        <v>33905.300000000003</v>
      </c>
    </row>
    <row r="326" spans="2:16" x14ac:dyDescent="0.25">
      <c r="B326" s="9" t="s">
        <v>86</v>
      </c>
      <c r="C326" s="11"/>
      <c r="D326" s="11">
        <v>286.39</v>
      </c>
      <c r="E326" s="11">
        <v>-375.17</v>
      </c>
      <c r="F326" s="11"/>
      <c r="G326" s="11"/>
      <c r="H326" s="11"/>
      <c r="I326" s="11"/>
      <c r="J326" s="11"/>
      <c r="K326" s="11"/>
      <c r="L326" s="11"/>
      <c r="M326" s="11"/>
      <c r="N326" s="11"/>
      <c r="O326" s="11">
        <v>-88.78</v>
      </c>
      <c r="P326" s="11">
        <v>-88.78</v>
      </c>
    </row>
    <row r="327" spans="2:16" x14ac:dyDescent="0.25">
      <c r="B327" s="9" t="s">
        <v>87</v>
      </c>
      <c r="C327" s="11">
        <v>1341.37</v>
      </c>
      <c r="D327" s="11">
        <v>1796.47</v>
      </c>
      <c r="E327" s="11">
        <v>2582.3000000000002</v>
      </c>
      <c r="F327" s="11">
        <v>3122.74</v>
      </c>
      <c r="G327" s="11">
        <v>2904</v>
      </c>
      <c r="H327" s="11">
        <v>3176.3</v>
      </c>
      <c r="I327" s="11">
        <v>3101.82</v>
      </c>
      <c r="J327" s="11">
        <v>3104.62</v>
      </c>
      <c r="K327" s="11">
        <v>2376.81</v>
      </c>
      <c r="L327" s="11">
        <v>2199.08</v>
      </c>
      <c r="M327" s="11">
        <v>2062.83</v>
      </c>
      <c r="N327" s="11">
        <v>2991.18</v>
      </c>
      <c r="O327" s="11">
        <v>30759.52</v>
      </c>
      <c r="P327" s="11">
        <v>30759.52</v>
      </c>
    </row>
    <row r="328" spans="2:16" x14ac:dyDescent="0.25">
      <c r="B328" s="9" t="s">
        <v>88</v>
      </c>
      <c r="C328" s="11">
        <v>727.36</v>
      </c>
      <c r="D328" s="11">
        <v>932.23</v>
      </c>
      <c r="E328" s="11">
        <v>1207.8699999999999</v>
      </c>
      <c r="F328" s="11">
        <v>1278.4100000000001</v>
      </c>
      <c r="G328" s="11">
        <v>1507.61</v>
      </c>
      <c r="H328" s="11">
        <v>1502.16</v>
      </c>
      <c r="I328" s="11">
        <v>1323.09</v>
      </c>
      <c r="J328" s="11">
        <v>1527.98</v>
      </c>
      <c r="K328" s="11">
        <v>1499.9</v>
      </c>
      <c r="L328" s="11">
        <v>1349.67</v>
      </c>
      <c r="M328" s="11">
        <v>1618.18</v>
      </c>
      <c r="N328" s="11">
        <v>1463.26</v>
      </c>
      <c r="O328" s="11">
        <v>15937.72</v>
      </c>
      <c r="P328" s="11">
        <v>15937.72</v>
      </c>
    </row>
    <row r="329" spans="2:16" x14ac:dyDescent="0.25">
      <c r="B329" s="9" t="s">
        <v>91</v>
      </c>
      <c r="C329" s="11">
        <v>1676</v>
      </c>
      <c r="D329" s="11">
        <v>-7625</v>
      </c>
      <c r="E329" s="11">
        <v>-2750</v>
      </c>
      <c r="F329" s="11">
        <v>-4787.5</v>
      </c>
      <c r="G329" s="11">
        <v>10161.91</v>
      </c>
      <c r="H329" s="11">
        <v>-12937.5</v>
      </c>
      <c r="I329" s="11">
        <v>3362.5</v>
      </c>
      <c r="J329" s="11">
        <v>-4612.5</v>
      </c>
      <c r="K329" s="11">
        <v>5937.5</v>
      </c>
      <c r="L329" s="11">
        <v>-3187.5</v>
      </c>
      <c r="M329" s="11">
        <v>-5687.5</v>
      </c>
      <c r="N329" s="11">
        <v>4125</v>
      </c>
      <c r="O329" s="11">
        <v>-16324.59</v>
      </c>
      <c r="P329" s="11">
        <v>-16324.59</v>
      </c>
    </row>
    <row r="330" spans="2:16" x14ac:dyDescent="0.25">
      <c r="B330" s="9" t="s">
        <v>92</v>
      </c>
      <c r="C330" s="11">
        <v>5486.51</v>
      </c>
      <c r="D330" s="11">
        <v>5434.82</v>
      </c>
      <c r="E330" s="11">
        <v>5879.84</v>
      </c>
      <c r="F330" s="11">
        <v>6736.17</v>
      </c>
      <c r="G330" s="11">
        <v>4896.72</v>
      </c>
      <c r="H330" s="11">
        <v>7560.15</v>
      </c>
      <c r="I330" s="11">
        <v>7490.85</v>
      </c>
      <c r="J330" s="11">
        <v>6115.99</v>
      </c>
      <c r="K330" s="11">
        <v>6432.91</v>
      </c>
      <c r="L330" s="11">
        <v>6197.55</v>
      </c>
      <c r="M330" s="11">
        <v>7346.27</v>
      </c>
      <c r="N330" s="11">
        <v>4709.6000000000004</v>
      </c>
      <c r="O330" s="11">
        <v>74287.38</v>
      </c>
      <c r="P330" s="11">
        <v>74287.38</v>
      </c>
    </row>
    <row r="331" spans="2:16" x14ac:dyDescent="0.25">
      <c r="B331" s="9" t="s">
        <v>95</v>
      </c>
      <c r="C331" s="11">
        <v>2358.15</v>
      </c>
      <c r="D331" s="11">
        <v>2416.37</v>
      </c>
      <c r="E331" s="11">
        <v>2509.1999999999998</v>
      </c>
      <c r="F331" s="11">
        <v>2247.87</v>
      </c>
      <c r="G331" s="11">
        <v>2637.78</v>
      </c>
      <c r="H331" s="11">
        <v>2722.96</v>
      </c>
      <c r="I331" s="11">
        <v>2530.65</v>
      </c>
      <c r="J331" s="11">
        <v>2983.74</v>
      </c>
      <c r="K331" s="11">
        <v>4638.18</v>
      </c>
      <c r="L331" s="11">
        <v>5444.58</v>
      </c>
      <c r="M331" s="11">
        <v>4663.53</v>
      </c>
      <c r="N331" s="11">
        <v>4446.46</v>
      </c>
      <c r="O331" s="11">
        <v>39599.47</v>
      </c>
      <c r="P331" s="11">
        <v>39599.47</v>
      </c>
    </row>
    <row r="332" spans="2:16" x14ac:dyDescent="0.25">
      <c r="B332" s="9" t="s">
        <v>96</v>
      </c>
      <c r="C332" s="11">
        <v>788.66</v>
      </c>
      <c r="D332" s="11">
        <v>756.62</v>
      </c>
      <c r="E332" s="11">
        <v>956.39</v>
      </c>
      <c r="F332" s="11">
        <v>761.25</v>
      </c>
      <c r="G332" s="11">
        <v>708.37</v>
      </c>
      <c r="H332" s="11">
        <v>819.95</v>
      </c>
      <c r="I332" s="11">
        <v>774.05</v>
      </c>
      <c r="J332" s="11">
        <v>804.53</v>
      </c>
      <c r="K332" s="11">
        <v>804.4</v>
      </c>
      <c r="L332" s="11">
        <v>804.46</v>
      </c>
      <c r="M332" s="11">
        <v>804.4</v>
      </c>
      <c r="N332" s="11">
        <v>805.21</v>
      </c>
      <c r="O332" s="11">
        <v>9588.2900000000009</v>
      </c>
      <c r="P332" s="11">
        <v>9588.2900000000009</v>
      </c>
    </row>
    <row r="333" spans="2:16" x14ac:dyDescent="0.25">
      <c r="B333" s="9" t="s">
        <v>97</v>
      </c>
      <c r="C333" s="11">
        <v>3803.95</v>
      </c>
      <c r="D333" s="11">
        <v>35665</v>
      </c>
      <c r="E333" s="11">
        <v>-22490.09</v>
      </c>
      <c r="F333" s="11">
        <v>15674.16</v>
      </c>
      <c r="G333" s="11">
        <v>26522.19</v>
      </c>
      <c r="H333" s="11">
        <v>3207.31</v>
      </c>
      <c r="I333" s="11">
        <v>18055.689999999999</v>
      </c>
      <c r="J333" s="11">
        <v>12035.29</v>
      </c>
      <c r="K333" s="11">
        <v>77999.740000000005</v>
      </c>
      <c r="L333" s="11">
        <v>-38463.68</v>
      </c>
      <c r="M333" s="11">
        <v>15408.48</v>
      </c>
      <c r="N333" s="11">
        <v>6467.37</v>
      </c>
      <c r="O333" s="11">
        <v>153885.41</v>
      </c>
      <c r="P333" s="11">
        <v>153885.41</v>
      </c>
    </row>
    <row r="334" spans="2:16" x14ac:dyDescent="0.25">
      <c r="B334" s="9" t="s">
        <v>98</v>
      </c>
      <c r="C334" s="11">
        <v>10769.28</v>
      </c>
      <c r="D334" s="11">
        <v>12333.69</v>
      </c>
      <c r="E334" s="11">
        <v>11483.87</v>
      </c>
      <c r="F334" s="11">
        <v>11304.95</v>
      </c>
      <c r="G334" s="11">
        <v>8040.81</v>
      </c>
      <c r="H334" s="11">
        <v>16659.18</v>
      </c>
      <c r="I334" s="11">
        <v>10680.59</v>
      </c>
      <c r="J334" s="11">
        <v>10686.66</v>
      </c>
      <c r="K334" s="11">
        <v>22374.14</v>
      </c>
      <c r="L334" s="11">
        <v>12850.34</v>
      </c>
      <c r="M334" s="11">
        <v>13403.86</v>
      </c>
      <c r="N334" s="11">
        <v>24330.21</v>
      </c>
      <c r="O334" s="11">
        <v>164917.57999999999</v>
      </c>
      <c r="P334" s="11">
        <v>164917.57999999999</v>
      </c>
    </row>
    <row r="335" spans="2:16" x14ac:dyDescent="0.25">
      <c r="B335" s="9" t="s">
        <v>99</v>
      </c>
      <c r="C335" s="11">
        <v>16852.900000000001</v>
      </c>
      <c r="D335" s="11">
        <v>19448.810000000001</v>
      </c>
      <c r="E335" s="11">
        <v>21024.12</v>
      </c>
      <c r="F335" s="11">
        <v>18688.09</v>
      </c>
      <c r="G335" s="11">
        <v>13324.79</v>
      </c>
      <c r="H335" s="11">
        <v>23502.51</v>
      </c>
      <c r="I335" s="11">
        <v>18604.12</v>
      </c>
      <c r="J335" s="11">
        <v>17308.03</v>
      </c>
      <c r="K335" s="11">
        <v>26400.400000000001</v>
      </c>
      <c r="L335" s="11">
        <v>18397.29</v>
      </c>
      <c r="M335" s="11">
        <v>18747.099999999999</v>
      </c>
      <c r="N335" s="11">
        <v>31371.49</v>
      </c>
      <c r="O335" s="11">
        <v>243669.65</v>
      </c>
      <c r="P335" s="11">
        <v>243669.65</v>
      </c>
    </row>
    <row r="336" spans="2:16" x14ac:dyDescent="0.25">
      <c r="B336" s="9" t="s">
        <v>100</v>
      </c>
      <c r="C336" s="11">
        <v>17983.05</v>
      </c>
      <c r="D336" s="11">
        <v>13726.78</v>
      </c>
      <c r="E336" s="11">
        <v>15273.25</v>
      </c>
      <c r="F336" s="11">
        <v>7967.69</v>
      </c>
      <c r="G336" s="11">
        <v>11710.65</v>
      </c>
      <c r="H336" s="11">
        <v>21510.67</v>
      </c>
      <c r="I336" s="11">
        <v>10307.58</v>
      </c>
      <c r="J336" s="11">
        <v>12560.3</v>
      </c>
      <c r="K336" s="11">
        <v>23378.05</v>
      </c>
      <c r="L336" s="11">
        <v>9994.82</v>
      </c>
      <c r="M336" s="11">
        <v>13781.78</v>
      </c>
      <c r="N336" s="11">
        <v>23150.05</v>
      </c>
      <c r="O336" s="11">
        <v>181344.67</v>
      </c>
      <c r="P336" s="11">
        <v>181344.67</v>
      </c>
    </row>
    <row r="337" spans="2:16" x14ac:dyDescent="0.25">
      <c r="B337" s="9" t="s">
        <v>101</v>
      </c>
      <c r="C337" s="11">
        <v>44.05</v>
      </c>
      <c r="D337" s="11">
        <v>1004.86</v>
      </c>
      <c r="E337" s="11">
        <v>2264.42</v>
      </c>
      <c r="F337" s="11">
        <v>-338.94</v>
      </c>
      <c r="G337" s="11">
        <v>907.18</v>
      </c>
      <c r="H337" s="11">
        <v>4184.6899999999996</v>
      </c>
      <c r="I337" s="11">
        <v>70.09</v>
      </c>
      <c r="J337" s="11">
        <v>10506.56</v>
      </c>
      <c r="K337" s="11">
        <v>9788.3700000000008</v>
      </c>
      <c r="L337" s="11">
        <v>-3813.5</v>
      </c>
      <c r="M337" s="11">
        <v>3167</v>
      </c>
      <c r="N337" s="11">
        <v>6723.24</v>
      </c>
      <c r="O337" s="11">
        <v>34508.019999999997</v>
      </c>
      <c r="P337" s="11">
        <v>34508.019999999997</v>
      </c>
    </row>
    <row r="338" spans="2:16" x14ac:dyDescent="0.25">
      <c r="B338" s="9" t="s">
        <v>104</v>
      </c>
      <c r="C338" s="11">
        <v>9.91</v>
      </c>
      <c r="D338" s="11">
        <v>13.65</v>
      </c>
      <c r="E338" s="11">
        <v>25.3</v>
      </c>
      <c r="F338" s="11"/>
      <c r="G338" s="11">
        <v>0.34</v>
      </c>
      <c r="H338" s="11">
        <v>8.99</v>
      </c>
      <c r="I338" s="11">
        <v>16.11</v>
      </c>
      <c r="J338" s="11"/>
      <c r="K338" s="11">
        <v>7.87</v>
      </c>
      <c r="L338" s="11"/>
      <c r="M338" s="11">
        <v>33.18</v>
      </c>
      <c r="N338" s="11"/>
      <c r="O338" s="11">
        <v>115.35</v>
      </c>
      <c r="P338" s="11">
        <v>115.35</v>
      </c>
    </row>
    <row r="339" spans="2:16" x14ac:dyDescent="0.25">
      <c r="B339" s="9" t="s">
        <v>105</v>
      </c>
      <c r="C339" s="11">
        <v>40.119999999999997</v>
      </c>
      <c r="D339" s="11">
        <v>41.96</v>
      </c>
      <c r="E339" s="11"/>
      <c r="F339" s="11"/>
      <c r="G339" s="11"/>
      <c r="H339" s="11"/>
      <c r="I339" s="11"/>
      <c r="J339" s="11"/>
      <c r="K339" s="11"/>
      <c r="L339" s="11"/>
      <c r="M339" s="11"/>
      <c r="N339" s="11"/>
      <c r="O339" s="11">
        <v>82.08</v>
      </c>
      <c r="P339" s="11">
        <v>82.08</v>
      </c>
    </row>
    <row r="340" spans="2:16" x14ac:dyDescent="0.25">
      <c r="B340" s="9" t="s">
        <v>106</v>
      </c>
      <c r="C340" s="11"/>
      <c r="D340" s="11">
        <v>1856.11</v>
      </c>
      <c r="E340" s="11"/>
      <c r="F340" s="11"/>
      <c r="G340" s="11"/>
      <c r="H340" s="11"/>
      <c r="I340" s="11">
        <v>912.23</v>
      </c>
      <c r="J340" s="11"/>
      <c r="K340" s="11"/>
      <c r="L340" s="11">
        <v>3859.86</v>
      </c>
      <c r="M340" s="11">
        <v>595.12</v>
      </c>
      <c r="N340" s="11"/>
      <c r="O340" s="11">
        <v>7223.32</v>
      </c>
      <c r="P340" s="11">
        <v>7223.32</v>
      </c>
    </row>
    <row r="341" spans="2:16" x14ac:dyDescent="0.25">
      <c r="B341" s="9" t="s">
        <v>107</v>
      </c>
      <c r="C341" s="11">
        <v>115.18</v>
      </c>
      <c r="D341" s="11">
        <v>122.76</v>
      </c>
      <c r="E341" s="11">
        <v>127.53</v>
      </c>
      <c r="F341" s="11">
        <v>67.66</v>
      </c>
      <c r="G341" s="11">
        <v>17.93</v>
      </c>
      <c r="H341" s="11">
        <v>395.68</v>
      </c>
      <c r="I341" s="11">
        <v>20.91</v>
      </c>
      <c r="J341" s="11">
        <v>10.82</v>
      </c>
      <c r="K341" s="11">
        <v>8.91</v>
      </c>
      <c r="L341" s="11">
        <v>16.510000000000002</v>
      </c>
      <c r="M341" s="11">
        <v>17.36</v>
      </c>
      <c r="N341" s="11">
        <v>20.05</v>
      </c>
      <c r="O341" s="11">
        <v>941.3</v>
      </c>
      <c r="P341" s="11">
        <v>941.3</v>
      </c>
    </row>
    <row r="342" spans="2:16" x14ac:dyDescent="0.25">
      <c r="B342" s="9" t="s">
        <v>108</v>
      </c>
      <c r="C342" s="11">
        <v>6384.99</v>
      </c>
      <c r="D342" s="11">
        <v>5759.33</v>
      </c>
      <c r="E342" s="11">
        <v>-2068.3200000000002</v>
      </c>
      <c r="F342" s="11">
        <v>5882.97</v>
      </c>
      <c r="G342" s="11">
        <v>2009.25</v>
      </c>
      <c r="H342" s="11">
        <v>708.44</v>
      </c>
      <c r="I342" s="11">
        <v>4671.91</v>
      </c>
      <c r="J342" s="11">
        <v>1161.0999999999999</v>
      </c>
      <c r="K342" s="11">
        <v>636.21</v>
      </c>
      <c r="L342" s="11">
        <v>5602.32</v>
      </c>
      <c r="M342" s="11">
        <v>5038.38</v>
      </c>
      <c r="N342" s="11">
        <v>3855.58</v>
      </c>
      <c r="O342" s="11">
        <v>39642.160000000003</v>
      </c>
      <c r="P342" s="11">
        <v>39642.160000000003</v>
      </c>
    </row>
    <row r="343" spans="2:16" x14ac:dyDescent="0.25">
      <c r="B343" s="9" t="s">
        <v>109</v>
      </c>
      <c r="C343" s="11">
        <v>68995.83</v>
      </c>
      <c r="D343" s="11">
        <v>57876.26</v>
      </c>
      <c r="E343" s="11">
        <v>78180.28</v>
      </c>
      <c r="F343" s="11">
        <v>54070.66</v>
      </c>
      <c r="G343" s="11">
        <v>73244.97</v>
      </c>
      <c r="H343" s="11">
        <v>59099.82</v>
      </c>
      <c r="I343" s="11">
        <v>71452.06</v>
      </c>
      <c r="J343" s="11">
        <v>65656</v>
      </c>
      <c r="K343" s="11">
        <v>70614.759999999995</v>
      </c>
      <c r="L343" s="11">
        <v>58098.47</v>
      </c>
      <c r="M343" s="11">
        <v>60973.41</v>
      </c>
      <c r="N343" s="11">
        <v>96977.127999999997</v>
      </c>
      <c r="O343" s="11">
        <v>815239.64800000004</v>
      </c>
      <c r="P343" s="11">
        <v>815239.64800000004</v>
      </c>
    </row>
    <row r="344" spans="2:16" x14ac:dyDescent="0.25">
      <c r="B344" s="9" t="s">
        <v>112</v>
      </c>
      <c r="C344" s="11">
        <v>2680.09</v>
      </c>
      <c r="D344" s="11">
        <v>241.84</v>
      </c>
      <c r="E344" s="11">
        <v>1908.78</v>
      </c>
      <c r="F344" s="11">
        <v>5358.36</v>
      </c>
      <c r="G344" s="11">
        <v>2810.38</v>
      </c>
      <c r="H344" s="11">
        <v>3481.65</v>
      </c>
      <c r="I344" s="11">
        <v>2752.15</v>
      </c>
      <c r="J344" s="11">
        <v>3826.37</v>
      </c>
      <c r="K344" s="11">
        <v>2491.73</v>
      </c>
      <c r="L344" s="11">
        <v>2705.183</v>
      </c>
      <c r="M344" s="11">
        <v>3928.38</v>
      </c>
      <c r="N344" s="11">
        <v>4941.2</v>
      </c>
      <c r="O344" s="11">
        <v>37126.112999999998</v>
      </c>
      <c r="P344" s="11">
        <v>37126.112999999998</v>
      </c>
    </row>
    <row r="345" spans="2:16" x14ac:dyDescent="0.25">
      <c r="B345" s="9" t="s">
        <v>113</v>
      </c>
      <c r="C345" s="11">
        <v>139960.01999999999</v>
      </c>
      <c r="D345" s="11">
        <v>145894.19</v>
      </c>
      <c r="E345" s="11">
        <v>155731.15</v>
      </c>
      <c r="F345" s="11">
        <v>145449.5</v>
      </c>
      <c r="G345" s="11">
        <v>139971.89000000001</v>
      </c>
      <c r="H345" s="11">
        <v>149934.13</v>
      </c>
      <c r="I345" s="11">
        <v>137748.13</v>
      </c>
      <c r="J345" s="11">
        <v>147502.76</v>
      </c>
      <c r="K345" s="11">
        <v>148179.56</v>
      </c>
      <c r="L345" s="11">
        <v>149058.20000000001</v>
      </c>
      <c r="M345" s="11">
        <v>144796.87</v>
      </c>
      <c r="N345" s="11">
        <v>116724.16</v>
      </c>
      <c r="O345" s="11">
        <v>1720950.56</v>
      </c>
      <c r="P345" s="11">
        <v>1720950.56</v>
      </c>
    </row>
    <row r="346" spans="2:16" x14ac:dyDescent="0.25">
      <c r="B346" s="9" t="s">
        <v>115</v>
      </c>
      <c r="C346" s="11">
        <v>1.46</v>
      </c>
      <c r="D346" s="11">
        <v>0.42</v>
      </c>
      <c r="E346" s="11">
        <v>2.67</v>
      </c>
      <c r="F346" s="11">
        <v>0.84</v>
      </c>
      <c r="G346" s="11">
        <v>0.84</v>
      </c>
      <c r="H346" s="11">
        <v>2.02</v>
      </c>
      <c r="I346" s="11">
        <v>2.2599999999999998</v>
      </c>
      <c r="J346" s="11">
        <v>0.84</v>
      </c>
      <c r="K346" s="11">
        <v>1089.3599999999999</v>
      </c>
      <c r="L346" s="11">
        <v>0.84</v>
      </c>
      <c r="M346" s="11">
        <v>9.08</v>
      </c>
      <c r="N346" s="11">
        <v>7.52</v>
      </c>
      <c r="O346" s="11">
        <v>1118.1500000000001</v>
      </c>
      <c r="P346" s="11">
        <v>1118.1500000000001</v>
      </c>
    </row>
    <row r="347" spans="2:16" x14ac:dyDescent="0.25">
      <c r="B347" s="9" t="s">
        <v>116</v>
      </c>
      <c r="C347" s="11">
        <v>15679.49</v>
      </c>
      <c r="D347" s="11">
        <v>5042.05</v>
      </c>
      <c r="E347" s="11">
        <v>1424.68</v>
      </c>
      <c r="F347" s="11">
        <v>691.83</v>
      </c>
      <c r="G347" s="11">
        <v>259.13</v>
      </c>
      <c r="H347" s="11">
        <v>1348.06</v>
      </c>
      <c r="I347" s="11">
        <v>1161.5999999999999</v>
      </c>
      <c r="J347" s="11">
        <v>1353.96</v>
      </c>
      <c r="K347" s="11">
        <v>1418.82</v>
      </c>
      <c r="L347" s="11">
        <v>1199.75</v>
      </c>
      <c r="M347" s="11">
        <v>2061.5100000000002</v>
      </c>
      <c r="N347" s="11">
        <v>2521.77</v>
      </c>
      <c r="O347" s="11">
        <v>34162.65</v>
      </c>
      <c r="P347" s="11">
        <v>34162.65</v>
      </c>
    </row>
    <row r="348" spans="2:16" x14ac:dyDescent="0.25">
      <c r="B348" s="9" t="s">
        <v>119</v>
      </c>
      <c r="C348" s="11">
        <v>2903.3</v>
      </c>
      <c r="D348" s="11">
        <v>455.07</v>
      </c>
      <c r="E348" s="11">
        <v>547.58000000000004</v>
      </c>
      <c r="F348" s="11">
        <v>1556.09</v>
      </c>
      <c r="G348" s="11">
        <v>686</v>
      </c>
      <c r="H348" s="11">
        <v>392.26</v>
      </c>
      <c r="I348" s="11">
        <v>408.38</v>
      </c>
      <c r="J348" s="11">
        <v>251.81</v>
      </c>
      <c r="K348" s="11">
        <v>289.17</v>
      </c>
      <c r="L348" s="11">
        <v>610.59</v>
      </c>
      <c r="M348" s="11">
        <v>4493.07</v>
      </c>
      <c r="N348" s="11">
        <v>8193</v>
      </c>
      <c r="O348" s="11">
        <v>20786.32</v>
      </c>
      <c r="P348" s="11">
        <v>20786.32</v>
      </c>
    </row>
    <row r="349" spans="2:16" x14ac:dyDescent="0.25">
      <c r="B349" s="9" t="s">
        <v>120</v>
      </c>
      <c r="C349" s="11">
        <v>18.670000000000002</v>
      </c>
      <c r="D349" s="11">
        <v>2.5499999999999998</v>
      </c>
      <c r="E349" s="11">
        <v>0.86</v>
      </c>
      <c r="F349" s="11">
        <v>135.56</v>
      </c>
      <c r="G349" s="11">
        <v>64.59</v>
      </c>
      <c r="H349" s="11">
        <v>106.18</v>
      </c>
      <c r="I349" s="11">
        <v>0.86</v>
      </c>
      <c r="J349" s="11">
        <v>-174.58</v>
      </c>
      <c r="K349" s="11">
        <v>1.0900000000000001</v>
      </c>
      <c r="L349" s="11">
        <v>27.96</v>
      </c>
      <c r="M349" s="11">
        <v>0.86</v>
      </c>
      <c r="N349" s="11">
        <v>56.89</v>
      </c>
      <c r="O349" s="11">
        <v>241.49</v>
      </c>
      <c r="P349" s="11">
        <v>241.49</v>
      </c>
    </row>
    <row r="350" spans="2:16" x14ac:dyDescent="0.25">
      <c r="B350" s="9" t="s">
        <v>121</v>
      </c>
      <c r="C350" s="11">
        <v>1107.6600000000001</v>
      </c>
      <c r="D350" s="11">
        <v>406.14</v>
      </c>
      <c r="E350" s="11">
        <v>0.52</v>
      </c>
      <c r="F350" s="11">
        <v>175.92</v>
      </c>
      <c r="G350" s="11">
        <v>7.33</v>
      </c>
      <c r="H350" s="11">
        <v>489</v>
      </c>
      <c r="I350" s="11">
        <v>475.84</v>
      </c>
      <c r="J350" s="11">
        <v>53.79</v>
      </c>
      <c r="K350" s="11">
        <v>254.43</v>
      </c>
      <c r="L350" s="11">
        <v>1274.56</v>
      </c>
      <c r="M350" s="11">
        <v>1018.71</v>
      </c>
      <c r="N350" s="11">
        <v>153.36000000000001</v>
      </c>
      <c r="O350" s="11">
        <v>5417.26</v>
      </c>
      <c r="P350" s="11">
        <v>5417.26</v>
      </c>
    </row>
    <row r="351" spans="2:16" x14ac:dyDescent="0.25">
      <c r="B351" s="9" t="s">
        <v>122</v>
      </c>
      <c r="C351" s="11"/>
      <c r="D351" s="11"/>
      <c r="E351" s="11"/>
      <c r="F351" s="11"/>
      <c r="G351" s="11"/>
      <c r="H351" s="11">
        <v>81</v>
      </c>
      <c r="I351" s="11">
        <v>81</v>
      </c>
      <c r="J351" s="11">
        <v>81</v>
      </c>
      <c r="K351" s="11">
        <v>1113.55</v>
      </c>
      <c r="L351" s="11">
        <v>599.35</v>
      </c>
      <c r="M351" s="11">
        <v>599.35</v>
      </c>
      <c r="N351" s="11">
        <v>599.35</v>
      </c>
      <c r="O351" s="11">
        <v>3154.6</v>
      </c>
      <c r="P351" s="11">
        <v>3154.6</v>
      </c>
    </row>
    <row r="352" spans="2:16" x14ac:dyDescent="0.25">
      <c r="B352" s="9" t="s">
        <v>123</v>
      </c>
      <c r="C352" s="11"/>
      <c r="D352" s="11"/>
      <c r="E352" s="11"/>
      <c r="F352" s="11"/>
      <c r="G352" s="11"/>
      <c r="H352" s="11">
        <v>1.26</v>
      </c>
      <c r="I352" s="11">
        <v>4.38</v>
      </c>
      <c r="J352" s="11"/>
      <c r="K352" s="11"/>
      <c r="L352" s="11"/>
      <c r="M352" s="11"/>
      <c r="N352" s="11"/>
      <c r="O352" s="11">
        <v>5.64</v>
      </c>
      <c r="P352" s="11">
        <v>5.64</v>
      </c>
    </row>
    <row r="353" spans="1:16" x14ac:dyDescent="0.25">
      <c r="B353" s="9" t="s">
        <v>124</v>
      </c>
      <c r="C353" s="11"/>
      <c r="D353" s="11"/>
      <c r="E353" s="11"/>
      <c r="F353" s="11"/>
      <c r="G353" s="11"/>
      <c r="H353" s="11"/>
      <c r="I353" s="11"/>
      <c r="J353" s="11"/>
      <c r="K353" s="11"/>
      <c r="L353" s="11"/>
      <c r="M353" s="11"/>
      <c r="N353" s="11">
        <v>1.08</v>
      </c>
      <c r="O353" s="11">
        <v>1.08</v>
      </c>
      <c r="P353" s="11">
        <v>1.08</v>
      </c>
    </row>
    <row r="354" spans="1:16" x14ac:dyDescent="0.25">
      <c r="B354" s="9" t="s">
        <v>125</v>
      </c>
      <c r="C354" s="11">
        <v>31651.03</v>
      </c>
      <c r="D354" s="11">
        <v>21879.86</v>
      </c>
      <c r="E354" s="11">
        <v>6807.46</v>
      </c>
      <c r="F354" s="11">
        <v>21763.8</v>
      </c>
      <c r="G354" s="11">
        <v>4704.04</v>
      </c>
      <c r="H354" s="11">
        <v>4063.99</v>
      </c>
      <c r="I354" s="11">
        <v>21670.94</v>
      </c>
      <c r="J354" s="11">
        <v>12794.5</v>
      </c>
      <c r="K354" s="11">
        <v>8503.94</v>
      </c>
      <c r="L354" s="11">
        <v>22944.99</v>
      </c>
      <c r="M354" s="11">
        <v>16696.48</v>
      </c>
      <c r="N354" s="11">
        <v>6021.35</v>
      </c>
      <c r="O354" s="11">
        <v>179502.38</v>
      </c>
      <c r="P354" s="11">
        <v>179502.38</v>
      </c>
    </row>
    <row r="355" spans="1:16" x14ac:dyDescent="0.25">
      <c r="B355" s="9" t="s">
        <v>129</v>
      </c>
      <c r="C355" s="11"/>
      <c r="D355" s="11"/>
      <c r="E355" s="11">
        <v>926.64</v>
      </c>
      <c r="F355" s="11"/>
      <c r="G355" s="11"/>
      <c r="H355" s="11"/>
      <c r="I355" s="11"/>
      <c r="J355" s="11"/>
      <c r="K355" s="11"/>
      <c r="L355" s="11"/>
      <c r="M355" s="11"/>
      <c r="N355" s="11"/>
      <c r="O355" s="11">
        <v>926.64</v>
      </c>
      <c r="P355" s="11">
        <v>926.64</v>
      </c>
    </row>
    <row r="356" spans="1:16" x14ac:dyDescent="0.25">
      <c r="B356" s="9" t="s">
        <v>135</v>
      </c>
      <c r="C356" s="11">
        <v>11.15</v>
      </c>
      <c r="D356" s="11">
        <v>2.11</v>
      </c>
      <c r="E356" s="11">
        <v>19.36</v>
      </c>
      <c r="F356" s="11">
        <v>10.23</v>
      </c>
      <c r="G356" s="11">
        <v>90</v>
      </c>
      <c r="H356" s="11">
        <v>29.24</v>
      </c>
      <c r="I356" s="11">
        <v>1.57</v>
      </c>
      <c r="J356" s="11"/>
      <c r="K356" s="11">
        <v>76.900000000000006</v>
      </c>
      <c r="L356" s="11">
        <v>50.87</v>
      </c>
      <c r="M356" s="11">
        <v>0.86</v>
      </c>
      <c r="N356" s="11">
        <v>3.77</v>
      </c>
      <c r="O356" s="11">
        <v>296.06</v>
      </c>
      <c r="P356" s="11">
        <v>296.06</v>
      </c>
    </row>
    <row r="357" spans="1:16" x14ac:dyDescent="0.25">
      <c r="B357" s="9" t="s">
        <v>137</v>
      </c>
      <c r="C357" s="11"/>
      <c r="D357" s="11"/>
      <c r="E357" s="11"/>
      <c r="F357" s="11"/>
      <c r="G357" s="11">
        <v>217.83</v>
      </c>
      <c r="H357" s="11">
        <v>117.28</v>
      </c>
      <c r="I357" s="11">
        <v>0.86</v>
      </c>
      <c r="J357" s="11">
        <v>0.86</v>
      </c>
      <c r="K357" s="11">
        <v>0.86</v>
      </c>
      <c r="L357" s="11">
        <v>0.86</v>
      </c>
      <c r="M357" s="11">
        <v>0.86</v>
      </c>
      <c r="N357" s="11">
        <v>0.86</v>
      </c>
      <c r="O357" s="11">
        <v>340.27</v>
      </c>
      <c r="P357" s="11">
        <v>340.27</v>
      </c>
    </row>
    <row r="358" spans="1:16" x14ac:dyDescent="0.25">
      <c r="B358" s="9" t="s">
        <v>138</v>
      </c>
      <c r="C358" s="11">
        <v>68747.649999999994</v>
      </c>
      <c r="D358" s="11">
        <v>67913.320000000007</v>
      </c>
      <c r="E358" s="11">
        <v>70085.84</v>
      </c>
      <c r="F358" s="11">
        <v>66251.58</v>
      </c>
      <c r="G358" s="11">
        <v>65710.25</v>
      </c>
      <c r="H358" s="11">
        <v>73218.12</v>
      </c>
      <c r="I358" s="11">
        <v>77930.759999999995</v>
      </c>
      <c r="J358" s="11">
        <v>76217.02</v>
      </c>
      <c r="K358" s="11">
        <v>75637.47</v>
      </c>
      <c r="L358" s="11">
        <v>71376.28</v>
      </c>
      <c r="M358" s="11">
        <v>41378.65</v>
      </c>
      <c r="N358" s="11">
        <v>1011.17</v>
      </c>
      <c r="O358" s="11">
        <v>755478.11</v>
      </c>
      <c r="P358" s="11">
        <v>755478.11</v>
      </c>
    </row>
    <row r="359" spans="1:16" x14ac:dyDescent="0.25">
      <c r="B359" s="9" t="s">
        <v>144</v>
      </c>
      <c r="C359" s="11">
        <v>150</v>
      </c>
      <c r="D359" s="11"/>
      <c r="E359" s="11"/>
      <c r="F359" s="11"/>
      <c r="G359" s="11"/>
      <c r="H359" s="11"/>
      <c r="I359" s="11"/>
      <c r="J359" s="11"/>
      <c r="K359" s="11"/>
      <c r="L359" s="11"/>
      <c r="M359" s="11">
        <v>900</v>
      </c>
      <c r="N359" s="11"/>
      <c r="O359" s="11">
        <v>1050</v>
      </c>
      <c r="P359" s="11">
        <v>1050</v>
      </c>
    </row>
    <row r="360" spans="1:16" x14ac:dyDescent="0.25">
      <c r="B360" s="9" t="s">
        <v>145</v>
      </c>
      <c r="C360" s="11">
        <v>169.84</v>
      </c>
      <c r="D360" s="11">
        <v>265.04000000000002</v>
      </c>
      <c r="E360" s="11">
        <v>250.41</v>
      </c>
      <c r="F360" s="11">
        <v>293.07</v>
      </c>
      <c r="G360" s="11">
        <v>363.33</v>
      </c>
      <c r="H360" s="11">
        <v>441.01</v>
      </c>
      <c r="I360" s="11">
        <v>385.01</v>
      </c>
      <c r="J360" s="11">
        <v>234.66</v>
      </c>
      <c r="K360" s="11">
        <v>245.21</v>
      </c>
      <c r="L360" s="11">
        <v>-314.19</v>
      </c>
      <c r="M360" s="11">
        <v>274.85000000000002</v>
      </c>
      <c r="N360" s="11">
        <v>135.32</v>
      </c>
      <c r="O360" s="11">
        <v>2743.56</v>
      </c>
      <c r="P360" s="11">
        <v>2743.56</v>
      </c>
    </row>
    <row r="361" spans="1:16" x14ac:dyDescent="0.25">
      <c r="B361" s="9" t="s">
        <v>148</v>
      </c>
      <c r="C361" s="11">
        <v>22.35</v>
      </c>
      <c r="D361" s="11"/>
      <c r="E361" s="11">
        <v>0.75</v>
      </c>
      <c r="F361" s="11"/>
      <c r="G361" s="11"/>
      <c r="H361" s="11"/>
      <c r="I361" s="11"/>
      <c r="J361" s="11"/>
      <c r="K361" s="11"/>
      <c r="L361" s="11"/>
      <c r="M361" s="11"/>
      <c r="N361" s="11">
        <v>6</v>
      </c>
      <c r="O361" s="11">
        <v>29.1</v>
      </c>
      <c r="P361" s="11">
        <v>29.1</v>
      </c>
    </row>
    <row r="362" spans="1:16" x14ac:dyDescent="0.25">
      <c r="B362" s="9" t="s">
        <v>152</v>
      </c>
      <c r="C362" s="11"/>
      <c r="D362" s="11">
        <v>0.55000000000000004</v>
      </c>
      <c r="E362" s="11"/>
      <c r="F362" s="11"/>
      <c r="G362" s="11"/>
      <c r="H362" s="11">
        <v>1.29</v>
      </c>
      <c r="I362" s="11"/>
      <c r="J362" s="11"/>
      <c r="K362" s="11"/>
      <c r="L362" s="11"/>
      <c r="M362" s="11">
        <v>2.02</v>
      </c>
      <c r="N362" s="11"/>
      <c r="O362" s="11">
        <v>3.86</v>
      </c>
      <c r="P362" s="11">
        <v>3.86</v>
      </c>
    </row>
    <row r="363" spans="1:16" x14ac:dyDescent="0.25">
      <c r="B363" s="9" t="s">
        <v>153</v>
      </c>
      <c r="C363" s="11">
        <v>2264.29</v>
      </c>
      <c r="D363" s="11">
        <v>2262.4699999999998</v>
      </c>
      <c r="E363" s="11">
        <v>2262.4699999999998</v>
      </c>
      <c r="F363" s="11">
        <v>2281.81</v>
      </c>
      <c r="G363" s="11">
        <v>2262.4699999999998</v>
      </c>
      <c r="H363" s="11">
        <v>2390.16</v>
      </c>
      <c r="I363" s="11">
        <v>2262.4699999999998</v>
      </c>
      <c r="J363" s="11">
        <v>2262.4699999999998</v>
      </c>
      <c r="K363" s="11">
        <v>2262.4699999999998</v>
      </c>
      <c r="L363" s="11">
        <v>2262.4699999999998</v>
      </c>
      <c r="M363" s="11">
        <v>3480.84</v>
      </c>
      <c r="N363" s="11">
        <v>3398.7</v>
      </c>
      <c r="O363" s="11">
        <v>29653.09</v>
      </c>
      <c r="P363" s="11">
        <v>29653.09</v>
      </c>
    </row>
    <row r="364" spans="1:16" x14ac:dyDescent="0.25">
      <c r="A364" t="s">
        <v>168</v>
      </c>
      <c r="C364" s="11">
        <v>651642.13</v>
      </c>
      <c r="D364" s="11">
        <v>780184.17</v>
      </c>
      <c r="E364" s="11">
        <v>859154.08</v>
      </c>
      <c r="F364" s="11">
        <v>1001157.39</v>
      </c>
      <c r="G364" s="11">
        <v>780536.62</v>
      </c>
      <c r="H364" s="11">
        <v>907760.53</v>
      </c>
      <c r="I364" s="11">
        <v>862814.66</v>
      </c>
      <c r="J364" s="11">
        <v>988945.72</v>
      </c>
      <c r="K364" s="11">
        <v>805733.28</v>
      </c>
      <c r="L364" s="11">
        <v>708863.88300000003</v>
      </c>
      <c r="M364" s="11">
        <v>746763.35</v>
      </c>
      <c r="N364" s="11">
        <v>1201100.308</v>
      </c>
      <c r="O364" s="11">
        <v>10294656.120999999</v>
      </c>
      <c r="P364" s="11">
        <v>10294656.120999999</v>
      </c>
    </row>
    <row r="365" spans="1:16" x14ac:dyDescent="0.25">
      <c r="A365" t="s">
        <v>11</v>
      </c>
      <c r="C365" s="11">
        <v>8599373.0299999993</v>
      </c>
      <c r="D365" s="11">
        <v>9904082.0399999991</v>
      </c>
      <c r="E365" s="11">
        <v>10086355.49</v>
      </c>
      <c r="F365" s="11">
        <v>9335040.4900000002</v>
      </c>
      <c r="G365" s="11">
        <v>9075554.9110000003</v>
      </c>
      <c r="H365" s="11">
        <v>11017206.59</v>
      </c>
      <c r="I365" s="11">
        <v>11197119.630000001</v>
      </c>
      <c r="J365" s="11">
        <v>9247391.0170000009</v>
      </c>
      <c r="K365" s="11">
        <v>12051754.486</v>
      </c>
      <c r="L365" s="11">
        <v>10421057.982999999</v>
      </c>
      <c r="M365" s="11">
        <v>8491692.5500000007</v>
      </c>
      <c r="N365" s="11">
        <v>11848028.494999999</v>
      </c>
      <c r="O365" s="11">
        <v>121274656.712</v>
      </c>
      <c r="P365" s="11">
        <v>121274656.712</v>
      </c>
    </row>
    <row r="366" spans="1:16" x14ac:dyDescent="0.25">
      <c r="C366"/>
      <c r="D366"/>
    </row>
    <row r="367" spans="1:16" x14ac:dyDescent="0.25">
      <c r="C367"/>
      <c r="D367"/>
      <c r="O367" s="13" t="s">
        <v>235</v>
      </c>
      <c r="P367" s="12">
        <v>245555</v>
      </c>
    </row>
    <row r="368" spans="1:16" x14ac:dyDescent="0.25">
      <c r="C368"/>
      <c r="D368"/>
      <c r="P368" s="11">
        <f>GETPIVOTDATA("[Measures].[MTD Actual Amount]",$A$18)-P367</f>
        <v>121029101.712</v>
      </c>
    </row>
    <row r="369" spans="3:4" x14ac:dyDescent="0.25">
      <c r="C369"/>
      <c r="D369"/>
    </row>
    <row r="370" spans="3:4" x14ac:dyDescent="0.25">
      <c r="C370"/>
      <c r="D370"/>
    </row>
    <row r="371" spans="3:4" x14ac:dyDescent="0.25">
      <c r="C371"/>
      <c r="D371"/>
    </row>
    <row r="372" spans="3:4" x14ac:dyDescent="0.25">
      <c r="C372"/>
      <c r="D372"/>
    </row>
    <row r="373" spans="3:4" x14ac:dyDescent="0.25">
      <c r="C373"/>
      <c r="D373"/>
    </row>
    <row r="374" spans="3:4" x14ac:dyDescent="0.25">
      <c r="C374"/>
      <c r="D374"/>
    </row>
    <row r="375" spans="3:4" x14ac:dyDescent="0.25">
      <c r="C375"/>
      <c r="D375"/>
    </row>
    <row r="376" spans="3:4" x14ac:dyDescent="0.25">
      <c r="C376"/>
      <c r="D376"/>
    </row>
    <row r="377" spans="3:4" x14ac:dyDescent="0.25">
      <c r="C377"/>
      <c r="D377"/>
    </row>
    <row r="378" spans="3:4" x14ac:dyDescent="0.25">
      <c r="C378"/>
      <c r="D378"/>
    </row>
    <row r="379" spans="3:4" x14ac:dyDescent="0.25">
      <c r="C379"/>
      <c r="D379"/>
    </row>
    <row r="380" spans="3:4" x14ac:dyDescent="0.25">
      <c r="C380"/>
      <c r="D380"/>
    </row>
    <row r="381" spans="3:4" x14ac:dyDescent="0.25">
      <c r="C381"/>
      <c r="D381"/>
    </row>
    <row r="382" spans="3:4" x14ac:dyDescent="0.25">
      <c r="C382"/>
      <c r="D382"/>
    </row>
    <row r="383" spans="3:4" x14ac:dyDescent="0.25">
      <c r="C383"/>
      <c r="D383"/>
    </row>
    <row r="384" spans="3:4" x14ac:dyDescent="0.25">
      <c r="C384"/>
      <c r="D384"/>
    </row>
    <row r="385" spans="3:4" x14ac:dyDescent="0.25">
      <c r="C385"/>
      <c r="D385"/>
    </row>
    <row r="386" spans="3:4" x14ac:dyDescent="0.25">
      <c r="C386"/>
      <c r="D386"/>
    </row>
    <row r="387" spans="3:4" x14ac:dyDescent="0.25">
      <c r="C387"/>
      <c r="D387"/>
    </row>
    <row r="388" spans="3:4" x14ac:dyDescent="0.25">
      <c r="C388"/>
      <c r="D388"/>
    </row>
    <row r="389" spans="3:4" x14ac:dyDescent="0.25">
      <c r="C389"/>
      <c r="D389"/>
    </row>
    <row r="390" spans="3:4" x14ac:dyDescent="0.25">
      <c r="C390"/>
      <c r="D390"/>
    </row>
    <row r="391" spans="3:4" x14ac:dyDescent="0.25">
      <c r="C391"/>
      <c r="D391"/>
    </row>
    <row r="392" spans="3:4" x14ac:dyDescent="0.25">
      <c r="C392"/>
      <c r="D392"/>
    </row>
    <row r="393" spans="3:4" x14ac:dyDescent="0.25">
      <c r="C393"/>
      <c r="D393"/>
    </row>
    <row r="394" spans="3:4" x14ac:dyDescent="0.25">
      <c r="C394"/>
      <c r="D394"/>
    </row>
    <row r="395" spans="3:4" x14ac:dyDescent="0.25">
      <c r="C395"/>
      <c r="D395"/>
    </row>
    <row r="396" spans="3:4" x14ac:dyDescent="0.25">
      <c r="C396"/>
      <c r="D396"/>
    </row>
    <row r="397" spans="3:4" x14ac:dyDescent="0.25">
      <c r="C397"/>
      <c r="D397"/>
    </row>
    <row r="398" spans="3:4" x14ac:dyDescent="0.25">
      <c r="C398"/>
      <c r="D398"/>
    </row>
    <row r="399" spans="3:4" x14ac:dyDescent="0.25">
      <c r="C399"/>
      <c r="D399"/>
    </row>
    <row r="400" spans="3:4" x14ac:dyDescent="0.25">
      <c r="C400"/>
      <c r="D400"/>
    </row>
    <row r="401" spans="3:4" x14ac:dyDescent="0.25">
      <c r="C401"/>
      <c r="D401"/>
    </row>
    <row r="402" spans="3:4" x14ac:dyDescent="0.25">
      <c r="C402"/>
      <c r="D402"/>
    </row>
    <row r="403" spans="3:4" x14ac:dyDescent="0.25">
      <c r="C403"/>
      <c r="D403"/>
    </row>
    <row r="404" spans="3:4" x14ac:dyDescent="0.25">
      <c r="C404"/>
      <c r="D404"/>
    </row>
    <row r="405" spans="3:4" x14ac:dyDescent="0.25">
      <c r="C405"/>
      <c r="D405"/>
    </row>
    <row r="406" spans="3:4" x14ac:dyDescent="0.25">
      <c r="C406"/>
      <c r="D406"/>
    </row>
    <row r="407" spans="3:4" x14ac:dyDescent="0.25">
      <c r="C407"/>
      <c r="D407"/>
    </row>
    <row r="408" spans="3:4" x14ac:dyDescent="0.25">
      <c r="C408"/>
      <c r="D408"/>
    </row>
    <row r="409" spans="3:4" x14ac:dyDescent="0.25">
      <c r="C409"/>
      <c r="D409"/>
    </row>
    <row r="410" spans="3:4" x14ac:dyDescent="0.25">
      <c r="C410"/>
      <c r="D410"/>
    </row>
    <row r="411" spans="3:4" x14ac:dyDescent="0.25">
      <c r="C411"/>
      <c r="D411"/>
    </row>
    <row r="412" spans="3:4" x14ac:dyDescent="0.25">
      <c r="C412"/>
      <c r="D412"/>
    </row>
    <row r="413" spans="3:4" x14ac:dyDescent="0.25">
      <c r="C413"/>
      <c r="D413"/>
    </row>
    <row r="414" spans="3:4" x14ac:dyDescent="0.25">
      <c r="C414"/>
      <c r="D414"/>
    </row>
    <row r="415" spans="3:4" x14ac:dyDescent="0.25">
      <c r="C415"/>
      <c r="D415"/>
    </row>
    <row r="416" spans="3:4" x14ac:dyDescent="0.25">
      <c r="C416"/>
      <c r="D416"/>
    </row>
    <row r="417" spans="3:4" x14ac:dyDescent="0.25">
      <c r="C417"/>
      <c r="D417"/>
    </row>
    <row r="418" spans="3:4" x14ac:dyDescent="0.25">
      <c r="C418"/>
      <c r="D418"/>
    </row>
    <row r="419" spans="3:4" x14ac:dyDescent="0.25">
      <c r="C419"/>
      <c r="D419"/>
    </row>
    <row r="420" spans="3:4" x14ac:dyDescent="0.25">
      <c r="C420"/>
      <c r="D420"/>
    </row>
    <row r="421" spans="3:4" x14ac:dyDescent="0.25">
      <c r="C421"/>
      <c r="D421"/>
    </row>
    <row r="422" spans="3:4" x14ac:dyDescent="0.25">
      <c r="C422"/>
      <c r="D422"/>
    </row>
    <row r="423" spans="3:4" x14ac:dyDescent="0.25">
      <c r="C423"/>
      <c r="D423"/>
    </row>
    <row r="424" spans="3:4" x14ac:dyDescent="0.25">
      <c r="C424"/>
      <c r="D424"/>
    </row>
    <row r="425" spans="3:4" x14ac:dyDescent="0.25">
      <c r="C425"/>
      <c r="D425"/>
    </row>
    <row r="426" spans="3:4" x14ac:dyDescent="0.25">
      <c r="C426"/>
      <c r="D426"/>
    </row>
    <row r="427" spans="3:4" x14ac:dyDescent="0.25">
      <c r="C427"/>
      <c r="D427"/>
    </row>
    <row r="428" spans="3:4" x14ac:dyDescent="0.25">
      <c r="C428"/>
      <c r="D428"/>
    </row>
    <row r="429" spans="3:4" x14ac:dyDescent="0.25">
      <c r="C429"/>
      <c r="D429"/>
    </row>
    <row r="430" spans="3:4" x14ac:dyDescent="0.25">
      <c r="C430"/>
      <c r="D430"/>
    </row>
    <row r="431" spans="3:4" x14ac:dyDescent="0.25">
      <c r="C431"/>
      <c r="D431"/>
    </row>
    <row r="432" spans="3:4" x14ac:dyDescent="0.25">
      <c r="C432"/>
      <c r="D432"/>
    </row>
    <row r="433" spans="3:4" x14ac:dyDescent="0.25">
      <c r="C433"/>
      <c r="D433"/>
    </row>
    <row r="434" spans="3:4" x14ac:dyDescent="0.25">
      <c r="C434"/>
      <c r="D434"/>
    </row>
    <row r="435" spans="3:4" x14ac:dyDescent="0.25">
      <c r="C435"/>
      <c r="D435"/>
    </row>
    <row r="436" spans="3:4" x14ac:dyDescent="0.25">
      <c r="C436"/>
      <c r="D436"/>
    </row>
    <row r="437" spans="3:4" x14ac:dyDescent="0.25">
      <c r="C437"/>
      <c r="D437"/>
    </row>
    <row r="438" spans="3:4" x14ac:dyDescent="0.25">
      <c r="C438"/>
      <c r="D438"/>
    </row>
    <row r="439" spans="3:4" x14ac:dyDescent="0.25">
      <c r="C439"/>
      <c r="D439"/>
    </row>
    <row r="440" spans="3:4" x14ac:dyDescent="0.25">
      <c r="C440"/>
      <c r="D440"/>
    </row>
    <row r="441" spans="3:4" x14ac:dyDescent="0.25">
      <c r="C441"/>
      <c r="D441"/>
    </row>
    <row r="442" spans="3:4" x14ac:dyDescent="0.25">
      <c r="C442"/>
      <c r="D442"/>
    </row>
    <row r="443" spans="3:4" x14ac:dyDescent="0.25">
      <c r="C443"/>
      <c r="D443"/>
    </row>
    <row r="444" spans="3:4" x14ac:dyDescent="0.25">
      <c r="C444"/>
      <c r="D444"/>
    </row>
    <row r="445" spans="3:4" x14ac:dyDescent="0.25">
      <c r="C445"/>
      <c r="D445"/>
    </row>
    <row r="446" spans="3:4" x14ac:dyDescent="0.25">
      <c r="C446"/>
      <c r="D446"/>
    </row>
    <row r="447" spans="3:4" x14ac:dyDescent="0.25">
      <c r="C447"/>
      <c r="D447"/>
    </row>
    <row r="448" spans="3:4" x14ac:dyDescent="0.25">
      <c r="C448"/>
      <c r="D448"/>
    </row>
    <row r="449" spans="3:4" x14ac:dyDescent="0.25">
      <c r="C449"/>
      <c r="D449"/>
    </row>
    <row r="450" spans="3:4" x14ac:dyDescent="0.25">
      <c r="C450"/>
      <c r="D450"/>
    </row>
    <row r="451" spans="3:4" x14ac:dyDescent="0.25">
      <c r="C451"/>
      <c r="D451"/>
    </row>
    <row r="452" spans="3:4" x14ac:dyDescent="0.25">
      <c r="C452"/>
      <c r="D452"/>
    </row>
    <row r="453" spans="3:4" x14ac:dyDescent="0.25">
      <c r="C453"/>
      <c r="D453"/>
    </row>
    <row r="454" spans="3:4" x14ac:dyDescent="0.25">
      <c r="C454"/>
      <c r="D454"/>
    </row>
    <row r="455" spans="3:4" x14ac:dyDescent="0.25">
      <c r="C455"/>
      <c r="D455"/>
    </row>
    <row r="456" spans="3:4" x14ac:dyDescent="0.25">
      <c r="C456"/>
      <c r="D456"/>
    </row>
    <row r="457" spans="3:4" x14ac:dyDescent="0.25">
      <c r="C457"/>
      <c r="D457"/>
    </row>
    <row r="458" spans="3:4" x14ac:dyDescent="0.25">
      <c r="C458"/>
      <c r="D458"/>
    </row>
    <row r="459" spans="3:4" x14ac:dyDescent="0.25">
      <c r="C459"/>
      <c r="D459"/>
    </row>
    <row r="460" spans="3:4" x14ac:dyDescent="0.25">
      <c r="C460"/>
      <c r="D460"/>
    </row>
    <row r="461" spans="3:4" x14ac:dyDescent="0.25">
      <c r="C461"/>
      <c r="D461"/>
    </row>
    <row r="462" spans="3:4" x14ac:dyDescent="0.25">
      <c r="C462"/>
      <c r="D462"/>
    </row>
    <row r="463" spans="3:4" x14ac:dyDescent="0.25">
      <c r="C463"/>
      <c r="D463"/>
    </row>
    <row r="464" spans="3:4" x14ac:dyDescent="0.25">
      <c r="C464"/>
      <c r="D464"/>
    </row>
    <row r="465" spans="3:4" x14ac:dyDescent="0.25">
      <c r="C465"/>
      <c r="D465"/>
    </row>
    <row r="466" spans="3:4" x14ac:dyDescent="0.25">
      <c r="C466"/>
      <c r="D466"/>
    </row>
    <row r="467" spans="3:4" x14ac:dyDescent="0.25">
      <c r="C467"/>
      <c r="D467"/>
    </row>
    <row r="468" spans="3:4" x14ac:dyDescent="0.25">
      <c r="C468"/>
      <c r="D468"/>
    </row>
    <row r="469" spans="3:4" x14ac:dyDescent="0.25">
      <c r="C469"/>
      <c r="D469"/>
    </row>
    <row r="470" spans="3:4" x14ac:dyDescent="0.25">
      <c r="C470"/>
      <c r="D470"/>
    </row>
    <row r="471" spans="3:4" x14ac:dyDescent="0.25">
      <c r="C471"/>
      <c r="D471"/>
    </row>
    <row r="472" spans="3:4" x14ac:dyDescent="0.25">
      <c r="C472"/>
      <c r="D472"/>
    </row>
    <row r="473" spans="3:4" x14ac:dyDescent="0.25">
      <c r="C473"/>
      <c r="D473"/>
    </row>
    <row r="474" spans="3:4" x14ac:dyDescent="0.25">
      <c r="C474"/>
      <c r="D474"/>
    </row>
    <row r="475" spans="3:4" x14ac:dyDescent="0.25">
      <c r="C475"/>
      <c r="D475"/>
    </row>
    <row r="476" spans="3:4" x14ac:dyDescent="0.25">
      <c r="C476"/>
      <c r="D476"/>
    </row>
    <row r="477" spans="3:4" x14ac:dyDescent="0.25">
      <c r="C477"/>
      <c r="D477"/>
    </row>
    <row r="478" spans="3:4" x14ac:dyDescent="0.25">
      <c r="C478"/>
      <c r="D478"/>
    </row>
    <row r="479" spans="3:4" x14ac:dyDescent="0.25">
      <c r="C479"/>
      <c r="D479"/>
    </row>
    <row r="480" spans="3:4" x14ac:dyDescent="0.25">
      <c r="C480"/>
      <c r="D480"/>
    </row>
    <row r="481" spans="3:4" x14ac:dyDescent="0.25">
      <c r="C481"/>
      <c r="D481"/>
    </row>
    <row r="482" spans="3:4" x14ac:dyDescent="0.25">
      <c r="C482"/>
      <c r="D482"/>
    </row>
    <row r="483" spans="3:4" x14ac:dyDescent="0.25">
      <c r="C483"/>
      <c r="D483"/>
    </row>
    <row r="484" spans="3:4" x14ac:dyDescent="0.25">
      <c r="C484"/>
      <c r="D484"/>
    </row>
    <row r="485" spans="3:4" x14ac:dyDescent="0.25">
      <c r="C485"/>
      <c r="D485"/>
    </row>
    <row r="486" spans="3:4" x14ac:dyDescent="0.25">
      <c r="C486"/>
      <c r="D486"/>
    </row>
    <row r="487" spans="3:4" x14ac:dyDescent="0.25">
      <c r="C487"/>
      <c r="D487"/>
    </row>
    <row r="488" spans="3:4" x14ac:dyDescent="0.25">
      <c r="C488"/>
      <c r="D488"/>
    </row>
    <row r="489" spans="3:4" x14ac:dyDescent="0.25">
      <c r="C489"/>
      <c r="D489"/>
    </row>
    <row r="490" spans="3:4" x14ac:dyDescent="0.25">
      <c r="C490"/>
      <c r="D490"/>
    </row>
    <row r="491" spans="3:4" x14ac:dyDescent="0.25">
      <c r="C491"/>
      <c r="D491"/>
    </row>
    <row r="492" spans="3:4" x14ac:dyDescent="0.25">
      <c r="C492"/>
      <c r="D492"/>
    </row>
    <row r="493" spans="3:4" x14ac:dyDescent="0.25">
      <c r="C493"/>
      <c r="D493"/>
    </row>
    <row r="494" spans="3:4" x14ac:dyDescent="0.25">
      <c r="C494"/>
      <c r="D494"/>
    </row>
    <row r="495" spans="3:4" x14ac:dyDescent="0.25">
      <c r="C495"/>
      <c r="D495"/>
    </row>
    <row r="496" spans="3:4" x14ac:dyDescent="0.25">
      <c r="C496"/>
      <c r="D496"/>
    </row>
    <row r="497" spans="3:4" x14ac:dyDescent="0.25">
      <c r="C497"/>
      <c r="D497"/>
    </row>
    <row r="498" spans="3:4" x14ac:dyDescent="0.25">
      <c r="C498"/>
      <c r="D498"/>
    </row>
    <row r="499" spans="3:4" x14ac:dyDescent="0.25">
      <c r="C499"/>
      <c r="D499"/>
    </row>
    <row r="500" spans="3:4" x14ac:dyDescent="0.25">
      <c r="C500"/>
      <c r="D500"/>
    </row>
    <row r="501" spans="3:4" x14ac:dyDescent="0.25">
      <c r="C501"/>
      <c r="D501"/>
    </row>
    <row r="502" spans="3:4" x14ac:dyDescent="0.25">
      <c r="C502"/>
      <c r="D502"/>
    </row>
    <row r="503" spans="3:4" x14ac:dyDescent="0.25">
      <c r="C503"/>
      <c r="D503"/>
    </row>
    <row r="504" spans="3:4" x14ac:dyDescent="0.25">
      <c r="C504"/>
      <c r="D504"/>
    </row>
    <row r="505" spans="3:4" x14ac:dyDescent="0.25">
      <c r="C505"/>
      <c r="D505"/>
    </row>
    <row r="506" spans="3:4" x14ac:dyDescent="0.25">
      <c r="C506"/>
      <c r="D506"/>
    </row>
    <row r="507" spans="3:4" x14ac:dyDescent="0.25">
      <c r="C507"/>
      <c r="D507"/>
    </row>
    <row r="508" spans="3:4" x14ac:dyDescent="0.25">
      <c r="C508"/>
      <c r="D508"/>
    </row>
    <row r="509" spans="3:4" x14ac:dyDescent="0.25">
      <c r="C509"/>
      <c r="D509"/>
    </row>
    <row r="510" spans="3:4" x14ac:dyDescent="0.25">
      <c r="C510"/>
      <c r="D510"/>
    </row>
    <row r="511" spans="3:4" x14ac:dyDescent="0.25">
      <c r="C511"/>
      <c r="D511"/>
    </row>
    <row r="512" spans="3:4" x14ac:dyDescent="0.25">
      <c r="C512"/>
      <c r="D512"/>
    </row>
    <row r="513" spans="3:4" x14ac:dyDescent="0.25">
      <c r="C513"/>
      <c r="D513"/>
    </row>
    <row r="514" spans="3:4" x14ac:dyDescent="0.25">
      <c r="C514"/>
      <c r="D514"/>
    </row>
    <row r="515" spans="3:4" x14ac:dyDescent="0.25">
      <c r="C515"/>
      <c r="D515"/>
    </row>
    <row r="516" spans="3:4" x14ac:dyDescent="0.25">
      <c r="C516"/>
      <c r="D516"/>
    </row>
    <row r="517" spans="3:4" x14ac:dyDescent="0.25">
      <c r="C517"/>
      <c r="D517"/>
    </row>
    <row r="518" spans="3:4" x14ac:dyDescent="0.25">
      <c r="C518"/>
      <c r="D518"/>
    </row>
    <row r="519" spans="3:4" x14ac:dyDescent="0.25">
      <c r="C519"/>
      <c r="D519"/>
    </row>
    <row r="520" spans="3:4" x14ac:dyDescent="0.25">
      <c r="C520"/>
      <c r="D520"/>
    </row>
    <row r="521" spans="3:4" x14ac:dyDescent="0.25">
      <c r="C521"/>
      <c r="D521"/>
    </row>
    <row r="522" spans="3:4" x14ac:dyDescent="0.25">
      <c r="C522"/>
      <c r="D522"/>
    </row>
    <row r="523" spans="3:4" x14ac:dyDescent="0.25">
      <c r="C523"/>
      <c r="D523"/>
    </row>
    <row r="524" spans="3:4" x14ac:dyDescent="0.25">
      <c r="C524"/>
      <c r="D524"/>
    </row>
    <row r="525" spans="3:4" x14ac:dyDescent="0.25">
      <c r="C525"/>
      <c r="D525"/>
    </row>
    <row r="526" spans="3:4" x14ac:dyDescent="0.25">
      <c r="C526"/>
      <c r="D526"/>
    </row>
    <row r="527" spans="3:4" x14ac:dyDescent="0.25">
      <c r="C527"/>
      <c r="D527"/>
    </row>
    <row r="528" spans="3:4" x14ac:dyDescent="0.25">
      <c r="C528"/>
      <c r="D528"/>
    </row>
    <row r="529" spans="3:4" x14ac:dyDescent="0.25">
      <c r="C529"/>
      <c r="D529"/>
    </row>
    <row r="530" spans="3:4" x14ac:dyDescent="0.25">
      <c r="C530"/>
      <c r="D530"/>
    </row>
    <row r="531" spans="3:4" x14ac:dyDescent="0.25">
      <c r="C531"/>
      <c r="D531"/>
    </row>
    <row r="532" spans="3:4" x14ac:dyDescent="0.25">
      <c r="C532"/>
      <c r="D532"/>
    </row>
    <row r="533" spans="3:4" x14ac:dyDescent="0.25">
      <c r="C533"/>
      <c r="D533"/>
    </row>
    <row r="534" spans="3:4" x14ac:dyDescent="0.25">
      <c r="C534"/>
      <c r="D534"/>
    </row>
    <row r="535" spans="3:4" x14ac:dyDescent="0.25">
      <c r="C535"/>
      <c r="D535"/>
    </row>
    <row r="536" spans="3:4" x14ac:dyDescent="0.25">
      <c r="C536"/>
      <c r="D536"/>
    </row>
    <row r="537" spans="3:4" x14ac:dyDescent="0.25">
      <c r="C537"/>
      <c r="D537"/>
    </row>
    <row r="538" spans="3:4" x14ac:dyDescent="0.25">
      <c r="C538"/>
      <c r="D538"/>
    </row>
    <row r="539" spans="3:4" x14ac:dyDescent="0.25">
      <c r="C539"/>
      <c r="D539"/>
    </row>
    <row r="540" spans="3:4" x14ac:dyDescent="0.25">
      <c r="C540"/>
      <c r="D540"/>
    </row>
    <row r="541" spans="3:4" x14ac:dyDescent="0.25">
      <c r="C541"/>
      <c r="D541"/>
    </row>
    <row r="542" spans="3:4" x14ac:dyDescent="0.25">
      <c r="C542"/>
      <c r="D542"/>
    </row>
    <row r="543" spans="3:4" x14ac:dyDescent="0.25">
      <c r="C543"/>
      <c r="D543"/>
    </row>
    <row r="544" spans="3:4" x14ac:dyDescent="0.25">
      <c r="C544"/>
      <c r="D544"/>
    </row>
    <row r="545" spans="3:4" x14ac:dyDescent="0.25">
      <c r="C545"/>
      <c r="D545"/>
    </row>
    <row r="546" spans="3:4" x14ac:dyDescent="0.25">
      <c r="C546"/>
      <c r="D546"/>
    </row>
    <row r="547" spans="3:4" x14ac:dyDescent="0.25">
      <c r="C547"/>
      <c r="D547"/>
    </row>
    <row r="548" spans="3:4" x14ac:dyDescent="0.25">
      <c r="C548"/>
      <c r="D548"/>
    </row>
    <row r="549" spans="3:4" x14ac:dyDescent="0.25">
      <c r="C549"/>
      <c r="D549"/>
    </row>
    <row r="550" spans="3:4" x14ac:dyDescent="0.25">
      <c r="C550"/>
      <c r="D550"/>
    </row>
    <row r="551" spans="3:4" x14ac:dyDescent="0.25">
      <c r="C551"/>
      <c r="D551"/>
    </row>
    <row r="552" spans="3:4" x14ac:dyDescent="0.25">
      <c r="C552"/>
      <c r="D552"/>
    </row>
    <row r="553" spans="3:4" x14ac:dyDescent="0.25">
      <c r="C553"/>
      <c r="D553"/>
    </row>
    <row r="554" spans="3:4" x14ac:dyDescent="0.25">
      <c r="C554"/>
      <c r="D554"/>
    </row>
    <row r="555" spans="3:4" x14ac:dyDescent="0.25">
      <c r="C555"/>
      <c r="D555"/>
    </row>
    <row r="556" spans="3:4" x14ac:dyDescent="0.25">
      <c r="C556"/>
      <c r="D556"/>
    </row>
    <row r="557" spans="3:4" x14ac:dyDescent="0.25">
      <c r="C557"/>
      <c r="D557"/>
    </row>
    <row r="558" spans="3:4" x14ac:dyDescent="0.25">
      <c r="C558"/>
      <c r="D558"/>
    </row>
    <row r="559" spans="3:4" x14ac:dyDescent="0.25">
      <c r="C559"/>
      <c r="D559"/>
    </row>
    <row r="560" spans="3:4" x14ac:dyDescent="0.25">
      <c r="C560"/>
      <c r="D560"/>
    </row>
    <row r="561" spans="3:4" x14ac:dyDescent="0.25">
      <c r="C561"/>
      <c r="D561"/>
    </row>
    <row r="562" spans="3:4" x14ac:dyDescent="0.25">
      <c r="C562"/>
      <c r="D562"/>
    </row>
    <row r="563" spans="3:4" x14ac:dyDescent="0.25">
      <c r="C563"/>
      <c r="D563"/>
    </row>
    <row r="564" spans="3:4" x14ac:dyDescent="0.25">
      <c r="C564"/>
      <c r="D564"/>
    </row>
    <row r="565" spans="3:4" x14ac:dyDescent="0.25">
      <c r="C565"/>
      <c r="D565"/>
    </row>
    <row r="566" spans="3:4" x14ac:dyDescent="0.25">
      <c r="C566"/>
      <c r="D566"/>
    </row>
    <row r="567" spans="3:4" x14ac:dyDescent="0.25">
      <c r="C567"/>
      <c r="D567"/>
    </row>
    <row r="568" spans="3:4" x14ac:dyDescent="0.25">
      <c r="C568"/>
      <c r="D568"/>
    </row>
    <row r="569" spans="3:4" x14ac:dyDescent="0.25">
      <c r="C569"/>
      <c r="D569"/>
    </row>
    <row r="570" spans="3:4" x14ac:dyDescent="0.25">
      <c r="C570"/>
      <c r="D570"/>
    </row>
    <row r="571" spans="3:4" x14ac:dyDescent="0.25">
      <c r="C571"/>
      <c r="D571"/>
    </row>
    <row r="572" spans="3:4" x14ac:dyDescent="0.25">
      <c r="C572"/>
      <c r="D572"/>
    </row>
    <row r="573" spans="3:4" x14ac:dyDescent="0.25">
      <c r="C573"/>
      <c r="D573"/>
    </row>
    <row r="574" spans="3:4" x14ac:dyDescent="0.25">
      <c r="C574"/>
      <c r="D574"/>
    </row>
    <row r="575" spans="3:4" x14ac:dyDescent="0.25">
      <c r="C575"/>
      <c r="D575"/>
    </row>
    <row r="576" spans="3:4" x14ac:dyDescent="0.25">
      <c r="C576"/>
      <c r="D576"/>
    </row>
    <row r="577" spans="3:4" x14ac:dyDescent="0.25">
      <c r="C577"/>
      <c r="D577"/>
    </row>
    <row r="578" spans="3:4" x14ac:dyDescent="0.25">
      <c r="C578"/>
      <c r="D578"/>
    </row>
    <row r="579" spans="3:4" x14ac:dyDescent="0.25">
      <c r="C579"/>
      <c r="D579"/>
    </row>
    <row r="580" spans="3:4" x14ac:dyDescent="0.25">
      <c r="C580"/>
      <c r="D580"/>
    </row>
    <row r="581" spans="3:4" x14ac:dyDescent="0.25">
      <c r="C581"/>
      <c r="D581"/>
    </row>
    <row r="582" spans="3:4" x14ac:dyDescent="0.25">
      <c r="C582"/>
      <c r="D582"/>
    </row>
    <row r="583" spans="3:4" x14ac:dyDescent="0.25">
      <c r="C583"/>
      <c r="D583"/>
    </row>
    <row r="584" spans="3:4" x14ac:dyDescent="0.25">
      <c r="C584"/>
      <c r="D584"/>
    </row>
    <row r="585" spans="3:4" x14ac:dyDescent="0.25">
      <c r="C585"/>
      <c r="D585"/>
    </row>
    <row r="586" spans="3:4" x14ac:dyDescent="0.25">
      <c r="C586"/>
      <c r="D586"/>
    </row>
    <row r="587" spans="3:4" x14ac:dyDescent="0.25">
      <c r="C587"/>
      <c r="D587"/>
    </row>
    <row r="588" spans="3:4" x14ac:dyDescent="0.25">
      <c r="C588"/>
      <c r="D588"/>
    </row>
    <row r="589" spans="3:4" x14ac:dyDescent="0.25">
      <c r="C589"/>
      <c r="D589"/>
    </row>
    <row r="590" spans="3:4" x14ac:dyDescent="0.25">
      <c r="C590"/>
      <c r="D590"/>
    </row>
    <row r="591" spans="3:4" x14ac:dyDescent="0.25">
      <c r="C591"/>
      <c r="D591"/>
    </row>
    <row r="592" spans="3:4" x14ac:dyDescent="0.25">
      <c r="C592"/>
      <c r="D592"/>
    </row>
    <row r="593" spans="3:4" x14ac:dyDescent="0.25">
      <c r="C593"/>
      <c r="D593"/>
    </row>
    <row r="594" spans="3:4" x14ac:dyDescent="0.25">
      <c r="C594"/>
      <c r="D594"/>
    </row>
    <row r="595" spans="3:4" x14ac:dyDescent="0.25">
      <c r="C595"/>
      <c r="D595"/>
    </row>
    <row r="596" spans="3:4" x14ac:dyDescent="0.25">
      <c r="C596"/>
      <c r="D596"/>
    </row>
    <row r="597" spans="3:4" x14ac:dyDescent="0.25">
      <c r="C597"/>
      <c r="D597"/>
    </row>
    <row r="598" spans="3:4" x14ac:dyDescent="0.25">
      <c r="C598"/>
      <c r="D598"/>
    </row>
    <row r="599" spans="3:4" x14ac:dyDescent="0.25">
      <c r="C599"/>
      <c r="D599"/>
    </row>
    <row r="600" spans="3:4" x14ac:dyDescent="0.25">
      <c r="C600"/>
      <c r="D600"/>
    </row>
    <row r="601" spans="3:4" x14ac:dyDescent="0.25">
      <c r="C601"/>
      <c r="D601"/>
    </row>
    <row r="602" spans="3:4" x14ac:dyDescent="0.25">
      <c r="C602"/>
      <c r="D602"/>
    </row>
    <row r="603" spans="3:4" x14ac:dyDescent="0.25">
      <c r="C603"/>
      <c r="D603"/>
    </row>
    <row r="604" spans="3:4" x14ac:dyDescent="0.25">
      <c r="C604"/>
      <c r="D604"/>
    </row>
    <row r="605" spans="3:4" x14ac:dyDescent="0.25">
      <c r="C605"/>
      <c r="D605"/>
    </row>
    <row r="606" spans="3:4" x14ac:dyDescent="0.25">
      <c r="C606"/>
      <c r="D606"/>
    </row>
    <row r="607" spans="3:4" x14ac:dyDescent="0.25">
      <c r="C607"/>
      <c r="D607"/>
    </row>
    <row r="608" spans="3:4" x14ac:dyDescent="0.25">
      <c r="C608"/>
      <c r="D608"/>
    </row>
    <row r="609" spans="3:4" x14ac:dyDescent="0.25">
      <c r="C609"/>
      <c r="D609"/>
    </row>
    <row r="610" spans="3:4" x14ac:dyDescent="0.25">
      <c r="C610"/>
      <c r="D610"/>
    </row>
    <row r="611" spans="3:4" x14ac:dyDescent="0.25">
      <c r="C611"/>
      <c r="D611"/>
    </row>
    <row r="612" spans="3:4" x14ac:dyDescent="0.25">
      <c r="C612"/>
      <c r="D612"/>
    </row>
    <row r="613" spans="3:4" x14ac:dyDescent="0.25">
      <c r="C613"/>
      <c r="D613"/>
    </row>
    <row r="614" spans="3:4" x14ac:dyDescent="0.25">
      <c r="C614"/>
      <c r="D614"/>
    </row>
    <row r="615" spans="3:4" x14ac:dyDescent="0.25">
      <c r="C615"/>
      <c r="D615"/>
    </row>
    <row r="616" spans="3:4" x14ac:dyDescent="0.25">
      <c r="C616"/>
      <c r="D616"/>
    </row>
    <row r="617" spans="3:4" x14ac:dyDescent="0.25">
      <c r="C617"/>
      <c r="D617"/>
    </row>
    <row r="618" spans="3:4" x14ac:dyDescent="0.25">
      <c r="C618"/>
      <c r="D618"/>
    </row>
    <row r="619" spans="3:4" x14ac:dyDescent="0.25">
      <c r="C619"/>
      <c r="D619"/>
    </row>
    <row r="620" spans="3:4" x14ac:dyDescent="0.25">
      <c r="C620"/>
      <c r="D620"/>
    </row>
    <row r="621" spans="3:4" x14ac:dyDescent="0.25">
      <c r="C621"/>
      <c r="D621"/>
    </row>
    <row r="622" spans="3:4" x14ac:dyDescent="0.25">
      <c r="C622"/>
      <c r="D622"/>
    </row>
    <row r="623" spans="3:4" x14ac:dyDescent="0.25">
      <c r="C623"/>
      <c r="D623"/>
    </row>
    <row r="624" spans="3:4" x14ac:dyDescent="0.25">
      <c r="C624"/>
      <c r="D624"/>
    </row>
    <row r="625" spans="3:4" x14ac:dyDescent="0.25">
      <c r="C625"/>
      <c r="D625"/>
    </row>
    <row r="626" spans="3:4" x14ac:dyDescent="0.25">
      <c r="C626"/>
      <c r="D626"/>
    </row>
    <row r="627" spans="3:4" x14ac:dyDescent="0.25">
      <c r="C627"/>
      <c r="D627"/>
    </row>
    <row r="628" spans="3:4" x14ac:dyDescent="0.25">
      <c r="C628"/>
      <c r="D628"/>
    </row>
    <row r="629" spans="3:4" x14ac:dyDescent="0.25">
      <c r="C629"/>
      <c r="D629"/>
    </row>
    <row r="630" spans="3:4" x14ac:dyDescent="0.25">
      <c r="C630"/>
      <c r="D630"/>
    </row>
    <row r="631" spans="3:4" x14ac:dyDescent="0.25">
      <c r="C631"/>
      <c r="D631"/>
    </row>
    <row r="632" spans="3:4" x14ac:dyDescent="0.25">
      <c r="C632"/>
      <c r="D632"/>
    </row>
    <row r="633" spans="3:4" x14ac:dyDescent="0.25">
      <c r="C633"/>
      <c r="D633"/>
    </row>
    <row r="634" spans="3:4" x14ac:dyDescent="0.25">
      <c r="C634"/>
      <c r="D634"/>
    </row>
    <row r="635" spans="3:4" x14ac:dyDescent="0.25">
      <c r="C635"/>
      <c r="D635"/>
    </row>
    <row r="636" spans="3:4" x14ac:dyDescent="0.25">
      <c r="C636"/>
      <c r="D636"/>
    </row>
    <row r="637" spans="3:4" x14ac:dyDescent="0.25">
      <c r="C637"/>
      <c r="D637"/>
    </row>
    <row r="638" spans="3:4" x14ac:dyDescent="0.25">
      <c r="C638"/>
      <c r="D638"/>
    </row>
    <row r="639" spans="3:4" x14ac:dyDescent="0.25">
      <c r="C639"/>
      <c r="D639"/>
    </row>
    <row r="640" spans="3:4" x14ac:dyDescent="0.25">
      <c r="C640"/>
      <c r="D640"/>
    </row>
    <row r="641" spans="3:4" x14ac:dyDescent="0.25">
      <c r="C641"/>
      <c r="D641"/>
    </row>
    <row r="642" spans="3:4" x14ac:dyDescent="0.25">
      <c r="C642"/>
      <c r="D642"/>
    </row>
    <row r="643" spans="3:4" x14ac:dyDescent="0.25">
      <c r="C643"/>
      <c r="D643"/>
    </row>
    <row r="644" spans="3:4" x14ac:dyDescent="0.25">
      <c r="C644"/>
      <c r="D644"/>
    </row>
    <row r="645" spans="3:4" x14ac:dyDescent="0.25">
      <c r="C645"/>
      <c r="D645"/>
    </row>
    <row r="646" spans="3:4" x14ac:dyDescent="0.25">
      <c r="C646"/>
      <c r="D646"/>
    </row>
    <row r="647" spans="3:4" x14ac:dyDescent="0.25">
      <c r="C647"/>
      <c r="D647"/>
    </row>
    <row r="648" spans="3:4" x14ac:dyDescent="0.25">
      <c r="C648"/>
      <c r="D648"/>
    </row>
    <row r="649" spans="3:4" x14ac:dyDescent="0.25">
      <c r="C649"/>
      <c r="D649"/>
    </row>
    <row r="650" spans="3:4" x14ac:dyDescent="0.25">
      <c r="C650"/>
      <c r="D650"/>
    </row>
    <row r="651" spans="3:4" x14ac:dyDescent="0.25">
      <c r="C651"/>
      <c r="D651"/>
    </row>
    <row r="652" spans="3:4" x14ac:dyDescent="0.25">
      <c r="C652"/>
      <c r="D652"/>
    </row>
    <row r="653" spans="3:4" x14ac:dyDescent="0.25">
      <c r="C653"/>
      <c r="D653"/>
    </row>
    <row r="654" spans="3:4" x14ac:dyDescent="0.25">
      <c r="C654"/>
      <c r="D654"/>
    </row>
    <row r="655" spans="3:4" x14ac:dyDescent="0.25">
      <c r="C655"/>
      <c r="D655"/>
    </row>
    <row r="656" spans="3:4" x14ac:dyDescent="0.25">
      <c r="C656"/>
      <c r="D656"/>
    </row>
    <row r="657" spans="3:4" x14ac:dyDescent="0.25">
      <c r="C657"/>
      <c r="D657"/>
    </row>
    <row r="658" spans="3:4" x14ac:dyDescent="0.25">
      <c r="C658"/>
      <c r="D658"/>
    </row>
    <row r="659" spans="3:4" x14ac:dyDescent="0.25">
      <c r="C659"/>
      <c r="D659"/>
    </row>
    <row r="660" spans="3:4" x14ac:dyDescent="0.25">
      <c r="C660"/>
      <c r="D660"/>
    </row>
    <row r="661" spans="3:4" x14ac:dyDescent="0.25">
      <c r="C661"/>
      <c r="D661"/>
    </row>
    <row r="662" spans="3:4" x14ac:dyDescent="0.25">
      <c r="C662"/>
      <c r="D662"/>
    </row>
    <row r="663" spans="3:4" x14ac:dyDescent="0.25">
      <c r="C663"/>
      <c r="D663"/>
    </row>
    <row r="664" spans="3:4" x14ac:dyDescent="0.25">
      <c r="C664"/>
      <c r="D664"/>
    </row>
    <row r="665" spans="3:4" x14ac:dyDescent="0.25">
      <c r="C665"/>
      <c r="D665"/>
    </row>
    <row r="666" spans="3:4" x14ac:dyDescent="0.25">
      <c r="C666"/>
      <c r="D666"/>
    </row>
    <row r="667" spans="3:4" x14ac:dyDescent="0.25">
      <c r="C667"/>
      <c r="D667"/>
    </row>
    <row r="668" spans="3:4" x14ac:dyDescent="0.25">
      <c r="C668"/>
      <c r="D668"/>
    </row>
    <row r="669" spans="3:4" x14ac:dyDescent="0.25">
      <c r="C669"/>
      <c r="D669"/>
    </row>
    <row r="670" spans="3:4" x14ac:dyDescent="0.25">
      <c r="C670"/>
      <c r="D670"/>
    </row>
    <row r="671" spans="3:4" x14ac:dyDescent="0.25">
      <c r="C671"/>
      <c r="D671"/>
    </row>
    <row r="672" spans="3:4" x14ac:dyDescent="0.25">
      <c r="C672"/>
      <c r="D672"/>
    </row>
    <row r="673" spans="3:4" x14ac:dyDescent="0.25">
      <c r="C673"/>
      <c r="D673"/>
    </row>
    <row r="674" spans="3:4" x14ac:dyDescent="0.25">
      <c r="C674"/>
      <c r="D674"/>
    </row>
    <row r="675" spans="3:4" x14ac:dyDescent="0.25">
      <c r="C675"/>
      <c r="D675"/>
    </row>
    <row r="676" spans="3:4" x14ac:dyDescent="0.25">
      <c r="C676"/>
      <c r="D676"/>
    </row>
    <row r="677" spans="3:4" x14ac:dyDescent="0.25">
      <c r="C677"/>
      <c r="D677"/>
    </row>
    <row r="678" spans="3:4" x14ac:dyDescent="0.25">
      <c r="C678"/>
      <c r="D678"/>
    </row>
    <row r="679" spans="3:4" x14ac:dyDescent="0.25">
      <c r="C679"/>
      <c r="D679"/>
    </row>
    <row r="680" spans="3:4" x14ac:dyDescent="0.25">
      <c r="C680"/>
      <c r="D680"/>
    </row>
    <row r="681" spans="3:4" x14ac:dyDescent="0.25">
      <c r="C681"/>
      <c r="D681"/>
    </row>
    <row r="682" spans="3:4" x14ac:dyDescent="0.25">
      <c r="C682"/>
      <c r="D682"/>
    </row>
    <row r="683" spans="3:4" x14ac:dyDescent="0.25">
      <c r="C683"/>
      <c r="D683"/>
    </row>
    <row r="684" spans="3:4" x14ac:dyDescent="0.25">
      <c r="C684"/>
      <c r="D684"/>
    </row>
    <row r="685" spans="3:4" x14ac:dyDescent="0.25">
      <c r="C685"/>
      <c r="D685"/>
    </row>
    <row r="686" spans="3:4" x14ac:dyDescent="0.25">
      <c r="C686"/>
      <c r="D686"/>
    </row>
    <row r="687" spans="3:4" x14ac:dyDescent="0.25">
      <c r="C687"/>
      <c r="D687"/>
    </row>
    <row r="688" spans="3:4" x14ac:dyDescent="0.25">
      <c r="C688"/>
      <c r="D688"/>
    </row>
    <row r="689" spans="3:4" x14ac:dyDescent="0.25">
      <c r="C689"/>
      <c r="D689"/>
    </row>
    <row r="690" spans="3:4" x14ac:dyDescent="0.25">
      <c r="C690"/>
      <c r="D690"/>
    </row>
    <row r="691" spans="3:4" x14ac:dyDescent="0.25">
      <c r="C691"/>
      <c r="D691"/>
    </row>
    <row r="692" spans="3:4" x14ac:dyDescent="0.25">
      <c r="C692"/>
      <c r="D692"/>
    </row>
    <row r="693" spans="3:4" x14ac:dyDescent="0.25">
      <c r="C693"/>
      <c r="D693"/>
    </row>
    <row r="694" spans="3:4" x14ac:dyDescent="0.25">
      <c r="C694"/>
      <c r="D694"/>
    </row>
    <row r="695" spans="3:4" x14ac:dyDescent="0.25">
      <c r="C695"/>
      <c r="D695"/>
    </row>
    <row r="696" spans="3:4" x14ac:dyDescent="0.25">
      <c r="C696"/>
      <c r="D696"/>
    </row>
    <row r="697" spans="3:4" x14ac:dyDescent="0.25">
      <c r="C697"/>
      <c r="D697"/>
    </row>
    <row r="698" spans="3:4" x14ac:dyDescent="0.25">
      <c r="C698"/>
      <c r="D698"/>
    </row>
    <row r="699" spans="3:4" x14ac:dyDescent="0.25">
      <c r="C699"/>
      <c r="D699"/>
    </row>
    <row r="700" spans="3:4" x14ac:dyDescent="0.25">
      <c r="C700"/>
      <c r="D700"/>
    </row>
    <row r="701" spans="3:4" x14ac:dyDescent="0.25">
      <c r="C701"/>
      <c r="D701"/>
    </row>
    <row r="702" spans="3:4" x14ac:dyDescent="0.25">
      <c r="C702"/>
      <c r="D702"/>
    </row>
    <row r="703" spans="3:4" x14ac:dyDescent="0.25">
      <c r="C703"/>
      <c r="D703"/>
    </row>
    <row r="704" spans="3:4" x14ac:dyDescent="0.25">
      <c r="C704"/>
      <c r="D704"/>
    </row>
    <row r="705" spans="3:4" x14ac:dyDescent="0.25">
      <c r="C705"/>
      <c r="D705"/>
    </row>
    <row r="706" spans="3:4" x14ac:dyDescent="0.25">
      <c r="C706"/>
      <c r="D706"/>
    </row>
    <row r="707" spans="3:4" x14ac:dyDescent="0.25">
      <c r="C707"/>
      <c r="D707"/>
    </row>
    <row r="708" spans="3:4" x14ac:dyDescent="0.25">
      <c r="C708"/>
      <c r="D708"/>
    </row>
    <row r="709" spans="3:4" x14ac:dyDescent="0.25">
      <c r="C709"/>
      <c r="D709"/>
    </row>
    <row r="710" spans="3:4" x14ac:dyDescent="0.25">
      <c r="C710"/>
      <c r="D710"/>
    </row>
    <row r="711" spans="3:4" x14ac:dyDescent="0.25">
      <c r="C711"/>
      <c r="D711"/>
    </row>
    <row r="712" spans="3:4" x14ac:dyDescent="0.25">
      <c r="C712"/>
      <c r="D712"/>
    </row>
    <row r="713" spans="3:4" x14ac:dyDescent="0.25">
      <c r="C713"/>
      <c r="D713"/>
    </row>
    <row r="714" spans="3:4" x14ac:dyDescent="0.25">
      <c r="C714"/>
      <c r="D714"/>
    </row>
    <row r="715" spans="3:4" x14ac:dyDescent="0.25">
      <c r="C715"/>
      <c r="D715"/>
    </row>
    <row r="716" spans="3:4" x14ac:dyDescent="0.25">
      <c r="C716"/>
      <c r="D716"/>
    </row>
    <row r="717" spans="3:4" x14ac:dyDescent="0.25">
      <c r="C717"/>
      <c r="D717"/>
    </row>
    <row r="718" spans="3:4" x14ac:dyDescent="0.25">
      <c r="C718"/>
      <c r="D718"/>
    </row>
    <row r="719" spans="3:4" x14ac:dyDescent="0.25">
      <c r="C719"/>
      <c r="D719"/>
    </row>
    <row r="720" spans="3:4" x14ac:dyDescent="0.25">
      <c r="C720"/>
      <c r="D720"/>
    </row>
    <row r="721" spans="3:4" x14ac:dyDescent="0.25">
      <c r="C721"/>
      <c r="D721"/>
    </row>
    <row r="722" spans="3:4" x14ac:dyDescent="0.25">
      <c r="C722"/>
      <c r="D722"/>
    </row>
    <row r="723" spans="3:4" x14ac:dyDescent="0.25">
      <c r="C723"/>
      <c r="D723"/>
    </row>
    <row r="724" spans="3:4" x14ac:dyDescent="0.25">
      <c r="C724"/>
      <c r="D724"/>
    </row>
    <row r="725" spans="3:4" x14ac:dyDescent="0.25">
      <c r="C725"/>
      <c r="D725"/>
    </row>
    <row r="726" spans="3:4" x14ac:dyDescent="0.25">
      <c r="C726"/>
      <c r="D726"/>
    </row>
    <row r="727" spans="3:4" x14ac:dyDescent="0.25">
      <c r="C727"/>
      <c r="D727"/>
    </row>
    <row r="728" spans="3:4" x14ac:dyDescent="0.25">
      <c r="C728"/>
      <c r="D728"/>
    </row>
    <row r="729" spans="3:4" x14ac:dyDescent="0.25">
      <c r="C729"/>
      <c r="D729"/>
    </row>
    <row r="730" spans="3:4" x14ac:dyDescent="0.25">
      <c r="C730"/>
      <c r="D730"/>
    </row>
    <row r="731" spans="3:4" x14ac:dyDescent="0.25">
      <c r="C731"/>
      <c r="D731"/>
    </row>
    <row r="732" spans="3:4" x14ac:dyDescent="0.25">
      <c r="C732"/>
      <c r="D732"/>
    </row>
    <row r="733" spans="3:4" x14ac:dyDescent="0.25">
      <c r="C733"/>
      <c r="D733"/>
    </row>
    <row r="734" spans="3:4" x14ac:dyDescent="0.25">
      <c r="C734"/>
      <c r="D734"/>
    </row>
    <row r="735" spans="3:4" x14ac:dyDescent="0.25">
      <c r="C735"/>
      <c r="D735"/>
    </row>
    <row r="736" spans="3:4" x14ac:dyDescent="0.25">
      <c r="C736"/>
      <c r="D736"/>
    </row>
    <row r="737" spans="3:4" x14ac:dyDescent="0.25">
      <c r="C737"/>
      <c r="D737"/>
    </row>
    <row r="738" spans="3:4" x14ac:dyDescent="0.25">
      <c r="C738"/>
      <c r="D738"/>
    </row>
    <row r="739" spans="3:4" x14ac:dyDescent="0.25">
      <c r="C739"/>
      <c r="D739"/>
    </row>
    <row r="740" spans="3:4" x14ac:dyDescent="0.25">
      <c r="C740"/>
      <c r="D740"/>
    </row>
    <row r="741" spans="3:4" x14ac:dyDescent="0.25">
      <c r="C741"/>
      <c r="D741"/>
    </row>
    <row r="742" spans="3:4" x14ac:dyDescent="0.25">
      <c r="C742"/>
      <c r="D742"/>
    </row>
    <row r="743" spans="3:4" x14ac:dyDescent="0.25">
      <c r="C743"/>
      <c r="D743"/>
    </row>
    <row r="744" spans="3:4" x14ac:dyDescent="0.25">
      <c r="C744"/>
      <c r="D744"/>
    </row>
    <row r="745" spans="3:4" x14ac:dyDescent="0.25">
      <c r="C745"/>
      <c r="D745"/>
    </row>
    <row r="746" spans="3:4" x14ac:dyDescent="0.25">
      <c r="C746"/>
      <c r="D746"/>
    </row>
    <row r="747" spans="3:4" x14ac:dyDescent="0.25">
      <c r="C747"/>
      <c r="D747"/>
    </row>
    <row r="748" spans="3:4" x14ac:dyDescent="0.25">
      <c r="C748"/>
      <c r="D748"/>
    </row>
    <row r="749" spans="3:4" x14ac:dyDescent="0.25">
      <c r="C749"/>
      <c r="D749"/>
    </row>
    <row r="750" spans="3:4" x14ac:dyDescent="0.25">
      <c r="C750"/>
      <c r="D750"/>
    </row>
    <row r="751" spans="3:4" x14ac:dyDescent="0.25">
      <c r="C751"/>
      <c r="D751"/>
    </row>
    <row r="752" spans="3:4" x14ac:dyDescent="0.25">
      <c r="C752"/>
      <c r="D752"/>
    </row>
    <row r="753" spans="3:4" x14ac:dyDescent="0.25">
      <c r="C753"/>
      <c r="D753"/>
    </row>
    <row r="754" spans="3:4" x14ac:dyDescent="0.25">
      <c r="C754"/>
      <c r="D754"/>
    </row>
    <row r="755" spans="3:4" x14ac:dyDescent="0.25">
      <c r="C755"/>
      <c r="D755"/>
    </row>
    <row r="756" spans="3:4" x14ac:dyDescent="0.25">
      <c r="C756"/>
      <c r="D756"/>
    </row>
    <row r="757" spans="3:4" x14ac:dyDescent="0.25">
      <c r="C757"/>
      <c r="D757"/>
    </row>
    <row r="758" spans="3:4" x14ac:dyDescent="0.25">
      <c r="C758"/>
      <c r="D758"/>
    </row>
    <row r="759" spans="3:4" x14ac:dyDescent="0.25">
      <c r="C759"/>
      <c r="D759"/>
    </row>
    <row r="760" spans="3:4" x14ac:dyDescent="0.25">
      <c r="C760"/>
      <c r="D760"/>
    </row>
    <row r="761" spans="3:4" x14ac:dyDescent="0.25">
      <c r="C761"/>
      <c r="D761"/>
    </row>
    <row r="762" spans="3:4" x14ac:dyDescent="0.25">
      <c r="C762"/>
      <c r="D762"/>
    </row>
    <row r="763" spans="3:4" x14ac:dyDescent="0.25">
      <c r="C763"/>
      <c r="D763"/>
    </row>
    <row r="764" spans="3:4" x14ac:dyDescent="0.25">
      <c r="C764"/>
      <c r="D764"/>
    </row>
    <row r="765" spans="3:4" x14ac:dyDescent="0.25">
      <c r="C765"/>
      <c r="D765"/>
    </row>
    <row r="766" spans="3:4" x14ac:dyDescent="0.25">
      <c r="C766"/>
      <c r="D766"/>
    </row>
    <row r="767" spans="3:4" x14ac:dyDescent="0.25">
      <c r="C767"/>
      <c r="D767"/>
    </row>
    <row r="768" spans="3:4" x14ac:dyDescent="0.25">
      <c r="C768"/>
      <c r="D768"/>
    </row>
    <row r="769" spans="3:4" x14ac:dyDescent="0.25">
      <c r="C769"/>
      <c r="D769"/>
    </row>
    <row r="770" spans="3:4" x14ac:dyDescent="0.25">
      <c r="C770"/>
      <c r="D770"/>
    </row>
    <row r="771" spans="3:4" x14ac:dyDescent="0.25">
      <c r="C771"/>
      <c r="D771"/>
    </row>
    <row r="772" spans="3:4" x14ac:dyDescent="0.25">
      <c r="C772"/>
      <c r="D772"/>
    </row>
    <row r="773" spans="3:4" x14ac:dyDescent="0.25">
      <c r="C773"/>
      <c r="D773"/>
    </row>
    <row r="774" spans="3:4" x14ac:dyDescent="0.25">
      <c r="C774"/>
      <c r="D774"/>
    </row>
    <row r="775" spans="3:4" x14ac:dyDescent="0.25">
      <c r="C775"/>
      <c r="D775"/>
    </row>
    <row r="776" spans="3:4" x14ac:dyDescent="0.25">
      <c r="C776"/>
      <c r="D776"/>
    </row>
    <row r="777" spans="3:4" x14ac:dyDescent="0.25">
      <c r="C777"/>
      <c r="D777"/>
    </row>
    <row r="778" spans="3:4" x14ac:dyDescent="0.25">
      <c r="C778"/>
      <c r="D778"/>
    </row>
    <row r="779" spans="3:4" x14ac:dyDescent="0.25">
      <c r="C779"/>
      <c r="D779"/>
    </row>
    <row r="780" spans="3:4" x14ac:dyDescent="0.25">
      <c r="C780"/>
      <c r="D780"/>
    </row>
    <row r="781" spans="3:4" x14ac:dyDescent="0.25">
      <c r="C781"/>
      <c r="D781"/>
    </row>
    <row r="782" spans="3:4" x14ac:dyDescent="0.25">
      <c r="C782"/>
      <c r="D782"/>
    </row>
    <row r="783" spans="3:4" x14ac:dyDescent="0.25">
      <c r="C783"/>
      <c r="D783"/>
    </row>
    <row r="784" spans="3:4" x14ac:dyDescent="0.25">
      <c r="C784"/>
      <c r="D784"/>
    </row>
    <row r="785" spans="3:4" x14ac:dyDescent="0.25">
      <c r="C785"/>
      <c r="D785"/>
    </row>
    <row r="786" spans="3:4" x14ac:dyDescent="0.25">
      <c r="C786"/>
      <c r="D786"/>
    </row>
    <row r="787" spans="3:4" x14ac:dyDescent="0.25">
      <c r="C787"/>
      <c r="D787"/>
    </row>
    <row r="788" spans="3:4" x14ac:dyDescent="0.25">
      <c r="C788"/>
      <c r="D788"/>
    </row>
    <row r="789" spans="3:4" x14ac:dyDescent="0.25">
      <c r="C789"/>
      <c r="D789"/>
    </row>
    <row r="790" spans="3:4" x14ac:dyDescent="0.25">
      <c r="C790"/>
      <c r="D790"/>
    </row>
    <row r="791" spans="3:4" x14ac:dyDescent="0.25">
      <c r="C791"/>
      <c r="D791"/>
    </row>
    <row r="792" spans="3:4" x14ac:dyDescent="0.25">
      <c r="C792"/>
      <c r="D792"/>
    </row>
    <row r="793" spans="3:4" x14ac:dyDescent="0.25">
      <c r="C793"/>
      <c r="D793"/>
    </row>
    <row r="794" spans="3:4" x14ac:dyDescent="0.25">
      <c r="C794"/>
      <c r="D794"/>
    </row>
    <row r="795" spans="3:4" x14ac:dyDescent="0.25">
      <c r="C795"/>
      <c r="D795"/>
    </row>
    <row r="796" spans="3:4" x14ac:dyDescent="0.25">
      <c r="C796"/>
      <c r="D796"/>
    </row>
    <row r="797" spans="3:4" x14ac:dyDescent="0.25">
      <c r="C797"/>
      <c r="D797"/>
    </row>
    <row r="798" spans="3:4" x14ac:dyDescent="0.25">
      <c r="C798"/>
      <c r="D798"/>
    </row>
    <row r="799" spans="3:4" x14ac:dyDescent="0.25">
      <c r="C799"/>
      <c r="D799"/>
    </row>
    <row r="800" spans="3:4" x14ac:dyDescent="0.25">
      <c r="C800"/>
      <c r="D800"/>
    </row>
    <row r="801" spans="3:4" x14ac:dyDescent="0.25">
      <c r="C801"/>
      <c r="D801"/>
    </row>
    <row r="802" spans="3:4" x14ac:dyDescent="0.25">
      <c r="C802"/>
      <c r="D802"/>
    </row>
    <row r="803" spans="3:4" x14ac:dyDescent="0.25">
      <c r="C803"/>
      <c r="D803"/>
    </row>
    <row r="804" spans="3:4" x14ac:dyDescent="0.25">
      <c r="C804"/>
      <c r="D804"/>
    </row>
    <row r="805" spans="3:4" x14ac:dyDescent="0.25">
      <c r="C805"/>
      <c r="D805"/>
    </row>
    <row r="806" spans="3:4" x14ac:dyDescent="0.25">
      <c r="C806"/>
      <c r="D806"/>
    </row>
    <row r="807" spans="3:4" x14ac:dyDescent="0.25">
      <c r="C807"/>
      <c r="D807"/>
    </row>
    <row r="808" spans="3:4" x14ac:dyDescent="0.25">
      <c r="C808"/>
      <c r="D808"/>
    </row>
    <row r="809" spans="3:4" x14ac:dyDescent="0.25">
      <c r="C809"/>
      <c r="D809"/>
    </row>
    <row r="810" spans="3:4" x14ac:dyDescent="0.25">
      <c r="C810"/>
      <c r="D810"/>
    </row>
    <row r="811" spans="3:4" x14ac:dyDescent="0.25">
      <c r="C811"/>
      <c r="D811"/>
    </row>
    <row r="812" spans="3:4" x14ac:dyDescent="0.25">
      <c r="C812"/>
      <c r="D812"/>
    </row>
    <row r="813" spans="3:4" x14ac:dyDescent="0.25">
      <c r="C813"/>
      <c r="D813"/>
    </row>
    <row r="814" spans="3:4" x14ac:dyDescent="0.25">
      <c r="C814"/>
      <c r="D814"/>
    </row>
    <row r="815" spans="3:4" x14ac:dyDescent="0.25">
      <c r="C815"/>
      <c r="D815"/>
    </row>
    <row r="816" spans="3:4" x14ac:dyDescent="0.25">
      <c r="C816"/>
      <c r="D816"/>
    </row>
    <row r="817" spans="3:4" x14ac:dyDescent="0.25">
      <c r="C817"/>
      <c r="D817"/>
    </row>
    <row r="818" spans="3:4" x14ac:dyDescent="0.25">
      <c r="C818"/>
      <c r="D818"/>
    </row>
    <row r="819" spans="3:4" x14ac:dyDescent="0.25">
      <c r="C819"/>
      <c r="D819"/>
    </row>
    <row r="820" spans="3:4" x14ac:dyDescent="0.25">
      <c r="C820"/>
      <c r="D820"/>
    </row>
    <row r="821" spans="3:4" x14ac:dyDescent="0.25">
      <c r="C821"/>
      <c r="D821"/>
    </row>
    <row r="822" spans="3:4" x14ac:dyDescent="0.25">
      <c r="C822"/>
      <c r="D822"/>
    </row>
    <row r="823" spans="3:4" x14ac:dyDescent="0.25">
      <c r="C823"/>
      <c r="D823"/>
    </row>
    <row r="824" spans="3:4" x14ac:dyDescent="0.25">
      <c r="C824"/>
      <c r="D824"/>
    </row>
    <row r="825" spans="3:4" x14ac:dyDescent="0.25">
      <c r="C825"/>
      <c r="D825"/>
    </row>
    <row r="826" spans="3:4" x14ac:dyDescent="0.25">
      <c r="C826"/>
      <c r="D826"/>
    </row>
    <row r="827" spans="3:4" x14ac:dyDescent="0.25">
      <c r="C827"/>
      <c r="D827"/>
    </row>
    <row r="828" spans="3:4" x14ac:dyDescent="0.25">
      <c r="C828"/>
      <c r="D828"/>
    </row>
    <row r="829" spans="3:4" x14ac:dyDescent="0.25">
      <c r="C829"/>
      <c r="D829"/>
    </row>
    <row r="830" spans="3:4" x14ac:dyDescent="0.25">
      <c r="C830"/>
      <c r="D830"/>
    </row>
    <row r="831" spans="3:4" x14ac:dyDescent="0.25">
      <c r="C831"/>
      <c r="D831"/>
    </row>
    <row r="832" spans="3:4" x14ac:dyDescent="0.25">
      <c r="C832"/>
      <c r="D832"/>
    </row>
    <row r="833" spans="3:4" x14ac:dyDescent="0.25">
      <c r="C833"/>
      <c r="D833"/>
    </row>
    <row r="834" spans="3:4" x14ac:dyDescent="0.25">
      <c r="C834"/>
      <c r="D834"/>
    </row>
    <row r="835" spans="3:4" x14ac:dyDescent="0.25">
      <c r="C835"/>
      <c r="D835"/>
    </row>
    <row r="836" spans="3:4" x14ac:dyDescent="0.25">
      <c r="C836"/>
      <c r="D836"/>
    </row>
    <row r="837" spans="3:4" x14ac:dyDescent="0.25">
      <c r="C837"/>
      <c r="D837"/>
    </row>
    <row r="838" spans="3:4" x14ac:dyDescent="0.25">
      <c r="C838"/>
      <c r="D838"/>
    </row>
    <row r="839" spans="3:4" x14ac:dyDescent="0.25">
      <c r="C839"/>
      <c r="D839"/>
    </row>
    <row r="840" spans="3:4" x14ac:dyDescent="0.25">
      <c r="C840"/>
      <c r="D840"/>
    </row>
    <row r="841" spans="3:4" x14ac:dyDescent="0.25">
      <c r="C841"/>
      <c r="D841"/>
    </row>
    <row r="842" spans="3:4" x14ac:dyDescent="0.25">
      <c r="C842"/>
      <c r="D842"/>
    </row>
    <row r="843" spans="3:4" x14ac:dyDescent="0.25">
      <c r="C843"/>
      <c r="D843"/>
    </row>
    <row r="844" spans="3:4" x14ac:dyDescent="0.25">
      <c r="C844"/>
      <c r="D844"/>
    </row>
    <row r="845" spans="3:4" x14ac:dyDescent="0.25">
      <c r="C845"/>
      <c r="D845"/>
    </row>
    <row r="846" spans="3:4" x14ac:dyDescent="0.25">
      <c r="C846"/>
      <c r="D846"/>
    </row>
    <row r="847" spans="3:4" x14ac:dyDescent="0.25">
      <c r="C847"/>
      <c r="D847"/>
    </row>
    <row r="848" spans="3:4" x14ac:dyDescent="0.25">
      <c r="C848"/>
      <c r="D848"/>
    </row>
    <row r="849" spans="3:4" x14ac:dyDescent="0.25">
      <c r="C849"/>
      <c r="D849"/>
    </row>
    <row r="850" spans="3:4" x14ac:dyDescent="0.25">
      <c r="C850"/>
      <c r="D850"/>
    </row>
    <row r="851" spans="3:4" x14ac:dyDescent="0.25">
      <c r="C851"/>
      <c r="D851"/>
    </row>
    <row r="852" spans="3:4" x14ac:dyDescent="0.25">
      <c r="C852"/>
      <c r="D852"/>
    </row>
    <row r="853" spans="3:4" x14ac:dyDescent="0.25">
      <c r="C853"/>
      <c r="D853"/>
    </row>
    <row r="854" spans="3:4" x14ac:dyDescent="0.25">
      <c r="C854"/>
      <c r="D854"/>
    </row>
    <row r="855" spans="3:4" x14ac:dyDescent="0.25">
      <c r="C855"/>
      <c r="D855"/>
    </row>
    <row r="856" spans="3:4" x14ac:dyDescent="0.25">
      <c r="C856"/>
      <c r="D856"/>
    </row>
    <row r="857" spans="3:4" x14ac:dyDescent="0.25">
      <c r="C857"/>
      <c r="D857"/>
    </row>
    <row r="858" spans="3:4" x14ac:dyDescent="0.25">
      <c r="C858"/>
      <c r="D858"/>
    </row>
    <row r="859" spans="3:4" x14ac:dyDescent="0.25">
      <c r="C859"/>
      <c r="D859"/>
    </row>
    <row r="860" spans="3:4" x14ac:dyDescent="0.25">
      <c r="C860"/>
      <c r="D860"/>
    </row>
    <row r="861" spans="3:4" x14ac:dyDescent="0.25">
      <c r="C861"/>
      <c r="D861"/>
    </row>
    <row r="862" spans="3:4" x14ac:dyDescent="0.25">
      <c r="C862"/>
      <c r="D862"/>
    </row>
    <row r="863" spans="3:4" x14ac:dyDescent="0.25">
      <c r="C863"/>
      <c r="D863"/>
    </row>
    <row r="864" spans="3:4" x14ac:dyDescent="0.25">
      <c r="C864"/>
      <c r="D864"/>
    </row>
    <row r="865" spans="3:4" x14ac:dyDescent="0.25">
      <c r="C865"/>
      <c r="D865"/>
    </row>
    <row r="866" spans="3:4" x14ac:dyDescent="0.25">
      <c r="C866"/>
      <c r="D866"/>
    </row>
    <row r="867" spans="3:4" x14ac:dyDescent="0.25">
      <c r="C867"/>
      <c r="D867"/>
    </row>
    <row r="868" spans="3:4" x14ac:dyDescent="0.25">
      <c r="C868"/>
      <c r="D868"/>
    </row>
    <row r="869" spans="3:4" x14ac:dyDescent="0.25">
      <c r="C869"/>
      <c r="D869"/>
    </row>
    <row r="870" spans="3:4" x14ac:dyDescent="0.25">
      <c r="C870"/>
      <c r="D870"/>
    </row>
    <row r="871" spans="3:4" x14ac:dyDescent="0.25">
      <c r="C871"/>
      <c r="D871"/>
    </row>
    <row r="872" spans="3:4" x14ac:dyDescent="0.25">
      <c r="C872"/>
      <c r="D872"/>
    </row>
    <row r="873" spans="3:4" x14ac:dyDescent="0.25">
      <c r="C873"/>
      <c r="D873"/>
    </row>
    <row r="874" spans="3:4" x14ac:dyDescent="0.25">
      <c r="C874"/>
      <c r="D874"/>
    </row>
    <row r="875" spans="3:4" x14ac:dyDescent="0.25">
      <c r="C875"/>
      <c r="D875"/>
    </row>
    <row r="876" spans="3:4" x14ac:dyDescent="0.25">
      <c r="C876"/>
      <c r="D876"/>
    </row>
    <row r="877" spans="3:4" x14ac:dyDescent="0.25">
      <c r="C877"/>
      <c r="D877"/>
    </row>
    <row r="878" spans="3:4" x14ac:dyDescent="0.25">
      <c r="C878"/>
      <c r="D878"/>
    </row>
    <row r="879" spans="3:4" x14ac:dyDescent="0.25">
      <c r="C879"/>
      <c r="D879"/>
    </row>
    <row r="880" spans="3:4" x14ac:dyDescent="0.25">
      <c r="C880"/>
      <c r="D880"/>
    </row>
    <row r="881" spans="3:4" x14ac:dyDescent="0.25">
      <c r="C881"/>
      <c r="D881"/>
    </row>
    <row r="882" spans="3:4" x14ac:dyDescent="0.25">
      <c r="C882"/>
      <c r="D882"/>
    </row>
    <row r="883" spans="3:4" x14ac:dyDescent="0.25">
      <c r="C883"/>
      <c r="D883"/>
    </row>
    <row r="884" spans="3:4" x14ac:dyDescent="0.25">
      <c r="C884"/>
      <c r="D884"/>
    </row>
    <row r="885" spans="3:4" x14ac:dyDescent="0.25">
      <c r="C885"/>
      <c r="D885"/>
    </row>
    <row r="886" spans="3:4" x14ac:dyDescent="0.25">
      <c r="C886"/>
      <c r="D886"/>
    </row>
    <row r="887" spans="3:4" x14ac:dyDescent="0.25">
      <c r="C887"/>
      <c r="D887"/>
    </row>
    <row r="888" spans="3:4" x14ac:dyDescent="0.25">
      <c r="C888"/>
      <c r="D888"/>
    </row>
    <row r="889" spans="3:4" x14ac:dyDescent="0.25">
      <c r="C889"/>
      <c r="D889"/>
    </row>
    <row r="890" spans="3:4" x14ac:dyDescent="0.25">
      <c r="C890"/>
      <c r="D890"/>
    </row>
    <row r="891" spans="3:4" x14ac:dyDescent="0.25">
      <c r="C891"/>
      <c r="D891"/>
    </row>
    <row r="892" spans="3:4" x14ac:dyDescent="0.25">
      <c r="C892"/>
      <c r="D892"/>
    </row>
    <row r="893" spans="3:4" x14ac:dyDescent="0.25">
      <c r="C893"/>
      <c r="D893"/>
    </row>
    <row r="894" spans="3:4" x14ac:dyDescent="0.25">
      <c r="C894"/>
      <c r="D894"/>
    </row>
    <row r="895" spans="3:4" x14ac:dyDescent="0.25">
      <c r="C895"/>
      <c r="D895"/>
    </row>
    <row r="896" spans="3:4" x14ac:dyDescent="0.25">
      <c r="C896"/>
      <c r="D896"/>
    </row>
    <row r="897" spans="3:4" x14ac:dyDescent="0.25">
      <c r="C897"/>
      <c r="D897"/>
    </row>
    <row r="898" spans="3:4" x14ac:dyDescent="0.25">
      <c r="C898"/>
      <c r="D898"/>
    </row>
    <row r="899" spans="3:4" x14ac:dyDescent="0.25">
      <c r="C899"/>
      <c r="D899"/>
    </row>
    <row r="900" spans="3:4" x14ac:dyDescent="0.25">
      <c r="C900"/>
      <c r="D900"/>
    </row>
    <row r="901" spans="3:4" x14ac:dyDescent="0.25">
      <c r="C901"/>
      <c r="D901"/>
    </row>
    <row r="902" spans="3:4" x14ac:dyDescent="0.25">
      <c r="C902"/>
      <c r="D902"/>
    </row>
    <row r="903" spans="3:4" x14ac:dyDescent="0.25">
      <c r="C903"/>
      <c r="D903"/>
    </row>
    <row r="904" spans="3:4" x14ac:dyDescent="0.25">
      <c r="C904"/>
      <c r="D904"/>
    </row>
    <row r="905" spans="3:4" x14ac:dyDescent="0.25">
      <c r="C905"/>
      <c r="D905"/>
    </row>
    <row r="906" spans="3:4" x14ac:dyDescent="0.25">
      <c r="C906"/>
      <c r="D906"/>
    </row>
    <row r="907" spans="3:4" x14ac:dyDescent="0.25">
      <c r="C907"/>
      <c r="D907"/>
    </row>
    <row r="908" spans="3:4" x14ac:dyDescent="0.25">
      <c r="C908"/>
      <c r="D908"/>
    </row>
    <row r="909" spans="3:4" x14ac:dyDescent="0.25">
      <c r="C909"/>
      <c r="D909"/>
    </row>
    <row r="910" spans="3:4" x14ac:dyDescent="0.25">
      <c r="C910"/>
      <c r="D910"/>
    </row>
    <row r="911" spans="3:4" x14ac:dyDescent="0.25">
      <c r="C911"/>
      <c r="D911"/>
    </row>
    <row r="912" spans="3:4" x14ac:dyDescent="0.25">
      <c r="C912"/>
      <c r="D912"/>
    </row>
    <row r="913" spans="3:4" x14ac:dyDescent="0.25">
      <c r="C913"/>
      <c r="D913"/>
    </row>
    <row r="914" spans="3:4" x14ac:dyDescent="0.25">
      <c r="C914"/>
      <c r="D914"/>
    </row>
    <row r="915" spans="3:4" x14ac:dyDescent="0.25">
      <c r="C915"/>
      <c r="D915"/>
    </row>
    <row r="916" spans="3:4" x14ac:dyDescent="0.25">
      <c r="C916"/>
      <c r="D916"/>
    </row>
    <row r="917" spans="3:4" x14ac:dyDescent="0.25">
      <c r="C917"/>
      <c r="D917"/>
    </row>
    <row r="918" spans="3:4" x14ac:dyDescent="0.25">
      <c r="C918"/>
      <c r="D918"/>
    </row>
    <row r="919" spans="3:4" x14ac:dyDescent="0.25">
      <c r="C919"/>
      <c r="D919"/>
    </row>
    <row r="920" spans="3:4" x14ac:dyDescent="0.25">
      <c r="C920"/>
      <c r="D920"/>
    </row>
    <row r="921" spans="3:4" x14ac:dyDescent="0.25">
      <c r="C921"/>
      <c r="D921"/>
    </row>
    <row r="922" spans="3:4" x14ac:dyDescent="0.25">
      <c r="C922"/>
      <c r="D922"/>
    </row>
    <row r="923" spans="3:4" x14ac:dyDescent="0.25">
      <c r="C923"/>
      <c r="D923"/>
    </row>
    <row r="924" spans="3:4" x14ac:dyDescent="0.25">
      <c r="C924"/>
      <c r="D924"/>
    </row>
    <row r="925" spans="3:4" x14ac:dyDescent="0.25">
      <c r="C925"/>
      <c r="D925"/>
    </row>
    <row r="926" spans="3:4" x14ac:dyDescent="0.25">
      <c r="C926"/>
      <c r="D926"/>
    </row>
    <row r="927" spans="3:4" x14ac:dyDescent="0.25">
      <c r="C927"/>
      <c r="D927"/>
    </row>
    <row r="928" spans="3:4" x14ac:dyDescent="0.25">
      <c r="C928"/>
      <c r="D928"/>
    </row>
    <row r="929" spans="3:4" x14ac:dyDescent="0.25">
      <c r="C929"/>
      <c r="D929"/>
    </row>
    <row r="930" spans="3:4" x14ac:dyDescent="0.25">
      <c r="C930"/>
      <c r="D930"/>
    </row>
    <row r="931" spans="3:4" x14ac:dyDescent="0.25">
      <c r="C931"/>
      <c r="D931"/>
    </row>
    <row r="932" spans="3:4" x14ac:dyDescent="0.25">
      <c r="C932"/>
      <c r="D932"/>
    </row>
    <row r="933" spans="3:4" x14ac:dyDescent="0.25">
      <c r="C933"/>
      <c r="D933"/>
    </row>
    <row r="934" spans="3:4" x14ac:dyDescent="0.25">
      <c r="C934"/>
      <c r="D934"/>
    </row>
    <row r="935" spans="3:4" x14ac:dyDescent="0.25">
      <c r="C935"/>
      <c r="D935"/>
    </row>
    <row r="936" spans="3:4" x14ac:dyDescent="0.25">
      <c r="C936"/>
      <c r="D936"/>
    </row>
    <row r="937" spans="3:4" x14ac:dyDescent="0.25">
      <c r="C937"/>
      <c r="D937"/>
    </row>
    <row r="938" spans="3:4" x14ac:dyDescent="0.25">
      <c r="C938"/>
      <c r="D938"/>
    </row>
    <row r="939" spans="3:4" x14ac:dyDescent="0.25">
      <c r="C939"/>
      <c r="D939"/>
    </row>
    <row r="940" spans="3:4" x14ac:dyDescent="0.25">
      <c r="C940"/>
      <c r="D940"/>
    </row>
    <row r="941" spans="3:4" x14ac:dyDescent="0.25">
      <c r="C941"/>
      <c r="D941"/>
    </row>
    <row r="942" spans="3:4" x14ac:dyDescent="0.25">
      <c r="C942"/>
      <c r="D942"/>
    </row>
    <row r="943" spans="3:4" x14ac:dyDescent="0.25">
      <c r="C943"/>
      <c r="D943"/>
    </row>
    <row r="944" spans="3:4" x14ac:dyDescent="0.25">
      <c r="C944"/>
      <c r="D944"/>
    </row>
    <row r="945" spans="3:4" x14ac:dyDescent="0.25">
      <c r="C945"/>
      <c r="D945"/>
    </row>
    <row r="946" spans="3:4" x14ac:dyDescent="0.25">
      <c r="C946"/>
      <c r="D946"/>
    </row>
    <row r="947" spans="3:4" x14ac:dyDescent="0.25">
      <c r="C947"/>
      <c r="D947"/>
    </row>
    <row r="948" spans="3:4" x14ac:dyDescent="0.25">
      <c r="C948"/>
      <c r="D948"/>
    </row>
    <row r="949" spans="3:4" x14ac:dyDescent="0.25">
      <c r="C949"/>
      <c r="D949"/>
    </row>
    <row r="950" spans="3:4" x14ac:dyDescent="0.25">
      <c r="C950"/>
      <c r="D950"/>
    </row>
    <row r="951" spans="3:4" x14ac:dyDescent="0.25">
      <c r="C951"/>
      <c r="D951"/>
    </row>
    <row r="952" spans="3:4" x14ac:dyDescent="0.25">
      <c r="C952"/>
      <c r="D952"/>
    </row>
    <row r="953" spans="3:4" x14ac:dyDescent="0.25">
      <c r="C953"/>
      <c r="D953"/>
    </row>
    <row r="954" spans="3:4" x14ac:dyDescent="0.25">
      <c r="C954"/>
      <c r="D954"/>
    </row>
    <row r="955" spans="3:4" x14ac:dyDescent="0.25">
      <c r="C955"/>
      <c r="D955"/>
    </row>
    <row r="956" spans="3:4" x14ac:dyDescent="0.25">
      <c r="C956"/>
      <c r="D956"/>
    </row>
    <row r="957" spans="3:4" x14ac:dyDescent="0.25">
      <c r="C957"/>
      <c r="D957"/>
    </row>
    <row r="958" spans="3:4" x14ac:dyDescent="0.25">
      <c r="C958"/>
      <c r="D958"/>
    </row>
    <row r="959" spans="3:4" x14ac:dyDescent="0.25">
      <c r="C959"/>
      <c r="D959"/>
    </row>
    <row r="960" spans="3:4" x14ac:dyDescent="0.25">
      <c r="C960"/>
      <c r="D960"/>
    </row>
    <row r="961" spans="3:4" x14ac:dyDescent="0.25">
      <c r="C961"/>
      <c r="D961"/>
    </row>
    <row r="962" spans="3:4" x14ac:dyDescent="0.25">
      <c r="C962"/>
      <c r="D962"/>
    </row>
    <row r="963" spans="3:4" x14ac:dyDescent="0.25">
      <c r="C963"/>
      <c r="D963"/>
    </row>
    <row r="964" spans="3:4" x14ac:dyDescent="0.25">
      <c r="C964"/>
      <c r="D964"/>
    </row>
    <row r="965" spans="3:4" x14ac:dyDescent="0.25">
      <c r="C965"/>
      <c r="D965"/>
    </row>
    <row r="966" spans="3:4" x14ac:dyDescent="0.25">
      <c r="C966"/>
      <c r="D966"/>
    </row>
    <row r="967" spans="3:4" x14ac:dyDescent="0.25">
      <c r="C967"/>
      <c r="D967"/>
    </row>
    <row r="968" spans="3:4" x14ac:dyDescent="0.25">
      <c r="C968"/>
      <c r="D968"/>
    </row>
    <row r="969" spans="3:4" x14ac:dyDescent="0.25">
      <c r="C969"/>
      <c r="D969"/>
    </row>
    <row r="970" spans="3:4" x14ac:dyDescent="0.25">
      <c r="C970"/>
      <c r="D970"/>
    </row>
    <row r="971" spans="3:4" x14ac:dyDescent="0.25">
      <c r="C971"/>
      <c r="D971"/>
    </row>
    <row r="972" spans="3:4" x14ac:dyDescent="0.25">
      <c r="C972"/>
      <c r="D972"/>
    </row>
    <row r="973" spans="3:4" x14ac:dyDescent="0.25">
      <c r="C973"/>
      <c r="D973"/>
    </row>
    <row r="974" spans="3:4" x14ac:dyDescent="0.25">
      <c r="C974"/>
      <c r="D974"/>
    </row>
    <row r="975" spans="3:4" x14ac:dyDescent="0.25">
      <c r="C975"/>
      <c r="D975"/>
    </row>
    <row r="976" spans="3:4" x14ac:dyDescent="0.25">
      <c r="C976"/>
      <c r="D976"/>
    </row>
    <row r="977" spans="3:4" x14ac:dyDescent="0.25">
      <c r="C977"/>
      <c r="D977"/>
    </row>
    <row r="978" spans="3:4" x14ac:dyDescent="0.25">
      <c r="C978"/>
      <c r="D978"/>
    </row>
    <row r="979" spans="3:4" x14ac:dyDescent="0.25">
      <c r="C979"/>
      <c r="D979"/>
    </row>
    <row r="980" spans="3:4" x14ac:dyDescent="0.25">
      <c r="C980"/>
      <c r="D980"/>
    </row>
    <row r="981" spans="3:4" x14ac:dyDescent="0.25">
      <c r="C981"/>
      <c r="D981"/>
    </row>
    <row r="982" spans="3:4" x14ac:dyDescent="0.25">
      <c r="C982"/>
      <c r="D982"/>
    </row>
    <row r="983" spans="3:4" x14ac:dyDescent="0.25">
      <c r="C983"/>
      <c r="D983"/>
    </row>
    <row r="984" spans="3:4" x14ac:dyDescent="0.25">
      <c r="C984"/>
      <c r="D984"/>
    </row>
    <row r="985" spans="3:4" x14ac:dyDescent="0.25">
      <c r="C985"/>
      <c r="D985"/>
    </row>
    <row r="986" spans="3:4" x14ac:dyDescent="0.25">
      <c r="C986"/>
      <c r="D986"/>
    </row>
    <row r="987" spans="3:4" x14ac:dyDescent="0.25">
      <c r="C987"/>
      <c r="D987"/>
    </row>
    <row r="988" spans="3:4" x14ac:dyDescent="0.25">
      <c r="C988"/>
      <c r="D988"/>
    </row>
    <row r="989" spans="3:4" x14ac:dyDescent="0.25">
      <c r="C989"/>
      <c r="D989"/>
    </row>
    <row r="990" spans="3:4" x14ac:dyDescent="0.25">
      <c r="C990"/>
      <c r="D990"/>
    </row>
    <row r="991" spans="3:4" x14ac:dyDescent="0.25">
      <c r="C991"/>
      <c r="D991"/>
    </row>
    <row r="992" spans="3:4" x14ac:dyDescent="0.25">
      <c r="C992"/>
      <c r="D992"/>
    </row>
    <row r="993" spans="3:4" x14ac:dyDescent="0.25">
      <c r="C993"/>
      <c r="D993"/>
    </row>
    <row r="994" spans="3:4" x14ac:dyDescent="0.25">
      <c r="C994"/>
      <c r="D994"/>
    </row>
    <row r="995" spans="3:4" x14ac:dyDescent="0.25">
      <c r="C995"/>
      <c r="D995"/>
    </row>
    <row r="996" spans="3:4" x14ac:dyDescent="0.25">
      <c r="C996"/>
      <c r="D996"/>
    </row>
    <row r="997" spans="3:4" x14ac:dyDescent="0.25">
      <c r="C997"/>
      <c r="D997"/>
    </row>
    <row r="998" spans="3:4" x14ac:dyDescent="0.25">
      <c r="C998"/>
      <c r="D998"/>
    </row>
    <row r="999" spans="3:4" x14ac:dyDescent="0.25">
      <c r="C999"/>
      <c r="D999"/>
    </row>
    <row r="1000" spans="3:4" x14ac:dyDescent="0.25">
      <c r="C1000"/>
      <c r="D1000"/>
    </row>
    <row r="1001" spans="3:4" x14ac:dyDescent="0.25">
      <c r="C1001"/>
      <c r="D1001"/>
    </row>
    <row r="1002" spans="3:4" x14ac:dyDescent="0.25">
      <c r="C1002"/>
      <c r="D1002"/>
    </row>
    <row r="1003" spans="3:4" x14ac:dyDescent="0.25">
      <c r="C1003"/>
      <c r="D1003"/>
    </row>
    <row r="1004" spans="3:4" x14ac:dyDescent="0.25">
      <c r="C1004"/>
      <c r="D1004"/>
    </row>
    <row r="1005" spans="3:4" x14ac:dyDescent="0.25">
      <c r="C1005"/>
      <c r="D1005"/>
    </row>
    <row r="1006" spans="3:4" x14ac:dyDescent="0.25">
      <c r="C1006"/>
      <c r="D1006"/>
    </row>
    <row r="1007" spans="3:4" x14ac:dyDescent="0.25">
      <c r="C1007"/>
      <c r="D1007"/>
    </row>
    <row r="1008" spans="3:4" x14ac:dyDescent="0.25">
      <c r="C1008"/>
      <c r="D1008"/>
    </row>
    <row r="1009" spans="3:4" x14ac:dyDescent="0.25">
      <c r="C1009"/>
      <c r="D1009"/>
    </row>
    <row r="1010" spans="3:4" x14ac:dyDescent="0.25">
      <c r="C1010"/>
      <c r="D1010"/>
    </row>
    <row r="1011" spans="3:4" x14ac:dyDescent="0.25">
      <c r="C1011"/>
      <c r="D1011"/>
    </row>
    <row r="1012" spans="3:4" x14ac:dyDescent="0.25">
      <c r="C1012"/>
      <c r="D1012"/>
    </row>
    <row r="1013" spans="3:4" x14ac:dyDescent="0.25">
      <c r="C1013"/>
      <c r="D1013"/>
    </row>
    <row r="1014" spans="3:4" x14ac:dyDescent="0.25">
      <c r="C1014"/>
      <c r="D1014"/>
    </row>
    <row r="1015" spans="3:4" x14ac:dyDescent="0.25">
      <c r="C1015"/>
      <c r="D1015"/>
    </row>
    <row r="1016" spans="3:4" x14ac:dyDescent="0.25">
      <c r="C1016"/>
      <c r="D1016"/>
    </row>
    <row r="1017" spans="3:4" x14ac:dyDescent="0.25">
      <c r="C1017"/>
      <c r="D1017"/>
    </row>
    <row r="1018" spans="3:4" x14ac:dyDescent="0.25">
      <c r="C1018"/>
      <c r="D1018"/>
    </row>
    <row r="1019" spans="3:4" x14ac:dyDescent="0.25">
      <c r="C1019"/>
      <c r="D1019"/>
    </row>
    <row r="1020" spans="3:4" x14ac:dyDescent="0.25">
      <c r="C1020"/>
      <c r="D1020"/>
    </row>
    <row r="1021" spans="3:4" x14ac:dyDescent="0.25">
      <c r="C1021"/>
      <c r="D1021"/>
    </row>
    <row r="1022" spans="3:4" x14ac:dyDescent="0.25">
      <c r="C1022"/>
      <c r="D1022"/>
    </row>
    <row r="1023" spans="3:4" x14ac:dyDescent="0.25">
      <c r="C1023"/>
      <c r="D1023"/>
    </row>
    <row r="1024" spans="3:4" x14ac:dyDescent="0.25">
      <c r="C1024"/>
      <c r="D1024"/>
    </row>
    <row r="1025" spans="3:4" x14ac:dyDescent="0.25">
      <c r="C1025"/>
      <c r="D1025"/>
    </row>
    <row r="1026" spans="3:4" x14ac:dyDescent="0.25">
      <c r="C1026"/>
      <c r="D1026"/>
    </row>
    <row r="1027" spans="3:4" x14ac:dyDescent="0.25">
      <c r="C1027"/>
      <c r="D1027"/>
    </row>
    <row r="1028" spans="3:4" x14ac:dyDescent="0.25">
      <c r="C1028"/>
      <c r="D1028"/>
    </row>
    <row r="1029" spans="3:4" x14ac:dyDescent="0.25">
      <c r="C1029"/>
      <c r="D1029"/>
    </row>
    <row r="1030" spans="3:4" x14ac:dyDescent="0.25">
      <c r="C1030"/>
      <c r="D1030"/>
    </row>
    <row r="1031" spans="3:4" x14ac:dyDescent="0.25">
      <c r="C1031"/>
      <c r="D1031"/>
    </row>
    <row r="1032" spans="3:4" x14ac:dyDescent="0.25">
      <c r="C1032"/>
      <c r="D1032"/>
    </row>
    <row r="1033" spans="3:4" x14ac:dyDescent="0.25">
      <c r="C1033"/>
      <c r="D1033"/>
    </row>
    <row r="1034" spans="3:4" x14ac:dyDescent="0.25">
      <c r="C1034"/>
      <c r="D1034"/>
    </row>
    <row r="1035" spans="3:4" x14ac:dyDescent="0.25">
      <c r="C1035"/>
      <c r="D1035"/>
    </row>
    <row r="1036" spans="3:4" x14ac:dyDescent="0.25">
      <c r="C1036"/>
      <c r="D1036"/>
    </row>
    <row r="1037" spans="3:4" x14ac:dyDescent="0.25">
      <c r="C1037"/>
      <c r="D1037"/>
    </row>
    <row r="1038" spans="3:4" x14ac:dyDescent="0.25">
      <c r="C1038"/>
      <c r="D1038"/>
    </row>
    <row r="1039" spans="3:4" x14ac:dyDescent="0.25">
      <c r="C1039"/>
      <c r="D1039"/>
    </row>
    <row r="1040" spans="3:4" x14ac:dyDescent="0.25">
      <c r="C1040"/>
      <c r="D1040"/>
    </row>
    <row r="1041" spans="3:4" x14ac:dyDescent="0.25">
      <c r="C1041"/>
      <c r="D1041"/>
    </row>
    <row r="1042" spans="3:4" x14ac:dyDescent="0.25">
      <c r="C1042"/>
      <c r="D1042"/>
    </row>
    <row r="1043" spans="3:4" x14ac:dyDescent="0.25">
      <c r="C1043"/>
      <c r="D1043"/>
    </row>
    <row r="1044" spans="3:4" x14ac:dyDescent="0.25">
      <c r="C1044"/>
      <c r="D1044"/>
    </row>
    <row r="1045" spans="3:4" x14ac:dyDescent="0.25">
      <c r="C1045"/>
      <c r="D1045"/>
    </row>
    <row r="1046" spans="3:4" x14ac:dyDescent="0.25">
      <c r="C1046"/>
      <c r="D1046"/>
    </row>
    <row r="1047" spans="3:4" x14ac:dyDescent="0.25">
      <c r="C1047"/>
      <c r="D1047"/>
    </row>
    <row r="1048" spans="3:4" x14ac:dyDescent="0.25">
      <c r="C1048"/>
      <c r="D1048"/>
    </row>
    <row r="1049" spans="3:4" x14ac:dyDescent="0.25">
      <c r="C1049"/>
      <c r="D1049"/>
    </row>
    <row r="1050" spans="3:4" x14ac:dyDescent="0.25">
      <c r="C1050"/>
      <c r="D1050"/>
    </row>
    <row r="1051" spans="3:4" x14ac:dyDescent="0.25">
      <c r="C1051"/>
      <c r="D1051"/>
    </row>
    <row r="1052" spans="3:4" x14ac:dyDescent="0.25">
      <c r="C1052"/>
      <c r="D1052"/>
    </row>
    <row r="1053" spans="3:4" x14ac:dyDescent="0.25">
      <c r="C1053"/>
      <c r="D1053"/>
    </row>
    <row r="1054" spans="3:4" x14ac:dyDescent="0.25">
      <c r="C1054"/>
      <c r="D1054"/>
    </row>
    <row r="1055" spans="3:4" x14ac:dyDescent="0.25">
      <c r="C1055"/>
      <c r="D1055"/>
    </row>
    <row r="1056" spans="3:4" x14ac:dyDescent="0.25">
      <c r="C1056"/>
      <c r="D1056"/>
    </row>
    <row r="1057" spans="3:4" x14ac:dyDescent="0.25">
      <c r="C1057"/>
      <c r="D1057"/>
    </row>
    <row r="1058" spans="3:4" x14ac:dyDescent="0.25">
      <c r="C1058"/>
      <c r="D1058"/>
    </row>
    <row r="1059" spans="3:4" x14ac:dyDescent="0.25">
      <c r="C1059"/>
      <c r="D1059"/>
    </row>
    <row r="1060" spans="3:4" x14ac:dyDescent="0.25">
      <c r="C1060"/>
      <c r="D1060"/>
    </row>
    <row r="1061" spans="3:4" x14ac:dyDescent="0.25">
      <c r="C1061"/>
      <c r="D1061"/>
    </row>
    <row r="1062" spans="3:4" x14ac:dyDescent="0.25">
      <c r="C1062"/>
      <c r="D1062"/>
    </row>
    <row r="1063" spans="3:4" x14ac:dyDescent="0.25">
      <c r="C1063"/>
      <c r="D1063"/>
    </row>
    <row r="1064" spans="3:4" x14ac:dyDescent="0.25">
      <c r="C1064"/>
      <c r="D1064"/>
    </row>
    <row r="1065" spans="3:4" x14ac:dyDescent="0.25">
      <c r="C1065"/>
      <c r="D1065"/>
    </row>
    <row r="1066" spans="3:4" x14ac:dyDescent="0.25">
      <c r="C1066"/>
      <c r="D1066"/>
    </row>
    <row r="1067" spans="3:4" x14ac:dyDescent="0.25">
      <c r="C1067"/>
      <c r="D1067"/>
    </row>
    <row r="1068" spans="3:4" x14ac:dyDescent="0.25">
      <c r="C1068"/>
      <c r="D1068"/>
    </row>
    <row r="1069" spans="3:4" x14ac:dyDescent="0.25">
      <c r="C1069"/>
      <c r="D1069"/>
    </row>
    <row r="1070" spans="3:4" x14ac:dyDescent="0.25">
      <c r="C1070"/>
      <c r="D1070"/>
    </row>
    <row r="1071" spans="3:4" x14ac:dyDescent="0.25">
      <c r="C1071"/>
      <c r="D1071"/>
    </row>
    <row r="1072" spans="3:4" x14ac:dyDescent="0.25">
      <c r="C1072"/>
      <c r="D1072"/>
    </row>
    <row r="1073" spans="3:4" x14ac:dyDescent="0.25">
      <c r="C1073"/>
      <c r="D1073"/>
    </row>
    <row r="1074" spans="3:4" x14ac:dyDescent="0.25">
      <c r="C1074"/>
      <c r="D1074"/>
    </row>
    <row r="1075" spans="3:4" x14ac:dyDescent="0.25">
      <c r="C1075"/>
      <c r="D1075"/>
    </row>
    <row r="1076" spans="3:4" x14ac:dyDescent="0.25">
      <c r="C1076"/>
      <c r="D1076"/>
    </row>
    <row r="1077" spans="3:4" x14ac:dyDescent="0.25">
      <c r="C1077"/>
      <c r="D1077"/>
    </row>
    <row r="1078" spans="3:4" x14ac:dyDescent="0.25">
      <c r="C1078"/>
      <c r="D1078"/>
    </row>
    <row r="1079" spans="3:4" x14ac:dyDescent="0.25">
      <c r="C1079"/>
      <c r="D1079"/>
    </row>
    <row r="1080" spans="3:4" x14ac:dyDescent="0.25">
      <c r="C1080"/>
      <c r="D1080"/>
    </row>
    <row r="1081" spans="3:4" x14ac:dyDescent="0.25">
      <c r="C1081"/>
      <c r="D1081"/>
    </row>
    <row r="1082" spans="3:4" x14ac:dyDescent="0.25">
      <c r="C1082"/>
      <c r="D1082"/>
    </row>
    <row r="1083" spans="3:4" x14ac:dyDescent="0.25">
      <c r="C1083"/>
      <c r="D1083"/>
    </row>
    <row r="1084" spans="3:4" x14ac:dyDescent="0.25">
      <c r="C1084"/>
      <c r="D1084"/>
    </row>
    <row r="1085" spans="3:4" x14ac:dyDescent="0.25">
      <c r="C1085"/>
      <c r="D1085"/>
    </row>
    <row r="1086" spans="3:4" x14ac:dyDescent="0.25">
      <c r="C1086"/>
      <c r="D1086"/>
    </row>
    <row r="1087" spans="3:4" x14ac:dyDescent="0.25">
      <c r="C1087"/>
      <c r="D1087"/>
    </row>
    <row r="1088" spans="3:4" x14ac:dyDescent="0.25">
      <c r="C1088"/>
      <c r="D1088"/>
    </row>
    <row r="1089" spans="3:4" x14ac:dyDescent="0.25">
      <c r="C1089"/>
      <c r="D1089"/>
    </row>
    <row r="1090" spans="3:4" x14ac:dyDescent="0.25">
      <c r="C1090"/>
      <c r="D1090"/>
    </row>
    <row r="1091" spans="3:4" x14ac:dyDescent="0.25">
      <c r="C1091"/>
      <c r="D1091"/>
    </row>
    <row r="1092" spans="3:4" x14ac:dyDescent="0.25">
      <c r="C1092"/>
      <c r="D1092"/>
    </row>
    <row r="1093" spans="3:4" x14ac:dyDescent="0.25">
      <c r="C1093"/>
      <c r="D1093"/>
    </row>
    <row r="1094" spans="3:4" x14ac:dyDescent="0.25">
      <c r="C1094"/>
      <c r="D1094"/>
    </row>
    <row r="1095" spans="3:4" x14ac:dyDescent="0.25">
      <c r="C1095"/>
      <c r="D1095"/>
    </row>
    <row r="1096" spans="3:4" x14ac:dyDescent="0.25">
      <c r="C1096"/>
      <c r="D1096"/>
    </row>
    <row r="1097" spans="3:4" x14ac:dyDescent="0.25">
      <c r="C1097"/>
      <c r="D1097"/>
    </row>
    <row r="1098" spans="3:4" x14ac:dyDescent="0.25">
      <c r="C1098"/>
      <c r="D1098"/>
    </row>
    <row r="1099" spans="3:4" x14ac:dyDescent="0.25">
      <c r="C1099"/>
      <c r="D1099"/>
    </row>
    <row r="1100" spans="3:4" x14ac:dyDescent="0.25">
      <c r="C1100"/>
      <c r="D1100"/>
    </row>
    <row r="1101" spans="3:4" x14ac:dyDescent="0.25">
      <c r="C1101"/>
      <c r="D1101"/>
    </row>
    <row r="1102" spans="3:4" x14ac:dyDescent="0.25">
      <c r="C1102"/>
      <c r="D1102"/>
    </row>
    <row r="1103" spans="3:4" x14ac:dyDescent="0.25">
      <c r="C1103"/>
      <c r="D1103"/>
    </row>
    <row r="1104" spans="3:4" x14ac:dyDescent="0.25">
      <c r="C1104"/>
      <c r="D1104"/>
    </row>
    <row r="1105" spans="3:4" x14ac:dyDescent="0.25">
      <c r="C1105"/>
      <c r="D1105"/>
    </row>
    <row r="1106" spans="3:4" x14ac:dyDescent="0.25">
      <c r="C1106"/>
      <c r="D1106"/>
    </row>
    <row r="1107" spans="3:4" x14ac:dyDescent="0.25">
      <c r="C1107"/>
      <c r="D1107"/>
    </row>
    <row r="1108" spans="3:4" x14ac:dyDescent="0.25">
      <c r="C1108"/>
      <c r="D1108"/>
    </row>
    <row r="1109" spans="3:4" x14ac:dyDescent="0.25">
      <c r="C1109"/>
      <c r="D1109"/>
    </row>
    <row r="1110" spans="3:4" x14ac:dyDescent="0.25">
      <c r="C1110"/>
      <c r="D1110"/>
    </row>
    <row r="1111" spans="3:4" x14ac:dyDescent="0.25">
      <c r="C1111"/>
      <c r="D1111"/>
    </row>
    <row r="1112" spans="3:4" x14ac:dyDescent="0.25">
      <c r="C1112"/>
      <c r="D1112"/>
    </row>
    <row r="1113" spans="3:4" x14ac:dyDescent="0.25">
      <c r="C1113"/>
      <c r="D1113"/>
    </row>
    <row r="1114" spans="3:4" x14ac:dyDescent="0.25">
      <c r="C1114"/>
      <c r="D1114"/>
    </row>
    <row r="1115" spans="3:4" x14ac:dyDescent="0.25">
      <c r="C1115"/>
      <c r="D1115"/>
    </row>
    <row r="1116" spans="3:4" x14ac:dyDescent="0.25">
      <c r="C1116"/>
      <c r="D1116"/>
    </row>
    <row r="1117" spans="3:4" x14ac:dyDescent="0.25">
      <c r="C1117"/>
      <c r="D1117"/>
    </row>
    <row r="1118" spans="3:4" x14ac:dyDescent="0.25">
      <c r="C1118"/>
      <c r="D1118"/>
    </row>
    <row r="1119" spans="3:4" x14ac:dyDescent="0.25">
      <c r="C1119"/>
      <c r="D1119"/>
    </row>
    <row r="1120" spans="3:4" x14ac:dyDescent="0.25">
      <c r="C1120"/>
      <c r="D1120"/>
    </row>
    <row r="1121" spans="3:4" x14ac:dyDescent="0.25">
      <c r="C1121"/>
      <c r="D1121"/>
    </row>
    <row r="1122" spans="3:4" x14ac:dyDescent="0.25">
      <c r="C1122"/>
      <c r="D1122"/>
    </row>
    <row r="1123" spans="3:4" x14ac:dyDescent="0.25">
      <c r="C1123"/>
      <c r="D1123"/>
    </row>
    <row r="1124" spans="3:4" x14ac:dyDescent="0.25">
      <c r="C1124"/>
      <c r="D1124"/>
    </row>
    <row r="1125" spans="3:4" x14ac:dyDescent="0.25">
      <c r="C1125"/>
      <c r="D1125"/>
    </row>
    <row r="1126" spans="3:4" x14ac:dyDescent="0.25">
      <c r="C1126"/>
      <c r="D1126"/>
    </row>
    <row r="1127" spans="3:4" x14ac:dyDescent="0.25">
      <c r="C1127"/>
      <c r="D1127"/>
    </row>
    <row r="1128" spans="3:4" x14ac:dyDescent="0.25">
      <c r="C1128"/>
      <c r="D1128"/>
    </row>
    <row r="1129" spans="3:4" x14ac:dyDescent="0.25">
      <c r="C1129"/>
      <c r="D1129"/>
    </row>
    <row r="1130" spans="3:4" x14ac:dyDescent="0.25">
      <c r="C1130"/>
      <c r="D1130"/>
    </row>
    <row r="1131" spans="3:4" x14ac:dyDescent="0.25">
      <c r="C1131"/>
      <c r="D1131"/>
    </row>
    <row r="1132" spans="3:4" x14ac:dyDescent="0.25">
      <c r="C1132"/>
      <c r="D1132"/>
    </row>
    <row r="1133" spans="3:4" x14ac:dyDescent="0.25">
      <c r="C1133"/>
      <c r="D1133"/>
    </row>
    <row r="1134" spans="3:4" x14ac:dyDescent="0.25">
      <c r="C1134"/>
      <c r="D1134"/>
    </row>
    <row r="1135" spans="3:4" x14ac:dyDescent="0.25">
      <c r="C1135"/>
      <c r="D1135"/>
    </row>
    <row r="1136" spans="3:4" x14ac:dyDescent="0.25">
      <c r="C1136"/>
      <c r="D1136"/>
    </row>
    <row r="1137" spans="3:4" x14ac:dyDescent="0.25">
      <c r="C1137"/>
      <c r="D1137"/>
    </row>
    <row r="1138" spans="3:4" x14ac:dyDescent="0.25">
      <c r="C1138"/>
      <c r="D1138"/>
    </row>
    <row r="1139" spans="3:4" x14ac:dyDescent="0.25">
      <c r="C1139"/>
      <c r="D1139"/>
    </row>
    <row r="1140" spans="3:4" x14ac:dyDescent="0.25">
      <c r="C1140"/>
      <c r="D1140"/>
    </row>
    <row r="1141" spans="3:4" x14ac:dyDescent="0.25">
      <c r="C1141"/>
      <c r="D1141"/>
    </row>
    <row r="1142" spans="3:4" x14ac:dyDescent="0.25">
      <c r="C1142"/>
      <c r="D1142"/>
    </row>
    <row r="1143" spans="3:4" x14ac:dyDescent="0.25">
      <c r="C1143"/>
      <c r="D1143"/>
    </row>
    <row r="1144" spans="3:4" x14ac:dyDescent="0.25">
      <c r="C1144"/>
      <c r="D1144"/>
    </row>
    <row r="1145" spans="3:4" x14ac:dyDescent="0.25">
      <c r="C1145"/>
      <c r="D1145"/>
    </row>
    <row r="1146" spans="3:4" x14ac:dyDescent="0.25">
      <c r="C1146"/>
      <c r="D1146"/>
    </row>
    <row r="1147" spans="3:4" x14ac:dyDescent="0.25">
      <c r="C1147"/>
      <c r="D1147"/>
    </row>
    <row r="1148" spans="3:4" x14ac:dyDescent="0.25">
      <c r="C1148"/>
      <c r="D1148"/>
    </row>
    <row r="1149" spans="3:4" x14ac:dyDescent="0.25">
      <c r="C1149"/>
      <c r="D1149"/>
    </row>
    <row r="1150" spans="3:4" x14ac:dyDescent="0.25">
      <c r="C1150"/>
      <c r="D1150"/>
    </row>
    <row r="1151" spans="3:4" x14ac:dyDescent="0.25">
      <c r="C1151"/>
      <c r="D1151"/>
    </row>
    <row r="1152" spans="3:4" x14ac:dyDescent="0.25">
      <c r="C1152"/>
      <c r="D1152"/>
    </row>
    <row r="1153" spans="3:4" x14ac:dyDescent="0.25">
      <c r="C1153"/>
      <c r="D1153"/>
    </row>
    <row r="1154" spans="3:4" x14ac:dyDescent="0.25">
      <c r="C1154"/>
      <c r="D1154"/>
    </row>
    <row r="1155" spans="3:4" x14ac:dyDescent="0.25">
      <c r="C1155"/>
      <c r="D1155"/>
    </row>
    <row r="1156" spans="3:4" x14ac:dyDescent="0.25">
      <c r="C1156"/>
      <c r="D1156"/>
    </row>
    <row r="1157" spans="3:4" x14ac:dyDescent="0.25">
      <c r="C1157"/>
      <c r="D1157"/>
    </row>
    <row r="1158" spans="3:4" x14ac:dyDescent="0.25">
      <c r="C1158"/>
      <c r="D1158"/>
    </row>
    <row r="1159" spans="3:4" x14ac:dyDescent="0.25">
      <c r="C1159"/>
      <c r="D1159"/>
    </row>
    <row r="1160" spans="3:4" x14ac:dyDescent="0.25">
      <c r="C1160"/>
      <c r="D1160"/>
    </row>
    <row r="1161" spans="3:4" x14ac:dyDescent="0.25">
      <c r="C1161"/>
      <c r="D1161"/>
    </row>
    <row r="1162" spans="3:4" x14ac:dyDescent="0.25">
      <c r="C1162"/>
      <c r="D1162"/>
    </row>
    <row r="1163" spans="3:4" x14ac:dyDescent="0.25">
      <c r="C1163"/>
      <c r="D1163"/>
    </row>
    <row r="1164" spans="3:4" x14ac:dyDescent="0.25">
      <c r="C1164"/>
      <c r="D1164"/>
    </row>
    <row r="1165" spans="3:4" x14ac:dyDescent="0.25">
      <c r="C1165"/>
      <c r="D1165"/>
    </row>
    <row r="1166" spans="3:4" x14ac:dyDescent="0.25">
      <c r="C1166"/>
      <c r="D1166"/>
    </row>
    <row r="1167" spans="3:4" x14ac:dyDescent="0.25">
      <c r="C1167"/>
      <c r="D1167"/>
    </row>
    <row r="1168" spans="3:4" x14ac:dyDescent="0.25">
      <c r="C1168"/>
      <c r="D1168"/>
    </row>
    <row r="1169" spans="3:4" x14ac:dyDescent="0.25">
      <c r="C1169"/>
      <c r="D1169"/>
    </row>
    <row r="1170" spans="3:4" x14ac:dyDescent="0.25">
      <c r="C1170"/>
      <c r="D1170"/>
    </row>
    <row r="1171" spans="3:4" x14ac:dyDescent="0.25">
      <c r="C1171"/>
      <c r="D1171"/>
    </row>
    <row r="1172" spans="3:4" x14ac:dyDescent="0.25">
      <c r="C1172"/>
      <c r="D1172"/>
    </row>
    <row r="1173" spans="3:4" x14ac:dyDescent="0.25">
      <c r="C1173"/>
      <c r="D1173"/>
    </row>
    <row r="1174" spans="3:4" x14ac:dyDescent="0.25">
      <c r="C1174"/>
      <c r="D1174"/>
    </row>
    <row r="1175" spans="3:4" x14ac:dyDescent="0.25">
      <c r="C1175"/>
      <c r="D1175"/>
    </row>
    <row r="1176" spans="3:4" x14ac:dyDescent="0.25">
      <c r="C1176"/>
      <c r="D1176"/>
    </row>
    <row r="1177" spans="3:4" x14ac:dyDescent="0.25">
      <c r="C1177"/>
      <c r="D1177"/>
    </row>
    <row r="1178" spans="3:4" x14ac:dyDescent="0.25">
      <c r="C1178"/>
      <c r="D1178"/>
    </row>
    <row r="1179" spans="3:4" x14ac:dyDescent="0.25">
      <c r="C1179"/>
      <c r="D1179"/>
    </row>
    <row r="1180" spans="3:4" x14ac:dyDescent="0.25">
      <c r="C1180"/>
      <c r="D1180"/>
    </row>
    <row r="1181" spans="3:4" x14ac:dyDescent="0.25">
      <c r="C1181"/>
      <c r="D1181"/>
    </row>
    <row r="1182" spans="3:4" x14ac:dyDescent="0.25">
      <c r="C1182"/>
      <c r="D1182"/>
    </row>
    <row r="1183" spans="3:4" x14ac:dyDescent="0.25">
      <c r="C1183"/>
      <c r="D1183"/>
    </row>
    <row r="1184" spans="3:4" x14ac:dyDescent="0.25">
      <c r="C1184"/>
      <c r="D1184"/>
    </row>
    <row r="1185" spans="3:4" x14ac:dyDescent="0.25">
      <c r="C1185"/>
      <c r="D1185"/>
    </row>
    <row r="1186" spans="3:4" x14ac:dyDescent="0.25">
      <c r="C1186"/>
      <c r="D1186"/>
    </row>
    <row r="1187" spans="3:4" x14ac:dyDescent="0.25">
      <c r="C1187"/>
      <c r="D1187"/>
    </row>
    <row r="1188" spans="3:4" x14ac:dyDescent="0.25">
      <c r="C1188"/>
      <c r="D1188"/>
    </row>
    <row r="1189" spans="3:4" x14ac:dyDescent="0.25">
      <c r="C1189"/>
      <c r="D1189"/>
    </row>
    <row r="1190" spans="3:4" x14ac:dyDescent="0.25">
      <c r="C1190"/>
      <c r="D1190"/>
    </row>
    <row r="1191" spans="3:4" x14ac:dyDescent="0.25">
      <c r="C1191"/>
      <c r="D1191"/>
    </row>
    <row r="1192" spans="3:4" x14ac:dyDescent="0.25">
      <c r="C1192"/>
      <c r="D1192"/>
    </row>
    <row r="1193" spans="3:4" x14ac:dyDescent="0.25">
      <c r="C1193"/>
      <c r="D1193"/>
    </row>
    <row r="1194" spans="3:4" x14ac:dyDescent="0.25">
      <c r="C1194"/>
      <c r="D1194"/>
    </row>
    <row r="1195" spans="3:4" x14ac:dyDescent="0.25">
      <c r="C1195"/>
      <c r="D1195"/>
    </row>
    <row r="1196" spans="3:4" x14ac:dyDescent="0.25">
      <c r="C1196"/>
      <c r="D1196"/>
    </row>
    <row r="1197" spans="3:4" x14ac:dyDescent="0.25">
      <c r="C1197"/>
      <c r="D1197"/>
    </row>
    <row r="1198" spans="3:4" x14ac:dyDescent="0.25">
      <c r="C1198"/>
      <c r="D1198"/>
    </row>
    <row r="1199" spans="3:4" x14ac:dyDescent="0.25">
      <c r="C1199"/>
      <c r="D1199"/>
    </row>
    <row r="1200" spans="3:4" x14ac:dyDescent="0.25">
      <c r="C1200"/>
      <c r="D1200"/>
    </row>
    <row r="1201" spans="3:4" x14ac:dyDescent="0.25">
      <c r="C1201"/>
      <c r="D1201"/>
    </row>
    <row r="1202" spans="3:4" x14ac:dyDescent="0.25">
      <c r="C1202"/>
      <c r="D1202"/>
    </row>
    <row r="1203" spans="3:4" x14ac:dyDescent="0.25">
      <c r="C1203"/>
      <c r="D1203"/>
    </row>
    <row r="1204" spans="3:4" x14ac:dyDescent="0.25">
      <c r="C1204"/>
      <c r="D1204"/>
    </row>
    <row r="1205" spans="3:4" x14ac:dyDescent="0.25">
      <c r="C1205"/>
      <c r="D1205"/>
    </row>
    <row r="1206" spans="3:4" x14ac:dyDescent="0.25">
      <c r="C1206"/>
      <c r="D1206"/>
    </row>
    <row r="1207" spans="3:4" x14ac:dyDescent="0.25">
      <c r="C1207"/>
      <c r="D1207"/>
    </row>
    <row r="1208" spans="3:4" x14ac:dyDescent="0.25">
      <c r="C1208"/>
      <c r="D1208"/>
    </row>
    <row r="1209" spans="3:4" x14ac:dyDescent="0.25">
      <c r="C1209"/>
      <c r="D1209"/>
    </row>
    <row r="1210" spans="3:4" x14ac:dyDescent="0.25">
      <c r="C1210"/>
      <c r="D1210"/>
    </row>
    <row r="1211" spans="3:4" x14ac:dyDescent="0.25">
      <c r="C1211"/>
      <c r="D1211"/>
    </row>
    <row r="1212" spans="3:4" x14ac:dyDescent="0.25">
      <c r="C1212"/>
      <c r="D1212"/>
    </row>
    <row r="1213" spans="3:4" x14ac:dyDescent="0.25">
      <c r="C1213"/>
      <c r="D1213"/>
    </row>
    <row r="1214" spans="3:4" x14ac:dyDescent="0.25">
      <c r="C1214"/>
      <c r="D1214"/>
    </row>
    <row r="1215" spans="3:4" x14ac:dyDescent="0.25">
      <c r="C1215"/>
      <c r="D1215"/>
    </row>
    <row r="1216" spans="3:4" x14ac:dyDescent="0.25">
      <c r="C1216"/>
      <c r="D1216"/>
    </row>
    <row r="1217" spans="3:4" x14ac:dyDescent="0.25">
      <c r="C1217"/>
      <c r="D1217"/>
    </row>
    <row r="1218" spans="3:4" x14ac:dyDescent="0.25">
      <c r="C1218"/>
      <c r="D1218"/>
    </row>
    <row r="1219" spans="3:4" x14ac:dyDescent="0.25">
      <c r="C1219"/>
      <c r="D1219"/>
    </row>
    <row r="1220" spans="3:4" x14ac:dyDescent="0.25">
      <c r="C1220"/>
      <c r="D1220"/>
    </row>
    <row r="1221" spans="3:4" x14ac:dyDescent="0.25">
      <c r="C1221"/>
      <c r="D1221"/>
    </row>
    <row r="1222" spans="3:4" x14ac:dyDescent="0.25">
      <c r="C1222"/>
      <c r="D1222"/>
    </row>
    <row r="1223" spans="3:4" x14ac:dyDescent="0.25">
      <c r="C1223"/>
      <c r="D1223"/>
    </row>
    <row r="1224" spans="3:4" x14ac:dyDescent="0.25">
      <c r="C1224"/>
      <c r="D1224"/>
    </row>
    <row r="1225" spans="3:4" x14ac:dyDescent="0.25">
      <c r="C1225"/>
      <c r="D1225"/>
    </row>
    <row r="1226" spans="3:4" x14ac:dyDescent="0.25">
      <c r="C1226"/>
      <c r="D1226"/>
    </row>
    <row r="1227" spans="3:4" x14ac:dyDescent="0.25">
      <c r="C1227"/>
      <c r="D1227"/>
    </row>
    <row r="1228" spans="3:4" x14ac:dyDescent="0.25">
      <c r="C1228"/>
      <c r="D1228"/>
    </row>
    <row r="1229" spans="3:4" x14ac:dyDescent="0.25">
      <c r="C1229"/>
      <c r="D1229"/>
    </row>
    <row r="1230" spans="3:4" x14ac:dyDescent="0.25">
      <c r="C1230"/>
      <c r="D1230"/>
    </row>
    <row r="1231" spans="3:4" x14ac:dyDescent="0.25">
      <c r="C1231"/>
      <c r="D1231"/>
    </row>
    <row r="1232" spans="3:4" x14ac:dyDescent="0.25">
      <c r="C1232"/>
      <c r="D1232"/>
    </row>
    <row r="1233" spans="3:4" x14ac:dyDescent="0.25">
      <c r="C1233"/>
      <c r="D1233"/>
    </row>
    <row r="1234" spans="3:4" x14ac:dyDescent="0.25">
      <c r="C1234"/>
      <c r="D1234"/>
    </row>
    <row r="1235" spans="3:4" x14ac:dyDescent="0.25">
      <c r="C1235"/>
      <c r="D1235"/>
    </row>
    <row r="1236" spans="3:4" x14ac:dyDescent="0.25">
      <c r="C1236"/>
      <c r="D1236"/>
    </row>
    <row r="1237" spans="3:4" x14ac:dyDescent="0.25">
      <c r="C1237"/>
      <c r="D1237"/>
    </row>
    <row r="1238" spans="3:4" x14ac:dyDescent="0.25">
      <c r="C1238"/>
      <c r="D1238"/>
    </row>
    <row r="1239" spans="3:4" x14ac:dyDescent="0.25">
      <c r="C1239"/>
      <c r="D1239"/>
    </row>
    <row r="1240" spans="3:4" x14ac:dyDescent="0.25">
      <c r="C1240"/>
      <c r="D1240"/>
    </row>
    <row r="1241" spans="3:4" x14ac:dyDescent="0.25">
      <c r="C1241"/>
      <c r="D1241"/>
    </row>
    <row r="1242" spans="3:4" x14ac:dyDescent="0.25">
      <c r="C1242"/>
      <c r="D1242"/>
    </row>
    <row r="1243" spans="3:4" x14ac:dyDescent="0.25">
      <c r="C1243"/>
      <c r="D1243"/>
    </row>
    <row r="1244" spans="3:4" x14ac:dyDescent="0.25">
      <c r="C1244"/>
      <c r="D1244"/>
    </row>
    <row r="1245" spans="3:4" x14ac:dyDescent="0.25">
      <c r="C1245"/>
      <c r="D1245"/>
    </row>
    <row r="1246" spans="3:4" x14ac:dyDescent="0.25">
      <c r="C1246"/>
      <c r="D1246"/>
    </row>
    <row r="1247" spans="3:4" x14ac:dyDescent="0.25">
      <c r="C1247"/>
      <c r="D1247"/>
    </row>
    <row r="1248" spans="3:4" x14ac:dyDescent="0.25">
      <c r="C1248"/>
      <c r="D1248"/>
    </row>
    <row r="1249" spans="3:4" x14ac:dyDescent="0.25">
      <c r="C1249"/>
      <c r="D1249"/>
    </row>
    <row r="1250" spans="3:4" x14ac:dyDescent="0.25">
      <c r="C1250"/>
      <c r="D1250"/>
    </row>
    <row r="1251" spans="3:4" x14ac:dyDescent="0.25">
      <c r="C1251"/>
      <c r="D1251"/>
    </row>
    <row r="1252" spans="3:4" x14ac:dyDescent="0.25">
      <c r="C1252"/>
      <c r="D1252"/>
    </row>
    <row r="1253" spans="3:4" x14ac:dyDescent="0.25">
      <c r="C1253"/>
      <c r="D1253"/>
    </row>
    <row r="1254" spans="3:4" x14ac:dyDescent="0.25">
      <c r="C1254"/>
      <c r="D1254"/>
    </row>
    <row r="1255" spans="3:4" x14ac:dyDescent="0.25">
      <c r="C1255"/>
      <c r="D1255"/>
    </row>
    <row r="1256" spans="3:4" x14ac:dyDescent="0.25">
      <c r="C1256"/>
      <c r="D1256"/>
    </row>
    <row r="1257" spans="3:4" x14ac:dyDescent="0.25">
      <c r="C1257"/>
      <c r="D1257"/>
    </row>
    <row r="1258" spans="3:4" x14ac:dyDescent="0.25">
      <c r="C1258"/>
      <c r="D1258"/>
    </row>
    <row r="1259" spans="3:4" x14ac:dyDescent="0.25">
      <c r="C1259"/>
      <c r="D1259"/>
    </row>
    <row r="1260" spans="3:4" x14ac:dyDescent="0.25">
      <c r="C1260"/>
      <c r="D1260"/>
    </row>
    <row r="1261" spans="3:4" x14ac:dyDescent="0.25">
      <c r="C1261"/>
      <c r="D1261"/>
    </row>
    <row r="1262" spans="3:4" x14ac:dyDescent="0.25">
      <c r="C1262"/>
      <c r="D1262"/>
    </row>
    <row r="1263" spans="3:4" x14ac:dyDescent="0.25">
      <c r="C1263"/>
      <c r="D1263"/>
    </row>
    <row r="1264" spans="3:4" x14ac:dyDescent="0.25">
      <c r="C1264"/>
      <c r="D1264"/>
    </row>
    <row r="1265" spans="3:4" x14ac:dyDescent="0.25">
      <c r="C1265"/>
      <c r="D1265"/>
    </row>
    <row r="1266" spans="3:4" x14ac:dyDescent="0.25">
      <c r="C1266"/>
      <c r="D1266"/>
    </row>
    <row r="1267" spans="3:4" x14ac:dyDescent="0.25">
      <c r="C1267"/>
      <c r="D1267"/>
    </row>
    <row r="1268" spans="3:4" x14ac:dyDescent="0.25">
      <c r="C1268"/>
      <c r="D1268"/>
    </row>
    <row r="1269" spans="3:4" x14ac:dyDescent="0.25">
      <c r="C1269"/>
      <c r="D1269"/>
    </row>
    <row r="1270" spans="3:4" x14ac:dyDescent="0.25">
      <c r="C1270"/>
      <c r="D1270"/>
    </row>
    <row r="1271" spans="3:4" x14ac:dyDescent="0.25">
      <c r="C1271"/>
      <c r="D1271"/>
    </row>
    <row r="1272" spans="3:4" x14ac:dyDescent="0.25">
      <c r="C1272"/>
      <c r="D1272"/>
    </row>
    <row r="1273" spans="3:4" x14ac:dyDescent="0.25">
      <c r="C1273"/>
      <c r="D1273"/>
    </row>
    <row r="1274" spans="3:4" x14ac:dyDescent="0.25">
      <c r="C1274"/>
      <c r="D1274"/>
    </row>
    <row r="1275" spans="3:4" x14ac:dyDescent="0.25">
      <c r="C1275"/>
      <c r="D1275"/>
    </row>
    <row r="1276" spans="3:4" x14ac:dyDescent="0.25">
      <c r="C1276"/>
      <c r="D1276"/>
    </row>
    <row r="1277" spans="3:4" x14ac:dyDescent="0.25">
      <c r="C1277"/>
      <c r="D1277"/>
    </row>
    <row r="1278" spans="3:4" x14ac:dyDescent="0.25">
      <c r="C1278"/>
      <c r="D1278"/>
    </row>
    <row r="1279" spans="3:4" x14ac:dyDescent="0.25">
      <c r="C1279"/>
      <c r="D1279"/>
    </row>
    <row r="1280" spans="3:4" x14ac:dyDescent="0.25">
      <c r="C1280"/>
      <c r="D1280"/>
    </row>
    <row r="1281" spans="3:4" x14ac:dyDescent="0.25">
      <c r="C1281"/>
      <c r="D1281"/>
    </row>
    <row r="1282" spans="3:4" x14ac:dyDescent="0.25">
      <c r="C1282"/>
      <c r="D1282"/>
    </row>
    <row r="1283" spans="3:4" x14ac:dyDescent="0.25">
      <c r="C1283"/>
      <c r="D1283"/>
    </row>
    <row r="1284" spans="3:4" x14ac:dyDescent="0.25">
      <c r="C1284"/>
      <c r="D1284"/>
    </row>
    <row r="1285" spans="3:4" x14ac:dyDescent="0.25">
      <c r="C1285"/>
      <c r="D1285"/>
    </row>
    <row r="1286" spans="3:4" x14ac:dyDescent="0.25">
      <c r="C1286"/>
      <c r="D1286"/>
    </row>
    <row r="1287" spans="3:4" x14ac:dyDescent="0.25">
      <c r="C1287"/>
      <c r="D1287"/>
    </row>
    <row r="1288" spans="3:4" x14ac:dyDescent="0.25">
      <c r="C1288"/>
      <c r="D1288"/>
    </row>
    <row r="1289" spans="3:4" x14ac:dyDescent="0.25">
      <c r="C1289"/>
      <c r="D1289"/>
    </row>
    <row r="1290" spans="3:4" x14ac:dyDescent="0.25">
      <c r="C1290"/>
      <c r="D1290"/>
    </row>
    <row r="1291" spans="3:4" x14ac:dyDescent="0.25">
      <c r="C1291"/>
      <c r="D1291"/>
    </row>
    <row r="1292" spans="3:4" x14ac:dyDescent="0.25">
      <c r="C1292"/>
      <c r="D1292"/>
    </row>
    <row r="1293" spans="3:4" x14ac:dyDescent="0.25">
      <c r="C1293"/>
      <c r="D1293"/>
    </row>
    <row r="1294" spans="3:4" x14ac:dyDescent="0.25">
      <c r="C1294"/>
      <c r="D1294"/>
    </row>
    <row r="1295" spans="3:4" x14ac:dyDescent="0.25">
      <c r="C1295"/>
      <c r="D1295"/>
    </row>
    <row r="1296" spans="3:4" x14ac:dyDescent="0.25">
      <c r="C1296"/>
      <c r="D1296"/>
    </row>
    <row r="1297" spans="3:4" x14ac:dyDescent="0.25">
      <c r="C1297"/>
      <c r="D1297"/>
    </row>
    <row r="1298" spans="3:4" x14ac:dyDescent="0.25">
      <c r="C1298"/>
      <c r="D1298"/>
    </row>
    <row r="1299" spans="3:4" x14ac:dyDescent="0.25">
      <c r="C1299"/>
      <c r="D1299"/>
    </row>
    <row r="1300" spans="3:4" x14ac:dyDescent="0.25">
      <c r="C1300"/>
      <c r="D1300"/>
    </row>
    <row r="1301" spans="3:4" x14ac:dyDescent="0.25">
      <c r="C1301"/>
      <c r="D1301"/>
    </row>
    <row r="1302" spans="3:4" x14ac:dyDescent="0.25">
      <c r="C1302"/>
      <c r="D1302"/>
    </row>
    <row r="1303" spans="3:4" x14ac:dyDescent="0.25">
      <c r="C1303"/>
      <c r="D1303"/>
    </row>
    <row r="1304" spans="3:4" x14ac:dyDescent="0.25">
      <c r="C1304"/>
      <c r="D1304"/>
    </row>
    <row r="1305" spans="3:4" x14ac:dyDescent="0.25">
      <c r="C1305"/>
      <c r="D1305"/>
    </row>
    <row r="1306" spans="3:4" x14ac:dyDescent="0.25">
      <c r="C1306"/>
      <c r="D1306"/>
    </row>
    <row r="1307" spans="3:4" x14ac:dyDescent="0.25">
      <c r="C1307"/>
      <c r="D1307"/>
    </row>
    <row r="1308" spans="3:4" x14ac:dyDescent="0.25">
      <c r="C1308"/>
      <c r="D1308"/>
    </row>
    <row r="1309" spans="3:4" x14ac:dyDescent="0.25">
      <c r="C1309"/>
      <c r="D1309"/>
    </row>
    <row r="1310" spans="3:4" x14ac:dyDescent="0.25">
      <c r="C1310"/>
      <c r="D1310"/>
    </row>
    <row r="1311" spans="3:4" x14ac:dyDescent="0.25">
      <c r="C1311"/>
      <c r="D1311"/>
    </row>
    <row r="1312" spans="3:4" x14ac:dyDescent="0.25">
      <c r="C1312"/>
      <c r="D1312"/>
    </row>
    <row r="1313" spans="3:4" x14ac:dyDescent="0.25">
      <c r="C1313"/>
      <c r="D1313"/>
    </row>
    <row r="1314" spans="3:4" x14ac:dyDescent="0.25">
      <c r="C1314"/>
      <c r="D1314"/>
    </row>
    <row r="1315" spans="3:4" x14ac:dyDescent="0.25">
      <c r="C1315"/>
      <c r="D1315"/>
    </row>
    <row r="1316" spans="3:4" x14ac:dyDescent="0.25">
      <c r="C1316"/>
      <c r="D1316"/>
    </row>
    <row r="1317" spans="3:4" x14ac:dyDescent="0.25">
      <c r="C1317"/>
      <c r="D1317"/>
    </row>
    <row r="1318" spans="3:4" x14ac:dyDescent="0.25">
      <c r="C1318"/>
      <c r="D1318"/>
    </row>
    <row r="1319" spans="3:4" x14ac:dyDescent="0.25">
      <c r="C1319"/>
      <c r="D1319"/>
    </row>
    <row r="1320" spans="3:4" x14ac:dyDescent="0.25">
      <c r="C1320"/>
      <c r="D1320"/>
    </row>
    <row r="1321" spans="3:4" x14ac:dyDescent="0.25">
      <c r="C1321"/>
      <c r="D1321"/>
    </row>
    <row r="1322" spans="3:4" x14ac:dyDescent="0.25">
      <c r="C1322"/>
      <c r="D1322"/>
    </row>
    <row r="1323" spans="3:4" x14ac:dyDescent="0.25">
      <c r="C1323"/>
      <c r="D1323"/>
    </row>
    <row r="1324" spans="3:4" x14ac:dyDescent="0.25">
      <c r="C1324"/>
      <c r="D1324"/>
    </row>
    <row r="1325" spans="3:4" x14ac:dyDescent="0.25">
      <c r="C1325"/>
      <c r="D1325"/>
    </row>
    <row r="1326" spans="3:4" x14ac:dyDescent="0.25">
      <c r="C1326"/>
      <c r="D1326"/>
    </row>
    <row r="1327" spans="3:4" x14ac:dyDescent="0.25">
      <c r="C1327"/>
      <c r="D1327"/>
    </row>
    <row r="1328" spans="3:4" x14ac:dyDescent="0.25">
      <c r="C1328"/>
      <c r="D1328"/>
    </row>
    <row r="1329" spans="3:4" x14ac:dyDescent="0.25">
      <c r="C1329"/>
      <c r="D1329"/>
    </row>
    <row r="1330" spans="3:4" x14ac:dyDescent="0.25">
      <c r="C1330"/>
      <c r="D1330"/>
    </row>
    <row r="1331" spans="3:4" x14ac:dyDescent="0.25">
      <c r="C1331"/>
      <c r="D1331"/>
    </row>
    <row r="1332" spans="3:4" x14ac:dyDescent="0.25">
      <c r="C1332"/>
      <c r="D1332"/>
    </row>
    <row r="1333" spans="3:4" x14ac:dyDescent="0.25">
      <c r="C1333"/>
      <c r="D1333"/>
    </row>
    <row r="1334" spans="3:4" x14ac:dyDescent="0.25">
      <c r="C1334"/>
      <c r="D1334"/>
    </row>
    <row r="1335" spans="3:4" x14ac:dyDescent="0.25">
      <c r="C1335"/>
      <c r="D1335"/>
    </row>
    <row r="1336" spans="3:4" x14ac:dyDescent="0.25">
      <c r="C1336"/>
      <c r="D1336"/>
    </row>
    <row r="1337" spans="3:4" x14ac:dyDescent="0.25">
      <c r="C1337"/>
      <c r="D1337"/>
    </row>
    <row r="1338" spans="3:4" x14ac:dyDescent="0.25">
      <c r="C1338"/>
      <c r="D1338"/>
    </row>
    <row r="1339" spans="3:4" x14ac:dyDescent="0.25">
      <c r="C1339"/>
      <c r="D1339"/>
    </row>
    <row r="1340" spans="3:4" x14ac:dyDescent="0.25">
      <c r="C1340"/>
      <c r="D1340"/>
    </row>
    <row r="1341" spans="3:4" x14ac:dyDescent="0.25">
      <c r="C1341"/>
      <c r="D1341"/>
    </row>
    <row r="1342" spans="3:4" x14ac:dyDescent="0.25">
      <c r="C1342"/>
      <c r="D1342"/>
    </row>
    <row r="1343" spans="3:4" x14ac:dyDescent="0.25">
      <c r="C1343"/>
      <c r="D1343"/>
    </row>
    <row r="1344" spans="3:4" x14ac:dyDescent="0.25">
      <c r="C1344"/>
      <c r="D1344"/>
    </row>
    <row r="1345" spans="3:4" x14ac:dyDescent="0.25">
      <c r="C1345"/>
      <c r="D1345"/>
    </row>
    <row r="1346" spans="3:4" x14ac:dyDescent="0.25">
      <c r="C1346"/>
      <c r="D1346"/>
    </row>
    <row r="1347" spans="3:4" x14ac:dyDescent="0.25">
      <c r="C1347"/>
      <c r="D1347"/>
    </row>
    <row r="1348" spans="3:4" x14ac:dyDescent="0.25">
      <c r="C1348"/>
      <c r="D1348"/>
    </row>
    <row r="1349" spans="3:4" x14ac:dyDescent="0.25">
      <c r="C1349"/>
      <c r="D1349"/>
    </row>
    <row r="1350" spans="3:4" x14ac:dyDescent="0.25">
      <c r="C1350"/>
      <c r="D1350"/>
    </row>
    <row r="1351" spans="3:4" x14ac:dyDescent="0.25">
      <c r="C1351"/>
      <c r="D1351"/>
    </row>
    <row r="1352" spans="3:4" x14ac:dyDescent="0.25">
      <c r="C1352"/>
      <c r="D1352"/>
    </row>
    <row r="1353" spans="3:4" x14ac:dyDescent="0.25">
      <c r="C1353"/>
      <c r="D1353"/>
    </row>
    <row r="1354" spans="3:4" x14ac:dyDescent="0.25">
      <c r="C1354"/>
      <c r="D1354"/>
    </row>
    <row r="1355" spans="3:4" x14ac:dyDescent="0.25">
      <c r="C1355"/>
      <c r="D1355"/>
    </row>
    <row r="1356" spans="3:4" x14ac:dyDescent="0.25">
      <c r="C1356"/>
      <c r="D1356"/>
    </row>
    <row r="1357" spans="3:4" x14ac:dyDescent="0.25">
      <c r="C1357"/>
      <c r="D1357"/>
    </row>
    <row r="1358" spans="3:4" x14ac:dyDescent="0.25">
      <c r="C1358"/>
      <c r="D1358"/>
    </row>
    <row r="1359" spans="3:4" x14ac:dyDescent="0.25">
      <c r="C1359"/>
      <c r="D1359"/>
    </row>
    <row r="1360" spans="3:4" x14ac:dyDescent="0.25">
      <c r="C1360"/>
      <c r="D1360"/>
    </row>
    <row r="1361" spans="3:4" x14ac:dyDescent="0.25">
      <c r="C1361"/>
      <c r="D1361"/>
    </row>
    <row r="1362" spans="3:4" x14ac:dyDescent="0.25">
      <c r="C1362"/>
      <c r="D1362"/>
    </row>
    <row r="1363" spans="3:4" x14ac:dyDescent="0.25">
      <c r="C1363"/>
      <c r="D1363"/>
    </row>
    <row r="1364" spans="3:4" x14ac:dyDescent="0.25">
      <c r="C1364"/>
      <c r="D1364"/>
    </row>
    <row r="1365" spans="3:4" x14ac:dyDescent="0.25">
      <c r="C1365"/>
      <c r="D1365"/>
    </row>
    <row r="1366" spans="3:4" x14ac:dyDescent="0.25">
      <c r="C1366"/>
      <c r="D1366"/>
    </row>
    <row r="1367" spans="3:4" x14ac:dyDescent="0.25">
      <c r="C1367"/>
      <c r="D1367"/>
    </row>
    <row r="1368" spans="3:4" x14ac:dyDescent="0.25">
      <c r="C1368"/>
      <c r="D1368"/>
    </row>
    <row r="1369" spans="3:4" x14ac:dyDescent="0.25">
      <c r="C1369"/>
      <c r="D1369"/>
    </row>
    <row r="1370" spans="3:4" x14ac:dyDescent="0.25">
      <c r="C1370"/>
      <c r="D1370"/>
    </row>
    <row r="1371" spans="3:4" x14ac:dyDescent="0.25">
      <c r="C1371"/>
      <c r="D1371"/>
    </row>
    <row r="1372" spans="3:4" x14ac:dyDescent="0.25">
      <c r="C1372"/>
      <c r="D1372"/>
    </row>
    <row r="1373" spans="3:4" x14ac:dyDescent="0.25">
      <c r="C1373"/>
      <c r="D1373"/>
    </row>
    <row r="1374" spans="3:4" x14ac:dyDescent="0.25">
      <c r="C1374"/>
      <c r="D1374"/>
    </row>
    <row r="1375" spans="3:4" x14ac:dyDescent="0.25">
      <c r="C1375"/>
      <c r="D1375"/>
    </row>
    <row r="1376" spans="3:4" x14ac:dyDescent="0.25">
      <c r="C1376"/>
      <c r="D1376"/>
    </row>
    <row r="1377" spans="3:4" x14ac:dyDescent="0.25">
      <c r="C1377"/>
      <c r="D1377"/>
    </row>
    <row r="1378" spans="3:4" x14ac:dyDescent="0.25">
      <c r="C1378"/>
      <c r="D1378"/>
    </row>
    <row r="1379" spans="3:4" x14ac:dyDescent="0.25">
      <c r="C1379"/>
      <c r="D1379"/>
    </row>
    <row r="1380" spans="3:4" x14ac:dyDescent="0.25">
      <c r="C1380"/>
      <c r="D1380"/>
    </row>
    <row r="1381" spans="3:4" x14ac:dyDescent="0.25">
      <c r="C1381"/>
      <c r="D1381"/>
    </row>
    <row r="1382" spans="3:4" x14ac:dyDescent="0.25">
      <c r="C1382"/>
      <c r="D1382"/>
    </row>
    <row r="1383" spans="3:4" x14ac:dyDescent="0.25">
      <c r="C1383"/>
      <c r="D1383"/>
    </row>
    <row r="1384" spans="3:4" x14ac:dyDescent="0.25">
      <c r="C1384"/>
      <c r="D1384"/>
    </row>
    <row r="1385" spans="3:4" x14ac:dyDescent="0.25">
      <c r="C1385"/>
      <c r="D1385"/>
    </row>
    <row r="1386" spans="3:4" x14ac:dyDescent="0.25">
      <c r="C1386"/>
      <c r="D1386"/>
    </row>
    <row r="1387" spans="3:4" x14ac:dyDescent="0.25">
      <c r="C1387"/>
      <c r="D1387"/>
    </row>
    <row r="1388" spans="3:4" x14ac:dyDescent="0.25">
      <c r="C1388"/>
      <c r="D1388"/>
    </row>
    <row r="1389" spans="3:4" x14ac:dyDescent="0.25">
      <c r="C1389"/>
      <c r="D1389"/>
    </row>
    <row r="1390" spans="3:4" x14ac:dyDescent="0.25">
      <c r="C1390"/>
      <c r="D1390"/>
    </row>
    <row r="1391" spans="3:4" x14ac:dyDescent="0.25">
      <c r="C1391"/>
      <c r="D1391"/>
    </row>
    <row r="1392" spans="3:4" x14ac:dyDescent="0.25">
      <c r="C1392"/>
      <c r="D1392"/>
    </row>
    <row r="1393" spans="3:4" x14ac:dyDescent="0.25">
      <c r="C1393"/>
      <c r="D1393"/>
    </row>
    <row r="1394" spans="3:4" x14ac:dyDescent="0.25">
      <c r="C1394"/>
      <c r="D1394"/>
    </row>
    <row r="1395" spans="3:4" x14ac:dyDescent="0.25">
      <c r="C1395"/>
      <c r="D1395"/>
    </row>
    <row r="1396" spans="3:4" x14ac:dyDescent="0.25">
      <c r="C1396"/>
      <c r="D1396"/>
    </row>
    <row r="1397" spans="3:4" x14ac:dyDescent="0.25">
      <c r="C1397"/>
      <c r="D1397"/>
    </row>
    <row r="1398" spans="3:4" x14ac:dyDescent="0.25">
      <c r="C1398"/>
      <c r="D1398"/>
    </row>
    <row r="1399" spans="3:4" x14ac:dyDescent="0.25">
      <c r="C1399"/>
      <c r="D1399"/>
    </row>
    <row r="1400" spans="3:4" x14ac:dyDescent="0.25">
      <c r="C1400"/>
      <c r="D1400"/>
    </row>
    <row r="1401" spans="3:4" x14ac:dyDescent="0.25">
      <c r="C1401"/>
      <c r="D1401"/>
    </row>
    <row r="1402" spans="3:4" x14ac:dyDescent="0.25">
      <c r="C1402"/>
      <c r="D1402"/>
    </row>
    <row r="1403" spans="3:4" x14ac:dyDescent="0.25">
      <c r="C1403"/>
      <c r="D1403"/>
    </row>
    <row r="1404" spans="3:4" x14ac:dyDescent="0.25">
      <c r="C1404"/>
      <c r="D1404"/>
    </row>
    <row r="1405" spans="3:4" x14ac:dyDescent="0.25">
      <c r="C1405"/>
      <c r="D1405"/>
    </row>
    <row r="1406" spans="3:4" x14ac:dyDescent="0.25">
      <c r="C1406"/>
      <c r="D1406"/>
    </row>
    <row r="1407" spans="3:4" x14ac:dyDescent="0.25">
      <c r="C1407"/>
      <c r="D1407"/>
    </row>
    <row r="1408" spans="3:4" x14ac:dyDescent="0.25">
      <c r="C1408"/>
      <c r="D1408"/>
    </row>
    <row r="1409" spans="3:4" x14ac:dyDescent="0.25">
      <c r="C1409"/>
      <c r="D1409"/>
    </row>
    <row r="1410" spans="3:4" x14ac:dyDescent="0.25">
      <c r="C1410"/>
      <c r="D1410"/>
    </row>
    <row r="1411" spans="3:4" x14ac:dyDescent="0.25">
      <c r="C1411"/>
      <c r="D1411"/>
    </row>
    <row r="1412" spans="3:4" x14ac:dyDescent="0.25">
      <c r="C1412"/>
      <c r="D1412"/>
    </row>
    <row r="1413" spans="3:4" x14ac:dyDescent="0.25">
      <c r="C1413"/>
      <c r="D1413"/>
    </row>
    <row r="1414" spans="3:4" x14ac:dyDescent="0.25">
      <c r="C1414"/>
      <c r="D1414"/>
    </row>
    <row r="1415" spans="3:4" x14ac:dyDescent="0.25">
      <c r="C1415"/>
      <c r="D1415"/>
    </row>
    <row r="1416" spans="3:4" x14ac:dyDescent="0.25">
      <c r="C1416"/>
      <c r="D1416"/>
    </row>
    <row r="1417" spans="3:4" x14ac:dyDescent="0.25">
      <c r="C1417"/>
      <c r="D1417"/>
    </row>
    <row r="1418" spans="3:4" x14ac:dyDescent="0.25">
      <c r="C1418"/>
      <c r="D1418"/>
    </row>
    <row r="1419" spans="3:4" x14ac:dyDescent="0.25">
      <c r="C1419"/>
      <c r="D1419"/>
    </row>
    <row r="1420" spans="3:4" x14ac:dyDescent="0.25">
      <c r="C1420"/>
      <c r="D1420"/>
    </row>
    <row r="1421" spans="3:4" x14ac:dyDescent="0.25">
      <c r="C1421"/>
      <c r="D1421"/>
    </row>
    <row r="1422" spans="3:4" x14ac:dyDescent="0.25">
      <c r="C1422"/>
      <c r="D1422"/>
    </row>
    <row r="1423" spans="3:4" x14ac:dyDescent="0.25">
      <c r="C1423"/>
      <c r="D1423"/>
    </row>
    <row r="1424" spans="3:4" x14ac:dyDescent="0.25">
      <c r="C1424"/>
      <c r="D1424"/>
    </row>
    <row r="1425" spans="3:4" x14ac:dyDescent="0.25">
      <c r="C1425"/>
      <c r="D1425"/>
    </row>
    <row r="1426" spans="3:4" x14ac:dyDescent="0.25">
      <c r="C1426"/>
      <c r="D1426"/>
    </row>
    <row r="1427" spans="3:4" x14ac:dyDescent="0.25">
      <c r="C1427"/>
      <c r="D1427"/>
    </row>
    <row r="1428" spans="3:4" x14ac:dyDescent="0.25">
      <c r="C1428"/>
      <c r="D1428"/>
    </row>
    <row r="1429" spans="3:4" x14ac:dyDescent="0.25">
      <c r="C1429"/>
      <c r="D1429"/>
    </row>
    <row r="1430" spans="3:4" x14ac:dyDescent="0.25">
      <c r="C1430"/>
      <c r="D1430"/>
    </row>
    <row r="1431" spans="3:4" x14ac:dyDescent="0.25">
      <c r="C1431"/>
      <c r="D1431"/>
    </row>
    <row r="1432" spans="3:4" x14ac:dyDescent="0.25">
      <c r="C1432"/>
      <c r="D1432"/>
    </row>
    <row r="1433" spans="3:4" x14ac:dyDescent="0.25">
      <c r="C1433"/>
      <c r="D1433"/>
    </row>
    <row r="1434" spans="3:4" x14ac:dyDescent="0.25">
      <c r="C1434"/>
      <c r="D1434"/>
    </row>
    <row r="1435" spans="3:4" x14ac:dyDescent="0.25">
      <c r="C1435"/>
      <c r="D1435"/>
    </row>
    <row r="1436" spans="3:4" x14ac:dyDescent="0.25">
      <c r="C1436"/>
      <c r="D1436"/>
    </row>
    <row r="1437" spans="3:4" x14ac:dyDescent="0.25">
      <c r="C1437"/>
      <c r="D1437"/>
    </row>
    <row r="1438" spans="3:4" x14ac:dyDescent="0.25">
      <c r="C1438"/>
      <c r="D1438"/>
    </row>
    <row r="1439" spans="3:4" x14ac:dyDescent="0.25">
      <c r="C1439"/>
      <c r="D1439"/>
    </row>
    <row r="1440" spans="3:4" x14ac:dyDescent="0.25">
      <c r="C1440"/>
      <c r="D1440"/>
    </row>
    <row r="1441" spans="3:4" x14ac:dyDescent="0.25">
      <c r="C1441"/>
      <c r="D1441"/>
    </row>
    <row r="1442" spans="3:4" x14ac:dyDescent="0.25">
      <c r="C1442"/>
      <c r="D1442"/>
    </row>
    <row r="1443" spans="3:4" x14ac:dyDescent="0.25">
      <c r="C1443"/>
      <c r="D1443"/>
    </row>
    <row r="1444" spans="3:4" x14ac:dyDescent="0.25">
      <c r="C1444"/>
      <c r="D1444"/>
    </row>
    <row r="1445" spans="3:4" x14ac:dyDescent="0.25">
      <c r="C1445"/>
      <c r="D1445"/>
    </row>
    <row r="1446" spans="3:4" x14ac:dyDescent="0.25">
      <c r="C1446"/>
      <c r="D1446"/>
    </row>
    <row r="1447" spans="3:4" x14ac:dyDescent="0.25">
      <c r="C1447"/>
      <c r="D1447"/>
    </row>
    <row r="1448" spans="3:4" x14ac:dyDescent="0.25">
      <c r="C1448"/>
      <c r="D1448"/>
    </row>
    <row r="1449" spans="3:4" x14ac:dyDescent="0.25">
      <c r="C1449"/>
      <c r="D1449"/>
    </row>
    <row r="1450" spans="3:4" x14ac:dyDescent="0.25">
      <c r="C1450"/>
      <c r="D1450"/>
    </row>
    <row r="1451" spans="3:4" x14ac:dyDescent="0.25">
      <c r="C1451"/>
      <c r="D1451"/>
    </row>
    <row r="1452" spans="3:4" x14ac:dyDescent="0.25">
      <c r="C1452"/>
      <c r="D1452"/>
    </row>
    <row r="1453" spans="3:4" x14ac:dyDescent="0.25">
      <c r="C1453"/>
      <c r="D1453"/>
    </row>
    <row r="1454" spans="3:4" x14ac:dyDescent="0.25">
      <c r="C1454"/>
      <c r="D1454"/>
    </row>
    <row r="1455" spans="3:4" x14ac:dyDescent="0.25">
      <c r="C1455"/>
      <c r="D1455"/>
    </row>
    <row r="1456" spans="3:4" x14ac:dyDescent="0.25">
      <c r="C1456"/>
      <c r="D1456"/>
    </row>
    <row r="1457" spans="3:4" x14ac:dyDescent="0.25">
      <c r="C1457"/>
      <c r="D1457"/>
    </row>
    <row r="1458" spans="3:4" x14ac:dyDescent="0.25">
      <c r="C1458"/>
      <c r="D1458"/>
    </row>
    <row r="1459" spans="3:4" x14ac:dyDescent="0.25">
      <c r="C1459"/>
      <c r="D1459"/>
    </row>
    <row r="1460" spans="3:4" x14ac:dyDescent="0.25">
      <c r="C1460"/>
      <c r="D1460"/>
    </row>
    <row r="1461" spans="3:4" x14ac:dyDescent="0.25">
      <c r="C1461"/>
      <c r="D1461"/>
    </row>
    <row r="1462" spans="3:4" x14ac:dyDescent="0.25">
      <c r="C1462"/>
      <c r="D1462"/>
    </row>
    <row r="1463" spans="3:4" x14ac:dyDescent="0.25">
      <c r="C1463"/>
      <c r="D1463"/>
    </row>
    <row r="1464" spans="3:4" x14ac:dyDescent="0.25">
      <c r="C1464"/>
      <c r="D1464"/>
    </row>
    <row r="1465" spans="3:4" x14ac:dyDescent="0.25">
      <c r="C1465"/>
      <c r="D1465"/>
    </row>
    <row r="1466" spans="3:4" x14ac:dyDescent="0.25">
      <c r="C1466"/>
      <c r="D1466"/>
    </row>
    <row r="1467" spans="3:4" x14ac:dyDescent="0.25">
      <c r="C1467"/>
      <c r="D1467"/>
    </row>
    <row r="1468" spans="3:4" x14ac:dyDescent="0.25">
      <c r="C1468"/>
      <c r="D1468"/>
    </row>
    <row r="1469" spans="3:4" x14ac:dyDescent="0.25">
      <c r="C1469"/>
      <c r="D1469"/>
    </row>
    <row r="1470" spans="3:4" x14ac:dyDescent="0.25">
      <c r="C1470"/>
      <c r="D1470"/>
    </row>
    <row r="1471" spans="3:4" x14ac:dyDescent="0.25">
      <c r="C1471"/>
      <c r="D1471"/>
    </row>
    <row r="1472" spans="3:4" x14ac:dyDescent="0.25">
      <c r="C1472"/>
      <c r="D1472"/>
    </row>
    <row r="1473" spans="3:4" x14ac:dyDescent="0.25">
      <c r="C1473"/>
      <c r="D1473"/>
    </row>
    <row r="1474" spans="3:4" x14ac:dyDescent="0.25">
      <c r="C1474"/>
      <c r="D1474"/>
    </row>
    <row r="1475" spans="3:4" x14ac:dyDescent="0.25">
      <c r="C1475"/>
      <c r="D1475"/>
    </row>
    <row r="1476" spans="3:4" x14ac:dyDescent="0.25">
      <c r="C1476"/>
      <c r="D1476"/>
    </row>
    <row r="1477" spans="3:4" x14ac:dyDescent="0.25">
      <c r="C1477"/>
      <c r="D1477"/>
    </row>
    <row r="1478" spans="3:4" x14ac:dyDescent="0.25">
      <c r="C1478"/>
      <c r="D1478"/>
    </row>
    <row r="1479" spans="3:4" x14ac:dyDescent="0.25">
      <c r="C1479"/>
      <c r="D1479"/>
    </row>
    <row r="1480" spans="3:4" x14ac:dyDescent="0.25">
      <c r="C1480"/>
      <c r="D1480"/>
    </row>
    <row r="1481" spans="3:4" x14ac:dyDescent="0.25">
      <c r="C1481"/>
      <c r="D1481"/>
    </row>
    <row r="1482" spans="3:4" x14ac:dyDescent="0.25">
      <c r="C1482"/>
      <c r="D1482"/>
    </row>
    <row r="1483" spans="3:4" x14ac:dyDescent="0.25">
      <c r="C1483"/>
      <c r="D1483"/>
    </row>
    <row r="1484" spans="3:4" x14ac:dyDescent="0.25">
      <c r="C1484"/>
      <c r="D1484"/>
    </row>
    <row r="1485" spans="3:4" x14ac:dyDescent="0.25">
      <c r="C1485"/>
      <c r="D1485"/>
    </row>
    <row r="1486" spans="3:4" x14ac:dyDescent="0.25">
      <c r="C1486"/>
      <c r="D1486"/>
    </row>
    <row r="1487" spans="3:4" x14ac:dyDescent="0.25">
      <c r="C1487"/>
      <c r="D1487"/>
    </row>
    <row r="1488" spans="3:4" x14ac:dyDescent="0.25">
      <c r="C1488"/>
      <c r="D1488"/>
    </row>
    <row r="1489" spans="3:4" x14ac:dyDescent="0.25">
      <c r="C1489"/>
      <c r="D1489"/>
    </row>
    <row r="1490" spans="3:4" x14ac:dyDescent="0.25">
      <c r="C1490"/>
      <c r="D1490"/>
    </row>
    <row r="1491" spans="3:4" x14ac:dyDescent="0.25">
      <c r="C1491"/>
      <c r="D1491"/>
    </row>
    <row r="1492" spans="3:4" x14ac:dyDescent="0.25">
      <c r="C1492"/>
      <c r="D1492"/>
    </row>
    <row r="1493" spans="3:4" x14ac:dyDescent="0.25">
      <c r="C1493"/>
      <c r="D1493"/>
    </row>
    <row r="1494" spans="3:4" x14ac:dyDescent="0.25">
      <c r="C1494"/>
      <c r="D1494"/>
    </row>
    <row r="1495" spans="3:4" x14ac:dyDescent="0.25">
      <c r="C1495"/>
      <c r="D1495"/>
    </row>
    <row r="1496" spans="3:4" x14ac:dyDescent="0.25">
      <c r="C1496"/>
      <c r="D1496"/>
    </row>
    <row r="1497" spans="3:4" x14ac:dyDescent="0.25">
      <c r="C1497"/>
      <c r="D1497"/>
    </row>
    <row r="1498" spans="3:4" x14ac:dyDescent="0.25">
      <c r="C1498"/>
      <c r="D1498"/>
    </row>
    <row r="1499" spans="3:4" x14ac:dyDescent="0.25">
      <c r="C1499"/>
      <c r="D1499"/>
    </row>
    <row r="1500" spans="3:4" x14ac:dyDescent="0.25">
      <c r="C1500"/>
      <c r="D1500"/>
    </row>
    <row r="1501" spans="3:4" x14ac:dyDescent="0.25">
      <c r="C1501"/>
      <c r="D1501"/>
    </row>
    <row r="1502" spans="3:4" x14ac:dyDescent="0.25">
      <c r="C1502"/>
      <c r="D1502"/>
    </row>
    <row r="1503" spans="3:4" x14ac:dyDescent="0.25">
      <c r="C1503"/>
      <c r="D1503"/>
    </row>
    <row r="1504" spans="3:4" x14ac:dyDescent="0.25">
      <c r="C1504"/>
      <c r="D1504"/>
    </row>
    <row r="1505" spans="3:4" x14ac:dyDescent="0.25">
      <c r="C1505"/>
      <c r="D1505"/>
    </row>
    <row r="1506" spans="3:4" x14ac:dyDescent="0.25">
      <c r="C1506"/>
      <c r="D1506"/>
    </row>
    <row r="1507" spans="3:4" x14ac:dyDescent="0.25">
      <c r="C1507"/>
      <c r="D1507"/>
    </row>
    <row r="1508" spans="3:4" x14ac:dyDescent="0.25">
      <c r="C1508"/>
      <c r="D1508"/>
    </row>
    <row r="1509" spans="3:4" x14ac:dyDescent="0.25">
      <c r="C1509"/>
      <c r="D1509"/>
    </row>
    <row r="1510" spans="3:4" x14ac:dyDescent="0.25">
      <c r="C1510"/>
      <c r="D1510"/>
    </row>
    <row r="1511" spans="3:4" x14ac:dyDescent="0.25">
      <c r="C1511"/>
      <c r="D1511"/>
    </row>
    <row r="1512" spans="3:4" x14ac:dyDescent="0.25">
      <c r="C1512"/>
      <c r="D1512"/>
    </row>
    <row r="1513" spans="3:4" x14ac:dyDescent="0.25">
      <c r="C1513"/>
      <c r="D1513"/>
    </row>
    <row r="1514" spans="3:4" x14ac:dyDescent="0.25">
      <c r="C1514"/>
      <c r="D1514"/>
    </row>
    <row r="1515" spans="3:4" x14ac:dyDescent="0.25">
      <c r="C1515"/>
      <c r="D1515"/>
    </row>
    <row r="1516" spans="3:4" x14ac:dyDescent="0.25">
      <c r="C1516"/>
      <c r="D1516"/>
    </row>
    <row r="1517" spans="3:4" x14ac:dyDescent="0.25">
      <c r="C1517"/>
      <c r="D1517"/>
    </row>
    <row r="1518" spans="3:4" x14ac:dyDescent="0.25">
      <c r="C1518"/>
      <c r="D1518"/>
    </row>
    <row r="1519" spans="3:4" x14ac:dyDescent="0.25">
      <c r="C1519"/>
      <c r="D1519"/>
    </row>
    <row r="1520" spans="3:4" x14ac:dyDescent="0.25">
      <c r="C1520"/>
      <c r="D1520"/>
    </row>
    <row r="1521" spans="3:4" x14ac:dyDescent="0.25">
      <c r="C1521"/>
      <c r="D1521"/>
    </row>
    <row r="1522" spans="3:4" x14ac:dyDescent="0.25">
      <c r="C1522"/>
      <c r="D1522"/>
    </row>
    <row r="1523" spans="3:4" x14ac:dyDescent="0.25">
      <c r="C1523"/>
      <c r="D1523"/>
    </row>
    <row r="1524" spans="3:4" x14ac:dyDescent="0.25">
      <c r="C1524"/>
      <c r="D1524"/>
    </row>
    <row r="1525" spans="3:4" x14ac:dyDescent="0.25">
      <c r="C1525"/>
      <c r="D1525"/>
    </row>
    <row r="1526" spans="3:4" x14ac:dyDescent="0.25">
      <c r="C1526"/>
      <c r="D1526"/>
    </row>
    <row r="1527" spans="3:4" x14ac:dyDescent="0.25">
      <c r="C1527"/>
      <c r="D1527"/>
    </row>
    <row r="1528" spans="3:4" x14ac:dyDescent="0.25">
      <c r="C1528"/>
      <c r="D1528"/>
    </row>
    <row r="1529" spans="3:4" x14ac:dyDescent="0.25">
      <c r="C1529"/>
      <c r="D1529"/>
    </row>
    <row r="1530" spans="3:4" x14ac:dyDescent="0.25">
      <c r="C1530"/>
      <c r="D1530"/>
    </row>
    <row r="1531" spans="3:4" x14ac:dyDescent="0.25">
      <c r="C1531"/>
      <c r="D1531"/>
    </row>
    <row r="1532" spans="3:4" x14ac:dyDescent="0.25">
      <c r="C1532"/>
      <c r="D1532"/>
    </row>
    <row r="1533" spans="3:4" x14ac:dyDescent="0.25">
      <c r="C1533"/>
      <c r="D1533"/>
    </row>
    <row r="1534" spans="3:4" x14ac:dyDescent="0.25">
      <c r="C1534"/>
      <c r="D1534"/>
    </row>
    <row r="1535" spans="3:4" x14ac:dyDescent="0.25">
      <c r="C1535"/>
      <c r="D1535"/>
    </row>
    <row r="1536" spans="3:4" x14ac:dyDescent="0.25">
      <c r="C1536"/>
      <c r="D1536"/>
    </row>
    <row r="1537" spans="3:4" x14ac:dyDescent="0.25">
      <c r="C1537"/>
      <c r="D1537"/>
    </row>
    <row r="1538" spans="3:4" x14ac:dyDescent="0.25">
      <c r="C1538"/>
      <c r="D1538"/>
    </row>
    <row r="1539" spans="3:4" x14ac:dyDescent="0.25">
      <c r="C1539"/>
      <c r="D1539"/>
    </row>
    <row r="1540" spans="3:4" x14ac:dyDescent="0.25">
      <c r="C1540"/>
      <c r="D1540"/>
    </row>
    <row r="1541" spans="3:4" x14ac:dyDescent="0.25">
      <c r="C1541"/>
      <c r="D1541"/>
    </row>
    <row r="1542" spans="3:4" x14ac:dyDescent="0.25">
      <c r="C1542"/>
      <c r="D1542"/>
    </row>
    <row r="1543" spans="3:4" x14ac:dyDescent="0.25">
      <c r="C1543"/>
      <c r="D1543"/>
    </row>
    <row r="1544" spans="3:4" x14ac:dyDescent="0.25">
      <c r="C1544"/>
      <c r="D1544"/>
    </row>
    <row r="1545" spans="3:4" x14ac:dyDescent="0.25">
      <c r="C1545"/>
      <c r="D1545"/>
    </row>
    <row r="1546" spans="3:4" x14ac:dyDescent="0.25">
      <c r="C1546"/>
      <c r="D1546"/>
    </row>
    <row r="1547" spans="3:4" x14ac:dyDescent="0.25">
      <c r="C1547"/>
      <c r="D1547"/>
    </row>
    <row r="1548" spans="3:4" x14ac:dyDescent="0.25">
      <c r="C1548"/>
      <c r="D1548"/>
    </row>
    <row r="1549" spans="3:4" x14ac:dyDescent="0.25">
      <c r="C1549"/>
      <c r="D1549"/>
    </row>
    <row r="1550" spans="3:4" x14ac:dyDescent="0.25">
      <c r="C1550"/>
      <c r="D1550"/>
    </row>
    <row r="1551" spans="3:4" x14ac:dyDescent="0.25">
      <c r="C1551"/>
      <c r="D1551"/>
    </row>
    <row r="1552" spans="3:4" x14ac:dyDescent="0.25">
      <c r="C1552"/>
      <c r="D1552"/>
    </row>
    <row r="1553" spans="3:4" x14ac:dyDescent="0.25">
      <c r="C1553"/>
      <c r="D1553"/>
    </row>
    <row r="1554" spans="3:4" x14ac:dyDescent="0.25">
      <c r="C1554"/>
      <c r="D1554"/>
    </row>
    <row r="1555" spans="3:4" x14ac:dyDescent="0.25">
      <c r="C1555"/>
      <c r="D1555"/>
    </row>
    <row r="1556" spans="3:4" x14ac:dyDescent="0.25">
      <c r="C1556"/>
      <c r="D1556"/>
    </row>
    <row r="1557" spans="3:4" x14ac:dyDescent="0.25">
      <c r="C1557"/>
      <c r="D1557"/>
    </row>
    <row r="1558" spans="3:4" x14ac:dyDescent="0.25">
      <c r="C1558"/>
      <c r="D1558"/>
    </row>
    <row r="1559" spans="3:4" x14ac:dyDescent="0.25">
      <c r="C1559"/>
      <c r="D1559"/>
    </row>
    <row r="1560" spans="3:4" x14ac:dyDescent="0.25">
      <c r="C1560"/>
      <c r="D1560"/>
    </row>
    <row r="1561" spans="3:4" x14ac:dyDescent="0.25">
      <c r="C1561"/>
      <c r="D1561"/>
    </row>
    <row r="1562" spans="3:4" x14ac:dyDescent="0.25">
      <c r="C1562"/>
      <c r="D1562"/>
    </row>
    <row r="1563" spans="3:4" x14ac:dyDescent="0.25">
      <c r="C1563"/>
      <c r="D1563"/>
    </row>
    <row r="1564" spans="3:4" x14ac:dyDescent="0.25">
      <c r="C1564"/>
      <c r="D1564"/>
    </row>
    <row r="1565" spans="3:4" x14ac:dyDescent="0.25">
      <c r="C1565"/>
      <c r="D1565"/>
    </row>
    <row r="1566" spans="3:4" x14ac:dyDescent="0.25">
      <c r="C1566"/>
      <c r="D1566"/>
    </row>
    <row r="1567" spans="3:4" x14ac:dyDescent="0.25">
      <c r="C1567"/>
      <c r="D1567"/>
    </row>
    <row r="1568" spans="3:4" x14ac:dyDescent="0.25">
      <c r="C1568"/>
      <c r="D1568"/>
    </row>
    <row r="1569" spans="3:4" x14ac:dyDescent="0.25">
      <c r="C1569"/>
      <c r="D1569"/>
    </row>
    <row r="1570" spans="3:4" x14ac:dyDescent="0.25">
      <c r="C1570"/>
      <c r="D1570"/>
    </row>
    <row r="1571" spans="3:4" x14ac:dyDescent="0.25">
      <c r="C1571"/>
      <c r="D1571"/>
    </row>
    <row r="1572" spans="3:4" x14ac:dyDescent="0.25">
      <c r="C1572"/>
      <c r="D1572"/>
    </row>
    <row r="1573" spans="3:4" x14ac:dyDescent="0.25">
      <c r="C1573"/>
      <c r="D1573"/>
    </row>
    <row r="1574" spans="3:4" x14ac:dyDescent="0.25">
      <c r="C1574"/>
      <c r="D1574"/>
    </row>
    <row r="1575" spans="3:4" x14ac:dyDescent="0.25">
      <c r="C1575"/>
      <c r="D1575"/>
    </row>
    <row r="1576" spans="3:4" x14ac:dyDescent="0.25">
      <c r="C1576"/>
      <c r="D1576"/>
    </row>
    <row r="1577" spans="3:4" x14ac:dyDescent="0.25">
      <c r="C1577"/>
      <c r="D1577"/>
    </row>
    <row r="1578" spans="3:4" x14ac:dyDescent="0.25">
      <c r="C1578"/>
      <c r="D1578"/>
    </row>
    <row r="1579" spans="3:4" x14ac:dyDescent="0.25">
      <c r="C1579"/>
      <c r="D1579"/>
    </row>
    <row r="1580" spans="3:4" x14ac:dyDescent="0.25">
      <c r="C1580"/>
      <c r="D1580"/>
    </row>
    <row r="1581" spans="3:4" x14ac:dyDescent="0.25">
      <c r="C1581"/>
      <c r="D1581"/>
    </row>
    <row r="1582" spans="3:4" x14ac:dyDescent="0.25">
      <c r="C1582"/>
      <c r="D1582"/>
    </row>
    <row r="1583" spans="3:4" x14ac:dyDescent="0.25">
      <c r="C1583"/>
      <c r="D1583"/>
    </row>
    <row r="1584" spans="3:4" x14ac:dyDescent="0.25">
      <c r="C1584"/>
      <c r="D1584"/>
    </row>
    <row r="1585" spans="3:4" x14ac:dyDescent="0.25">
      <c r="C1585"/>
      <c r="D1585"/>
    </row>
    <row r="1586" spans="3:4" x14ac:dyDescent="0.25">
      <c r="C1586"/>
      <c r="D1586"/>
    </row>
    <row r="1587" spans="3:4" x14ac:dyDescent="0.25">
      <c r="C1587"/>
      <c r="D1587"/>
    </row>
    <row r="1588" spans="3:4" x14ac:dyDescent="0.25">
      <c r="C1588"/>
      <c r="D1588"/>
    </row>
    <row r="1589" spans="3:4" x14ac:dyDescent="0.25">
      <c r="C1589"/>
      <c r="D1589"/>
    </row>
    <row r="1590" spans="3:4" x14ac:dyDescent="0.25">
      <c r="C1590"/>
      <c r="D1590"/>
    </row>
    <row r="1591" spans="3:4" x14ac:dyDescent="0.25">
      <c r="C1591"/>
      <c r="D1591"/>
    </row>
    <row r="1592" spans="3:4" x14ac:dyDescent="0.25">
      <c r="C1592"/>
      <c r="D1592"/>
    </row>
    <row r="1593" spans="3:4" x14ac:dyDescent="0.25">
      <c r="C1593"/>
      <c r="D1593"/>
    </row>
    <row r="1594" spans="3:4" x14ac:dyDescent="0.25">
      <c r="C1594"/>
      <c r="D1594"/>
    </row>
    <row r="1595" spans="3:4" x14ac:dyDescent="0.25">
      <c r="C1595"/>
      <c r="D1595"/>
    </row>
    <row r="1596" spans="3:4" x14ac:dyDescent="0.25">
      <c r="C1596"/>
      <c r="D1596"/>
    </row>
    <row r="1597" spans="3:4" x14ac:dyDescent="0.25">
      <c r="C1597"/>
      <c r="D1597"/>
    </row>
    <row r="1598" spans="3:4" x14ac:dyDescent="0.25">
      <c r="C1598"/>
      <c r="D1598"/>
    </row>
    <row r="1599" spans="3:4" x14ac:dyDescent="0.25">
      <c r="C1599"/>
      <c r="D1599"/>
    </row>
    <row r="1600" spans="3:4" x14ac:dyDescent="0.25">
      <c r="C1600"/>
      <c r="D1600"/>
    </row>
    <row r="1601" spans="3:4" x14ac:dyDescent="0.25">
      <c r="C1601"/>
      <c r="D1601"/>
    </row>
    <row r="1602" spans="3:4" x14ac:dyDescent="0.25">
      <c r="C1602"/>
      <c r="D1602"/>
    </row>
    <row r="1603" spans="3:4" x14ac:dyDescent="0.25">
      <c r="C1603"/>
      <c r="D1603"/>
    </row>
    <row r="1604" spans="3:4" x14ac:dyDescent="0.25">
      <c r="C1604"/>
      <c r="D1604"/>
    </row>
    <row r="1605" spans="3:4" x14ac:dyDescent="0.25">
      <c r="C1605"/>
      <c r="D1605"/>
    </row>
    <row r="1606" spans="3:4" x14ac:dyDescent="0.25">
      <c r="C1606"/>
      <c r="D1606"/>
    </row>
    <row r="1607" spans="3:4" x14ac:dyDescent="0.25">
      <c r="C1607"/>
      <c r="D1607"/>
    </row>
    <row r="1608" spans="3:4" x14ac:dyDescent="0.25">
      <c r="C1608"/>
      <c r="D1608"/>
    </row>
    <row r="1609" spans="3:4" x14ac:dyDescent="0.25">
      <c r="C1609"/>
      <c r="D1609"/>
    </row>
    <row r="1610" spans="3:4" x14ac:dyDescent="0.25">
      <c r="C1610"/>
      <c r="D1610"/>
    </row>
    <row r="1611" spans="3:4" x14ac:dyDescent="0.25">
      <c r="C1611"/>
      <c r="D1611"/>
    </row>
    <row r="1612" spans="3:4" x14ac:dyDescent="0.25">
      <c r="C1612"/>
      <c r="D1612"/>
    </row>
    <row r="1613" spans="3:4" x14ac:dyDescent="0.25">
      <c r="C1613"/>
      <c r="D1613"/>
    </row>
    <row r="1614" spans="3:4" x14ac:dyDescent="0.25">
      <c r="C1614"/>
      <c r="D1614"/>
    </row>
    <row r="1615" spans="3:4" x14ac:dyDescent="0.25">
      <c r="C1615"/>
      <c r="D1615"/>
    </row>
    <row r="1616" spans="3:4" x14ac:dyDescent="0.25">
      <c r="C1616"/>
      <c r="D1616"/>
    </row>
    <row r="1617" spans="3:4" x14ac:dyDescent="0.25">
      <c r="C1617"/>
      <c r="D1617"/>
    </row>
    <row r="1618" spans="3:4" x14ac:dyDescent="0.25">
      <c r="C1618"/>
      <c r="D1618"/>
    </row>
    <row r="1619" spans="3:4" x14ac:dyDescent="0.25">
      <c r="C1619"/>
      <c r="D1619"/>
    </row>
    <row r="1620" spans="3:4" x14ac:dyDescent="0.25">
      <c r="C1620"/>
      <c r="D1620"/>
    </row>
    <row r="1621" spans="3:4" x14ac:dyDescent="0.25">
      <c r="C1621"/>
      <c r="D1621"/>
    </row>
    <row r="1622" spans="3:4" x14ac:dyDescent="0.25">
      <c r="C1622"/>
      <c r="D1622"/>
    </row>
    <row r="1623" spans="3:4" x14ac:dyDescent="0.25">
      <c r="C1623"/>
      <c r="D1623"/>
    </row>
    <row r="1624" spans="3:4" x14ac:dyDescent="0.25">
      <c r="C1624"/>
      <c r="D1624"/>
    </row>
    <row r="1625" spans="3:4" x14ac:dyDescent="0.25">
      <c r="C1625"/>
      <c r="D1625"/>
    </row>
    <row r="1626" spans="3:4" x14ac:dyDescent="0.25">
      <c r="C1626"/>
      <c r="D1626"/>
    </row>
    <row r="1627" spans="3:4" x14ac:dyDescent="0.25">
      <c r="C1627"/>
      <c r="D1627"/>
    </row>
    <row r="1628" spans="3:4" x14ac:dyDescent="0.25">
      <c r="C1628"/>
      <c r="D1628"/>
    </row>
    <row r="1629" spans="3:4" x14ac:dyDescent="0.25">
      <c r="C1629"/>
      <c r="D1629"/>
    </row>
    <row r="1630" spans="3:4" x14ac:dyDescent="0.25">
      <c r="C1630"/>
      <c r="D1630"/>
    </row>
    <row r="1631" spans="3:4" x14ac:dyDescent="0.25">
      <c r="C1631"/>
      <c r="D1631"/>
    </row>
    <row r="1632" spans="3:4" x14ac:dyDescent="0.25">
      <c r="C1632"/>
      <c r="D1632"/>
    </row>
    <row r="1633" spans="3:4" x14ac:dyDescent="0.25">
      <c r="C1633"/>
      <c r="D1633"/>
    </row>
    <row r="1634" spans="3:4" x14ac:dyDescent="0.25">
      <c r="C1634"/>
      <c r="D1634"/>
    </row>
    <row r="1635" spans="3:4" x14ac:dyDescent="0.25">
      <c r="C1635"/>
      <c r="D1635"/>
    </row>
    <row r="1636" spans="3:4" x14ac:dyDescent="0.25">
      <c r="C1636"/>
      <c r="D1636"/>
    </row>
    <row r="1637" spans="3:4" x14ac:dyDescent="0.25">
      <c r="C1637"/>
      <c r="D1637"/>
    </row>
    <row r="1638" spans="3:4" x14ac:dyDescent="0.25">
      <c r="C1638"/>
      <c r="D1638"/>
    </row>
    <row r="1639" spans="3:4" x14ac:dyDescent="0.25">
      <c r="C1639"/>
      <c r="D1639"/>
    </row>
    <row r="1640" spans="3:4" x14ac:dyDescent="0.25">
      <c r="C1640"/>
      <c r="D1640"/>
    </row>
    <row r="1641" spans="3:4" x14ac:dyDescent="0.25">
      <c r="C1641"/>
      <c r="D1641"/>
    </row>
    <row r="1642" spans="3:4" x14ac:dyDescent="0.25">
      <c r="C1642"/>
      <c r="D1642"/>
    </row>
    <row r="1643" spans="3:4" x14ac:dyDescent="0.25">
      <c r="C1643"/>
      <c r="D1643"/>
    </row>
    <row r="1644" spans="3:4" x14ac:dyDescent="0.25">
      <c r="C1644"/>
      <c r="D1644"/>
    </row>
    <row r="1645" spans="3:4" x14ac:dyDescent="0.25">
      <c r="C1645"/>
      <c r="D1645"/>
    </row>
    <row r="1646" spans="3:4" x14ac:dyDescent="0.25">
      <c r="C1646"/>
      <c r="D1646"/>
    </row>
    <row r="1647" spans="3:4" x14ac:dyDescent="0.25">
      <c r="C1647"/>
      <c r="D1647"/>
    </row>
    <row r="1648" spans="3:4" x14ac:dyDescent="0.25">
      <c r="C1648"/>
      <c r="D1648"/>
    </row>
    <row r="1649" spans="3:4" x14ac:dyDescent="0.25">
      <c r="C1649"/>
      <c r="D1649"/>
    </row>
    <row r="1650" spans="3:4" x14ac:dyDescent="0.25">
      <c r="C1650"/>
      <c r="D1650"/>
    </row>
    <row r="1651" spans="3:4" x14ac:dyDescent="0.25">
      <c r="C1651"/>
      <c r="D1651"/>
    </row>
    <row r="1652" spans="3:4" x14ac:dyDescent="0.25">
      <c r="C1652"/>
      <c r="D1652"/>
    </row>
    <row r="1653" spans="3:4" x14ac:dyDescent="0.25">
      <c r="C1653"/>
      <c r="D1653"/>
    </row>
    <row r="1654" spans="3:4" x14ac:dyDescent="0.25">
      <c r="C1654"/>
      <c r="D1654"/>
    </row>
    <row r="1655" spans="3:4" x14ac:dyDescent="0.25">
      <c r="C1655"/>
      <c r="D1655"/>
    </row>
    <row r="1656" spans="3:4" x14ac:dyDescent="0.25">
      <c r="C1656"/>
      <c r="D1656"/>
    </row>
    <row r="1657" spans="3:4" x14ac:dyDescent="0.25">
      <c r="C1657"/>
      <c r="D1657"/>
    </row>
    <row r="1658" spans="3:4" x14ac:dyDescent="0.25">
      <c r="C1658"/>
      <c r="D1658"/>
    </row>
    <row r="1659" spans="3:4" x14ac:dyDescent="0.25">
      <c r="C1659"/>
      <c r="D1659"/>
    </row>
    <row r="1660" spans="3:4" x14ac:dyDescent="0.25">
      <c r="C1660"/>
      <c r="D1660"/>
    </row>
    <row r="1661" spans="3:4" x14ac:dyDescent="0.25">
      <c r="C1661"/>
      <c r="D1661"/>
    </row>
    <row r="1662" spans="3:4" x14ac:dyDescent="0.25">
      <c r="C1662"/>
      <c r="D1662"/>
    </row>
    <row r="1663" spans="3:4" x14ac:dyDescent="0.25">
      <c r="C1663"/>
      <c r="D1663"/>
    </row>
    <row r="1664" spans="3:4" x14ac:dyDescent="0.25">
      <c r="C1664"/>
      <c r="D1664"/>
    </row>
    <row r="1665" spans="3:4" x14ac:dyDescent="0.25">
      <c r="C1665"/>
      <c r="D1665"/>
    </row>
    <row r="1666" spans="3:4" x14ac:dyDescent="0.25">
      <c r="C1666"/>
      <c r="D1666"/>
    </row>
    <row r="1667" spans="3:4" x14ac:dyDescent="0.25">
      <c r="C1667"/>
      <c r="D1667"/>
    </row>
    <row r="1668" spans="3:4" x14ac:dyDescent="0.25">
      <c r="C1668"/>
      <c r="D1668"/>
    </row>
    <row r="1669" spans="3:4" x14ac:dyDescent="0.25">
      <c r="C1669"/>
      <c r="D1669"/>
    </row>
    <row r="1670" spans="3:4" x14ac:dyDescent="0.25">
      <c r="C1670"/>
      <c r="D1670"/>
    </row>
    <row r="1671" spans="3:4" x14ac:dyDescent="0.25">
      <c r="C1671"/>
      <c r="D1671"/>
    </row>
    <row r="1672" spans="3:4" x14ac:dyDescent="0.25">
      <c r="C1672"/>
      <c r="D1672"/>
    </row>
    <row r="1673" spans="3:4" x14ac:dyDescent="0.25">
      <c r="C1673"/>
      <c r="D1673"/>
    </row>
    <row r="1674" spans="3:4" x14ac:dyDescent="0.25">
      <c r="C1674"/>
      <c r="D1674"/>
    </row>
    <row r="1675" spans="3:4" x14ac:dyDescent="0.25">
      <c r="C1675"/>
      <c r="D1675"/>
    </row>
    <row r="1676" spans="3:4" x14ac:dyDescent="0.25">
      <c r="C1676"/>
      <c r="D1676"/>
    </row>
    <row r="1677" spans="3:4" x14ac:dyDescent="0.25">
      <c r="C1677"/>
      <c r="D1677"/>
    </row>
    <row r="1678" spans="3:4" x14ac:dyDescent="0.25">
      <c r="C1678"/>
      <c r="D1678"/>
    </row>
    <row r="1679" spans="3:4" x14ac:dyDescent="0.25">
      <c r="C1679"/>
      <c r="D1679"/>
    </row>
    <row r="1680" spans="3:4" x14ac:dyDescent="0.25">
      <c r="C1680"/>
      <c r="D1680"/>
    </row>
    <row r="1681" spans="3:4" x14ac:dyDescent="0.25">
      <c r="C1681"/>
      <c r="D1681"/>
    </row>
    <row r="1682" spans="3:4" x14ac:dyDescent="0.25">
      <c r="C1682"/>
      <c r="D1682"/>
    </row>
    <row r="1683" spans="3:4" x14ac:dyDescent="0.25">
      <c r="C1683"/>
      <c r="D1683"/>
    </row>
    <row r="1684" spans="3:4" x14ac:dyDescent="0.25">
      <c r="C1684"/>
      <c r="D1684"/>
    </row>
    <row r="1685" spans="3:4" x14ac:dyDescent="0.25">
      <c r="C1685"/>
      <c r="D1685"/>
    </row>
    <row r="1686" spans="3:4" x14ac:dyDescent="0.25">
      <c r="C1686"/>
      <c r="D1686"/>
    </row>
    <row r="1687" spans="3:4" x14ac:dyDescent="0.25">
      <c r="C1687"/>
      <c r="D1687"/>
    </row>
    <row r="1688" spans="3:4" x14ac:dyDescent="0.25">
      <c r="C1688"/>
      <c r="D1688"/>
    </row>
    <row r="1689" spans="3:4" x14ac:dyDescent="0.25">
      <c r="C1689"/>
      <c r="D1689"/>
    </row>
    <row r="1690" spans="3:4" x14ac:dyDescent="0.25">
      <c r="C1690"/>
      <c r="D1690"/>
    </row>
    <row r="1691" spans="3:4" x14ac:dyDescent="0.25">
      <c r="C1691"/>
      <c r="D1691"/>
    </row>
    <row r="1692" spans="3:4" x14ac:dyDescent="0.25">
      <c r="C1692"/>
      <c r="D1692"/>
    </row>
    <row r="1693" spans="3:4" x14ac:dyDescent="0.25">
      <c r="C1693"/>
      <c r="D1693"/>
    </row>
    <row r="1694" spans="3:4" x14ac:dyDescent="0.25">
      <c r="C1694"/>
      <c r="D1694"/>
    </row>
    <row r="1695" spans="3:4" x14ac:dyDescent="0.25">
      <c r="C1695"/>
      <c r="D1695"/>
    </row>
    <row r="1696" spans="3:4" x14ac:dyDescent="0.25">
      <c r="C1696"/>
      <c r="D1696"/>
    </row>
    <row r="1697" spans="3:4" x14ac:dyDescent="0.25">
      <c r="C1697"/>
      <c r="D1697"/>
    </row>
    <row r="1698" spans="3:4" x14ac:dyDescent="0.25">
      <c r="C1698"/>
      <c r="D1698"/>
    </row>
    <row r="1699" spans="3:4" x14ac:dyDescent="0.25">
      <c r="C1699"/>
      <c r="D1699"/>
    </row>
    <row r="1700" spans="3:4" x14ac:dyDescent="0.25">
      <c r="C1700"/>
      <c r="D1700"/>
    </row>
    <row r="1701" spans="3:4" x14ac:dyDescent="0.25">
      <c r="C1701"/>
      <c r="D1701"/>
    </row>
    <row r="1702" spans="3:4" x14ac:dyDescent="0.25">
      <c r="C1702"/>
      <c r="D1702"/>
    </row>
    <row r="1703" spans="3:4" x14ac:dyDescent="0.25">
      <c r="C1703"/>
      <c r="D1703"/>
    </row>
    <row r="1704" spans="3:4" x14ac:dyDescent="0.25">
      <c r="C1704"/>
      <c r="D1704"/>
    </row>
    <row r="1705" spans="3:4" x14ac:dyDescent="0.25">
      <c r="C1705"/>
      <c r="D1705"/>
    </row>
    <row r="1706" spans="3:4" x14ac:dyDescent="0.25">
      <c r="C1706"/>
      <c r="D1706"/>
    </row>
    <row r="1707" spans="3:4" x14ac:dyDescent="0.25">
      <c r="C1707"/>
      <c r="D1707"/>
    </row>
    <row r="1708" spans="3:4" x14ac:dyDescent="0.25">
      <c r="C1708"/>
      <c r="D1708"/>
    </row>
    <row r="1709" spans="3:4" x14ac:dyDescent="0.25">
      <c r="C1709"/>
      <c r="D1709"/>
    </row>
    <row r="1710" spans="3:4" x14ac:dyDescent="0.25">
      <c r="C1710"/>
      <c r="D1710"/>
    </row>
    <row r="1711" spans="3:4" x14ac:dyDescent="0.25">
      <c r="C1711"/>
      <c r="D1711"/>
    </row>
    <row r="1712" spans="3:4" x14ac:dyDescent="0.25">
      <c r="C1712"/>
      <c r="D1712"/>
    </row>
    <row r="1713" spans="3:4" x14ac:dyDescent="0.25">
      <c r="C1713"/>
      <c r="D1713"/>
    </row>
    <row r="1714" spans="3:4" x14ac:dyDescent="0.25">
      <c r="C1714"/>
      <c r="D1714"/>
    </row>
    <row r="1715" spans="3:4" x14ac:dyDescent="0.25">
      <c r="C1715"/>
      <c r="D1715"/>
    </row>
    <row r="1716" spans="3:4" x14ac:dyDescent="0.25">
      <c r="C1716"/>
      <c r="D1716"/>
    </row>
    <row r="1717" spans="3:4" x14ac:dyDescent="0.25">
      <c r="C1717"/>
      <c r="D1717"/>
    </row>
    <row r="1718" spans="3:4" x14ac:dyDescent="0.25">
      <c r="C1718"/>
      <c r="D1718"/>
    </row>
    <row r="1719" spans="3:4" x14ac:dyDescent="0.25">
      <c r="C1719"/>
      <c r="D1719"/>
    </row>
    <row r="1720" spans="3:4" x14ac:dyDescent="0.25">
      <c r="C1720"/>
      <c r="D1720"/>
    </row>
    <row r="1721" spans="3:4" x14ac:dyDescent="0.25">
      <c r="C1721"/>
      <c r="D1721"/>
    </row>
    <row r="1722" spans="3:4" x14ac:dyDescent="0.25">
      <c r="C1722"/>
      <c r="D1722"/>
    </row>
    <row r="1723" spans="3:4" x14ac:dyDescent="0.25">
      <c r="C1723"/>
      <c r="D1723"/>
    </row>
    <row r="1724" spans="3:4" x14ac:dyDescent="0.25">
      <c r="C1724"/>
      <c r="D1724"/>
    </row>
    <row r="1725" spans="3:4" x14ac:dyDescent="0.25">
      <c r="C1725"/>
      <c r="D1725"/>
    </row>
    <row r="1726" spans="3:4" x14ac:dyDescent="0.25">
      <c r="C1726"/>
      <c r="D1726"/>
    </row>
    <row r="1727" spans="3:4" x14ac:dyDescent="0.25">
      <c r="C1727"/>
      <c r="D1727"/>
    </row>
    <row r="1728" spans="3:4" x14ac:dyDescent="0.25">
      <c r="C1728"/>
      <c r="D1728"/>
    </row>
    <row r="1729" spans="3:4" x14ac:dyDescent="0.25">
      <c r="C1729"/>
      <c r="D1729"/>
    </row>
    <row r="1730" spans="3:4" x14ac:dyDescent="0.25">
      <c r="C1730"/>
      <c r="D1730"/>
    </row>
    <row r="1731" spans="3:4" x14ac:dyDescent="0.25">
      <c r="C1731"/>
      <c r="D1731"/>
    </row>
    <row r="1732" spans="3:4" x14ac:dyDescent="0.25">
      <c r="C1732"/>
      <c r="D1732"/>
    </row>
    <row r="1733" spans="3:4" x14ac:dyDescent="0.25">
      <c r="C1733"/>
      <c r="D1733"/>
    </row>
    <row r="1734" spans="3:4" x14ac:dyDescent="0.25">
      <c r="C1734"/>
      <c r="D1734"/>
    </row>
    <row r="1735" spans="3:4" x14ac:dyDescent="0.25">
      <c r="C1735"/>
      <c r="D1735"/>
    </row>
    <row r="1736" spans="3:4" x14ac:dyDescent="0.25">
      <c r="C1736"/>
      <c r="D1736"/>
    </row>
    <row r="1737" spans="3:4" x14ac:dyDescent="0.25">
      <c r="C1737"/>
      <c r="D1737"/>
    </row>
    <row r="1738" spans="3:4" x14ac:dyDescent="0.25">
      <c r="C1738"/>
      <c r="D1738"/>
    </row>
    <row r="1739" spans="3:4" x14ac:dyDescent="0.25">
      <c r="C1739"/>
      <c r="D1739"/>
    </row>
    <row r="1740" spans="3:4" x14ac:dyDescent="0.25">
      <c r="C1740"/>
      <c r="D1740"/>
    </row>
    <row r="1741" spans="3:4" x14ac:dyDescent="0.25">
      <c r="C1741"/>
      <c r="D1741"/>
    </row>
    <row r="1742" spans="3:4" x14ac:dyDescent="0.25">
      <c r="C1742"/>
      <c r="D1742"/>
    </row>
    <row r="1743" spans="3:4" x14ac:dyDescent="0.25">
      <c r="C1743"/>
      <c r="D1743"/>
    </row>
    <row r="1744" spans="3:4" x14ac:dyDescent="0.25">
      <c r="C1744"/>
      <c r="D1744"/>
    </row>
    <row r="1745" spans="3:4" x14ac:dyDescent="0.25">
      <c r="C1745"/>
      <c r="D1745"/>
    </row>
    <row r="1746" spans="3:4" x14ac:dyDescent="0.25">
      <c r="C1746"/>
      <c r="D1746"/>
    </row>
    <row r="1747" spans="3:4" x14ac:dyDescent="0.25">
      <c r="C1747"/>
      <c r="D1747"/>
    </row>
    <row r="1748" spans="3:4" x14ac:dyDescent="0.25">
      <c r="C1748"/>
      <c r="D1748"/>
    </row>
    <row r="1749" spans="3:4" x14ac:dyDescent="0.25">
      <c r="C1749"/>
      <c r="D1749"/>
    </row>
    <row r="1750" spans="3:4" x14ac:dyDescent="0.25">
      <c r="C1750"/>
      <c r="D1750"/>
    </row>
    <row r="1751" spans="3:4" x14ac:dyDescent="0.25">
      <c r="C1751"/>
      <c r="D1751"/>
    </row>
    <row r="1752" spans="3:4" x14ac:dyDescent="0.25">
      <c r="C1752"/>
      <c r="D1752"/>
    </row>
    <row r="1753" spans="3:4" x14ac:dyDescent="0.25">
      <c r="C1753"/>
      <c r="D1753"/>
    </row>
    <row r="1754" spans="3:4" x14ac:dyDescent="0.25">
      <c r="C1754"/>
      <c r="D1754"/>
    </row>
    <row r="1755" spans="3:4" x14ac:dyDescent="0.25">
      <c r="C1755"/>
      <c r="D1755"/>
    </row>
    <row r="1756" spans="3:4" x14ac:dyDescent="0.25">
      <c r="C1756"/>
      <c r="D1756"/>
    </row>
    <row r="1757" spans="3:4" x14ac:dyDescent="0.25">
      <c r="C1757"/>
      <c r="D1757"/>
    </row>
    <row r="1758" spans="3:4" x14ac:dyDescent="0.25">
      <c r="C1758"/>
      <c r="D1758"/>
    </row>
    <row r="1759" spans="3:4" x14ac:dyDescent="0.25">
      <c r="C1759"/>
      <c r="D1759"/>
    </row>
    <row r="1760" spans="3:4" x14ac:dyDescent="0.25">
      <c r="C1760"/>
      <c r="D1760"/>
    </row>
    <row r="1761" spans="3:4" x14ac:dyDescent="0.25">
      <c r="C1761"/>
      <c r="D1761"/>
    </row>
    <row r="1762" spans="3:4" x14ac:dyDescent="0.25">
      <c r="C1762"/>
      <c r="D1762"/>
    </row>
    <row r="1763" spans="3:4" x14ac:dyDescent="0.25">
      <c r="C1763"/>
      <c r="D1763"/>
    </row>
    <row r="1764" spans="3:4" x14ac:dyDescent="0.25">
      <c r="C1764"/>
      <c r="D1764"/>
    </row>
    <row r="1765" spans="3:4" x14ac:dyDescent="0.25">
      <c r="C1765"/>
      <c r="D1765"/>
    </row>
    <row r="1766" spans="3:4" x14ac:dyDescent="0.25">
      <c r="C1766"/>
      <c r="D1766"/>
    </row>
    <row r="1767" spans="3:4" x14ac:dyDescent="0.25">
      <c r="C1767"/>
      <c r="D1767"/>
    </row>
    <row r="1768" spans="3:4" x14ac:dyDescent="0.25">
      <c r="C1768"/>
      <c r="D1768"/>
    </row>
    <row r="1769" spans="3:4" x14ac:dyDescent="0.25">
      <c r="C1769"/>
      <c r="D1769"/>
    </row>
    <row r="1770" spans="3:4" x14ac:dyDescent="0.25">
      <c r="C1770"/>
      <c r="D1770"/>
    </row>
    <row r="1771" spans="3:4" x14ac:dyDescent="0.25">
      <c r="C1771"/>
      <c r="D1771"/>
    </row>
    <row r="1772" spans="3:4" x14ac:dyDescent="0.25">
      <c r="C1772"/>
      <c r="D1772"/>
    </row>
    <row r="1773" spans="3:4" x14ac:dyDescent="0.25">
      <c r="C1773"/>
      <c r="D1773"/>
    </row>
    <row r="1774" spans="3:4" x14ac:dyDescent="0.25">
      <c r="C1774"/>
      <c r="D1774"/>
    </row>
    <row r="1775" spans="3:4" x14ac:dyDescent="0.25">
      <c r="C1775"/>
      <c r="D1775"/>
    </row>
    <row r="1776" spans="3:4" x14ac:dyDescent="0.25">
      <c r="C1776"/>
      <c r="D1776"/>
    </row>
    <row r="1777" spans="3:4" x14ac:dyDescent="0.25">
      <c r="C1777"/>
      <c r="D1777"/>
    </row>
    <row r="1778" spans="3:4" x14ac:dyDescent="0.25">
      <c r="C1778"/>
      <c r="D1778"/>
    </row>
    <row r="1779" spans="3:4" x14ac:dyDescent="0.25">
      <c r="C1779"/>
      <c r="D1779"/>
    </row>
    <row r="1780" spans="3:4" x14ac:dyDescent="0.25">
      <c r="C1780"/>
      <c r="D1780"/>
    </row>
    <row r="1781" spans="3:4" x14ac:dyDescent="0.25">
      <c r="C1781"/>
      <c r="D1781"/>
    </row>
    <row r="1782" spans="3:4" x14ac:dyDescent="0.25">
      <c r="C1782"/>
      <c r="D1782"/>
    </row>
    <row r="1783" spans="3:4" x14ac:dyDescent="0.25">
      <c r="C1783"/>
      <c r="D1783"/>
    </row>
    <row r="1784" spans="3:4" x14ac:dyDescent="0.25">
      <c r="C1784"/>
      <c r="D1784"/>
    </row>
    <row r="1785" spans="3:4" x14ac:dyDescent="0.25">
      <c r="C1785"/>
      <c r="D1785"/>
    </row>
    <row r="1786" spans="3:4" x14ac:dyDescent="0.25">
      <c r="C1786"/>
      <c r="D1786"/>
    </row>
    <row r="1787" spans="3:4" x14ac:dyDescent="0.25">
      <c r="C1787"/>
      <c r="D1787"/>
    </row>
    <row r="1788" spans="3:4" x14ac:dyDescent="0.25">
      <c r="C1788"/>
      <c r="D1788"/>
    </row>
    <row r="1789" spans="3:4" x14ac:dyDescent="0.25">
      <c r="C1789"/>
      <c r="D1789"/>
    </row>
    <row r="1790" spans="3:4" x14ac:dyDescent="0.25">
      <c r="C1790"/>
      <c r="D1790"/>
    </row>
    <row r="1791" spans="3:4" x14ac:dyDescent="0.25">
      <c r="C1791"/>
      <c r="D1791"/>
    </row>
    <row r="1792" spans="3:4" x14ac:dyDescent="0.25">
      <c r="C1792"/>
      <c r="D1792"/>
    </row>
    <row r="1793" spans="3:4" x14ac:dyDescent="0.25">
      <c r="C1793"/>
      <c r="D1793"/>
    </row>
    <row r="1794" spans="3:4" x14ac:dyDescent="0.25">
      <c r="C1794"/>
      <c r="D1794"/>
    </row>
    <row r="1795" spans="3:4" x14ac:dyDescent="0.25">
      <c r="C1795"/>
      <c r="D1795"/>
    </row>
    <row r="1796" spans="3:4" x14ac:dyDescent="0.25">
      <c r="C1796"/>
      <c r="D1796"/>
    </row>
    <row r="1797" spans="3:4" x14ac:dyDescent="0.25">
      <c r="C1797"/>
      <c r="D1797"/>
    </row>
    <row r="1798" spans="3:4" x14ac:dyDescent="0.25">
      <c r="C1798"/>
      <c r="D1798"/>
    </row>
    <row r="1799" spans="3:4" x14ac:dyDescent="0.25">
      <c r="C1799"/>
      <c r="D1799"/>
    </row>
    <row r="1800" spans="3:4" x14ac:dyDescent="0.25">
      <c r="C1800"/>
      <c r="D1800"/>
    </row>
    <row r="1801" spans="3:4" x14ac:dyDescent="0.25">
      <c r="C1801"/>
      <c r="D1801"/>
    </row>
    <row r="1802" spans="3:4" x14ac:dyDescent="0.25">
      <c r="C1802"/>
      <c r="D1802"/>
    </row>
    <row r="1803" spans="3:4" x14ac:dyDescent="0.25">
      <c r="C1803"/>
      <c r="D1803"/>
    </row>
    <row r="1804" spans="3:4" x14ac:dyDescent="0.25">
      <c r="C1804"/>
      <c r="D1804"/>
    </row>
    <row r="1805" spans="3:4" x14ac:dyDescent="0.25">
      <c r="C1805"/>
      <c r="D1805"/>
    </row>
    <row r="1806" spans="3:4" x14ac:dyDescent="0.25">
      <c r="C1806"/>
      <c r="D1806"/>
    </row>
    <row r="1807" spans="3:4" x14ac:dyDescent="0.25">
      <c r="C1807"/>
      <c r="D1807"/>
    </row>
    <row r="1808" spans="3:4" x14ac:dyDescent="0.25">
      <c r="C1808"/>
      <c r="D1808"/>
    </row>
    <row r="1809" spans="3:4" x14ac:dyDescent="0.25">
      <c r="C1809"/>
      <c r="D1809"/>
    </row>
    <row r="1810" spans="3:4" x14ac:dyDescent="0.25">
      <c r="C1810"/>
      <c r="D1810"/>
    </row>
    <row r="1811" spans="3:4" x14ac:dyDescent="0.25">
      <c r="C1811"/>
      <c r="D1811"/>
    </row>
    <row r="1812" spans="3:4" x14ac:dyDescent="0.25">
      <c r="C1812"/>
      <c r="D1812"/>
    </row>
    <row r="1813" spans="3:4" x14ac:dyDescent="0.25">
      <c r="C1813"/>
      <c r="D1813"/>
    </row>
    <row r="1814" spans="3:4" x14ac:dyDescent="0.25">
      <c r="C1814"/>
      <c r="D1814"/>
    </row>
    <row r="1815" spans="3:4" x14ac:dyDescent="0.25">
      <c r="C1815"/>
      <c r="D1815"/>
    </row>
    <row r="1816" spans="3:4" x14ac:dyDescent="0.25">
      <c r="C1816"/>
      <c r="D1816"/>
    </row>
    <row r="1817" spans="3:4" x14ac:dyDescent="0.25">
      <c r="C1817"/>
      <c r="D1817"/>
    </row>
    <row r="1818" spans="3:4" x14ac:dyDescent="0.25">
      <c r="C1818"/>
      <c r="D1818"/>
    </row>
    <row r="1819" spans="3:4" x14ac:dyDescent="0.25">
      <c r="C1819"/>
      <c r="D1819"/>
    </row>
    <row r="1820" spans="3:4" x14ac:dyDescent="0.25">
      <c r="C1820"/>
      <c r="D1820"/>
    </row>
    <row r="1821" spans="3:4" x14ac:dyDescent="0.25">
      <c r="C1821"/>
      <c r="D1821"/>
    </row>
    <row r="1822" spans="3:4" x14ac:dyDescent="0.25">
      <c r="C1822"/>
      <c r="D1822"/>
    </row>
    <row r="1823" spans="3:4" x14ac:dyDescent="0.25">
      <c r="C1823"/>
      <c r="D1823"/>
    </row>
    <row r="1824" spans="3:4" x14ac:dyDescent="0.25">
      <c r="C1824"/>
      <c r="D1824"/>
    </row>
    <row r="1825" spans="3:4" x14ac:dyDescent="0.25">
      <c r="C1825"/>
      <c r="D1825"/>
    </row>
    <row r="1826" spans="3:4" x14ac:dyDescent="0.25">
      <c r="C1826"/>
      <c r="D1826"/>
    </row>
    <row r="1827" spans="3:4" x14ac:dyDescent="0.25">
      <c r="C1827"/>
      <c r="D1827"/>
    </row>
    <row r="1828" spans="3:4" x14ac:dyDescent="0.25">
      <c r="C1828"/>
      <c r="D1828"/>
    </row>
    <row r="1829" spans="3:4" x14ac:dyDescent="0.25">
      <c r="C1829"/>
      <c r="D1829"/>
    </row>
    <row r="1830" spans="3:4" x14ac:dyDescent="0.25">
      <c r="C1830"/>
      <c r="D1830"/>
    </row>
    <row r="1831" spans="3:4" x14ac:dyDescent="0.25">
      <c r="C1831"/>
      <c r="D1831"/>
    </row>
    <row r="1832" spans="3:4" x14ac:dyDescent="0.25">
      <c r="C1832"/>
      <c r="D1832"/>
    </row>
    <row r="1833" spans="3:4" x14ac:dyDescent="0.25">
      <c r="C1833"/>
      <c r="D1833"/>
    </row>
    <row r="1834" spans="3:4" x14ac:dyDescent="0.25">
      <c r="C1834"/>
      <c r="D1834"/>
    </row>
    <row r="1835" spans="3:4" x14ac:dyDescent="0.25">
      <c r="C1835"/>
      <c r="D1835"/>
    </row>
    <row r="1836" spans="3:4" x14ac:dyDescent="0.25">
      <c r="C1836"/>
      <c r="D1836"/>
    </row>
    <row r="1837" spans="3:4" x14ac:dyDescent="0.25">
      <c r="C1837"/>
      <c r="D1837"/>
    </row>
    <row r="1838" spans="3:4" x14ac:dyDescent="0.25">
      <c r="C1838"/>
      <c r="D1838"/>
    </row>
    <row r="1839" spans="3:4" x14ac:dyDescent="0.25">
      <c r="C1839"/>
      <c r="D1839"/>
    </row>
    <row r="1840" spans="3:4" x14ac:dyDescent="0.25">
      <c r="C1840"/>
      <c r="D1840"/>
    </row>
    <row r="1841" spans="3:4" x14ac:dyDescent="0.25">
      <c r="C1841"/>
      <c r="D1841"/>
    </row>
    <row r="1842" spans="3:4" x14ac:dyDescent="0.25">
      <c r="C1842"/>
      <c r="D1842"/>
    </row>
    <row r="1843" spans="3:4" x14ac:dyDescent="0.25">
      <c r="C1843"/>
      <c r="D1843"/>
    </row>
    <row r="1844" spans="3:4" x14ac:dyDescent="0.25">
      <c r="C1844"/>
      <c r="D1844"/>
    </row>
    <row r="1845" spans="3:4" x14ac:dyDescent="0.25">
      <c r="C1845"/>
      <c r="D1845"/>
    </row>
    <row r="1846" spans="3:4" x14ac:dyDescent="0.25">
      <c r="C1846"/>
      <c r="D1846"/>
    </row>
    <row r="1847" spans="3:4" x14ac:dyDescent="0.25">
      <c r="C1847"/>
      <c r="D1847"/>
    </row>
    <row r="1848" spans="3:4" x14ac:dyDescent="0.25">
      <c r="C1848"/>
      <c r="D1848"/>
    </row>
    <row r="1849" spans="3:4" x14ac:dyDescent="0.25">
      <c r="C1849"/>
      <c r="D1849"/>
    </row>
    <row r="1850" spans="3:4" x14ac:dyDescent="0.25">
      <c r="C1850"/>
      <c r="D1850"/>
    </row>
    <row r="1851" spans="3:4" x14ac:dyDescent="0.25">
      <c r="C1851"/>
      <c r="D1851"/>
    </row>
    <row r="1852" spans="3:4" x14ac:dyDescent="0.25">
      <c r="C1852"/>
      <c r="D1852"/>
    </row>
    <row r="1853" spans="3:4" x14ac:dyDescent="0.25">
      <c r="C1853"/>
      <c r="D1853"/>
    </row>
    <row r="1854" spans="3:4" x14ac:dyDescent="0.25">
      <c r="C1854"/>
      <c r="D1854"/>
    </row>
    <row r="1855" spans="3:4" x14ac:dyDescent="0.25">
      <c r="C1855"/>
      <c r="D1855"/>
    </row>
    <row r="1856" spans="3:4" x14ac:dyDescent="0.25">
      <c r="C1856"/>
      <c r="D1856"/>
    </row>
    <row r="1857" spans="3:4" x14ac:dyDescent="0.25">
      <c r="C1857"/>
      <c r="D1857"/>
    </row>
    <row r="1858" spans="3:4" x14ac:dyDescent="0.25">
      <c r="C1858"/>
      <c r="D1858"/>
    </row>
    <row r="1859" spans="3:4" x14ac:dyDescent="0.25">
      <c r="C1859"/>
      <c r="D1859"/>
    </row>
    <row r="1860" spans="3:4" x14ac:dyDescent="0.25">
      <c r="C1860"/>
      <c r="D1860"/>
    </row>
    <row r="1861" spans="3:4" x14ac:dyDescent="0.25">
      <c r="C1861"/>
      <c r="D1861"/>
    </row>
    <row r="1862" spans="3:4" x14ac:dyDescent="0.25">
      <c r="C1862"/>
      <c r="D1862"/>
    </row>
    <row r="1863" spans="3:4" x14ac:dyDescent="0.25">
      <c r="C1863"/>
      <c r="D1863"/>
    </row>
    <row r="1864" spans="3:4" x14ac:dyDescent="0.25">
      <c r="C1864"/>
      <c r="D1864"/>
    </row>
    <row r="1865" spans="3:4" x14ac:dyDescent="0.25">
      <c r="C1865"/>
      <c r="D1865"/>
    </row>
    <row r="1866" spans="3:4" x14ac:dyDescent="0.25">
      <c r="C1866"/>
      <c r="D1866"/>
    </row>
    <row r="1867" spans="3:4" x14ac:dyDescent="0.25">
      <c r="C1867"/>
      <c r="D1867"/>
    </row>
    <row r="1868" spans="3:4" x14ac:dyDescent="0.25">
      <c r="C1868"/>
      <c r="D1868"/>
    </row>
    <row r="1869" spans="3:4" x14ac:dyDescent="0.25">
      <c r="C1869"/>
      <c r="D1869"/>
    </row>
    <row r="1870" spans="3:4" x14ac:dyDescent="0.25">
      <c r="C1870"/>
      <c r="D1870"/>
    </row>
    <row r="1871" spans="3:4" x14ac:dyDescent="0.25">
      <c r="C1871"/>
      <c r="D1871"/>
    </row>
    <row r="1872" spans="3:4" x14ac:dyDescent="0.25">
      <c r="C1872"/>
      <c r="D1872"/>
    </row>
    <row r="1873" spans="3:4" x14ac:dyDescent="0.25">
      <c r="C1873"/>
      <c r="D1873"/>
    </row>
    <row r="1874" spans="3:4" x14ac:dyDescent="0.25">
      <c r="C1874"/>
      <c r="D1874"/>
    </row>
    <row r="1875" spans="3:4" x14ac:dyDescent="0.25">
      <c r="C1875"/>
      <c r="D1875"/>
    </row>
    <row r="1876" spans="3:4" x14ac:dyDescent="0.25">
      <c r="C1876"/>
      <c r="D1876"/>
    </row>
    <row r="1877" spans="3:4" x14ac:dyDescent="0.25">
      <c r="C1877"/>
      <c r="D1877"/>
    </row>
    <row r="1878" spans="3:4" x14ac:dyDescent="0.25">
      <c r="C1878"/>
      <c r="D1878"/>
    </row>
    <row r="1879" spans="3:4" x14ac:dyDescent="0.25">
      <c r="C1879"/>
      <c r="D1879"/>
    </row>
    <row r="1880" spans="3:4" x14ac:dyDescent="0.25">
      <c r="C1880"/>
      <c r="D1880"/>
    </row>
    <row r="1881" spans="3:4" x14ac:dyDescent="0.25">
      <c r="C1881"/>
      <c r="D1881"/>
    </row>
    <row r="1882" spans="3:4" x14ac:dyDescent="0.25">
      <c r="C1882"/>
      <c r="D1882"/>
    </row>
    <row r="1883" spans="3:4" x14ac:dyDescent="0.25">
      <c r="C1883"/>
      <c r="D1883"/>
    </row>
    <row r="1884" spans="3:4" x14ac:dyDescent="0.25">
      <c r="C1884"/>
      <c r="D1884"/>
    </row>
    <row r="1885" spans="3:4" x14ac:dyDescent="0.25">
      <c r="C1885"/>
      <c r="D1885"/>
    </row>
    <row r="1886" spans="3:4" x14ac:dyDescent="0.25">
      <c r="C1886"/>
      <c r="D1886"/>
    </row>
    <row r="1887" spans="3:4" x14ac:dyDescent="0.25">
      <c r="C1887"/>
      <c r="D1887"/>
    </row>
    <row r="1888" spans="3:4" x14ac:dyDescent="0.25">
      <c r="C1888"/>
      <c r="D1888"/>
    </row>
    <row r="1889" spans="3:4" x14ac:dyDescent="0.25">
      <c r="C1889"/>
      <c r="D1889"/>
    </row>
    <row r="1890" spans="3:4" x14ac:dyDescent="0.25">
      <c r="C1890"/>
      <c r="D1890"/>
    </row>
    <row r="1891" spans="3:4" x14ac:dyDescent="0.25">
      <c r="C1891"/>
      <c r="D1891"/>
    </row>
    <row r="1892" spans="3:4" x14ac:dyDescent="0.25">
      <c r="C1892"/>
      <c r="D1892"/>
    </row>
    <row r="1893" spans="3:4" x14ac:dyDescent="0.25">
      <c r="C1893"/>
      <c r="D1893"/>
    </row>
    <row r="1894" spans="3:4" x14ac:dyDescent="0.25">
      <c r="C1894"/>
      <c r="D1894"/>
    </row>
    <row r="1895" spans="3:4" x14ac:dyDescent="0.25">
      <c r="C1895"/>
      <c r="D1895"/>
    </row>
    <row r="1896" spans="3:4" x14ac:dyDescent="0.25">
      <c r="C1896"/>
      <c r="D1896"/>
    </row>
    <row r="1897" spans="3:4" x14ac:dyDescent="0.25">
      <c r="C1897"/>
      <c r="D1897"/>
    </row>
    <row r="1898" spans="3:4" x14ac:dyDescent="0.25">
      <c r="C1898"/>
      <c r="D1898"/>
    </row>
    <row r="1899" spans="3:4" x14ac:dyDescent="0.25">
      <c r="C1899"/>
      <c r="D1899"/>
    </row>
    <row r="1900" spans="3:4" x14ac:dyDescent="0.25">
      <c r="C1900"/>
      <c r="D1900"/>
    </row>
    <row r="1901" spans="3:4" x14ac:dyDescent="0.25">
      <c r="C1901"/>
      <c r="D1901"/>
    </row>
    <row r="1902" spans="3:4" x14ac:dyDescent="0.25">
      <c r="C1902"/>
      <c r="D1902"/>
    </row>
    <row r="1903" spans="3:4" x14ac:dyDescent="0.25">
      <c r="C1903"/>
      <c r="D1903"/>
    </row>
    <row r="1904" spans="3:4" x14ac:dyDescent="0.25">
      <c r="C1904"/>
      <c r="D1904"/>
    </row>
    <row r="1905" spans="3:4" x14ac:dyDescent="0.25">
      <c r="C1905"/>
      <c r="D1905"/>
    </row>
    <row r="1906" spans="3:4" x14ac:dyDescent="0.25">
      <c r="C1906"/>
      <c r="D1906"/>
    </row>
    <row r="1907" spans="3:4" x14ac:dyDescent="0.25">
      <c r="C1907"/>
      <c r="D1907"/>
    </row>
    <row r="1908" spans="3:4" x14ac:dyDescent="0.25">
      <c r="C1908"/>
      <c r="D1908"/>
    </row>
    <row r="1909" spans="3:4" x14ac:dyDescent="0.25">
      <c r="C1909"/>
      <c r="D1909"/>
    </row>
    <row r="1910" spans="3:4" x14ac:dyDescent="0.25">
      <c r="C1910"/>
      <c r="D1910"/>
    </row>
    <row r="1911" spans="3:4" x14ac:dyDescent="0.25">
      <c r="C1911"/>
      <c r="D1911"/>
    </row>
    <row r="1912" spans="3:4" x14ac:dyDescent="0.25">
      <c r="C1912"/>
      <c r="D1912"/>
    </row>
    <row r="1913" spans="3:4" x14ac:dyDescent="0.25">
      <c r="C1913"/>
      <c r="D1913"/>
    </row>
    <row r="1914" spans="3:4" x14ac:dyDescent="0.25">
      <c r="C1914"/>
      <c r="D1914"/>
    </row>
    <row r="1915" spans="3:4" x14ac:dyDescent="0.25">
      <c r="C1915"/>
      <c r="D1915"/>
    </row>
    <row r="1916" spans="3:4" x14ac:dyDescent="0.25">
      <c r="C1916"/>
      <c r="D1916"/>
    </row>
    <row r="1917" spans="3:4" x14ac:dyDescent="0.25">
      <c r="C1917"/>
      <c r="D1917"/>
    </row>
    <row r="1918" spans="3:4" x14ac:dyDescent="0.25">
      <c r="C1918"/>
      <c r="D1918"/>
    </row>
    <row r="1919" spans="3:4" x14ac:dyDescent="0.25">
      <c r="C1919"/>
      <c r="D1919"/>
    </row>
    <row r="1920" spans="3:4" x14ac:dyDescent="0.25">
      <c r="C1920"/>
      <c r="D1920"/>
    </row>
    <row r="1921" spans="3:4" x14ac:dyDescent="0.25">
      <c r="C1921"/>
      <c r="D1921"/>
    </row>
    <row r="1922" spans="3:4" x14ac:dyDescent="0.25">
      <c r="C1922"/>
      <c r="D1922"/>
    </row>
    <row r="1923" spans="3:4" x14ac:dyDescent="0.25">
      <c r="C1923"/>
      <c r="D1923"/>
    </row>
    <row r="1924" spans="3:4" x14ac:dyDescent="0.25">
      <c r="C1924"/>
      <c r="D1924"/>
    </row>
    <row r="1925" spans="3:4" x14ac:dyDescent="0.25">
      <c r="C1925"/>
      <c r="D1925"/>
    </row>
    <row r="1926" spans="3:4" x14ac:dyDescent="0.25">
      <c r="C1926"/>
      <c r="D1926"/>
    </row>
    <row r="1927" spans="3:4" x14ac:dyDescent="0.25">
      <c r="C1927"/>
      <c r="D1927"/>
    </row>
    <row r="1928" spans="3:4" x14ac:dyDescent="0.25">
      <c r="C1928"/>
      <c r="D1928"/>
    </row>
    <row r="1929" spans="3:4" x14ac:dyDescent="0.25">
      <c r="C1929"/>
      <c r="D1929"/>
    </row>
    <row r="1930" spans="3:4" x14ac:dyDescent="0.25">
      <c r="C1930"/>
      <c r="D1930"/>
    </row>
    <row r="1931" spans="3:4" x14ac:dyDescent="0.25">
      <c r="C1931"/>
      <c r="D1931"/>
    </row>
    <row r="1932" spans="3:4" x14ac:dyDescent="0.25">
      <c r="C1932"/>
      <c r="D1932"/>
    </row>
    <row r="1933" spans="3:4" x14ac:dyDescent="0.25">
      <c r="C1933"/>
      <c r="D1933"/>
    </row>
    <row r="1934" spans="3:4" x14ac:dyDescent="0.25">
      <c r="C1934"/>
      <c r="D1934"/>
    </row>
    <row r="1935" spans="3:4" x14ac:dyDescent="0.25">
      <c r="C1935"/>
      <c r="D1935"/>
    </row>
    <row r="1936" spans="3:4" x14ac:dyDescent="0.25">
      <c r="C1936"/>
      <c r="D1936"/>
    </row>
    <row r="1937" spans="3:4" x14ac:dyDescent="0.25">
      <c r="C1937"/>
      <c r="D1937"/>
    </row>
    <row r="1938" spans="3:4" x14ac:dyDescent="0.25">
      <c r="C1938"/>
      <c r="D1938"/>
    </row>
    <row r="1939" spans="3:4" x14ac:dyDescent="0.25">
      <c r="C1939"/>
      <c r="D1939"/>
    </row>
    <row r="1940" spans="3:4" x14ac:dyDescent="0.25">
      <c r="C1940"/>
      <c r="D1940"/>
    </row>
    <row r="1941" spans="3:4" x14ac:dyDescent="0.25">
      <c r="C1941"/>
      <c r="D1941"/>
    </row>
    <row r="1942" spans="3:4" x14ac:dyDescent="0.25">
      <c r="C1942"/>
      <c r="D1942"/>
    </row>
    <row r="1943" spans="3:4" x14ac:dyDescent="0.25">
      <c r="C1943"/>
      <c r="D1943"/>
    </row>
    <row r="1944" spans="3:4" x14ac:dyDescent="0.25">
      <c r="C1944"/>
      <c r="D1944"/>
    </row>
    <row r="1945" spans="3:4" x14ac:dyDescent="0.25">
      <c r="C1945"/>
      <c r="D1945"/>
    </row>
    <row r="1946" spans="3:4" x14ac:dyDescent="0.25">
      <c r="C1946"/>
      <c r="D1946"/>
    </row>
    <row r="1947" spans="3:4" x14ac:dyDescent="0.25">
      <c r="C1947"/>
      <c r="D1947"/>
    </row>
    <row r="1948" spans="3:4" x14ac:dyDescent="0.25">
      <c r="C1948"/>
      <c r="D1948"/>
    </row>
    <row r="1949" spans="3:4" x14ac:dyDescent="0.25">
      <c r="C1949"/>
      <c r="D1949"/>
    </row>
    <row r="1950" spans="3:4" x14ac:dyDescent="0.25">
      <c r="C1950"/>
      <c r="D1950"/>
    </row>
    <row r="1951" spans="3:4" x14ac:dyDescent="0.25">
      <c r="C1951"/>
      <c r="D1951"/>
    </row>
    <row r="1952" spans="3:4" x14ac:dyDescent="0.25">
      <c r="C1952"/>
      <c r="D1952"/>
    </row>
    <row r="1953" spans="3:4" x14ac:dyDescent="0.25">
      <c r="C1953"/>
      <c r="D1953"/>
    </row>
    <row r="1954" spans="3:4" x14ac:dyDescent="0.25">
      <c r="C1954"/>
      <c r="D1954"/>
    </row>
    <row r="1955" spans="3:4" x14ac:dyDescent="0.25">
      <c r="C1955"/>
      <c r="D1955"/>
    </row>
    <row r="1956" spans="3:4" x14ac:dyDescent="0.25">
      <c r="C1956"/>
      <c r="D1956"/>
    </row>
    <row r="1957" spans="3:4" x14ac:dyDescent="0.25">
      <c r="C1957"/>
      <c r="D1957"/>
    </row>
    <row r="1958" spans="3:4" x14ac:dyDescent="0.25">
      <c r="C1958"/>
      <c r="D1958"/>
    </row>
    <row r="1959" spans="3:4" x14ac:dyDescent="0.25">
      <c r="C1959"/>
      <c r="D1959"/>
    </row>
    <row r="1960" spans="3:4" x14ac:dyDescent="0.25">
      <c r="C1960"/>
      <c r="D1960"/>
    </row>
    <row r="1961" spans="3:4" x14ac:dyDescent="0.25">
      <c r="C1961"/>
      <c r="D1961"/>
    </row>
    <row r="1962" spans="3:4" x14ac:dyDescent="0.25">
      <c r="C1962"/>
      <c r="D1962"/>
    </row>
    <row r="1963" spans="3:4" x14ac:dyDescent="0.25">
      <c r="C1963"/>
      <c r="D1963"/>
    </row>
    <row r="1964" spans="3:4" x14ac:dyDescent="0.25">
      <c r="C1964"/>
      <c r="D1964"/>
    </row>
    <row r="1965" spans="3:4" x14ac:dyDescent="0.25">
      <c r="C1965"/>
      <c r="D1965"/>
    </row>
    <row r="1966" spans="3:4" x14ac:dyDescent="0.25">
      <c r="C1966"/>
      <c r="D1966"/>
    </row>
    <row r="1967" spans="3:4" x14ac:dyDescent="0.25">
      <c r="C1967"/>
      <c r="D1967"/>
    </row>
    <row r="1968" spans="3:4" x14ac:dyDescent="0.25">
      <c r="C1968"/>
      <c r="D1968"/>
    </row>
    <row r="1969" spans="3:4" x14ac:dyDescent="0.25">
      <c r="C1969"/>
      <c r="D1969"/>
    </row>
    <row r="1970" spans="3:4" x14ac:dyDescent="0.25">
      <c r="C1970"/>
      <c r="D1970"/>
    </row>
    <row r="1971" spans="3:4" x14ac:dyDescent="0.25">
      <c r="C1971"/>
      <c r="D1971"/>
    </row>
    <row r="1972" spans="3:4" x14ac:dyDescent="0.25">
      <c r="C1972"/>
      <c r="D1972"/>
    </row>
    <row r="1973" spans="3:4" x14ac:dyDescent="0.25">
      <c r="C1973"/>
      <c r="D1973"/>
    </row>
    <row r="1974" spans="3:4" x14ac:dyDescent="0.25">
      <c r="C1974"/>
      <c r="D1974"/>
    </row>
    <row r="1975" spans="3:4" x14ac:dyDescent="0.25">
      <c r="C1975"/>
      <c r="D1975"/>
    </row>
    <row r="1976" spans="3:4" x14ac:dyDescent="0.25">
      <c r="C1976"/>
      <c r="D1976"/>
    </row>
    <row r="1977" spans="3:4" x14ac:dyDescent="0.25">
      <c r="C1977"/>
      <c r="D1977"/>
    </row>
    <row r="1978" spans="3:4" x14ac:dyDescent="0.25">
      <c r="C1978"/>
      <c r="D1978"/>
    </row>
    <row r="1979" spans="3:4" x14ac:dyDescent="0.25">
      <c r="C1979"/>
      <c r="D1979"/>
    </row>
    <row r="1980" spans="3:4" x14ac:dyDescent="0.25">
      <c r="C1980"/>
      <c r="D1980"/>
    </row>
    <row r="1981" spans="3:4" x14ac:dyDescent="0.25">
      <c r="C1981"/>
      <c r="D1981"/>
    </row>
    <row r="1982" spans="3:4" x14ac:dyDescent="0.25">
      <c r="C1982"/>
      <c r="D1982"/>
    </row>
    <row r="1983" spans="3:4" x14ac:dyDescent="0.25">
      <c r="C1983"/>
      <c r="D1983"/>
    </row>
    <row r="1984" spans="3:4" x14ac:dyDescent="0.25">
      <c r="C1984"/>
      <c r="D1984"/>
    </row>
    <row r="1985" spans="3:4" x14ac:dyDescent="0.25">
      <c r="C1985"/>
      <c r="D1985"/>
    </row>
    <row r="1986" spans="3:4" x14ac:dyDescent="0.25">
      <c r="C1986"/>
      <c r="D1986"/>
    </row>
    <row r="1987" spans="3:4" x14ac:dyDescent="0.25">
      <c r="C1987"/>
      <c r="D1987"/>
    </row>
    <row r="1988" spans="3:4" x14ac:dyDescent="0.25">
      <c r="C1988"/>
      <c r="D1988"/>
    </row>
    <row r="1989" spans="3:4" x14ac:dyDescent="0.25">
      <c r="C1989"/>
      <c r="D1989"/>
    </row>
    <row r="1990" spans="3:4" x14ac:dyDescent="0.25">
      <c r="C1990"/>
      <c r="D1990"/>
    </row>
    <row r="1991" spans="3:4" x14ac:dyDescent="0.25">
      <c r="C1991"/>
      <c r="D1991"/>
    </row>
    <row r="1992" spans="3:4" x14ac:dyDescent="0.25">
      <c r="C1992"/>
      <c r="D1992"/>
    </row>
    <row r="1993" spans="3:4" x14ac:dyDescent="0.25">
      <c r="C1993"/>
      <c r="D1993"/>
    </row>
    <row r="1994" spans="3:4" x14ac:dyDescent="0.25">
      <c r="C1994"/>
      <c r="D1994"/>
    </row>
    <row r="1995" spans="3:4" x14ac:dyDescent="0.25">
      <c r="C1995"/>
      <c r="D1995"/>
    </row>
    <row r="1996" spans="3:4" x14ac:dyDescent="0.25">
      <c r="C1996"/>
      <c r="D1996"/>
    </row>
    <row r="1997" spans="3:4" x14ac:dyDescent="0.25">
      <c r="C1997"/>
      <c r="D1997"/>
    </row>
    <row r="1998" spans="3:4" x14ac:dyDescent="0.25">
      <c r="C1998"/>
      <c r="D1998"/>
    </row>
    <row r="1999" spans="3:4" x14ac:dyDescent="0.25">
      <c r="C1999"/>
      <c r="D1999"/>
    </row>
    <row r="2000" spans="3:4" x14ac:dyDescent="0.25">
      <c r="C2000"/>
      <c r="D2000"/>
    </row>
    <row r="2001" spans="3:4" x14ac:dyDescent="0.25">
      <c r="C2001"/>
      <c r="D2001"/>
    </row>
    <row r="2002" spans="3:4" x14ac:dyDescent="0.25">
      <c r="C2002"/>
      <c r="D2002"/>
    </row>
    <row r="2003" spans="3:4" x14ac:dyDescent="0.25">
      <c r="C2003"/>
      <c r="D2003"/>
    </row>
    <row r="2004" spans="3:4" x14ac:dyDescent="0.25">
      <c r="C2004"/>
      <c r="D2004"/>
    </row>
    <row r="2005" spans="3:4" x14ac:dyDescent="0.25">
      <c r="C2005"/>
      <c r="D2005"/>
    </row>
    <row r="2006" spans="3:4" x14ac:dyDescent="0.25">
      <c r="C2006"/>
      <c r="D2006"/>
    </row>
    <row r="2007" spans="3:4" x14ac:dyDescent="0.25">
      <c r="C2007"/>
      <c r="D2007"/>
    </row>
    <row r="2008" spans="3:4" x14ac:dyDescent="0.25">
      <c r="C2008"/>
      <c r="D2008"/>
    </row>
    <row r="2009" spans="3:4" x14ac:dyDescent="0.25">
      <c r="C2009"/>
      <c r="D2009"/>
    </row>
    <row r="2010" spans="3:4" x14ac:dyDescent="0.25">
      <c r="C2010"/>
      <c r="D2010"/>
    </row>
    <row r="2011" spans="3:4" x14ac:dyDescent="0.25">
      <c r="C2011"/>
      <c r="D2011"/>
    </row>
    <row r="2012" spans="3:4" x14ac:dyDescent="0.25">
      <c r="C2012"/>
      <c r="D2012"/>
    </row>
    <row r="2013" spans="3:4" x14ac:dyDescent="0.25">
      <c r="C2013"/>
      <c r="D2013"/>
    </row>
    <row r="2014" spans="3:4" x14ac:dyDescent="0.25">
      <c r="C2014"/>
      <c r="D2014"/>
    </row>
    <row r="2015" spans="3:4" x14ac:dyDescent="0.25">
      <c r="C2015"/>
      <c r="D2015"/>
    </row>
    <row r="2016" spans="3:4" x14ac:dyDescent="0.25">
      <c r="C2016"/>
      <c r="D2016"/>
    </row>
    <row r="2017" spans="3:4" x14ac:dyDescent="0.25">
      <c r="C2017"/>
      <c r="D2017"/>
    </row>
    <row r="2018" spans="3:4" x14ac:dyDescent="0.25">
      <c r="C2018"/>
      <c r="D2018"/>
    </row>
    <row r="2019" spans="3:4" x14ac:dyDescent="0.25">
      <c r="C2019"/>
      <c r="D2019"/>
    </row>
    <row r="2020" spans="3:4" x14ac:dyDescent="0.25">
      <c r="C2020"/>
      <c r="D2020"/>
    </row>
    <row r="2021" spans="3:4" x14ac:dyDescent="0.25">
      <c r="C2021"/>
      <c r="D2021"/>
    </row>
    <row r="2022" spans="3:4" x14ac:dyDescent="0.25">
      <c r="C2022"/>
      <c r="D2022"/>
    </row>
    <row r="2023" spans="3:4" x14ac:dyDescent="0.25">
      <c r="C2023"/>
      <c r="D2023"/>
    </row>
    <row r="2024" spans="3:4" x14ac:dyDescent="0.25">
      <c r="C2024"/>
      <c r="D2024"/>
    </row>
    <row r="2025" spans="3:4" x14ac:dyDescent="0.25">
      <c r="C2025"/>
      <c r="D2025"/>
    </row>
    <row r="2026" spans="3:4" x14ac:dyDescent="0.25">
      <c r="C2026"/>
      <c r="D2026"/>
    </row>
    <row r="2027" spans="3:4" x14ac:dyDescent="0.25">
      <c r="C2027"/>
      <c r="D2027"/>
    </row>
    <row r="2028" spans="3:4" x14ac:dyDescent="0.25">
      <c r="C2028"/>
      <c r="D2028"/>
    </row>
    <row r="2029" spans="3:4" x14ac:dyDescent="0.25">
      <c r="C2029"/>
      <c r="D2029"/>
    </row>
    <row r="2030" spans="3:4" x14ac:dyDescent="0.25">
      <c r="C2030"/>
      <c r="D2030"/>
    </row>
    <row r="2031" spans="3:4" x14ac:dyDescent="0.25">
      <c r="C2031"/>
      <c r="D2031"/>
    </row>
    <row r="2032" spans="3:4" x14ac:dyDescent="0.25">
      <c r="C2032"/>
      <c r="D2032"/>
    </row>
    <row r="2033" spans="3:4" x14ac:dyDescent="0.25">
      <c r="C2033"/>
      <c r="D2033"/>
    </row>
    <row r="2034" spans="3:4" x14ac:dyDescent="0.25">
      <c r="C2034"/>
      <c r="D2034"/>
    </row>
    <row r="2035" spans="3:4" x14ac:dyDescent="0.25">
      <c r="C2035"/>
      <c r="D2035"/>
    </row>
    <row r="2036" spans="3:4" x14ac:dyDescent="0.25">
      <c r="C2036"/>
      <c r="D2036"/>
    </row>
    <row r="2037" spans="3:4" x14ac:dyDescent="0.25">
      <c r="C2037"/>
      <c r="D2037"/>
    </row>
    <row r="2038" spans="3:4" x14ac:dyDescent="0.25">
      <c r="C2038"/>
      <c r="D2038"/>
    </row>
    <row r="2039" spans="3:4" x14ac:dyDescent="0.25">
      <c r="C2039"/>
      <c r="D2039"/>
    </row>
    <row r="2040" spans="3:4" x14ac:dyDescent="0.25">
      <c r="C2040"/>
      <c r="D2040"/>
    </row>
    <row r="2041" spans="3:4" x14ac:dyDescent="0.25">
      <c r="C2041"/>
      <c r="D2041"/>
    </row>
    <row r="2042" spans="3:4" x14ac:dyDescent="0.25">
      <c r="C2042"/>
      <c r="D2042"/>
    </row>
    <row r="2043" spans="3:4" x14ac:dyDescent="0.25">
      <c r="C2043"/>
      <c r="D2043"/>
    </row>
    <row r="2044" spans="3:4" x14ac:dyDescent="0.25">
      <c r="C2044"/>
      <c r="D2044"/>
    </row>
    <row r="2045" spans="3:4" x14ac:dyDescent="0.25">
      <c r="C2045"/>
      <c r="D2045"/>
    </row>
    <row r="2046" spans="3:4" x14ac:dyDescent="0.25">
      <c r="C2046"/>
      <c r="D2046"/>
    </row>
    <row r="2047" spans="3:4" x14ac:dyDescent="0.25">
      <c r="C2047"/>
      <c r="D2047"/>
    </row>
    <row r="2048" spans="3:4" x14ac:dyDescent="0.25">
      <c r="C2048"/>
      <c r="D2048"/>
    </row>
    <row r="2049" spans="3:4" x14ac:dyDescent="0.25">
      <c r="C2049"/>
      <c r="D2049"/>
    </row>
    <row r="2050" spans="3:4" x14ac:dyDescent="0.25">
      <c r="C2050"/>
      <c r="D2050"/>
    </row>
    <row r="2051" spans="3:4" x14ac:dyDescent="0.25">
      <c r="C2051"/>
      <c r="D2051"/>
    </row>
    <row r="2052" spans="3:4" x14ac:dyDescent="0.25">
      <c r="C2052"/>
      <c r="D2052"/>
    </row>
    <row r="2053" spans="3:4" x14ac:dyDescent="0.25">
      <c r="C2053"/>
      <c r="D2053"/>
    </row>
    <row r="2054" spans="3:4" x14ac:dyDescent="0.25">
      <c r="C2054"/>
      <c r="D2054"/>
    </row>
    <row r="2055" spans="3:4" x14ac:dyDescent="0.25">
      <c r="C2055"/>
      <c r="D2055"/>
    </row>
    <row r="2056" spans="3:4" x14ac:dyDescent="0.25">
      <c r="C2056"/>
      <c r="D2056"/>
    </row>
    <row r="2057" spans="3:4" x14ac:dyDescent="0.25">
      <c r="C2057"/>
      <c r="D2057"/>
    </row>
    <row r="2058" spans="3:4" x14ac:dyDescent="0.25">
      <c r="C2058"/>
      <c r="D2058"/>
    </row>
    <row r="2059" spans="3:4" x14ac:dyDescent="0.25">
      <c r="C2059"/>
      <c r="D2059"/>
    </row>
    <row r="2060" spans="3:4" x14ac:dyDescent="0.25">
      <c r="C2060"/>
      <c r="D2060"/>
    </row>
    <row r="2061" spans="3:4" x14ac:dyDescent="0.25">
      <c r="C2061"/>
      <c r="D2061"/>
    </row>
    <row r="2062" spans="3:4" x14ac:dyDescent="0.25">
      <c r="C2062"/>
      <c r="D2062"/>
    </row>
    <row r="2063" spans="3:4" x14ac:dyDescent="0.25">
      <c r="C2063"/>
      <c r="D2063"/>
    </row>
    <row r="2064" spans="3:4" x14ac:dyDescent="0.25">
      <c r="C2064"/>
      <c r="D2064"/>
    </row>
    <row r="2065" spans="3:4" x14ac:dyDescent="0.25">
      <c r="C2065"/>
      <c r="D2065"/>
    </row>
    <row r="2066" spans="3:4" x14ac:dyDescent="0.25">
      <c r="C2066"/>
      <c r="D2066"/>
    </row>
    <row r="2067" spans="3:4" x14ac:dyDescent="0.25">
      <c r="C2067"/>
      <c r="D2067"/>
    </row>
    <row r="2068" spans="3:4" x14ac:dyDescent="0.25">
      <c r="C2068"/>
      <c r="D2068"/>
    </row>
    <row r="2069" spans="3:4" x14ac:dyDescent="0.25">
      <c r="C2069"/>
      <c r="D2069"/>
    </row>
    <row r="2070" spans="3:4" x14ac:dyDescent="0.25">
      <c r="C2070"/>
      <c r="D2070"/>
    </row>
    <row r="2071" spans="3:4" x14ac:dyDescent="0.25">
      <c r="C2071"/>
      <c r="D2071"/>
    </row>
    <row r="2072" spans="3:4" x14ac:dyDescent="0.25">
      <c r="C2072"/>
      <c r="D2072"/>
    </row>
    <row r="2073" spans="3:4" x14ac:dyDescent="0.25">
      <c r="C2073"/>
      <c r="D2073"/>
    </row>
    <row r="2074" spans="3:4" x14ac:dyDescent="0.25">
      <c r="C2074"/>
      <c r="D2074"/>
    </row>
    <row r="2075" spans="3:4" x14ac:dyDescent="0.25">
      <c r="C2075"/>
      <c r="D2075"/>
    </row>
    <row r="2076" spans="3:4" x14ac:dyDescent="0.25">
      <c r="C2076"/>
      <c r="D2076"/>
    </row>
    <row r="2077" spans="3:4" x14ac:dyDescent="0.25">
      <c r="C2077"/>
      <c r="D2077"/>
    </row>
    <row r="2078" spans="3:4" x14ac:dyDescent="0.25">
      <c r="C2078"/>
      <c r="D2078"/>
    </row>
    <row r="2079" spans="3:4" x14ac:dyDescent="0.25">
      <c r="C2079"/>
      <c r="D2079"/>
    </row>
    <row r="2080" spans="3:4" x14ac:dyDescent="0.25">
      <c r="C2080"/>
      <c r="D2080"/>
    </row>
    <row r="2081" spans="3:4" x14ac:dyDescent="0.25">
      <c r="C2081"/>
      <c r="D2081"/>
    </row>
    <row r="2082" spans="3:4" x14ac:dyDescent="0.25">
      <c r="C2082"/>
      <c r="D2082"/>
    </row>
    <row r="2083" spans="3:4" x14ac:dyDescent="0.25">
      <c r="C2083"/>
      <c r="D2083"/>
    </row>
    <row r="2084" spans="3:4" x14ac:dyDescent="0.25">
      <c r="C2084"/>
      <c r="D2084"/>
    </row>
    <row r="2085" spans="3:4" x14ac:dyDescent="0.25">
      <c r="C2085"/>
      <c r="D2085"/>
    </row>
    <row r="2086" spans="3:4" x14ac:dyDescent="0.25">
      <c r="C2086"/>
      <c r="D2086"/>
    </row>
    <row r="2087" spans="3:4" x14ac:dyDescent="0.25">
      <c r="C2087"/>
      <c r="D2087"/>
    </row>
    <row r="2088" spans="3:4" x14ac:dyDescent="0.25">
      <c r="C2088"/>
      <c r="D2088"/>
    </row>
    <row r="2089" spans="3:4" x14ac:dyDescent="0.25">
      <c r="C2089"/>
      <c r="D2089"/>
    </row>
    <row r="2090" spans="3:4" x14ac:dyDescent="0.25">
      <c r="C2090"/>
      <c r="D2090"/>
    </row>
    <row r="2091" spans="3:4" x14ac:dyDescent="0.25">
      <c r="C2091"/>
      <c r="D2091"/>
    </row>
    <row r="2092" spans="3:4" x14ac:dyDescent="0.25">
      <c r="C2092"/>
      <c r="D2092"/>
    </row>
    <row r="2093" spans="3:4" x14ac:dyDescent="0.25">
      <c r="C2093"/>
      <c r="D2093"/>
    </row>
    <row r="2094" spans="3:4" x14ac:dyDescent="0.25">
      <c r="C2094"/>
      <c r="D2094"/>
    </row>
    <row r="2095" spans="3:4" x14ac:dyDescent="0.25">
      <c r="C2095"/>
      <c r="D2095"/>
    </row>
    <row r="2096" spans="3:4" x14ac:dyDescent="0.25">
      <c r="C2096"/>
      <c r="D2096"/>
    </row>
    <row r="2097" spans="3:4" x14ac:dyDescent="0.25">
      <c r="C2097"/>
      <c r="D2097"/>
    </row>
    <row r="2098" spans="3:4" x14ac:dyDescent="0.25">
      <c r="C2098"/>
      <c r="D2098"/>
    </row>
    <row r="2099" spans="3:4" x14ac:dyDescent="0.25">
      <c r="C2099"/>
      <c r="D2099"/>
    </row>
    <row r="2100" spans="3:4" x14ac:dyDescent="0.25">
      <c r="C2100"/>
      <c r="D2100"/>
    </row>
    <row r="2101" spans="3:4" x14ac:dyDescent="0.25">
      <c r="C2101"/>
      <c r="D2101"/>
    </row>
    <row r="2102" spans="3:4" x14ac:dyDescent="0.25">
      <c r="C2102"/>
      <c r="D2102"/>
    </row>
    <row r="2103" spans="3:4" x14ac:dyDescent="0.25">
      <c r="C2103"/>
      <c r="D2103"/>
    </row>
    <row r="2104" spans="3:4" x14ac:dyDescent="0.25">
      <c r="C2104"/>
      <c r="D2104"/>
    </row>
    <row r="2105" spans="3:4" x14ac:dyDescent="0.25">
      <c r="C2105"/>
      <c r="D2105"/>
    </row>
    <row r="2106" spans="3:4" x14ac:dyDescent="0.25">
      <c r="C2106"/>
      <c r="D2106"/>
    </row>
    <row r="2107" spans="3:4" x14ac:dyDescent="0.25">
      <c r="C2107"/>
      <c r="D2107"/>
    </row>
    <row r="2108" spans="3:4" x14ac:dyDescent="0.25">
      <c r="C2108"/>
      <c r="D2108"/>
    </row>
    <row r="2109" spans="3:4" x14ac:dyDescent="0.25">
      <c r="C2109"/>
      <c r="D2109"/>
    </row>
    <row r="2110" spans="3:4" x14ac:dyDescent="0.25">
      <c r="C2110"/>
      <c r="D2110"/>
    </row>
    <row r="2111" spans="3:4" x14ac:dyDescent="0.25">
      <c r="C2111"/>
      <c r="D2111"/>
    </row>
    <row r="2112" spans="3:4" x14ac:dyDescent="0.25">
      <c r="C2112"/>
      <c r="D2112"/>
    </row>
    <row r="2113" spans="3:4" x14ac:dyDescent="0.25">
      <c r="C2113"/>
      <c r="D2113"/>
    </row>
    <row r="2114" spans="3:4" x14ac:dyDescent="0.25">
      <c r="C2114"/>
      <c r="D2114"/>
    </row>
    <row r="2115" spans="3:4" x14ac:dyDescent="0.25">
      <c r="C2115"/>
      <c r="D2115"/>
    </row>
    <row r="2116" spans="3:4" x14ac:dyDescent="0.25">
      <c r="C2116"/>
      <c r="D2116"/>
    </row>
    <row r="2117" spans="3:4" x14ac:dyDescent="0.25">
      <c r="C2117"/>
      <c r="D2117"/>
    </row>
    <row r="2118" spans="3:4" x14ac:dyDescent="0.25">
      <c r="C2118"/>
      <c r="D2118"/>
    </row>
    <row r="2119" spans="3:4" x14ac:dyDescent="0.25">
      <c r="C2119"/>
      <c r="D2119"/>
    </row>
    <row r="2120" spans="3:4" x14ac:dyDescent="0.25">
      <c r="C2120"/>
      <c r="D2120"/>
    </row>
    <row r="2121" spans="3:4" x14ac:dyDescent="0.25">
      <c r="C2121"/>
      <c r="D2121"/>
    </row>
    <row r="2122" spans="3:4" x14ac:dyDescent="0.25">
      <c r="C2122"/>
      <c r="D2122"/>
    </row>
    <row r="2123" spans="3:4" x14ac:dyDescent="0.25">
      <c r="C2123"/>
      <c r="D2123"/>
    </row>
    <row r="2124" spans="3:4" x14ac:dyDescent="0.25">
      <c r="C2124"/>
      <c r="D2124"/>
    </row>
    <row r="2125" spans="3:4" x14ac:dyDescent="0.25">
      <c r="C2125"/>
      <c r="D2125"/>
    </row>
    <row r="2126" spans="3:4" x14ac:dyDescent="0.25">
      <c r="C2126"/>
      <c r="D2126"/>
    </row>
    <row r="2127" spans="3:4" x14ac:dyDescent="0.25">
      <c r="C2127"/>
      <c r="D2127"/>
    </row>
    <row r="2128" spans="3:4" x14ac:dyDescent="0.25">
      <c r="C2128"/>
      <c r="D2128"/>
    </row>
    <row r="2129" spans="3:4" x14ac:dyDescent="0.25">
      <c r="C2129"/>
      <c r="D2129"/>
    </row>
    <row r="2130" spans="3:4" x14ac:dyDescent="0.25">
      <c r="C2130"/>
      <c r="D2130"/>
    </row>
    <row r="2131" spans="3:4" x14ac:dyDescent="0.25">
      <c r="C2131"/>
      <c r="D2131"/>
    </row>
    <row r="2132" spans="3:4" x14ac:dyDescent="0.25">
      <c r="C2132"/>
      <c r="D2132"/>
    </row>
    <row r="2133" spans="3:4" x14ac:dyDescent="0.25">
      <c r="C2133"/>
      <c r="D2133"/>
    </row>
    <row r="2134" spans="3:4" x14ac:dyDescent="0.25">
      <c r="C2134"/>
      <c r="D2134"/>
    </row>
    <row r="2135" spans="3:4" x14ac:dyDescent="0.25">
      <c r="C2135"/>
      <c r="D2135"/>
    </row>
    <row r="2136" spans="3:4" x14ac:dyDescent="0.25">
      <c r="C2136"/>
      <c r="D2136"/>
    </row>
    <row r="2137" spans="3:4" x14ac:dyDescent="0.25">
      <c r="C2137"/>
      <c r="D2137"/>
    </row>
    <row r="2138" spans="3:4" x14ac:dyDescent="0.25">
      <c r="C2138"/>
      <c r="D2138"/>
    </row>
    <row r="2139" spans="3:4" x14ac:dyDescent="0.25">
      <c r="C2139"/>
      <c r="D2139"/>
    </row>
    <row r="2140" spans="3:4" x14ac:dyDescent="0.25">
      <c r="C2140"/>
      <c r="D2140"/>
    </row>
    <row r="2141" spans="3:4" x14ac:dyDescent="0.25">
      <c r="C2141"/>
      <c r="D2141"/>
    </row>
    <row r="2142" spans="3:4" x14ac:dyDescent="0.25">
      <c r="C2142"/>
      <c r="D2142"/>
    </row>
    <row r="2143" spans="3:4" x14ac:dyDescent="0.25">
      <c r="C2143"/>
      <c r="D2143"/>
    </row>
    <row r="2144" spans="3:4" x14ac:dyDescent="0.25">
      <c r="C2144"/>
      <c r="D2144"/>
    </row>
    <row r="2145" spans="3:4" x14ac:dyDescent="0.25">
      <c r="C2145"/>
      <c r="D2145"/>
    </row>
    <row r="2146" spans="3:4" x14ac:dyDescent="0.25">
      <c r="C2146"/>
      <c r="D2146"/>
    </row>
    <row r="2147" spans="3:4" x14ac:dyDescent="0.25">
      <c r="C2147"/>
      <c r="D2147"/>
    </row>
    <row r="2148" spans="3:4" x14ac:dyDescent="0.25">
      <c r="C2148"/>
      <c r="D2148"/>
    </row>
    <row r="2149" spans="3:4" x14ac:dyDescent="0.25">
      <c r="C2149"/>
      <c r="D2149"/>
    </row>
    <row r="2150" spans="3:4" x14ac:dyDescent="0.25">
      <c r="C2150"/>
      <c r="D2150"/>
    </row>
    <row r="2151" spans="3:4" x14ac:dyDescent="0.25">
      <c r="C2151"/>
      <c r="D2151"/>
    </row>
    <row r="2152" spans="3:4" x14ac:dyDescent="0.25">
      <c r="C2152"/>
      <c r="D2152"/>
    </row>
    <row r="2153" spans="3:4" x14ac:dyDescent="0.25">
      <c r="C2153"/>
      <c r="D2153"/>
    </row>
    <row r="2154" spans="3:4" x14ac:dyDescent="0.25">
      <c r="C2154"/>
      <c r="D2154"/>
    </row>
    <row r="2155" spans="3:4" x14ac:dyDescent="0.25">
      <c r="C2155"/>
      <c r="D2155"/>
    </row>
    <row r="2156" spans="3:4" x14ac:dyDescent="0.25">
      <c r="C2156"/>
      <c r="D2156"/>
    </row>
    <row r="2157" spans="3:4" x14ac:dyDescent="0.25">
      <c r="C2157"/>
      <c r="D2157"/>
    </row>
    <row r="2158" spans="3:4" x14ac:dyDescent="0.25">
      <c r="C2158"/>
      <c r="D2158"/>
    </row>
    <row r="2159" spans="3:4" x14ac:dyDescent="0.25">
      <c r="C2159"/>
      <c r="D2159"/>
    </row>
    <row r="2160" spans="3:4" x14ac:dyDescent="0.25">
      <c r="C2160"/>
      <c r="D2160"/>
    </row>
    <row r="2161" spans="3:4" x14ac:dyDescent="0.25">
      <c r="C2161"/>
      <c r="D2161"/>
    </row>
    <row r="2162" spans="3:4" x14ac:dyDescent="0.25">
      <c r="C2162"/>
      <c r="D2162"/>
    </row>
    <row r="2163" spans="3:4" x14ac:dyDescent="0.25">
      <c r="C2163"/>
      <c r="D2163"/>
    </row>
    <row r="2164" spans="3:4" x14ac:dyDescent="0.25">
      <c r="C2164"/>
      <c r="D2164"/>
    </row>
    <row r="2165" spans="3:4" x14ac:dyDescent="0.25">
      <c r="C2165"/>
      <c r="D2165"/>
    </row>
    <row r="2166" spans="3:4" x14ac:dyDescent="0.25">
      <c r="C2166"/>
      <c r="D2166"/>
    </row>
    <row r="2167" spans="3:4" x14ac:dyDescent="0.25">
      <c r="C2167"/>
      <c r="D2167"/>
    </row>
    <row r="2168" spans="3:4" x14ac:dyDescent="0.25">
      <c r="C2168"/>
      <c r="D2168"/>
    </row>
    <row r="2169" spans="3:4" x14ac:dyDescent="0.25">
      <c r="C2169"/>
      <c r="D2169"/>
    </row>
    <row r="2170" spans="3:4" x14ac:dyDescent="0.25">
      <c r="C2170"/>
      <c r="D2170"/>
    </row>
    <row r="2171" spans="3:4" x14ac:dyDescent="0.25">
      <c r="C2171"/>
      <c r="D2171"/>
    </row>
    <row r="2172" spans="3:4" x14ac:dyDescent="0.25">
      <c r="C2172"/>
      <c r="D2172"/>
    </row>
    <row r="2173" spans="3:4" x14ac:dyDescent="0.25">
      <c r="C2173"/>
      <c r="D2173"/>
    </row>
    <row r="2174" spans="3:4" x14ac:dyDescent="0.25">
      <c r="C2174"/>
      <c r="D2174"/>
    </row>
    <row r="2175" spans="3:4" x14ac:dyDescent="0.25">
      <c r="C2175"/>
      <c r="D2175"/>
    </row>
    <row r="2176" spans="3:4" x14ac:dyDescent="0.25">
      <c r="C2176"/>
      <c r="D2176"/>
    </row>
    <row r="2177" spans="3:4" x14ac:dyDescent="0.25">
      <c r="C2177"/>
      <c r="D2177"/>
    </row>
    <row r="2178" spans="3:4" x14ac:dyDescent="0.25">
      <c r="C2178"/>
      <c r="D2178"/>
    </row>
    <row r="2179" spans="3:4" x14ac:dyDescent="0.25">
      <c r="C2179"/>
      <c r="D2179"/>
    </row>
    <row r="2180" spans="3:4" x14ac:dyDescent="0.25">
      <c r="C2180"/>
      <c r="D2180"/>
    </row>
    <row r="2181" spans="3:4" x14ac:dyDescent="0.25">
      <c r="C2181"/>
      <c r="D2181"/>
    </row>
    <row r="2182" spans="3:4" x14ac:dyDescent="0.25">
      <c r="C2182"/>
      <c r="D2182"/>
    </row>
    <row r="2183" spans="3:4" x14ac:dyDescent="0.25">
      <c r="C2183"/>
      <c r="D2183"/>
    </row>
    <row r="2184" spans="3:4" x14ac:dyDescent="0.25">
      <c r="C2184"/>
      <c r="D2184"/>
    </row>
    <row r="2185" spans="3:4" x14ac:dyDescent="0.25">
      <c r="C2185"/>
      <c r="D2185"/>
    </row>
    <row r="2186" spans="3:4" x14ac:dyDescent="0.25">
      <c r="C2186"/>
      <c r="D2186"/>
    </row>
    <row r="2187" spans="3:4" x14ac:dyDescent="0.25">
      <c r="C2187"/>
      <c r="D2187"/>
    </row>
    <row r="2188" spans="3:4" x14ac:dyDescent="0.25">
      <c r="C2188"/>
      <c r="D2188"/>
    </row>
    <row r="2189" spans="3:4" x14ac:dyDescent="0.25">
      <c r="C2189"/>
      <c r="D2189"/>
    </row>
    <row r="2190" spans="3:4" x14ac:dyDescent="0.25">
      <c r="C2190"/>
      <c r="D2190"/>
    </row>
    <row r="2191" spans="3:4" x14ac:dyDescent="0.25">
      <c r="C2191"/>
      <c r="D2191"/>
    </row>
    <row r="2192" spans="3:4" x14ac:dyDescent="0.25">
      <c r="C2192"/>
      <c r="D2192"/>
    </row>
    <row r="2193" spans="3:4" x14ac:dyDescent="0.25">
      <c r="C2193"/>
      <c r="D2193"/>
    </row>
    <row r="2194" spans="3:4" x14ac:dyDescent="0.25">
      <c r="C2194"/>
      <c r="D2194"/>
    </row>
    <row r="2195" spans="3:4" x14ac:dyDescent="0.25">
      <c r="C2195"/>
      <c r="D2195"/>
    </row>
    <row r="2196" spans="3:4" x14ac:dyDescent="0.25">
      <c r="C2196"/>
      <c r="D2196"/>
    </row>
    <row r="2197" spans="3:4" x14ac:dyDescent="0.25">
      <c r="C2197"/>
      <c r="D2197"/>
    </row>
    <row r="2198" spans="3:4" x14ac:dyDescent="0.25">
      <c r="C2198"/>
      <c r="D2198"/>
    </row>
    <row r="2199" spans="3:4" x14ac:dyDescent="0.25">
      <c r="C2199"/>
      <c r="D2199"/>
    </row>
    <row r="2200" spans="3:4" x14ac:dyDescent="0.25">
      <c r="C2200"/>
      <c r="D2200"/>
    </row>
    <row r="2201" spans="3:4" x14ac:dyDescent="0.25">
      <c r="C2201"/>
      <c r="D2201"/>
    </row>
    <row r="2202" spans="3:4" x14ac:dyDescent="0.25">
      <c r="C2202"/>
      <c r="D2202"/>
    </row>
    <row r="2203" spans="3:4" x14ac:dyDescent="0.25">
      <c r="C2203"/>
      <c r="D2203"/>
    </row>
    <row r="2204" spans="3:4" x14ac:dyDescent="0.25">
      <c r="C2204"/>
      <c r="D2204"/>
    </row>
    <row r="2205" spans="3:4" x14ac:dyDescent="0.25">
      <c r="C2205"/>
      <c r="D2205"/>
    </row>
    <row r="2206" spans="3:4" x14ac:dyDescent="0.25">
      <c r="C2206"/>
      <c r="D2206"/>
    </row>
    <row r="2207" spans="3:4" x14ac:dyDescent="0.25">
      <c r="C2207"/>
      <c r="D2207"/>
    </row>
    <row r="2208" spans="3:4" x14ac:dyDescent="0.25">
      <c r="C2208"/>
      <c r="D2208"/>
    </row>
    <row r="2209" spans="3:4" x14ac:dyDescent="0.25">
      <c r="C2209"/>
      <c r="D2209"/>
    </row>
    <row r="2210" spans="3:4" x14ac:dyDescent="0.25">
      <c r="C2210"/>
      <c r="D2210"/>
    </row>
    <row r="2211" spans="3:4" x14ac:dyDescent="0.25">
      <c r="C2211"/>
      <c r="D2211"/>
    </row>
    <row r="2212" spans="3:4" x14ac:dyDescent="0.25">
      <c r="C2212"/>
      <c r="D2212"/>
    </row>
    <row r="2213" spans="3:4" x14ac:dyDescent="0.25">
      <c r="C2213"/>
      <c r="D2213"/>
    </row>
    <row r="2214" spans="3:4" x14ac:dyDescent="0.25">
      <c r="C2214"/>
      <c r="D2214"/>
    </row>
    <row r="2215" spans="3:4" x14ac:dyDescent="0.25">
      <c r="C2215"/>
      <c r="D2215"/>
    </row>
    <row r="2216" spans="3:4" x14ac:dyDescent="0.25">
      <c r="C2216"/>
      <c r="D2216"/>
    </row>
    <row r="2217" spans="3:4" x14ac:dyDescent="0.25">
      <c r="C2217"/>
      <c r="D2217"/>
    </row>
    <row r="2218" spans="3:4" x14ac:dyDescent="0.25">
      <c r="C2218"/>
      <c r="D2218"/>
    </row>
    <row r="2219" spans="3:4" x14ac:dyDescent="0.25">
      <c r="C2219"/>
      <c r="D2219"/>
    </row>
    <row r="2220" spans="3:4" x14ac:dyDescent="0.25">
      <c r="C2220"/>
      <c r="D2220"/>
    </row>
    <row r="2221" spans="3:4" x14ac:dyDescent="0.25">
      <c r="C2221"/>
      <c r="D2221"/>
    </row>
    <row r="2222" spans="3:4" x14ac:dyDescent="0.25">
      <c r="C2222"/>
      <c r="D2222"/>
    </row>
    <row r="2223" spans="3:4" x14ac:dyDescent="0.25">
      <c r="C2223"/>
      <c r="D2223"/>
    </row>
    <row r="2224" spans="3:4" x14ac:dyDescent="0.25">
      <c r="C2224"/>
      <c r="D2224"/>
    </row>
    <row r="2225" spans="3:4" x14ac:dyDescent="0.25">
      <c r="C2225"/>
      <c r="D2225"/>
    </row>
    <row r="2226" spans="3:4" x14ac:dyDescent="0.25">
      <c r="C2226"/>
      <c r="D2226"/>
    </row>
    <row r="2227" spans="3:4" x14ac:dyDescent="0.25">
      <c r="C2227"/>
      <c r="D2227"/>
    </row>
    <row r="2228" spans="3:4" x14ac:dyDescent="0.25">
      <c r="C2228"/>
      <c r="D2228"/>
    </row>
    <row r="2229" spans="3:4" x14ac:dyDescent="0.25">
      <c r="C2229"/>
      <c r="D2229"/>
    </row>
    <row r="2230" spans="3:4" x14ac:dyDescent="0.25">
      <c r="C2230"/>
      <c r="D2230"/>
    </row>
    <row r="2231" spans="3:4" x14ac:dyDescent="0.25">
      <c r="C2231"/>
      <c r="D2231"/>
    </row>
    <row r="2232" spans="3:4" x14ac:dyDescent="0.25">
      <c r="C2232"/>
      <c r="D2232"/>
    </row>
    <row r="2233" spans="3:4" x14ac:dyDescent="0.25">
      <c r="C2233"/>
      <c r="D2233"/>
    </row>
    <row r="2234" spans="3:4" x14ac:dyDescent="0.25">
      <c r="C2234"/>
      <c r="D2234"/>
    </row>
    <row r="2235" spans="3:4" x14ac:dyDescent="0.25">
      <c r="C2235"/>
      <c r="D2235"/>
    </row>
    <row r="2236" spans="3:4" x14ac:dyDescent="0.25">
      <c r="C2236"/>
      <c r="D2236"/>
    </row>
    <row r="2237" spans="3:4" x14ac:dyDescent="0.25">
      <c r="C2237"/>
      <c r="D2237"/>
    </row>
    <row r="2238" spans="3:4" x14ac:dyDescent="0.25">
      <c r="C2238"/>
      <c r="D2238"/>
    </row>
    <row r="2239" spans="3:4" x14ac:dyDescent="0.25">
      <c r="C2239"/>
      <c r="D2239"/>
    </row>
    <row r="2240" spans="3:4" x14ac:dyDescent="0.25">
      <c r="C2240"/>
      <c r="D2240"/>
    </row>
    <row r="2241" spans="3:4" x14ac:dyDescent="0.25">
      <c r="C2241"/>
      <c r="D2241"/>
    </row>
    <row r="2242" spans="3:4" x14ac:dyDescent="0.25">
      <c r="C2242"/>
      <c r="D2242"/>
    </row>
    <row r="2243" spans="3:4" x14ac:dyDescent="0.25">
      <c r="C2243"/>
      <c r="D2243"/>
    </row>
    <row r="2244" spans="3:4" x14ac:dyDescent="0.25">
      <c r="C2244"/>
      <c r="D2244"/>
    </row>
    <row r="2245" spans="3:4" x14ac:dyDescent="0.25">
      <c r="C2245"/>
      <c r="D2245"/>
    </row>
    <row r="2246" spans="3:4" x14ac:dyDescent="0.25">
      <c r="C2246"/>
      <c r="D2246"/>
    </row>
    <row r="2247" spans="3:4" x14ac:dyDescent="0.25">
      <c r="C2247"/>
      <c r="D2247"/>
    </row>
    <row r="2248" spans="3:4" x14ac:dyDescent="0.25">
      <c r="C2248"/>
      <c r="D2248"/>
    </row>
    <row r="2249" spans="3:4" x14ac:dyDescent="0.25">
      <c r="C2249"/>
      <c r="D2249"/>
    </row>
    <row r="2250" spans="3:4" x14ac:dyDescent="0.25">
      <c r="C2250"/>
      <c r="D2250"/>
    </row>
    <row r="2251" spans="3:4" x14ac:dyDescent="0.25">
      <c r="C2251"/>
      <c r="D2251"/>
    </row>
    <row r="2252" spans="3:4" x14ac:dyDescent="0.25">
      <c r="C2252"/>
      <c r="D2252"/>
    </row>
    <row r="2253" spans="3:4" x14ac:dyDescent="0.25">
      <c r="C2253"/>
      <c r="D2253"/>
    </row>
    <row r="2254" spans="3:4" x14ac:dyDescent="0.25">
      <c r="C2254"/>
      <c r="D2254"/>
    </row>
    <row r="2255" spans="3:4" x14ac:dyDescent="0.25">
      <c r="C2255"/>
      <c r="D2255"/>
    </row>
    <row r="2256" spans="3:4" x14ac:dyDescent="0.25">
      <c r="C2256"/>
      <c r="D2256"/>
    </row>
    <row r="2257" spans="3:4" x14ac:dyDescent="0.25">
      <c r="C2257"/>
      <c r="D2257"/>
    </row>
    <row r="2258" spans="3:4" x14ac:dyDescent="0.25">
      <c r="C2258"/>
      <c r="D2258"/>
    </row>
    <row r="2259" spans="3:4" x14ac:dyDescent="0.25">
      <c r="C2259"/>
      <c r="D2259"/>
    </row>
    <row r="2260" spans="3:4" x14ac:dyDescent="0.25">
      <c r="C2260"/>
      <c r="D2260"/>
    </row>
    <row r="2261" spans="3:4" x14ac:dyDescent="0.25">
      <c r="C2261"/>
      <c r="D2261"/>
    </row>
    <row r="2262" spans="3:4" x14ac:dyDescent="0.25">
      <c r="C2262"/>
      <c r="D2262"/>
    </row>
    <row r="2263" spans="3:4" x14ac:dyDescent="0.25">
      <c r="C2263"/>
      <c r="D2263"/>
    </row>
    <row r="2264" spans="3:4" x14ac:dyDescent="0.25">
      <c r="C2264"/>
      <c r="D2264"/>
    </row>
    <row r="2265" spans="3:4" x14ac:dyDescent="0.25">
      <c r="C2265"/>
      <c r="D2265"/>
    </row>
    <row r="2266" spans="3:4" x14ac:dyDescent="0.25">
      <c r="C2266"/>
      <c r="D2266"/>
    </row>
    <row r="2267" spans="3:4" x14ac:dyDescent="0.25">
      <c r="C2267"/>
      <c r="D2267"/>
    </row>
    <row r="2268" spans="3:4" x14ac:dyDescent="0.25">
      <c r="C2268"/>
      <c r="D2268"/>
    </row>
    <row r="2269" spans="3:4" x14ac:dyDescent="0.25">
      <c r="C2269"/>
      <c r="D2269"/>
    </row>
    <row r="2270" spans="3:4" x14ac:dyDescent="0.25">
      <c r="C2270"/>
      <c r="D2270"/>
    </row>
    <row r="2271" spans="3:4" x14ac:dyDescent="0.25">
      <c r="C2271"/>
      <c r="D2271"/>
    </row>
    <row r="2272" spans="3:4" x14ac:dyDescent="0.25">
      <c r="C2272"/>
      <c r="D2272"/>
    </row>
    <row r="2273" spans="3:4" x14ac:dyDescent="0.25">
      <c r="C2273"/>
      <c r="D2273"/>
    </row>
    <row r="2274" spans="3:4" x14ac:dyDescent="0.25">
      <c r="C2274"/>
      <c r="D2274"/>
    </row>
    <row r="2275" spans="3:4" x14ac:dyDescent="0.25">
      <c r="C2275"/>
      <c r="D2275"/>
    </row>
    <row r="2276" spans="3:4" x14ac:dyDescent="0.25">
      <c r="C2276"/>
      <c r="D2276"/>
    </row>
    <row r="2277" spans="3:4" x14ac:dyDescent="0.25">
      <c r="C2277"/>
      <c r="D2277"/>
    </row>
    <row r="2278" spans="3:4" x14ac:dyDescent="0.25">
      <c r="C2278"/>
      <c r="D2278"/>
    </row>
    <row r="2279" spans="3:4" x14ac:dyDescent="0.25">
      <c r="C2279"/>
      <c r="D2279"/>
    </row>
    <row r="2280" spans="3:4" x14ac:dyDescent="0.25">
      <c r="C2280"/>
      <c r="D2280"/>
    </row>
    <row r="2281" spans="3:4" x14ac:dyDescent="0.25">
      <c r="C2281"/>
      <c r="D2281"/>
    </row>
    <row r="2282" spans="3:4" x14ac:dyDescent="0.25">
      <c r="C2282"/>
      <c r="D2282"/>
    </row>
    <row r="2283" spans="3:4" x14ac:dyDescent="0.25">
      <c r="C2283"/>
      <c r="D2283"/>
    </row>
    <row r="2284" spans="3:4" x14ac:dyDescent="0.25">
      <c r="C2284"/>
      <c r="D2284"/>
    </row>
    <row r="2285" spans="3:4" x14ac:dyDescent="0.25">
      <c r="C2285"/>
      <c r="D2285"/>
    </row>
    <row r="2286" spans="3:4" x14ac:dyDescent="0.25">
      <c r="C2286"/>
      <c r="D2286"/>
    </row>
    <row r="2287" spans="3:4" x14ac:dyDescent="0.25">
      <c r="C2287"/>
      <c r="D2287"/>
    </row>
    <row r="2288" spans="3:4" x14ac:dyDescent="0.25">
      <c r="C2288"/>
      <c r="D2288"/>
    </row>
    <row r="2289" spans="3:4" x14ac:dyDescent="0.25">
      <c r="C2289"/>
      <c r="D2289"/>
    </row>
    <row r="2290" spans="3:4" x14ac:dyDescent="0.25">
      <c r="C2290"/>
      <c r="D2290"/>
    </row>
    <row r="2291" spans="3:4" x14ac:dyDescent="0.25">
      <c r="C2291"/>
      <c r="D2291"/>
    </row>
    <row r="2292" spans="3:4" x14ac:dyDescent="0.25">
      <c r="C2292"/>
      <c r="D2292"/>
    </row>
    <row r="2293" spans="3:4" x14ac:dyDescent="0.25">
      <c r="C2293"/>
      <c r="D2293"/>
    </row>
    <row r="2294" spans="3:4" x14ac:dyDescent="0.25">
      <c r="C2294"/>
      <c r="D2294"/>
    </row>
    <row r="2295" spans="3:4" x14ac:dyDescent="0.25">
      <c r="C2295"/>
      <c r="D2295"/>
    </row>
    <row r="2296" spans="3:4" x14ac:dyDescent="0.25">
      <c r="C2296"/>
      <c r="D2296"/>
    </row>
    <row r="2297" spans="3:4" x14ac:dyDescent="0.25">
      <c r="C2297"/>
      <c r="D2297"/>
    </row>
    <row r="2298" spans="3:4" x14ac:dyDescent="0.25">
      <c r="C2298"/>
      <c r="D2298"/>
    </row>
    <row r="2299" spans="3:4" x14ac:dyDescent="0.25">
      <c r="C2299"/>
      <c r="D2299"/>
    </row>
    <row r="2300" spans="3:4" x14ac:dyDescent="0.25">
      <c r="C2300"/>
      <c r="D2300"/>
    </row>
    <row r="2301" spans="3:4" x14ac:dyDescent="0.25">
      <c r="C2301"/>
      <c r="D2301"/>
    </row>
    <row r="2302" spans="3:4" x14ac:dyDescent="0.25">
      <c r="C2302"/>
      <c r="D2302"/>
    </row>
    <row r="2303" spans="3:4" x14ac:dyDescent="0.25">
      <c r="C2303"/>
      <c r="D2303"/>
    </row>
    <row r="2304" spans="3:4" x14ac:dyDescent="0.25">
      <c r="C2304"/>
      <c r="D2304"/>
    </row>
    <row r="2305" spans="3:4" x14ac:dyDescent="0.25">
      <c r="C2305"/>
      <c r="D2305"/>
    </row>
    <row r="2306" spans="3:4" x14ac:dyDescent="0.25">
      <c r="C2306"/>
      <c r="D2306"/>
    </row>
    <row r="2307" spans="3:4" x14ac:dyDescent="0.25">
      <c r="C2307"/>
      <c r="D2307"/>
    </row>
    <row r="2308" spans="3:4" x14ac:dyDescent="0.25">
      <c r="C2308"/>
      <c r="D2308"/>
    </row>
    <row r="2309" spans="3:4" x14ac:dyDescent="0.25">
      <c r="C2309"/>
      <c r="D2309"/>
    </row>
    <row r="2310" spans="3:4" x14ac:dyDescent="0.25">
      <c r="C2310"/>
      <c r="D2310"/>
    </row>
    <row r="2311" spans="3:4" x14ac:dyDescent="0.25">
      <c r="C2311"/>
      <c r="D2311"/>
    </row>
    <row r="2312" spans="3:4" x14ac:dyDescent="0.25">
      <c r="C2312"/>
      <c r="D2312"/>
    </row>
    <row r="2313" spans="3:4" x14ac:dyDescent="0.25">
      <c r="C2313"/>
      <c r="D2313"/>
    </row>
    <row r="2314" spans="3:4" x14ac:dyDescent="0.25">
      <c r="C2314"/>
      <c r="D2314"/>
    </row>
    <row r="2315" spans="3:4" x14ac:dyDescent="0.25">
      <c r="C2315"/>
      <c r="D2315"/>
    </row>
    <row r="2316" spans="3:4" x14ac:dyDescent="0.25">
      <c r="C2316"/>
      <c r="D2316"/>
    </row>
    <row r="2317" spans="3:4" x14ac:dyDescent="0.25">
      <c r="C2317"/>
      <c r="D2317"/>
    </row>
    <row r="2318" spans="3:4" x14ac:dyDescent="0.25">
      <c r="C2318"/>
      <c r="D2318"/>
    </row>
    <row r="2319" spans="3:4" x14ac:dyDescent="0.25">
      <c r="C2319"/>
      <c r="D2319"/>
    </row>
    <row r="2320" spans="3:4" x14ac:dyDescent="0.25">
      <c r="C2320"/>
      <c r="D2320"/>
    </row>
    <row r="2321" spans="3:4" x14ac:dyDescent="0.25">
      <c r="C2321"/>
      <c r="D2321"/>
    </row>
    <row r="2322" spans="3:4" x14ac:dyDescent="0.25">
      <c r="C2322"/>
      <c r="D2322"/>
    </row>
    <row r="2323" spans="3:4" x14ac:dyDescent="0.25">
      <c r="C2323"/>
      <c r="D2323"/>
    </row>
    <row r="2324" spans="3:4" x14ac:dyDescent="0.25">
      <c r="C2324"/>
      <c r="D2324"/>
    </row>
    <row r="2325" spans="3:4" x14ac:dyDescent="0.25">
      <c r="C2325"/>
      <c r="D2325"/>
    </row>
    <row r="2326" spans="3:4" x14ac:dyDescent="0.25">
      <c r="C2326"/>
      <c r="D2326"/>
    </row>
    <row r="2327" spans="3:4" x14ac:dyDescent="0.25">
      <c r="C2327"/>
      <c r="D2327"/>
    </row>
    <row r="2328" spans="3:4" x14ac:dyDescent="0.25">
      <c r="C2328"/>
      <c r="D2328"/>
    </row>
    <row r="2329" spans="3:4" x14ac:dyDescent="0.25">
      <c r="C2329"/>
      <c r="D2329"/>
    </row>
    <row r="2330" spans="3:4" x14ac:dyDescent="0.25">
      <c r="C2330"/>
      <c r="D2330"/>
    </row>
    <row r="2331" spans="3:4" x14ac:dyDescent="0.25">
      <c r="C2331"/>
      <c r="D2331"/>
    </row>
    <row r="2332" spans="3:4" x14ac:dyDescent="0.25">
      <c r="C2332"/>
      <c r="D2332"/>
    </row>
    <row r="2333" spans="3:4" x14ac:dyDescent="0.25">
      <c r="C2333"/>
      <c r="D2333"/>
    </row>
    <row r="2334" spans="3:4" x14ac:dyDescent="0.25">
      <c r="C2334"/>
      <c r="D2334"/>
    </row>
    <row r="2335" spans="3:4" x14ac:dyDescent="0.25">
      <c r="C2335"/>
      <c r="D2335"/>
    </row>
    <row r="2336" spans="3:4" x14ac:dyDescent="0.25">
      <c r="C2336"/>
      <c r="D2336"/>
    </row>
    <row r="2337" spans="3:4" x14ac:dyDescent="0.25">
      <c r="C2337"/>
      <c r="D2337"/>
    </row>
    <row r="2338" spans="3:4" x14ac:dyDescent="0.25">
      <c r="C2338"/>
      <c r="D2338"/>
    </row>
    <row r="2339" spans="3:4" x14ac:dyDescent="0.25">
      <c r="C2339"/>
      <c r="D2339"/>
    </row>
    <row r="2340" spans="3:4" x14ac:dyDescent="0.25">
      <c r="C2340"/>
      <c r="D2340"/>
    </row>
    <row r="2341" spans="3:4" x14ac:dyDescent="0.25">
      <c r="C2341"/>
      <c r="D2341"/>
    </row>
    <row r="2342" spans="3:4" x14ac:dyDescent="0.25">
      <c r="C2342"/>
      <c r="D2342"/>
    </row>
    <row r="2343" spans="3:4" x14ac:dyDescent="0.25">
      <c r="C2343"/>
      <c r="D2343"/>
    </row>
    <row r="2344" spans="3:4" x14ac:dyDescent="0.25">
      <c r="C2344"/>
      <c r="D2344"/>
    </row>
    <row r="2345" spans="3:4" x14ac:dyDescent="0.25">
      <c r="C2345"/>
      <c r="D2345"/>
    </row>
    <row r="2346" spans="3:4" x14ac:dyDescent="0.25">
      <c r="C2346"/>
      <c r="D2346"/>
    </row>
    <row r="2347" spans="3:4" x14ac:dyDescent="0.25">
      <c r="C2347"/>
      <c r="D2347"/>
    </row>
    <row r="2348" spans="3:4" x14ac:dyDescent="0.25">
      <c r="C2348"/>
      <c r="D2348"/>
    </row>
    <row r="2349" spans="3:4" x14ac:dyDescent="0.25">
      <c r="C2349"/>
      <c r="D2349"/>
    </row>
    <row r="2350" spans="3:4" x14ac:dyDescent="0.25">
      <c r="C2350"/>
      <c r="D2350"/>
    </row>
    <row r="2351" spans="3:4" x14ac:dyDescent="0.25">
      <c r="C2351"/>
      <c r="D2351"/>
    </row>
    <row r="2352" spans="3:4" x14ac:dyDescent="0.25">
      <c r="C2352"/>
      <c r="D2352"/>
    </row>
    <row r="2353" spans="3:4" x14ac:dyDescent="0.25">
      <c r="C2353"/>
      <c r="D2353"/>
    </row>
    <row r="2354" spans="3:4" x14ac:dyDescent="0.25">
      <c r="C2354"/>
      <c r="D2354"/>
    </row>
    <row r="2355" spans="3:4" x14ac:dyDescent="0.25">
      <c r="C2355"/>
      <c r="D2355"/>
    </row>
    <row r="2356" spans="3:4" x14ac:dyDescent="0.25">
      <c r="C2356"/>
      <c r="D2356"/>
    </row>
    <row r="2357" spans="3:4" x14ac:dyDescent="0.25">
      <c r="C2357"/>
      <c r="D2357"/>
    </row>
    <row r="2358" spans="3:4" x14ac:dyDescent="0.25">
      <c r="C2358"/>
      <c r="D2358"/>
    </row>
    <row r="2359" spans="3:4" x14ac:dyDescent="0.25">
      <c r="C2359"/>
      <c r="D2359"/>
    </row>
    <row r="2360" spans="3:4" x14ac:dyDescent="0.25">
      <c r="C2360"/>
      <c r="D2360"/>
    </row>
    <row r="2361" spans="3:4" x14ac:dyDescent="0.25">
      <c r="C2361"/>
      <c r="D2361"/>
    </row>
    <row r="2362" spans="3:4" x14ac:dyDescent="0.25">
      <c r="C2362"/>
      <c r="D2362"/>
    </row>
    <row r="2363" spans="3:4" x14ac:dyDescent="0.25">
      <c r="C2363"/>
      <c r="D2363"/>
    </row>
    <row r="2364" spans="3:4" x14ac:dyDescent="0.25">
      <c r="C2364"/>
      <c r="D2364"/>
    </row>
    <row r="2365" spans="3:4" x14ac:dyDescent="0.25">
      <c r="C2365"/>
      <c r="D2365"/>
    </row>
    <row r="2366" spans="3:4" x14ac:dyDescent="0.25">
      <c r="C2366"/>
      <c r="D2366"/>
    </row>
    <row r="2367" spans="3:4" x14ac:dyDescent="0.25">
      <c r="C2367"/>
      <c r="D2367"/>
    </row>
    <row r="2368" spans="3:4" x14ac:dyDescent="0.25">
      <c r="C2368"/>
      <c r="D2368"/>
    </row>
    <row r="2369" spans="3:4" x14ac:dyDescent="0.25">
      <c r="C2369"/>
      <c r="D2369"/>
    </row>
    <row r="2370" spans="3:4" x14ac:dyDescent="0.25">
      <c r="C2370"/>
      <c r="D2370"/>
    </row>
    <row r="2371" spans="3:4" x14ac:dyDescent="0.25">
      <c r="C2371"/>
      <c r="D2371"/>
    </row>
    <row r="2372" spans="3:4" x14ac:dyDescent="0.25">
      <c r="C2372"/>
      <c r="D2372"/>
    </row>
    <row r="2373" spans="3:4" x14ac:dyDescent="0.25">
      <c r="C2373"/>
      <c r="D2373"/>
    </row>
    <row r="2374" spans="3:4" x14ac:dyDescent="0.25">
      <c r="C2374"/>
      <c r="D2374"/>
    </row>
    <row r="2375" spans="3:4" x14ac:dyDescent="0.25">
      <c r="C2375"/>
      <c r="D2375"/>
    </row>
    <row r="2376" spans="3:4" x14ac:dyDescent="0.25">
      <c r="C2376"/>
      <c r="D2376"/>
    </row>
    <row r="2377" spans="3:4" x14ac:dyDescent="0.25">
      <c r="C2377"/>
      <c r="D2377"/>
    </row>
    <row r="2378" spans="3:4" x14ac:dyDescent="0.25">
      <c r="C2378"/>
      <c r="D2378"/>
    </row>
    <row r="2379" spans="3:4" x14ac:dyDescent="0.25">
      <c r="C2379"/>
      <c r="D2379"/>
    </row>
    <row r="2380" spans="3:4" x14ac:dyDescent="0.25">
      <c r="C2380"/>
      <c r="D2380"/>
    </row>
    <row r="2381" spans="3:4" x14ac:dyDescent="0.25">
      <c r="C2381"/>
      <c r="D2381"/>
    </row>
    <row r="2382" spans="3:4" x14ac:dyDescent="0.25">
      <c r="C2382"/>
      <c r="D2382"/>
    </row>
    <row r="2383" spans="3:4" x14ac:dyDescent="0.25">
      <c r="C2383"/>
      <c r="D2383"/>
    </row>
    <row r="2384" spans="3:4" x14ac:dyDescent="0.25">
      <c r="C2384"/>
      <c r="D2384"/>
    </row>
    <row r="2385" spans="3:4" x14ac:dyDescent="0.25">
      <c r="C2385"/>
      <c r="D2385"/>
    </row>
    <row r="2386" spans="3:4" x14ac:dyDescent="0.25">
      <c r="C2386"/>
      <c r="D2386"/>
    </row>
    <row r="2387" spans="3:4" x14ac:dyDescent="0.25">
      <c r="C2387"/>
      <c r="D2387"/>
    </row>
    <row r="2388" spans="3:4" x14ac:dyDescent="0.25">
      <c r="C2388"/>
      <c r="D2388"/>
    </row>
    <row r="2389" spans="3:4" x14ac:dyDescent="0.25">
      <c r="C2389"/>
      <c r="D2389"/>
    </row>
    <row r="2390" spans="3:4" x14ac:dyDescent="0.25">
      <c r="C2390"/>
      <c r="D2390"/>
    </row>
    <row r="2391" spans="3:4" x14ac:dyDescent="0.25">
      <c r="C2391"/>
      <c r="D2391"/>
    </row>
    <row r="2392" spans="3:4" x14ac:dyDescent="0.25">
      <c r="C2392"/>
      <c r="D2392"/>
    </row>
    <row r="2393" spans="3:4" x14ac:dyDescent="0.25">
      <c r="C2393"/>
      <c r="D2393"/>
    </row>
    <row r="2394" spans="3:4" x14ac:dyDescent="0.25">
      <c r="C2394"/>
      <c r="D2394"/>
    </row>
    <row r="2395" spans="3:4" x14ac:dyDescent="0.25">
      <c r="C2395"/>
      <c r="D2395"/>
    </row>
    <row r="2396" spans="3:4" x14ac:dyDescent="0.25">
      <c r="C2396"/>
      <c r="D2396"/>
    </row>
    <row r="2397" spans="3:4" x14ac:dyDescent="0.25">
      <c r="C2397"/>
      <c r="D2397"/>
    </row>
    <row r="2398" spans="3:4" x14ac:dyDescent="0.25">
      <c r="C2398"/>
      <c r="D2398"/>
    </row>
    <row r="2399" spans="3:4" x14ac:dyDescent="0.25">
      <c r="C2399"/>
      <c r="D2399"/>
    </row>
    <row r="2400" spans="3:4" x14ac:dyDescent="0.25">
      <c r="C2400"/>
      <c r="D2400"/>
    </row>
    <row r="2401" spans="3:4" x14ac:dyDescent="0.25">
      <c r="C2401"/>
      <c r="D2401"/>
    </row>
    <row r="2402" spans="3:4" x14ac:dyDescent="0.25">
      <c r="C2402"/>
      <c r="D2402"/>
    </row>
    <row r="2403" spans="3:4" x14ac:dyDescent="0.25">
      <c r="C2403"/>
      <c r="D2403"/>
    </row>
    <row r="2404" spans="3:4" x14ac:dyDescent="0.25">
      <c r="C2404"/>
      <c r="D2404"/>
    </row>
    <row r="2405" spans="3:4" x14ac:dyDescent="0.25">
      <c r="C2405"/>
      <c r="D2405"/>
    </row>
    <row r="2406" spans="3:4" x14ac:dyDescent="0.25">
      <c r="C2406"/>
      <c r="D2406"/>
    </row>
    <row r="2407" spans="3:4" x14ac:dyDescent="0.25">
      <c r="C2407"/>
      <c r="D2407"/>
    </row>
    <row r="2408" spans="3:4" x14ac:dyDescent="0.25">
      <c r="C2408"/>
      <c r="D2408"/>
    </row>
    <row r="2409" spans="3:4" x14ac:dyDescent="0.25">
      <c r="C2409"/>
      <c r="D2409"/>
    </row>
    <row r="2410" spans="3:4" x14ac:dyDescent="0.25">
      <c r="C2410"/>
      <c r="D2410"/>
    </row>
    <row r="2411" spans="3:4" x14ac:dyDescent="0.25">
      <c r="C2411"/>
      <c r="D2411"/>
    </row>
    <row r="2412" spans="3:4" x14ac:dyDescent="0.25">
      <c r="C2412"/>
      <c r="D2412"/>
    </row>
    <row r="2413" spans="3:4" x14ac:dyDescent="0.25">
      <c r="C2413"/>
      <c r="D2413"/>
    </row>
    <row r="2414" spans="3:4" x14ac:dyDescent="0.25">
      <c r="C2414"/>
      <c r="D2414"/>
    </row>
    <row r="2415" spans="3:4" x14ac:dyDescent="0.25">
      <c r="C2415"/>
      <c r="D2415"/>
    </row>
    <row r="2416" spans="3:4" x14ac:dyDescent="0.25">
      <c r="C2416"/>
      <c r="D2416"/>
    </row>
    <row r="2417" spans="3:4" x14ac:dyDescent="0.25">
      <c r="C2417"/>
      <c r="D2417"/>
    </row>
    <row r="2418" spans="3:4" x14ac:dyDescent="0.25">
      <c r="C2418"/>
      <c r="D2418"/>
    </row>
    <row r="2419" spans="3:4" x14ac:dyDescent="0.25">
      <c r="C2419"/>
      <c r="D2419"/>
    </row>
    <row r="2420" spans="3:4" x14ac:dyDescent="0.25">
      <c r="C2420"/>
      <c r="D2420"/>
    </row>
    <row r="2421" spans="3:4" x14ac:dyDescent="0.25">
      <c r="C2421"/>
      <c r="D2421"/>
    </row>
    <row r="2422" spans="3:4" x14ac:dyDescent="0.25">
      <c r="C2422"/>
      <c r="D2422"/>
    </row>
    <row r="2423" spans="3:4" x14ac:dyDescent="0.25">
      <c r="C2423"/>
      <c r="D2423"/>
    </row>
    <row r="2424" spans="3:4" x14ac:dyDescent="0.25">
      <c r="C2424"/>
      <c r="D2424"/>
    </row>
    <row r="2425" spans="3:4" x14ac:dyDescent="0.25">
      <c r="C2425"/>
      <c r="D2425"/>
    </row>
    <row r="2426" spans="3:4" x14ac:dyDescent="0.25">
      <c r="C2426"/>
      <c r="D2426"/>
    </row>
    <row r="2427" spans="3:4" x14ac:dyDescent="0.25">
      <c r="C2427"/>
      <c r="D2427"/>
    </row>
    <row r="2428" spans="3:4" x14ac:dyDescent="0.25">
      <c r="C2428"/>
      <c r="D2428"/>
    </row>
    <row r="2429" spans="3:4" x14ac:dyDescent="0.25">
      <c r="C2429"/>
      <c r="D2429"/>
    </row>
    <row r="2430" spans="3:4" x14ac:dyDescent="0.25">
      <c r="C2430"/>
      <c r="D2430"/>
    </row>
    <row r="2431" spans="3:4" x14ac:dyDescent="0.25">
      <c r="C2431"/>
      <c r="D2431"/>
    </row>
    <row r="2432" spans="3:4" x14ac:dyDescent="0.25">
      <c r="C2432"/>
      <c r="D2432"/>
    </row>
    <row r="2433" spans="3:4" x14ac:dyDescent="0.25">
      <c r="C2433"/>
      <c r="D2433"/>
    </row>
    <row r="2434" spans="3:4" x14ac:dyDescent="0.25">
      <c r="C2434"/>
      <c r="D2434"/>
    </row>
    <row r="2435" spans="3:4" x14ac:dyDescent="0.25">
      <c r="C2435"/>
      <c r="D2435"/>
    </row>
    <row r="2436" spans="3:4" x14ac:dyDescent="0.25">
      <c r="C2436"/>
      <c r="D2436"/>
    </row>
    <row r="2437" spans="3:4" x14ac:dyDescent="0.25">
      <c r="C2437"/>
      <c r="D2437"/>
    </row>
    <row r="2438" spans="3:4" x14ac:dyDescent="0.25">
      <c r="C2438"/>
      <c r="D2438"/>
    </row>
    <row r="2439" spans="3:4" x14ac:dyDescent="0.25">
      <c r="C2439"/>
      <c r="D2439"/>
    </row>
    <row r="2440" spans="3:4" x14ac:dyDescent="0.25">
      <c r="C2440"/>
      <c r="D2440"/>
    </row>
    <row r="2441" spans="3:4" x14ac:dyDescent="0.25">
      <c r="C2441"/>
      <c r="D2441"/>
    </row>
    <row r="2442" spans="3:4" x14ac:dyDescent="0.25">
      <c r="C2442"/>
      <c r="D2442"/>
    </row>
    <row r="2443" spans="3:4" x14ac:dyDescent="0.25">
      <c r="C2443"/>
      <c r="D2443"/>
    </row>
    <row r="2444" spans="3:4" x14ac:dyDescent="0.25">
      <c r="C2444"/>
      <c r="D2444"/>
    </row>
    <row r="2445" spans="3:4" x14ac:dyDescent="0.25">
      <c r="C2445"/>
      <c r="D2445"/>
    </row>
    <row r="2446" spans="3:4" x14ac:dyDescent="0.25">
      <c r="C2446"/>
      <c r="D2446"/>
    </row>
    <row r="2447" spans="3:4" x14ac:dyDescent="0.25">
      <c r="C2447"/>
      <c r="D2447"/>
    </row>
    <row r="2448" spans="3:4" x14ac:dyDescent="0.25">
      <c r="C2448"/>
      <c r="D2448"/>
    </row>
    <row r="2449" spans="3:4" x14ac:dyDescent="0.25">
      <c r="C2449"/>
      <c r="D2449"/>
    </row>
    <row r="2450" spans="3:4" x14ac:dyDescent="0.25">
      <c r="C2450"/>
      <c r="D2450"/>
    </row>
    <row r="2451" spans="3:4" x14ac:dyDescent="0.25">
      <c r="C2451"/>
      <c r="D2451"/>
    </row>
    <row r="2452" spans="3:4" x14ac:dyDescent="0.25">
      <c r="C2452"/>
      <c r="D2452"/>
    </row>
    <row r="2453" spans="3:4" x14ac:dyDescent="0.25">
      <c r="C2453"/>
      <c r="D2453"/>
    </row>
    <row r="2454" spans="3:4" x14ac:dyDescent="0.25">
      <c r="C2454"/>
      <c r="D2454"/>
    </row>
    <row r="2455" spans="3:4" x14ac:dyDescent="0.25">
      <c r="C2455"/>
      <c r="D2455"/>
    </row>
    <row r="2456" spans="3:4" x14ac:dyDescent="0.25">
      <c r="C2456"/>
      <c r="D2456"/>
    </row>
    <row r="2457" spans="3:4" x14ac:dyDescent="0.25">
      <c r="C2457"/>
      <c r="D2457"/>
    </row>
    <row r="2458" spans="3:4" x14ac:dyDescent="0.25">
      <c r="C2458"/>
      <c r="D2458"/>
    </row>
    <row r="2459" spans="3:4" x14ac:dyDescent="0.25">
      <c r="C2459"/>
      <c r="D2459"/>
    </row>
    <row r="2460" spans="3:4" x14ac:dyDescent="0.25">
      <c r="C2460"/>
      <c r="D2460"/>
    </row>
    <row r="2461" spans="3:4" x14ac:dyDescent="0.25">
      <c r="C2461"/>
      <c r="D2461"/>
    </row>
    <row r="2462" spans="3:4" x14ac:dyDescent="0.25">
      <c r="C2462"/>
      <c r="D2462"/>
    </row>
    <row r="2463" spans="3:4" x14ac:dyDescent="0.25">
      <c r="C2463"/>
      <c r="D2463"/>
    </row>
    <row r="2464" spans="3:4" x14ac:dyDescent="0.25">
      <c r="C2464"/>
      <c r="D2464"/>
    </row>
    <row r="2465" spans="3:4" x14ac:dyDescent="0.25">
      <c r="C2465"/>
      <c r="D2465"/>
    </row>
    <row r="2466" spans="3:4" x14ac:dyDescent="0.25">
      <c r="C2466"/>
      <c r="D2466"/>
    </row>
    <row r="2467" spans="3:4" x14ac:dyDescent="0.25">
      <c r="C2467"/>
      <c r="D2467"/>
    </row>
    <row r="2468" spans="3:4" x14ac:dyDescent="0.25">
      <c r="C2468"/>
      <c r="D2468"/>
    </row>
    <row r="2469" spans="3:4" x14ac:dyDescent="0.25">
      <c r="C2469"/>
      <c r="D2469"/>
    </row>
    <row r="2470" spans="3:4" x14ac:dyDescent="0.25">
      <c r="C2470"/>
      <c r="D2470"/>
    </row>
    <row r="2471" spans="3:4" x14ac:dyDescent="0.25">
      <c r="C2471"/>
      <c r="D2471"/>
    </row>
    <row r="2472" spans="3:4" x14ac:dyDescent="0.25">
      <c r="C2472"/>
      <c r="D2472"/>
    </row>
    <row r="2473" spans="3:4" x14ac:dyDescent="0.25">
      <c r="C2473"/>
      <c r="D2473"/>
    </row>
    <row r="2474" spans="3:4" x14ac:dyDescent="0.25">
      <c r="C2474"/>
      <c r="D2474"/>
    </row>
    <row r="2475" spans="3:4" x14ac:dyDescent="0.25">
      <c r="C2475"/>
      <c r="D2475"/>
    </row>
    <row r="2476" spans="3:4" x14ac:dyDescent="0.25">
      <c r="C2476"/>
      <c r="D2476"/>
    </row>
    <row r="2477" spans="3:4" x14ac:dyDescent="0.25">
      <c r="C2477"/>
      <c r="D2477"/>
    </row>
    <row r="2478" spans="3:4" x14ac:dyDescent="0.25">
      <c r="C2478"/>
      <c r="D2478"/>
    </row>
    <row r="2479" spans="3:4" x14ac:dyDescent="0.25">
      <c r="C2479"/>
      <c r="D2479"/>
    </row>
    <row r="2480" spans="3:4" x14ac:dyDescent="0.25">
      <c r="C2480"/>
      <c r="D2480"/>
    </row>
    <row r="2481" spans="3:4" x14ac:dyDescent="0.25">
      <c r="C2481"/>
      <c r="D2481"/>
    </row>
    <row r="2482" spans="3:4" x14ac:dyDescent="0.25">
      <c r="C2482"/>
      <c r="D2482"/>
    </row>
    <row r="2483" spans="3:4" x14ac:dyDescent="0.25">
      <c r="C2483"/>
      <c r="D2483"/>
    </row>
    <row r="2484" spans="3:4" x14ac:dyDescent="0.25">
      <c r="C2484"/>
      <c r="D2484"/>
    </row>
    <row r="2485" spans="3:4" x14ac:dyDescent="0.25">
      <c r="C2485"/>
      <c r="D2485"/>
    </row>
    <row r="2486" spans="3:4" x14ac:dyDescent="0.25">
      <c r="C2486"/>
      <c r="D2486"/>
    </row>
    <row r="2487" spans="3:4" x14ac:dyDescent="0.25">
      <c r="C2487"/>
      <c r="D2487"/>
    </row>
    <row r="2488" spans="3:4" x14ac:dyDescent="0.25">
      <c r="C2488"/>
      <c r="D2488"/>
    </row>
    <row r="2489" spans="3:4" x14ac:dyDescent="0.25">
      <c r="C2489"/>
      <c r="D2489"/>
    </row>
    <row r="2490" spans="3:4" x14ac:dyDescent="0.25">
      <c r="C2490"/>
      <c r="D2490"/>
    </row>
    <row r="2491" spans="3:4" x14ac:dyDescent="0.25">
      <c r="C2491"/>
      <c r="D2491"/>
    </row>
    <row r="2492" spans="3:4" x14ac:dyDescent="0.25">
      <c r="C2492"/>
      <c r="D2492"/>
    </row>
    <row r="2493" spans="3:4" x14ac:dyDescent="0.25">
      <c r="C2493"/>
      <c r="D2493"/>
    </row>
    <row r="2494" spans="3:4" x14ac:dyDescent="0.25">
      <c r="C2494"/>
      <c r="D2494"/>
    </row>
    <row r="2495" spans="3:4" x14ac:dyDescent="0.25">
      <c r="C2495"/>
      <c r="D2495"/>
    </row>
    <row r="2496" spans="3:4" x14ac:dyDescent="0.25">
      <c r="C2496"/>
      <c r="D2496"/>
    </row>
    <row r="2497" spans="3:4" x14ac:dyDescent="0.25">
      <c r="C2497"/>
      <c r="D2497"/>
    </row>
    <row r="2498" spans="3:4" x14ac:dyDescent="0.25">
      <c r="C2498"/>
      <c r="D2498"/>
    </row>
    <row r="2499" spans="3:4" x14ac:dyDescent="0.25">
      <c r="C2499"/>
      <c r="D2499"/>
    </row>
    <row r="2500" spans="3:4" x14ac:dyDescent="0.25">
      <c r="C2500"/>
      <c r="D2500"/>
    </row>
    <row r="2501" spans="3:4" x14ac:dyDescent="0.25">
      <c r="C2501"/>
      <c r="D2501"/>
    </row>
    <row r="2502" spans="3:4" x14ac:dyDescent="0.25">
      <c r="C2502"/>
      <c r="D2502"/>
    </row>
    <row r="2503" spans="3:4" x14ac:dyDescent="0.25">
      <c r="C2503"/>
      <c r="D2503"/>
    </row>
    <row r="2504" spans="3:4" x14ac:dyDescent="0.25">
      <c r="C2504"/>
      <c r="D2504"/>
    </row>
    <row r="2505" spans="3:4" x14ac:dyDescent="0.25">
      <c r="C2505"/>
      <c r="D2505"/>
    </row>
    <row r="2506" spans="3:4" x14ac:dyDescent="0.25">
      <c r="C2506"/>
      <c r="D2506"/>
    </row>
    <row r="2507" spans="3:4" x14ac:dyDescent="0.25">
      <c r="C2507"/>
      <c r="D2507"/>
    </row>
    <row r="2508" spans="3:4" x14ac:dyDescent="0.25">
      <c r="C2508"/>
      <c r="D2508"/>
    </row>
    <row r="2509" spans="3:4" x14ac:dyDescent="0.25">
      <c r="C2509"/>
      <c r="D2509"/>
    </row>
    <row r="2510" spans="3:4" x14ac:dyDescent="0.25">
      <c r="C2510"/>
      <c r="D2510"/>
    </row>
    <row r="2511" spans="3:4" x14ac:dyDescent="0.25">
      <c r="C2511"/>
      <c r="D2511"/>
    </row>
    <row r="2512" spans="3:4" x14ac:dyDescent="0.25">
      <c r="C2512"/>
      <c r="D2512"/>
    </row>
    <row r="2513" spans="3:4" x14ac:dyDescent="0.25">
      <c r="C2513"/>
      <c r="D2513"/>
    </row>
    <row r="2514" spans="3:4" x14ac:dyDescent="0.25">
      <c r="C2514"/>
      <c r="D2514"/>
    </row>
    <row r="2515" spans="3:4" x14ac:dyDescent="0.25">
      <c r="C2515"/>
      <c r="D2515"/>
    </row>
    <row r="2516" spans="3:4" x14ac:dyDescent="0.25">
      <c r="C2516"/>
      <c r="D2516"/>
    </row>
    <row r="2517" spans="3:4" x14ac:dyDescent="0.25">
      <c r="C2517"/>
      <c r="D2517"/>
    </row>
    <row r="2518" spans="3:4" x14ac:dyDescent="0.25">
      <c r="C2518"/>
      <c r="D2518"/>
    </row>
    <row r="2519" spans="3:4" x14ac:dyDescent="0.25">
      <c r="C2519"/>
      <c r="D2519"/>
    </row>
    <row r="2520" spans="3:4" x14ac:dyDescent="0.25">
      <c r="C2520"/>
      <c r="D2520"/>
    </row>
    <row r="2521" spans="3:4" x14ac:dyDescent="0.25">
      <c r="C2521"/>
      <c r="D2521"/>
    </row>
    <row r="2522" spans="3:4" x14ac:dyDescent="0.25">
      <c r="C2522"/>
      <c r="D2522"/>
    </row>
    <row r="2523" spans="3:4" x14ac:dyDescent="0.25">
      <c r="C2523"/>
      <c r="D2523"/>
    </row>
    <row r="2524" spans="3:4" x14ac:dyDescent="0.25">
      <c r="C2524"/>
      <c r="D2524"/>
    </row>
    <row r="2525" spans="3:4" x14ac:dyDescent="0.25">
      <c r="C2525"/>
      <c r="D2525"/>
    </row>
    <row r="2526" spans="3:4" x14ac:dyDescent="0.25">
      <c r="C2526"/>
      <c r="D2526"/>
    </row>
    <row r="2527" spans="3:4" x14ac:dyDescent="0.25">
      <c r="C2527"/>
      <c r="D2527"/>
    </row>
    <row r="2528" spans="3:4" x14ac:dyDescent="0.25">
      <c r="C2528"/>
      <c r="D2528"/>
    </row>
    <row r="2529" spans="3:4" x14ac:dyDescent="0.25">
      <c r="C2529"/>
      <c r="D2529"/>
    </row>
    <row r="2530" spans="3:4" x14ac:dyDescent="0.25">
      <c r="C2530"/>
      <c r="D2530"/>
    </row>
    <row r="2531" spans="3:4" x14ac:dyDescent="0.25">
      <c r="C2531"/>
      <c r="D2531"/>
    </row>
    <row r="2532" spans="3:4" x14ac:dyDescent="0.25">
      <c r="C2532"/>
      <c r="D2532"/>
    </row>
    <row r="2533" spans="3:4" x14ac:dyDescent="0.25">
      <c r="C2533"/>
      <c r="D2533"/>
    </row>
    <row r="2534" spans="3:4" x14ac:dyDescent="0.25">
      <c r="C2534"/>
      <c r="D2534"/>
    </row>
    <row r="2535" spans="3:4" x14ac:dyDescent="0.25">
      <c r="C2535"/>
      <c r="D2535"/>
    </row>
    <row r="2536" spans="3:4" x14ac:dyDescent="0.25">
      <c r="C2536"/>
      <c r="D2536"/>
    </row>
    <row r="2537" spans="3:4" x14ac:dyDescent="0.25">
      <c r="C2537"/>
      <c r="D2537"/>
    </row>
    <row r="2538" spans="3:4" x14ac:dyDescent="0.25">
      <c r="C2538"/>
      <c r="D2538"/>
    </row>
    <row r="2539" spans="3:4" x14ac:dyDescent="0.25">
      <c r="C2539"/>
      <c r="D2539"/>
    </row>
    <row r="2540" spans="3:4" x14ac:dyDescent="0.25">
      <c r="C2540"/>
      <c r="D2540"/>
    </row>
    <row r="2541" spans="3:4" x14ac:dyDescent="0.25">
      <c r="C2541"/>
      <c r="D2541"/>
    </row>
    <row r="2542" spans="3:4" x14ac:dyDescent="0.25">
      <c r="C2542"/>
      <c r="D2542"/>
    </row>
    <row r="2543" spans="3:4" x14ac:dyDescent="0.25">
      <c r="C2543"/>
      <c r="D2543"/>
    </row>
    <row r="2544" spans="3:4" x14ac:dyDescent="0.25">
      <c r="C2544"/>
      <c r="D2544"/>
    </row>
    <row r="2545" spans="3:4" x14ac:dyDescent="0.25">
      <c r="C2545"/>
      <c r="D2545"/>
    </row>
    <row r="2546" spans="3:4" x14ac:dyDescent="0.25">
      <c r="C2546"/>
      <c r="D2546"/>
    </row>
    <row r="2547" spans="3:4" x14ac:dyDescent="0.25">
      <c r="C2547"/>
      <c r="D2547"/>
    </row>
    <row r="2548" spans="3:4" x14ac:dyDescent="0.25">
      <c r="C2548"/>
      <c r="D2548"/>
    </row>
    <row r="2549" spans="3:4" x14ac:dyDescent="0.25">
      <c r="C2549"/>
      <c r="D2549"/>
    </row>
    <row r="2550" spans="3:4" x14ac:dyDescent="0.25">
      <c r="C2550"/>
      <c r="D2550"/>
    </row>
    <row r="2551" spans="3:4" x14ac:dyDescent="0.25">
      <c r="C2551"/>
      <c r="D2551"/>
    </row>
    <row r="2552" spans="3:4" x14ac:dyDescent="0.25">
      <c r="C2552"/>
      <c r="D2552"/>
    </row>
    <row r="2553" spans="3:4" x14ac:dyDescent="0.25">
      <c r="C2553"/>
      <c r="D2553"/>
    </row>
    <row r="2554" spans="3:4" x14ac:dyDescent="0.25">
      <c r="C2554"/>
      <c r="D2554"/>
    </row>
    <row r="2555" spans="3:4" x14ac:dyDescent="0.25">
      <c r="C2555"/>
      <c r="D2555"/>
    </row>
    <row r="2556" spans="3:4" x14ac:dyDescent="0.25">
      <c r="C2556"/>
      <c r="D2556"/>
    </row>
    <row r="2557" spans="3:4" x14ac:dyDescent="0.25">
      <c r="C2557"/>
      <c r="D2557"/>
    </row>
    <row r="2558" spans="3:4" x14ac:dyDescent="0.25">
      <c r="C2558"/>
      <c r="D2558"/>
    </row>
    <row r="2559" spans="3:4" x14ac:dyDescent="0.25">
      <c r="C2559"/>
      <c r="D2559"/>
    </row>
    <row r="2560" spans="3:4" x14ac:dyDescent="0.25">
      <c r="C2560"/>
      <c r="D2560"/>
    </row>
    <row r="2561" spans="3:4" x14ac:dyDescent="0.25">
      <c r="C2561"/>
      <c r="D2561"/>
    </row>
    <row r="2562" spans="3:4" x14ac:dyDescent="0.25">
      <c r="C2562"/>
      <c r="D2562"/>
    </row>
    <row r="2563" spans="3:4" x14ac:dyDescent="0.25">
      <c r="C2563"/>
      <c r="D2563"/>
    </row>
    <row r="2564" spans="3:4" x14ac:dyDescent="0.25">
      <c r="C2564"/>
      <c r="D2564"/>
    </row>
    <row r="2565" spans="3:4" x14ac:dyDescent="0.25">
      <c r="C2565"/>
      <c r="D2565"/>
    </row>
    <row r="2566" spans="3:4" x14ac:dyDescent="0.25">
      <c r="C2566"/>
      <c r="D2566"/>
    </row>
    <row r="2567" spans="3:4" x14ac:dyDescent="0.25">
      <c r="C2567"/>
      <c r="D2567"/>
    </row>
    <row r="2568" spans="3:4" x14ac:dyDescent="0.25">
      <c r="C2568"/>
      <c r="D2568"/>
    </row>
    <row r="2569" spans="3:4" x14ac:dyDescent="0.25">
      <c r="C2569"/>
      <c r="D2569"/>
    </row>
    <row r="2570" spans="3:4" x14ac:dyDescent="0.25">
      <c r="C2570"/>
      <c r="D2570"/>
    </row>
    <row r="2571" spans="3:4" x14ac:dyDescent="0.25">
      <c r="C2571"/>
      <c r="D2571"/>
    </row>
    <row r="2572" spans="3:4" x14ac:dyDescent="0.25">
      <c r="C2572"/>
      <c r="D2572"/>
    </row>
    <row r="2573" spans="3:4" x14ac:dyDescent="0.25">
      <c r="C2573"/>
      <c r="D2573"/>
    </row>
    <row r="2574" spans="3:4" x14ac:dyDescent="0.25">
      <c r="C2574"/>
      <c r="D2574"/>
    </row>
    <row r="2575" spans="3:4" x14ac:dyDescent="0.25">
      <c r="C2575"/>
      <c r="D2575"/>
    </row>
    <row r="2576" spans="3:4" x14ac:dyDescent="0.25">
      <c r="C2576"/>
      <c r="D2576"/>
    </row>
    <row r="2577" spans="3:4" x14ac:dyDescent="0.25">
      <c r="C2577"/>
      <c r="D2577"/>
    </row>
    <row r="2578" spans="3:4" x14ac:dyDescent="0.25">
      <c r="C2578"/>
      <c r="D2578"/>
    </row>
    <row r="2579" spans="3:4" x14ac:dyDescent="0.25">
      <c r="C2579"/>
      <c r="D2579"/>
    </row>
    <row r="2580" spans="3:4" x14ac:dyDescent="0.25">
      <c r="C2580"/>
      <c r="D2580"/>
    </row>
    <row r="2581" spans="3:4" x14ac:dyDescent="0.25">
      <c r="C2581"/>
      <c r="D2581"/>
    </row>
    <row r="2582" spans="3:4" x14ac:dyDescent="0.25">
      <c r="C2582"/>
      <c r="D2582"/>
    </row>
    <row r="2583" spans="3:4" x14ac:dyDescent="0.25">
      <c r="C2583"/>
      <c r="D2583"/>
    </row>
    <row r="2584" spans="3:4" x14ac:dyDescent="0.25">
      <c r="C2584"/>
      <c r="D2584"/>
    </row>
    <row r="2585" spans="3:4" x14ac:dyDescent="0.25">
      <c r="C2585"/>
      <c r="D2585"/>
    </row>
    <row r="2586" spans="3:4" x14ac:dyDescent="0.25">
      <c r="C2586"/>
      <c r="D2586"/>
    </row>
    <row r="2587" spans="3:4" x14ac:dyDescent="0.25">
      <c r="C2587"/>
      <c r="D2587"/>
    </row>
    <row r="2588" spans="3:4" x14ac:dyDescent="0.25">
      <c r="C2588"/>
      <c r="D2588"/>
    </row>
    <row r="2589" spans="3:4" x14ac:dyDescent="0.25">
      <c r="C2589"/>
      <c r="D2589"/>
    </row>
    <row r="2590" spans="3:4" x14ac:dyDescent="0.25">
      <c r="C2590"/>
      <c r="D2590"/>
    </row>
    <row r="2591" spans="3:4" x14ac:dyDescent="0.25">
      <c r="C2591"/>
      <c r="D2591"/>
    </row>
    <row r="2592" spans="3:4" x14ac:dyDescent="0.25">
      <c r="C2592"/>
      <c r="D2592"/>
    </row>
    <row r="2593" spans="3:4" x14ac:dyDescent="0.25">
      <c r="C2593"/>
      <c r="D2593"/>
    </row>
    <row r="2594" spans="3:4" x14ac:dyDescent="0.25">
      <c r="C2594"/>
      <c r="D2594"/>
    </row>
    <row r="2595" spans="3:4" x14ac:dyDescent="0.25">
      <c r="C2595"/>
      <c r="D2595"/>
    </row>
    <row r="2596" spans="3:4" x14ac:dyDescent="0.25">
      <c r="C2596"/>
      <c r="D2596"/>
    </row>
    <row r="2597" spans="3:4" x14ac:dyDescent="0.25">
      <c r="C2597"/>
      <c r="D2597"/>
    </row>
    <row r="2598" spans="3:4" x14ac:dyDescent="0.25">
      <c r="C2598"/>
      <c r="D2598"/>
    </row>
    <row r="2599" spans="3:4" x14ac:dyDescent="0.25">
      <c r="C2599"/>
      <c r="D2599"/>
    </row>
    <row r="2600" spans="3:4" x14ac:dyDescent="0.25">
      <c r="C2600"/>
      <c r="D2600"/>
    </row>
    <row r="2601" spans="3:4" x14ac:dyDescent="0.25">
      <c r="C2601"/>
      <c r="D2601"/>
    </row>
    <row r="2602" spans="3:4" x14ac:dyDescent="0.25">
      <c r="C2602"/>
      <c r="D2602"/>
    </row>
    <row r="2603" spans="3:4" x14ac:dyDescent="0.25">
      <c r="C2603"/>
      <c r="D2603"/>
    </row>
    <row r="2604" spans="3:4" x14ac:dyDescent="0.25">
      <c r="C2604"/>
      <c r="D2604"/>
    </row>
    <row r="2605" spans="3:4" x14ac:dyDescent="0.25">
      <c r="C2605"/>
      <c r="D2605"/>
    </row>
    <row r="2606" spans="3:4" x14ac:dyDescent="0.25">
      <c r="C2606"/>
      <c r="D2606"/>
    </row>
    <row r="2607" spans="3:4" x14ac:dyDescent="0.25">
      <c r="C2607"/>
      <c r="D2607"/>
    </row>
    <row r="2608" spans="3:4" x14ac:dyDescent="0.25">
      <c r="C2608"/>
      <c r="D2608"/>
    </row>
    <row r="2609" spans="3:4" x14ac:dyDescent="0.25">
      <c r="C2609"/>
      <c r="D2609"/>
    </row>
    <row r="2610" spans="3:4" x14ac:dyDescent="0.25">
      <c r="C2610"/>
      <c r="D2610"/>
    </row>
    <row r="2611" spans="3:4" x14ac:dyDescent="0.25">
      <c r="C2611"/>
      <c r="D2611"/>
    </row>
    <row r="2612" spans="3:4" x14ac:dyDescent="0.25">
      <c r="C2612"/>
      <c r="D2612"/>
    </row>
    <row r="2613" spans="3:4" x14ac:dyDescent="0.25">
      <c r="C2613"/>
      <c r="D2613"/>
    </row>
    <row r="2614" spans="3:4" x14ac:dyDescent="0.25">
      <c r="C2614"/>
      <c r="D2614"/>
    </row>
    <row r="2615" spans="3:4" x14ac:dyDescent="0.25">
      <c r="C2615"/>
      <c r="D2615"/>
    </row>
    <row r="2616" spans="3:4" x14ac:dyDescent="0.25">
      <c r="C2616"/>
      <c r="D2616"/>
    </row>
    <row r="2617" spans="3:4" x14ac:dyDescent="0.25">
      <c r="C2617"/>
      <c r="D2617"/>
    </row>
    <row r="2618" spans="3:4" x14ac:dyDescent="0.25">
      <c r="C2618"/>
      <c r="D2618"/>
    </row>
    <row r="2619" spans="3:4" x14ac:dyDescent="0.25">
      <c r="C2619"/>
      <c r="D2619"/>
    </row>
    <row r="2620" spans="3:4" x14ac:dyDescent="0.25">
      <c r="C2620"/>
      <c r="D2620"/>
    </row>
    <row r="2621" spans="3:4" x14ac:dyDescent="0.25">
      <c r="C2621"/>
      <c r="D2621"/>
    </row>
    <row r="2622" spans="3:4" x14ac:dyDescent="0.25">
      <c r="C2622"/>
      <c r="D2622"/>
    </row>
    <row r="2623" spans="3:4" x14ac:dyDescent="0.25">
      <c r="C2623"/>
      <c r="D2623"/>
    </row>
    <row r="2624" spans="3:4" x14ac:dyDescent="0.25">
      <c r="C2624"/>
      <c r="D2624"/>
    </row>
    <row r="2625" spans="3:4" x14ac:dyDescent="0.25">
      <c r="C2625"/>
      <c r="D2625"/>
    </row>
    <row r="2626" spans="3:4" x14ac:dyDescent="0.25">
      <c r="C2626"/>
      <c r="D2626"/>
    </row>
    <row r="2627" spans="3:4" x14ac:dyDescent="0.25">
      <c r="C2627"/>
      <c r="D2627"/>
    </row>
    <row r="2628" spans="3:4" x14ac:dyDescent="0.25">
      <c r="C2628"/>
      <c r="D2628"/>
    </row>
    <row r="2629" spans="3:4" x14ac:dyDescent="0.25">
      <c r="C2629"/>
      <c r="D2629"/>
    </row>
    <row r="2630" spans="3:4" x14ac:dyDescent="0.25">
      <c r="C2630"/>
      <c r="D2630"/>
    </row>
    <row r="2631" spans="3:4" x14ac:dyDescent="0.25">
      <c r="C2631"/>
      <c r="D2631"/>
    </row>
    <row r="2632" spans="3:4" x14ac:dyDescent="0.25">
      <c r="C2632"/>
      <c r="D2632"/>
    </row>
    <row r="2633" spans="3:4" x14ac:dyDescent="0.25">
      <c r="C2633"/>
      <c r="D2633"/>
    </row>
    <row r="2634" spans="3:4" x14ac:dyDescent="0.25">
      <c r="C2634"/>
      <c r="D2634"/>
    </row>
    <row r="2635" spans="3:4" x14ac:dyDescent="0.25">
      <c r="C2635"/>
      <c r="D2635"/>
    </row>
    <row r="2636" spans="3:4" x14ac:dyDescent="0.25">
      <c r="C2636"/>
      <c r="D2636"/>
    </row>
    <row r="2637" spans="3:4" x14ac:dyDescent="0.25">
      <c r="C2637"/>
      <c r="D2637"/>
    </row>
    <row r="2638" spans="3:4" x14ac:dyDescent="0.25">
      <c r="C2638"/>
      <c r="D2638"/>
    </row>
    <row r="2639" spans="3:4" x14ac:dyDescent="0.25">
      <c r="C2639"/>
      <c r="D2639"/>
    </row>
    <row r="2640" spans="3:4" x14ac:dyDescent="0.25">
      <c r="C2640"/>
      <c r="D2640"/>
    </row>
    <row r="2641" spans="3:4" x14ac:dyDescent="0.25">
      <c r="C2641"/>
      <c r="D2641"/>
    </row>
    <row r="2642" spans="3:4" x14ac:dyDescent="0.25">
      <c r="C2642"/>
      <c r="D2642"/>
    </row>
    <row r="2643" spans="3:4" x14ac:dyDescent="0.25">
      <c r="C2643"/>
      <c r="D2643"/>
    </row>
    <row r="2644" spans="3:4" x14ac:dyDescent="0.25">
      <c r="C2644"/>
      <c r="D2644"/>
    </row>
    <row r="2645" spans="3:4" x14ac:dyDescent="0.25">
      <c r="C2645"/>
      <c r="D2645"/>
    </row>
    <row r="2646" spans="3:4" x14ac:dyDescent="0.25">
      <c r="C2646"/>
      <c r="D2646"/>
    </row>
    <row r="2647" spans="3:4" x14ac:dyDescent="0.25">
      <c r="C2647"/>
      <c r="D2647"/>
    </row>
    <row r="2648" spans="3:4" x14ac:dyDescent="0.25">
      <c r="C2648"/>
      <c r="D2648"/>
    </row>
    <row r="2649" spans="3:4" x14ac:dyDescent="0.25">
      <c r="C2649"/>
      <c r="D2649"/>
    </row>
    <row r="2650" spans="3:4" x14ac:dyDescent="0.25">
      <c r="C2650"/>
      <c r="D2650"/>
    </row>
    <row r="2651" spans="3:4" x14ac:dyDescent="0.25">
      <c r="C2651"/>
      <c r="D2651"/>
    </row>
    <row r="2652" spans="3:4" x14ac:dyDescent="0.25">
      <c r="C2652"/>
      <c r="D2652"/>
    </row>
    <row r="2653" spans="3:4" x14ac:dyDescent="0.25">
      <c r="C2653"/>
      <c r="D2653"/>
    </row>
    <row r="2654" spans="3:4" x14ac:dyDescent="0.25">
      <c r="C2654"/>
      <c r="D2654"/>
    </row>
    <row r="2655" spans="3:4" x14ac:dyDescent="0.25">
      <c r="C2655"/>
      <c r="D2655"/>
    </row>
    <row r="2656" spans="3:4" x14ac:dyDescent="0.25">
      <c r="C2656"/>
      <c r="D2656"/>
    </row>
    <row r="2657" spans="3:4" x14ac:dyDescent="0.25">
      <c r="C2657"/>
      <c r="D2657"/>
    </row>
    <row r="2658" spans="3:4" x14ac:dyDescent="0.25">
      <c r="C2658"/>
      <c r="D2658"/>
    </row>
    <row r="2659" spans="3:4" x14ac:dyDescent="0.25">
      <c r="C2659"/>
      <c r="D2659"/>
    </row>
    <row r="2660" spans="3:4" x14ac:dyDescent="0.25">
      <c r="C2660"/>
      <c r="D2660"/>
    </row>
    <row r="2661" spans="3:4" x14ac:dyDescent="0.25">
      <c r="C2661"/>
      <c r="D2661"/>
    </row>
    <row r="2662" spans="3:4" x14ac:dyDescent="0.25">
      <c r="C2662"/>
      <c r="D2662"/>
    </row>
    <row r="2663" spans="3:4" x14ac:dyDescent="0.25">
      <c r="C2663"/>
      <c r="D2663"/>
    </row>
    <row r="2664" spans="3:4" x14ac:dyDescent="0.25">
      <c r="C2664"/>
      <c r="D2664"/>
    </row>
    <row r="2665" spans="3:4" x14ac:dyDescent="0.25">
      <c r="C2665"/>
      <c r="D2665"/>
    </row>
    <row r="2666" spans="3:4" x14ac:dyDescent="0.25">
      <c r="C2666"/>
      <c r="D2666"/>
    </row>
    <row r="2667" spans="3:4" x14ac:dyDescent="0.25">
      <c r="C2667"/>
      <c r="D2667"/>
    </row>
    <row r="2668" spans="3:4" x14ac:dyDescent="0.25">
      <c r="C2668"/>
      <c r="D2668"/>
    </row>
    <row r="2669" spans="3:4" x14ac:dyDescent="0.25">
      <c r="C2669"/>
      <c r="D2669"/>
    </row>
    <row r="2670" spans="3:4" x14ac:dyDescent="0.25">
      <c r="C2670"/>
      <c r="D2670"/>
    </row>
    <row r="2671" spans="3:4" x14ac:dyDescent="0.25">
      <c r="C2671"/>
      <c r="D2671"/>
    </row>
    <row r="2672" spans="3:4" x14ac:dyDescent="0.25">
      <c r="C2672"/>
      <c r="D2672"/>
    </row>
    <row r="2673" spans="3:4" x14ac:dyDescent="0.25">
      <c r="C2673"/>
      <c r="D2673"/>
    </row>
    <row r="2674" spans="3:4" x14ac:dyDescent="0.25">
      <c r="C2674"/>
      <c r="D2674"/>
    </row>
    <row r="2675" spans="3:4" x14ac:dyDescent="0.25">
      <c r="C2675"/>
      <c r="D2675"/>
    </row>
    <row r="2676" spans="3:4" x14ac:dyDescent="0.25">
      <c r="C2676"/>
      <c r="D2676"/>
    </row>
    <row r="2677" spans="3:4" x14ac:dyDescent="0.25">
      <c r="C2677"/>
      <c r="D2677"/>
    </row>
    <row r="2678" spans="3:4" x14ac:dyDescent="0.25">
      <c r="C2678"/>
      <c r="D2678"/>
    </row>
    <row r="2679" spans="3:4" x14ac:dyDescent="0.25">
      <c r="C2679"/>
      <c r="D2679"/>
    </row>
    <row r="2680" spans="3:4" x14ac:dyDescent="0.25">
      <c r="C2680"/>
      <c r="D2680"/>
    </row>
    <row r="2681" spans="3:4" x14ac:dyDescent="0.25">
      <c r="C2681"/>
      <c r="D2681"/>
    </row>
    <row r="2682" spans="3:4" x14ac:dyDescent="0.25">
      <c r="C2682"/>
      <c r="D2682"/>
    </row>
    <row r="2683" spans="3:4" x14ac:dyDescent="0.25">
      <c r="C2683"/>
      <c r="D2683"/>
    </row>
    <row r="2684" spans="3:4" x14ac:dyDescent="0.25">
      <c r="C2684"/>
      <c r="D2684"/>
    </row>
    <row r="2685" spans="3:4" x14ac:dyDescent="0.25">
      <c r="C2685"/>
      <c r="D2685"/>
    </row>
    <row r="2686" spans="3:4" x14ac:dyDescent="0.25">
      <c r="C2686"/>
      <c r="D2686"/>
    </row>
    <row r="2687" spans="3:4" x14ac:dyDescent="0.25">
      <c r="C2687"/>
      <c r="D2687"/>
    </row>
    <row r="2688" spans="3:4" x14ac:dyDescent="0.25">
      <c r="C2688"/>
      <c r="D2688"/>
    </row>
    <row r="2689" spans="3:4" x14ac:dyDescent="0.25">
      <c r="C2689"/>
      <c r="D2689"/>
    </row>
    <row r="2690" spans="3:4" x14ac:dyDescent="0.25">
      <c r="C2690"/>
      <c r="D2690"/>
    </row>
    <row r="2691" spans="3:4" x14ac:dyDescent="0.25">
      <c r="C2691"/>
      <c r="D2691"/>
    </row>
    <row r="2692" spans="3:4" x14ac:dyDescent="0.25">
      <c r="C2692"/>
      <c r="D2692"/>
    </row>
    <row r="2693" spans="3:4" x14ac:dyDescent="0.25">
      <c r="C2693"/>
      <c r="D2693"/>
    </row>
    <row r="2694" spans="3:4" x14ac:dyDescent="0.25">
      <c r="C2694"/>
      <c r="D2694"/>
    </row>
    <row r="2695" spans="3:4" x14ac:dyDescent="0.25">
      <c r="C2695"/>
      <c r="D2695"/>
    </row>
    <row r="2696" spans="3:4" x14ac:dyDescent="0.25">
      <c r="C2696"/>
      <c r="D2696"/>
    </row>
    <row r="2697" spans="3:4" x14ac:dyDescent="0.25">
      <c r="C2697"/>
      <c r="D2697"/>
    </row>
    <row r="2698" spans="3:4" x14ac:dyDescent="0.25">
      <c r="C2698"/>
      <c r="D2698"/>
    </row>
    <row r="2699" spans="3:4" x14ac:dyDescent="0.25">
      <c r="C2699"/>
      <c r="D2699"/>
    </row>
    <row r="2700" spans="3:4" x14ac:dyDescent="0.25">
      <c r="C2700"/>
      <c r="D2700"/>
    </row>
    <row r="2701" spans="3:4" x14ac:dyDescent="0.25">
      <c r="C2701"/>
      <c r="D2701"/>
    </row>
    <row r="2702" spans="3:4" x14ac:dyDescent="0.25">
      <c r="C2702"/>
      <c r="D2702"/>
    </row>
    <row r="2703" spans="3:4" x14ac:dyDescent="0.25">
      <c r="C2703"/>
      <c r="D2703"/>
    </row>
    <row r="2704" spans="3:4" x14ac:dyDescent="0.25">
      <c r="C2704"/>
      <c r="D2704"/>
    </row>
    <row r="2705" spans="3:4" x14ac:dyDescent="0.25">
      <c r="C2705"/>
      <c r="D2705"/>
    </row>
    <row r="2706" spans="3:4" x14ac:dyDescent="0.25">
      <c r="C2706"/>
      <c r="D2706"/>
    </row>
    <row r="2707" spans="3:4" x14ac:dyDescent="0.25">
      <c r="C2707"/>
      <c r="D2707"/>
    </row>
    <row r="2708" spans="3:4" x14ac:dyDescent="0.25">
      <c r="C2708"/>
      <c r="D2708"/>
    </row>
    <row r="2709" spans="3:4" x14ac:dyDescent="0.25">
      <c r="C2709"/>
      <c r="D2709"/>
    </row>
    <row r="2710" spans="3:4" x14ac:dyDescent="0.25">
      <c r="C2710"/>
      <c r="D2710"/>
    </row>
    <row r="2711" spans="3:4" x14ac:dyDescent="0.25">
      <c r="C2711"/>
      <c r="D2711"/>
    </row>
    <row r="2712" spans="3:4" x14ac:dyDescent="0.25">
      <c r="C2712"/>
      <c r="D2712"/>
    </row>
    <row r="2713" spans="3:4" x14ac:dyDescent="0.25">
      <c r="C2713"/>
      <c r="D2713"/>
    </row>
    <row r="2714" spans="3:4" x14ac:dyDescent="0.25">
      <c r="C2714"/>
      <c r="D2714"/>
    </row>
    <row r="2715" spans="3:4" x14ac:dyDescent="0.25">
      <c r="C2715"/>
      <c r="D2715"/>
    </row>
    <row r="2716" spans="3:4" x14ac:dyDescent="0.25">
      <c r="C2716"/>
      <c r="D2716"/>
    </row>
    <row r="2717" spans="3:4" x14ac:dyDescent="0.25">
      <c r="C2717"/>
      <c r="D2717"/>
    </row>
    <row r="2718" spans="3:4" x14ac:dyDescent="0.25">
      <c r="C2718"/>
      <c r="D2718"/>
    </row>
    <row r="2719" spans="3:4" x14ac:dyDescent="0.25">
      <c r="C2719"/>
      <c r="D2719"/>
    </row>
    <row r="2720" spans="3:4" x14ac:dyDescent="0.25">
      <c r="C2720"/>
      <c r="D2720"/>
    </row>
    <row r="2721" spans="3:4" x14ac:dyDescent="0.25">
      <c r="C2721"/>
      <c r="D2721"/>
    </row>
    <row r="2722" spans="3:4" x14ac:dyDescent="0.25">
      <c r="C2722"/>
      <c r="D2722"/>
    </row>
    <row r="2723" spans="3:4" x14ac:dyDescent="0.25">
      <c r="C2723"/>
      <c r="D2723"/>
    </row>
    <row r="2724" spans="3:4" x14ac:dyDescent="0.25">
      <c r="C2724"/>
      <c r="D2724"/>
    </row>
    <row r="2725" spans="3:4" x14ac:dyDescent="0.25">
      <c r="C2725"/>
      <c r="D2725"/>
    </row>
    <row r="2726" spans="3:4" x14ac:dyDescent="0.25">
      <c r="C2726"/>
      <c r="D2726"/>
    </row>
    <row r="2727" spans="3:4" x14ac:dyDescent="0.25">
      <c r="C2727"/>
      <c r="D2727"/>
    </row>
    <row r="2728" spans="3:4" x14ac:dyDescent="0.25">
      <c r="C2728"/>
      <c r="D2728"/>
    </row>
    <row r="2729" spans="3:4" x14ac:dyDescent="0.25">
      <c r="C2729"/>
      <c r="D2729"/>
    </row>
    <row r="2730" spans="3:4" x14ac:dyDescent="0.25">
      <c r="C2730"/>
      <c r="D2730"/>
    </row>
    <row r="2731" spans="3:4" x14ac:dyDescent="0.25">
      <c r="C2731"/>
      <c r="D2731"/>
    </row>
    <row r="2732" spans="3:4" x14ac:dyDescent="0.25">
      <c r="C2732"/>
      <c r="D2732"/>
    </row>
    <row r="2733" spans="3:4" x14ac:dyDescent="0.25">
      <c r="C2733"/>
      <c r="D2733"/>
    </row>
    <row r="2734" spans="3:4" x14ac:dyDescent="0.25">
      <c r="C2734"/>
      <c r="D2734"/>
    </row>
    <row r="2735" spans="3:4" x14ac:dyDescent="0.25">
      <c r="C2735"/>
      <c r="D2735"/>
    </row>
    <row r="2736" spans="3:4" x14ac:dyDescent="0.25">
      <c r="C2736"/>
      <c r="D2736"/>
    </row>
    <row r="2737" spans="3:4" x14ac:dyDescent="0.25">
      <c r="C2737"/>
      <c r="D2737"/>
    </row>
    <row r="2738" spans="3:4" x14ac:dyDescent="0.25">
      <c r="C2738"/>
      <c r="D2738"/>
    </row>
    <row r="2739" spans="3:4" x14ac:dyDescent="0.25">
      <c r="C2739"/>
      <c r="D2739"/>
    </row>
    <row r="2740" spans="3:4" x14ac:dyDescent="0.25">
      <c r="C2740"/>
      <c r="D2740"/>
    </row>
    <row r="2741" spans="3:4" x14ac:dyDescent="0.25">
      <c r="C2741"/>
      <c r="D2741"/>
    </row>
    <row r="2742" spans="3:4" x14ac:dyDescent="0.25">
      <c r="C2742"/>
      <c r="D2742"/>
    </row>
    <row r="2743" spans="3:4" x14ac:dyDescent="0.25">
      <c r="C2743"/>
      <c r="D2743"/>
    </row>
    <row r="2744" spans="3:4" x14ac:dyDescent="0.25">
      <c r="C2744"/>
      <c r="D2744"/>
    </row>
    <row r="2745" spans="3:4" x14ac:dyDescent="0.25">
      <c r="C2745"/>
      <c r="D2745"/>
    </row>
    <row r="2746" spans="3:4" x14ac:dyDescent="0.25">
      <c r="C2746"/>
      <c r="D2746"/>
    </row>
    <row r="2747" spans="3:4" x14ac:dyDescent="0.25">
      <c r="C2747"/>
      <c r="D2747"/>
    </row>
    <row r="2748" spans="3:4" x14ac:dyDescent="0.25">
      <c r="C2748"/>
      <c r="D2748"/>
    </row>
    <row r="2749" spans="3:4" x14ac:dyDescent="0.25">
      <c r="C2749"/>
      <c r="D2749"/>
    </row>
    <row r="2750" spans="3:4" x14ac:dyDescent="0.25">
      <c r="C2750"/>
      <c r="D2750"/>
    </row>
    <row r="2751" spans="3:4" x14ac:dyDescent="0.25">
      <c r="C2751"/>
      <c r="D2751"/>
    </row>
    <row r="2752" spans="3:4" x14ac:dyDescent="0.25">
      <c r="C2752"/>
      <c r="D2752"/>
    </row>
    <row r="2753" spans="3:4" x14ac:dyDescent="0.25">
      <c r="C2753"/>
      <c r="D2753"/>
    </row>
    <row r="2754" spans="3:4" x14ac:dyDescent="0.25">
      <c r="C2754"/>
      <c r="D2754"/>
    </row>
    <row r="2755" spans="3:4" x14ac:dyDescent="0.25">
      <c r="C2755"/>
      <c r="D2755"/>
    </row>
    <row r="2756" spans="3:4" x14ac:dyDescent="0.25">
      <c r="C2756"/>
      <c r="D2756"/>
    </row>
    <row r="2757" spans="3:4" x14ac:dyDescent="0.25">
      <c r="C2757"/>
      <c r="D2757"/>
    </row>
    <row r="2758" spans="3:4" x14ac:dyDescent="0.25">
      <c r="C2758"/>
      <c r="D2758"/>
    </row>
    <row r="2759" spans="3:4" x14ac:dyDescent="0.25">
      <c r="C2759"/>
      <c r="D2759"/>
    </row>
    <row r="2760" spans="3:4" x14ac:dyDescent="0.25">
      <c r="C2760"/>
      <c r="D2760"/>
    </row>
    <row r="2761" spans="3:4" x14ac:dyDescent="0.25">
      <c r="C2761"/>
      <c r="D2761"/>
    </row>
    <row r="2762" spans="3:4" x14ac:dyDescent="0.25">
      <c r="C2762"/>
      <c r="D2762"/>
    </row>
    <row r="2763" spans="3:4" x14ac:dyDescent="0.25">
      <c r="C2763"/>
      <c r="D2763"/>
    </row>
    <row r="2764" spans="3:4" x14ac:dyDescent="0.25">
      <c r="C2764"/>
      <c r="D2764"/>
    </row>
    <row r="2765" spans="3:4" x14ac:dyDescent="0.25">
      <c r="C2765"/>
      <c r="D2765"/>
    </row>
    <row r="2766" spans="3:4" x14ac:dyDescent="0.25">
      <c r="C2766"/>
      <c r="D2766"/>
    </row>
    <row r="2767" spans="3:4" x14ac:dyDescent="0.25">
      <c r="C2767"/>
      <c r="D2767"/>
    </row>
    <row r="2768" spans="3:4" x14ac:dyDescent="0.25">
      <c r="C2768"/>
      <c r="D2768"/>
    </row>
    <row r="2769" spans="3:4" x14ac:dyDescent="0.25">
      <c r="C2769"/>
      <c r="D2769"/>
    </row>
    <row r="2770" spans="3:4" x14ac:dyDescent="0.25">
      <c r="C2770"/>
      <c r="D2770"/>
    </row>
    <row r="2771" spans="3:4" x14ac:dyDescent="0.25">
      <c r="C2771"/>
      <c r="D2771"/>
    </row>
    <row r="2772" spans="3:4" x14ac:dyDescent="0.25">
      <c r="C2772"/>
      <c r="D2772"/>
    </row>
    <row r="2773" spans="3:4" x14ac:dyDescent="0.25">
      <c r="C2773"/>
      <c r="D2773"/>
    </row>
    <row r="2774" spans="3:4" x14ac:dyDescent="0.25">
      <c r="C2774"/>
      <c r="D2774"/>
    </row>
    <row r="2775" spans="3:4" x14ac:dyDescent="0.25">
      <c r="C2775"/>
      <c r="D2775"/>
    </row>
    <row r="2776" spans="3:4" x14ac:dyDescent="0.25">
      <c r="C2776"/>
      <c r="D2776"/>
    </row>
    <row r="2777" spans="3:4" x14ac:dyDescent="0.25">
      <c r="C2777"/>
      <c r="D2777"/>
    </row>
    <row r="2778" spans="3:4" x14ac:dyDescent="0.25">
      <c r="C2778"/>
      <c r="D2778"/>
    </row>
    <row r="2779" spans="3:4" x14ac:dyDescent="0.25">
      <c r="C2779"/>
      <c r="D2779"/>
    </row>
    <row r="2780" spans="3:4" x14ac:dyDescent="0.25">
      <c r="C2780"/>
      <c r="D2780"/>
    </row>
    <row r="2781" spans="3:4" x14ac:dyDescent="0.25">
      <c r="C2781"/>
      <c r="D2781"/>
    </row>
    <row r="2782" spans="3:4" x14ac:dyDescent="0.25">
      <c r="C2782"/>
      <c r="D2782"/>
    </row>
    <row r="2783" spans="3:4" x14ac:dyDescent="0.25">
      <c r="C2783"/>
      <c r="D2783"/>
    </row>
    <row r="2784" spans="3:4" x14ac:dyDescent="0.25">
      <c r="C2784"/>
      <c r="D2784"/>
    </row>
    <row r="2785" spans="3:4" x14ac:dyDescent="0.25">
      <c r="C2785"/>
      <c r="D2785"/>
    </row>
    <row r="2786" spans="3:4" x14ac:dyDescent="0.25">
      <c r="C2786"/>
      <c r="D2786"/>
    </row>
    <row r="2787" spans="3:4" x14ac:dyDescent="0.25">
      <c r="C2787"/>
      <c r="D2787"/>
    </row>
    <row r="2788" spans="3:4" x14ac:dyDescent="0.25">
      <c r="C2788"/>
      <c r="D2788"/>
    </row>
    <row r="2789" spans="3:4" x14ac:dyDescent="0.25">
      <c r="C2789"/>
      <c r="D2789"/>
    </row>
    <row r="2790" spans="3:4" x14ac:dyDescent="0.25">
      <c r="C2790"/>
      <c r="D2790"/>
    </row>
    <row r="2791" spans="3:4" x14ac:dyDescent="0.25">
      <c r="C2791"/>
      <c r="D2791"/>
    </row>
    <row r="2792" spans="3:4" x14ac:dyDescent="0.25">
      <c r="C2792"/>
      <c r="D2792"/>
    </row>
    <row r="2793" spans="3:4" x14ac:dyDescent="0.25">
      <c r="C2793"/>
      <c r="D2793"/>
    </row>
    <row r="2794" spans="3:4" x14ac:dyDescent="0.25">
      <c r="C2794"/>
      <c r="D2794"/>
    </row>
    <row r="2795" spans="3:4" x14ac:dyDescent="0.25">
      <c r="C2795"/>
      <c r="D2795"/>
    </row>
    <row r="2796" spans="3:4" x14ac:dyDescent="0.25">
      <c r="C2796"/>
      <c r="D2796"/>
    </row>
    <row r="2797" spans="3:4" x14ac:dyDescent="0.25">
      <c r="C2797"/>
      <c r="D2797"/>
    </row>
    <row r="2798" spans="3:4" x14ac:dyDescent="0.25">
      <c r="C2798"/>
      <c r="D2798"/>
    </row>
    <row r="2799" spans="3:4" x14ac:dyDescent="0.25">
      <c r="C2799"/>
      <c r="D2799"/>
    </row>
    <row r="2800" spans="3:4" x14ac:dyDescent="0.25">
      <c r="C2800"/>
      <c r="D2800"/>
    </row>
    <row r="2801" spans="3:4" x14ac:dyDescent="0.25">
      <c r="C2801"/>
      <c r="D2801"/>
    </row>
    <row r="2802" spans="3:4" x14ac:dyDescent="0.25">
      <c r="C2802"/>
      <c r="D2802"/>
    </row>
    <row r="2803" spans="3:4" x14ac:dyDescent="0.25">
      <c r="C2803"/>
      <c r="D2803"/>
    </row>
    <row r="2804" spans="3:4" x14ac:dyDescent="0.25">
      <c r="C2804"/>
      <c r="D2804"/>
    </row>
    <row r="2805" spans="3:4" x14ac:dyDescent="0.25">
      <c r="C2805"/>
      <c r="D2805"/>
    </row>
    <row r="2806" spans="3:4" x14ac:dyDescent="0.25">
      <c r="C2806"/>
      <c r="D2806"/>
    </row>
    <row r="2807" spans="3:4" x14ac:dyDescent="0.25">
      <c r="C2807"/>
      <c r="D2807"/>
    </row>
    <row r="2808" spans="3:4" x14ac:dyDescent="0.25">
      <c r="C2808"/>
      <c r="D2808"/>
    </row>
    <row r="2809" spans="3:4" x14ac:dyDescent="0.25">
      <c r="C2809"/>
      <c r="D2809"/>
    </row>
    <row r="2810" spans="3:4" x14ac:dyDescent="0.25">
      <c r="C2810"/>
      <c r="D2810"/>
    </row>
    <row r="2811" spans="3:4" x14ac:dyDescent="0.25">
      <c r="C2811"/>
      <c r="D2811"/>
    </row>
    <row r="2812" spans="3:4" x14ac:dyDescent="0.25">
      <c r="C2812"/>
      <c r="D2812"/>
    </row>
    <row r="2813" spans="3:4" x14ac:dyDescent="0.25">
      <c r="C2813"/>
      <c r="D2813"/>
    </row>
    <row r="2814" spans="3:4" x14ac:dyDescent="0.25">
      <c r="C2814"/>
      <c r="D2814"/>
    </row>
    <row r="2815" spans="3:4" x14ac:dyDescent="0.25">
      <c r="C2815"/>
      <c r="D2815"/>
    </row>
    <row r="2816" spans="3:4" x14ac:dyDescent="0.25">
      <c r="C2816"/>
      <c r="D2816"/>
    </row>
    <row r="2817" spans="3:4" x14ac:dyDescent="0.25">
      <c r="C2817"/>
      <c r="D2817"/>
    </row>
    <row r="2818" spans="3:4" x14ac:dyDescent="0.25">
      <c r="C2818"/>
      <c r="D2818"/>
    </row>
    <row r="2819" spans="3:4" x14ac:dyDescent="0.25">
      <c r="C2819"/>
      <c r="D2819"/>
    </row>
    <row r="2820" spans="3:4" x14ac:dyDescent="0.25">
      <c r="C2820"/>
      <c r="D2820"/>
    </row>
    <row r="2821" spans="3:4" x14ac:dyDescent="0.25">
      <c r="C2821"/>
      <c r="D2821"/>
    </row>
    <row r="2822" spans="3:4" x14ac:dyDescent="0.25">
      <c r="C2822"/>
      <c r="D2822"/>
    </row>
    <row r="2823" spans="3:4" x14ac:dyDescent="0.25">
      <c r="C2823"/>
      <c r="D2823"/>
    </row>
    <row r="2824" spans="3:4" x14ac:dyDescent="0.25">
      <c r="C2824"/>
      <c r="D2824"/>
    </row>
    <row r="2825" spans="3:4" x14ac:dyDescent="0.25">
      <c r="C2825"/>
      <c r="D2825"/>
    </row>
    <row r="2826" spans="3:4" x14ac:dyDescent="0.25">
      <c r="C2826"/>
      <c r="D2826"/>
    </row>
    <row r="2827" spans="3:4" x14ac:dyDescent="0.25">
      <c r="C2827"/>
      <c r="D2827"/>
    </row>
    <row r="2828" spans="3:4" x14ac:dyDescent="0.25">
      <c r="C2828"/>
      <c r="D2828"/>
    </row>
    <row r="2829" spans="3:4" x14ac:dyDescent="0.25">
      <c r="C2829"/>
      <c r="D2829"/>
    </row>
    <row r="2830" spans="3:4" x14ac:dyDescent="0.25">
      <c r="C2830"/>
      <c r="D2830"/>
    </row>
    <row r="2831" spans="3:4" x14ac:dyDescent="0.25">
      <c r="C2831"/>
      <c r="D2831"/>
    </row>
    <row r="2832" spans="3:4" x14ac:dyDescent="0.25">
      <c r="C2832"/>
      <c r="D2832"/>
    </row>
    <row r="2833" spans="3:4" x14ac:dyDescent="0.25">
      <c r="C2833"/>
      <c r="D2833"/>
    </row>
    <row r="2834" spans="3:4" x14ac:dyDescent="0.25">
      <c r="C2834"/>
      <c r="D2834"/>
    </row>
    <row r="2835" spans="3:4" x14ac:dyDescent="0.25">
      <c r="C2835"/>
      <c r="D2835"/>
    </row>
    <row r="2836" spans="3:4" x14ac:dyDescent="0.25">
      <c r="C2836"/>
      <c r="D2836"/>
    </row>
    <row r="2837" spans="3:4" x14ac:dyDescent="0.25">
      <c r="C2837"/>
      <c r="D2837"/>
    </row>
    <row r="2838" spans="3:4" x14ac:dyDescent="0.25">
      <c r="C2838"/>
      <c r="D2838"/>
    </row>
    <row r="2839" spans="3:4" x14ac:dyDescent="0.25">
      <c r="C2839"/>
      <c r="D2839"/>
    </row>
    <row r="2840" spans="3:4" x14ac:dyDescent="0.25">
      <c r="C2840"/>
      <c r="D2840"/>
    </row>
    <row r="2841" spans="3:4" x14ac:dyDescent="0.25">
      <c r="C2841"/>
      <c r="D2841"/>
    </row>
    <row r="2842" spans="3:4" x14ac:dyDescent="0.25">
      <c r="C2842"/>
      <c r="D2842"/>
    </row>
    <row r="2843" spans="3:4" x14ac:dyDescent="0.25">
      <c r="C2843"/>
      <c r="D2843"/>
    </row>
    <row r="2844" spans="3:4" x14ac:dyDescent="0.25">
      <c r="C2844"/>
      <c r="D2844"/>
    </row>
    <row r="2845" spans="3:4" x14ac:dyDescent="0.25">
      <c r="C2845"/>
      <c r="D2845"/>
    </row>
    <row r="2846" spans="3:4" x14ac:dyDescent="0.25">
      <c r="C2846"/>
      <c r="D2846"/>
    </row>
    <row r="2847" spans="3:4" x14ac:dyDescent="0.25">
      <c r="C2847"/>
      <c r="D2847"/>
    </row>
    <row r="2848" spans="3:4" x14ac:dyDescent="0.25">
      <c r="C2848"/>
      <c r="D2848"/>
    </row>
    <row r="2849" spans="3:4" x14ac:dyDescent="0.25">
      <c r="C2849"/>
      <c r="D2849"/>
    </row>
    <row r="2850" spans="3:4" x14ac:dyDescent="0.25">
      <c r="C2850"/>
      <c r="D2850"/>
    </row>
    <row r="2851" spans="3:4" x14ac:dyDescent="0.25">
      <c r="C2851"/>
      <c r="D2851"/>
    </row>
    <row r="2852" spans="3:4" x14ac:dyDescent="0.25">
      <c r="C2852"/>
      <c r="D2852"/>
    </row>
    <row r="2853" spans="3:4" x14ac:dyDescent="0.25">
      <c r="C2853"/>
      <c r="D2853"/>
    </row>
    <row r="2854" spans="3:4" x14ac:dyDescent="0.25">
      <c r="C2854"/>
      <c r="D2854"/>
    </row>
    <row r="2855" spans="3:4" x14ac:dyDescent="0.25">
      <c r="C2855"/>
      <c r="D2855"/>
    </row>
    <row r="2856" spans="3:4" x14ac:dyDescent="0.25">
      <c r="C2856"/>
      <c r="D2856"/>
    </row>
    <row r="2857" spans="3:4" x14ac:dyDescent="0.25">
      <c r="C2857"/>
      <c r="D2857"/>
    </row>
    <row r="2858" spans="3:4" x14ac:dyDescent="0.25">
      <c r="C2858"/>
      <c r="D2858"/>
    </row>
    <row r="2859" spans="3:4" x14ac:dyDescent="0.25">
      <c r="C2859"/>
      <c r="D2859"/>
    </row>
    <row r="2860" spans="3:4" x14ac:dyDescent="0.25">
      <c r="C2860"/>
      <c r="D2860"/>
    </row>
    <row r="2861" spans="3:4" x14ac:dyDescent="0.25">
      <c r="C2861"/>
      <c r="D2861"/>
    </row>
    <row r="2862" spans="3:4" x14ac:dyDescent="0.25">
      <c r="C2862"/>
      <c r="D2862"/>
    </row>
    <row r="2863" spans="3:4" x14ac:dyDescent="0.25">
      <c r="C2863"/>
      <c r="D2863"/>
    </row>
    <row r="2864" spans="3:4" x14ac:dyDescent="0.25">
      <c r="C2864"/>
      <c r="D2864"/>
    </row>
    <row r="2865" spans="3:4" x14ac:dyDescent="0.25">
      <c r="C2865"/>
      <c r="D2865"/>
    </row>
    <row r="2866" spans="3:4" x14ac:dyDescent="0.25">
      <c r="C2866"/>
      <c r="D2866"/>
    </row>
    <row r="2867" spans="3:4" x14ac:dyDescent="0.25">
      <c r="C2867"/>
      <c r="D2867"/>
    </row>
    <row r="2868" spans="3:4" x14ac:dyDescent="0.25">
      <c r="C2868"/>
      <c r="D2868"/>
    </row>
    <row r="2869" spans="3:4" x14ac:dyDescent="0.25">
      <c r="C2869"/>
      <c r="D2869"/>
    </row>
    <row r="2870" spans="3:4" x14ac:dyDescent="0.25">
      <c r="C2870"/>
      <c r="D2870"/>
    </row>
    <row r="2871" spans="3:4" x14ac:dyDescent="0.25">
      <c r="C2871"/>
      <c r="D2871"/>
    </row>
    <row r="2872" spans="3:4" x14ac:dyDescent="0.25">
      <c r="C2872"/>
      <c r="D2872"/>
    </row>
    <row r="2873" spans="3:4" x14ac:dyDescent="0.25">
      <c r="C2873"/>
      <c r="D2873"/>
    </row>
    <row r="2874" spans="3:4" x14ac:dyDescent="0.25">
      <c r="C2874"/>
      <c r="D2874"/>
    </row>
    <row r="2875" spans="3:4" x14ac:dyDescent="0.25">
      <c r="C2875"/>
      <c r="D2875"/>
    </row>
    <row r="2876" spans="3:4" x14ac:dyDescent="0.25">
      <c r="C2876"/>
      <c r="D2876"/>
    </row>
    <row r="2877" spans="3:4" x14ac:dyDescent="0.25">
      <c r="C2877"/>
      <c r="D2877"/>
    </row>
    <row r="2878" spans="3:4" x14ac:dyDescent="0.25">
      <c r="C2878"/>
      <c r="D2878"/>
    </row>
    <row r="2879" spans="3:4" x14ac:dyDescent="0.25">
      <c r="C2879"/>
      <c r="D2879"/>
    </row>
    <row r="2880" spans="3:4" x14ac:dyDescent="0.25">
      <c r="C2880"/>
      <c r="D2880"/>
    </row>
    <row r="2881" spans="3:4" x14ac:dyDescent="0.25">
      <c r="C2881"/>
      <c r="D2881"/>
    </row>
    <row r="2882" spans="3:4" x14ac:dyDescent="0.25">
      <c r="C2882"/>
      <c r="D2882"/>
    </row>
    <row r="2883" spans="3:4" x14ac:dyDescent="0.25">
      <c r="C2883"/>
      <c r="D2883"/>
    </row>
    <row r="2884" spans="3:4" x14ac:dyDescent="0.25">
      <c r="C2884"/>
      <c r="D2884"/>
    </row>
    <row r="2885" spans="3:4" x14ac:dyDescent="0.25">
      <c r="C2885"/>
      <c r="D2885"/>
    </row>
    <row r="2886" spans="3:4" x14ac:dyDescent="0.25">
      <c r="C2886"/>
      <c r="D2886"/>
    </row>
    <row r="2887" spans="3:4" x14ac:dyDescent="0.25">
      <c r="C2887"/>
      <c r="D2887"/>
    </row>
    <row r="2888" spans="3:4" x14ac:dyDescent="0.25">
      <c r="C2888"/>
      <c r="D2888"/>
    </row>
    <row r="2889" spans="3:4" x14ac:dyDescent="0.25">
      <c r="C2889"/>
      <c r="D2889"/>
    </row>
    <row r="2890" spans="3:4" x14ac:dyDescent="0.25">
      <c r="C2890"/>
      <c r="D2890"/>
    </row>
    <row r="2891" spans="3:4" x14ac:dyDescent="0.25">
      <c r="C2891"/>
      <c r="D2891"/>
    </row>
    <row r="2892" spans="3:4" x14ac:dyDescent="0.25">
      <c r="C2892"/>
      <c r="D2892"/>
    </row>
    <row r="2893" spans="3:4" x14ac:dyDescent="0.25">
      <c r="C2893"/>
      <c r="D2893"/>
    </row>
    <row r="2894" spans="3:4" x14ac:dyDescent="0.25">
      <c r="C2894"/>
      <c r="D2894"/>
    </row>
    <row r="2895" spans="3:4" x14ac:dyDescent="0.25">
      <c r="C2895"/>
      <c r="D2895"/>
    </row>
    <row r="2896" spans="3:4" x14ac:dyDescent="0.25">
      <c r="C2896"/>
      <c r="D2896"/>
    </row>
    <row r="2897" spans="3:4" x14ac:dyDescent="0.25">
      <c r="C2897"/>
      <c r="D2897"/>
    </row>
    <row r="2898" spans="3:4" x14ac:dyDescent="0.25">
      <c r="C2898"/>
      <c r="D2898"/>
    </row>
    <row r="2899" spans="3:4" x14ac:dyDescent="0.25">
      <c r="C2899"/>
      <c r="D2899"/>
    </row>
    <row r="2900" spans="3:4" x14ac:dyDescent="0.25">
      <c r="C2900"/>
      <c r="D2900"/>
    </row>
    <row r="2901" spans="3:4" x14ac:dyDescent="0.25">
      <c r="C2901"/>
      <c r="D2901"/>
    </row>
    <row r="2902" spans="3:4" x14ac:dyDescent="0.25">
      <c r="C2902"/>
      <c r="D2902"/>
    </row>
    <row r="2903" spans="3:4" x14ac:dyDescent="0.25">
      <c r="C2903"/>
      <c r="D2903"/>
    </row>
    <row r="2904" spans="3:4" x14ac:dyDescent="0.25">
      <c r="C2904"/>
      <c r="D2904"/>
    </row>
    <row r="2905" spans="3:4" x14ac:dyDescent="0.25">
      <c r="C2905"/>
      <c r="D2905"/>
    </row>
    <row r="2906" spans="3:4" x14ac:dyDescent="0.25">
      <c r="C2906"/>
      <c r="D2906"/>
    </row>
    <row r="2907" spans="3:4" x14ac:dyDescent="0.25">
      <c r="C2907"/>
      <c r="D2907"/>
    </row>
    <row r="2908" spans="3:4" x14ac:dyDescent="0.25">
      <c r="C2908"/>
      <c r="D2908"/>
    </row>
    <row r="2909" spans="3:4" x14ac:dyDescent="0.25">
      <c r="C2909"/>
      <c r="D2909"/>
    </row>
    <row r="2910" spans="3:4" x14ac:dyDescent="0.25">
      <c r="C2910"/>
      <c r="D2910"/>
    </row>
    <row r="2911" spans="3:4" x14ac:dyDescent="0.25">
      <c r="C2911"/>
      <c r="D2911"/>
    </row>
    <row r="2912" spans="3:4" x14ac:dyDescent="0.25">
      <c r="C2912"/>
      <c r="D2912"/>
    </row>
    <row r="2913" spans="3:4" x14ac:dyDescent="0.25">
      <c r="C2913"/>
      <c r="D2913"/>
    </row>
    <row r="2914" spans="3:4" x14ac:dyDescent="0.25">
      <c r="C2914"/>
      <c r="D2914"/>
    </row>
    <row r="2915" spans="3:4" x14ac:dyDescent="0.25">
      <c r="C2915"/>
      <c r="D2915"/>
    </row>
    <row r="2916" spans="3:4" x14ac:dyDescent="0.25">
      <c r="C2916"/>
      <c r="D2916"/>
    </row>
    <row r="2917" spans="3:4" x14ac:dyDescent="0.25">
      <c r="C2917"/>
      <c r="D2917"/>
    </row>
    <row r="2918" spans="3:4" x14ac:dyDescent="0.25">
      <c r="C2918"/>
      <c r="D2918"/>
    </row>
    <row r="2919" spans="3:4" x14ac:dyDescent="0.25">
      <c r="C2919"/>
      <c r="D2919"/>
    </row>
    <row r="2920" spans="3:4" x14ac:dyDescent="0.25">
      <c r="C2920"/>
      <c r="D2920"/>
    </row>
    <row r="2921" spans="3:4" x14ac:dyDescent="0.25">
      <c r="C2921"/>
      <c r="D2921"/>
    </row>
    <row r="2922" spans="3:4" x14ac:dyDescent="0.25">
      <c r="C2922"/>
      <c r="D2922"/>
    </row>
    <row r="2923" spans="3:4" x14ac:dyDescent="0.25">
      <c r="C2923"/>
      <c r="D2923"/>
    </row>
    <row r="2924" spans="3:4" x14ac:dyDescent="0.25">
      <c r="C2924"/>
      <c r="D2924"/>
    </row>
    <row r="2925" spans="3:4" x14ac:dyDescent="0.25">
      <c r="C2925"/>
      <c r="D2925"/>
    </row>
    <row r="2926" spans="3:4" x14ac:dyDescent="0.25">
      <c r="C2926"/>
      <c r="D2926"/>
    </row>
    <row r="2927" spans="3:4" x14ac:dyDescent="0.25">
      <c r="C2927"/>
      <c r="D2927"/>
    </row>
    <row r="2928" spans="3:4" x14ac:dyDescent="0.25">
      <c r="C2928"/>
      <c r="D2928"/>
    </row>
    <row r="2929" spans="3:4" x14ac:dyDescent="0.25">
      <c r="C2929"/>
      <c r="D2929"/>
    </row>
    <row r="2930" spans="3:4" x14ac:dyDescent="0.25">
      <c r="C2930"/>
      <c r="D2930"/>
    </row>
    <row r="2931" spans="3:4" x14ac:dyDescent="0.25">
      <c r="C2931"/>
      <c r="D2931"/>
    </row>
    <row r="2932" spans="3:4" x14ac:dyDescent="0.25">
      <c r="C2932"/>
      <c r="D2932"/>
    </row>
    <row r="2933" spans="3:4" x14ac:dyDescent="0.25">
      <c r="C2933"/>
      <c r="D2933"/>
    </row>
    <row r="2934" spans="3:4" x14ac:dyDescent="0.25">
      <c r="C2934"/>
      <c r="D2934"/>
    </row>
    <row r="2935" spans="3:4" x14ac:dyDescent="0.25">
      <c r="C2935"/>
      <c r="D2935"/>
    </row>
    <row r="2936" spans="3:4" x14ac:dyDescent="0.25">
      <c r="C2936"/>
      <c r="D2936"/>
    </row>
    <row r="2937" spans="3:4" x14ac:dyDescent="0.25">
      <c r="C2937"/>
      <c r="D2937"/>
    </row>
    <row r="2938" spans="3:4" x14ac:dyDescent="0.25">
      <c r="C2938"/>
      <c r="D2938"/>
    </row>
    <row r="2939" spans="3:4" x14ac:dyDescent="0.25">
      <c r="C2939"/>
      <c r="D2939"/>
    </row>
    <row r="2940" spans="3:4" x14ac:dyDescent="0.25">
      <c r="C2940"/>
      <c r="D2940"/>
    </row>
    <row r="2941" spans="3:4" x14ac:dyDescent="0.25">
      <c r="C2941"/>
      <c r="D2941"/>
    </row>
    <row r="2942" spans="3:4" x14ac:dyDescent="0.25">
      <c r="C2942"/>
      <c r="D2942"/>
    </row>
    <row r="2943" spans="3:4" x14ac:dyDescent="0.25">
      <c r="C2943"/>
      <c r="D2943"/>
    </row>
    <row r="2944" spans="3:4" x14ac:dyDescent="0.25">
      <c r="C2944"/>
      <c r="D2944"/>
    </row>
    <row r="2945" spans="3:4" x14ac:dyDescent="0.25">
      <c r="C2945"/>
      <c r="D2945"/>
    </row>
    <row r="2946" spans="3:4" x14ac:dyDescent="0.25">
      <c r="C2946"/>
      <c r="D2946"/>
    </row>
    <row r="2947" spans="3:4" x14ac:dyDescent="0.25">
      <c r="C2947"/>
      <c r="D2947"/>
    </row>
    <row r="2948" spans="3:4" x14ac:dyDescent="0.25">
      <c r="C2948"/>
      <c r="D2948"/>
    </row>
    <row r="2949" spans="3:4" x14ac:dyDescent="0.25">
      <c r="C2949"/>
      <c r="D2949"/>
    </row>
    <row r="2950" spans="3:4" x14ac:dyDescent="0.25">
      <c r="C2950"/>
      <c r="D2950"/>
    </row>
    <row r="2951" spans="3:4" x14ac:dyDescent="0.25">
      <c r="C2951"/>
      <c r="D2951"/>
    </row>
    <row r="2952" spans="3:4" x14ac:dyDescent="0.25">
      <c r="C2952"/>
      <c r="D2952"/>
    </row>
    <row r="2953" spans="3:4" x14ac:dyDescent="0.25">
      <c r="C2953"/>
      <c r="D2953"/>
    </row>
    <row r="2954" spans="3:4" x14ac:dyDescent="0.25">
      <c r="C2954"/>
      <c r="D2954"/>
    </row>
    <row r="2955" spans="3:4" x14ac:dyDescent="0.25">
      <c r="C2955"/>
      <c r="D2955"/>
    </row>
    <row r="2956" spans="3:4" x14ac:dyDescent="0.25">
      <c r="C2956"/>
      <c r="D2956"/>
    </row>
    <row r="2957" spans="3:4" x14ac:dyDescent="0.25">
      <c r="C2957"/>
      <c r="D2957"/>
    </row>
    <row r="2958" spans="3:4" x14ac:dyDescent="0.25">
      <c r="C2958"/>
      <c r="D2958"/>
    </row>
    <row r="2959" spans="3:4" x14ac:dyDescent="0.25">
      <c r="C2959"/>
      <c r="D2959"/>
    </row>
    <row r="2960" spans="3:4" x14ac:dyDescent="0.25">
      <c r="C2960"/>
      <c r="D2960"/>
    </row>
    <row r="2961" spans="3:4" x14ac:dyDescent="0.25">
      <c r="C2961"/>
      <c r="D2961"/>
    </row>
    <row r="2962" spans="3:4" x14ac:dyDescent="0.25">
      <c r="C2962"/>
      <c r="D2962"/>
    </row>
    <row r="2963" spans="3:4" x14ac:dyDescent="0.25">
      <c r="C2963"/>
      <c r="D2963"/>
    </row>
    <row r="2964" spans="3:4" x14ac:dyDescent="0.25">
      <c r="C2964"/>
      <c r="D2964"/>
    </row>
    <row r="2965" spans="3:4" x14ac:dyDescent="0.25">
      <c r="C2965"/>
      <c r="D2965"/>
    </row>
    <row r="2966" spans="3:4" x14ac:dyDescent="0.25">
      <c r="C2966"/>
      <c r="D2966"/>
    </row>
    <row r="2967" spans="3:4" x14ac:dyDescent="0.25">
      <c r="C2967"/>
      <c r="D2967"/>
    </row>
    <row r="2968" spans="3:4" x14ac:dyDescent="0.25">
      <c r="C2968"/>
      <c r="D2968"/>
    </row>
    <row r="2969" spans="3:4" x14ac:dyDescent="0.25">
      <c r="C2969"/>
      <c r="D2969"/>
    </row>
    <row r="2970" spans="3:4" x14ac:dyDescent="0.25">
      <c r="C2970"/>
      <c r="D2970"/>
    </row>
    <row r="2971" spans="3:4" x14ac:dyDescent="0.25">
      <c r="C2971"/>
      <c r="D2971"/>
    </row>
    <row r="2972" spans="3:4" x14ac:dyDescent="0.25">
      <c r="C2972"/>
      <c r="D2972"/>
    </row>
    <row r="2973" spans="3:4" x14ac:dyDescent="0.25">
      <c r="C2973"/>
      <c r="D2973"/>
    </row>
    <row r="2974" spans="3:4" x14ac:dyDescent="0.25">
      <c r="C2974"/>
      <c r="D2974"/>
    </row>
    <row r="2975" spans="3:4" x14ac:dyDescent="0.25">
      <c r="C2975"/>
      <c r="D2975"/>
    </row>
    <row r="2976" spans="3:4" x14ac:dyDescent="0.25">
      <c r="C2976"/>
      <c r="D2976"/>
    </row>
    <row r="2977" spans="3:4" x14ac:dyDescent="0.25">
      <c r="C2977"/>
      <c r="D2977"/>
    </row>
    <row r="2978" spans="3:4" x14ac:dyDescent="0.25">
      <c r="C2978"/>
      <c r="D2978"/>
    </row>
    <row r="2979" spans="3:4" x14ac:dyDescent="0.25">
      <c r="C2979"/>
      <c r="D2979"/>
    </row>
    <row r="2980" spans="3:4" x14ac:dyDescent="0.25">
      <c r="C2980"/>
      <c r="D2980"/>
    </row>
    <row r="2981" spans="3:4" x14ac:dyDescent="0.25">
      <c r="C2981"/>
      <c r="D2981"/>
    </row>
    <row r="2982" spans="3:4" x14ac:dyDescent="0.25">
      <c r="C2982"/>
      <c r="D2982"/>
    </row>
    <row r="2983" spans="3:4" x14ac:dyDescent="0.25">
      <c r="C2983"/>
      <c r="D2983"/>
    </row>
    <row r="2984" spans="3:4" x14ac:dyDescent="0.25">
      <c r="C2984"/>
      <c r="D2984"/>
    </row>
    <row r="2985" spans="3:4" x14ac:dyDescent="0.25">
      <c r="C2985"/>
      <c r="D2985"/>
    </row>
    <row r="2986" spans="3:4" x14ac:dyDescent="0.25">
      <c r="C2986"/>
      <c r="D2986"/>
    </row>
    <row r="2987" spans="3:4" x14ac:dyDescent="0.25">
      <c r="C2987"/>
      <c r="D2987"/>
    </row>
    <row r="2988" spans="3:4" x14ac:dyDescent="0.25">
      <c r="C2988"/>
      <c r="D2988"/>
    </row>
    <row r="2989" spans="3:4" x14ac:dyDescent="0.25">
      <c r="C2989"/>
      <c r="D2989"/>
    </row>
    <row r="2990" spans="3:4" x14ac:dyDescent="0.25">
      <c r="C2990"/>
      <c r="D2990"/>
    </row>
    <row r="2991" spans="3:4" x14ac:dyDescent="0.25">
      <c r="C2991"/>
      <c r="D2991"/>
    </row>
    <row r="2992" spans="3:4" x14ac:dyDescent="0.25">
      <c r="C2992"/>
      <c r="D2992"/>
    </row>
    <row r="2993" spans="3:4" x14ac:dyDescent="0.25">
      <c r="C2993"/>
      <c r="D2993"/>
    </row>
    <row r="2994" spans="3:4" x14ac:dyDescent="0.25">
      <c r="C2994"/>
      <c r="D2994"/>
    </row>
    <row r="2995" spans="3:4" x14ac:dyDescent="0.25">
      <c r="C2995"/>
      <c r="D2995"/>
    </row>
    <row r="2996" spans="3:4" x14ac:dyDescent="0.25">
      <c r="C2996"/>
      <c r="D2996"/>
    </row>
    <row r="2997" spans="3:4" x14ac:dyDescent="0.25">
      <c r="C2997"/>
      <c r="D2997"/>
    </row>
    <row r="2998" spans="3:4" x14ac:dyDescent="0.25">
      <c r="C2998"/>
      <c r="D2998"/>
    </row>
    <row r="2999" spans="3:4" x14ac:dyDescent="0.25">
      <c r="C2999"/>
      <c r="D2999"/>
    </row>
    <row r="3000" spans="3:4" x14ac:dyDescent="0.25">
      <c r="C3000"/>
      <c r="D3000"/>
    </row>
    <row r="3001" spans="3:4" x14ac:dyDescent="0.25">
      <c r="C3001"/>
      <c r="D3001"/>
    </row>
    <row r="3002" spans="3:4" x14ac:dyDescent="0.25">
      <c r="C3002"/>
      <c r="D3002"/>
    </row>
    <row r="3003" spans="3:4" x14ac:dyDescent="0.25">
      <c r="C3003"/>
      <c r="D3003"/>
    </row>
    <row r="3004" spans="3:4" x14ac:dyDescent="0.25">
      <c r="C3004"/>
      <c r="D3004"/>
    </row>
    <row r="3005" spans="3:4" x14ac:dyDescent="0.25">
      <c r="C3005"/>
      <c r="D3005"/>
    </row>
    <row r="3006" spans="3:4" x14ac:dyDescent="0.25">
      <c r="C3006"/>
      <c r="D3006"/>
    </row>
    <row r="3007" spans="3:4" x14ac:dyDescent="0.25">
      <c r="C3007"/>
      <c r="D3007"/>
    </row>
    <row r="3008" spans="3:4" x14ac:dyDescent="0.25">
      <c r="C3008"/>
      <c r="D3008"/>
    </row>
    <row r="3009" spans="3:4" x14ac:dyDescent="0.25">
      <c r="C3009"/>
      <c r="D3009"/>
    </row>
    <row r="3010" spans="3:4" x14ac:dyDescent="0.25">
      <c r="C3010"/>
      <c r="D3010"/>
    </row>
    <row r="3011" spans="3:4" x14ac:dyDescent="0.25">
      <c r="C3011"/>
      <c r="D3011"/>
    </row>
    <row r="3012" spans="3:4" x14ac:dyDescent="0.25">
      <c r="C3012"/>
      <c r="D3012"/>
    </row>
    <row r="3013" spans="3:4" x14ac:dyDescent="0.25">
      <c r="C3013"/>
      <c r="D3013"/>
    </row>
    <row r="3014" spans="3:4" x14ac:dyDescent="0.25">
      <c r="C3014"/>
      <c r="D3014"/>
    </row>
    <row r="3015" spans="3:4" x14ac:dyDescent="0.25">
      <c r="C3015"/>
      <c r="D3015"/>
    </row>
    <row r="3016" spans="3:4" x14ac:dyDescent="0.25">
      <c r="C3016"/>
      <c r="D3016"/>
    </row>
    <row r="3017" spans="3:4" x14ac:dyDescent="0.25">
      <c r="C3017"/>
      <c r="D3017"/>
    </row>
    <row r="3018" spans="3:4" x14ac:dyDescent="0.25">
      <c r="C3018"/>
      <c r="D3018"/>
    </row>
    <row r="3019" spans="3:4" x14ac:dyDescent="0.25">
      <c r="C3019"/>
      <c r="D3019"/>
    </row>
    <row r="3020" spans="3:4" x14ac:dyDescent="0.25">
      <c r="C3020"/>
      <c r="D3020"/>
    </row>
    <row r="3021" spans="3:4" x14ac:dyDescent="0.25">
      <c r="C3021"/>
      <c r="D3021"/>
    </row>
    <row r="3022" spans="3:4" x14ac:dyDescent="0.25">
      <c r="C3022"/>
      <c r="D3022"/>
    </row>
    <row r="3023" spans="3:4" x14ac:dyDescent="0.25">
      <c r="C3023"/>
      <c r="D3023"/>
    </row>
    <row r="3024" spans="3:4" x14ac:dyDescent="0.25">
      <c r="C3024"/>
      <c r="D3024"/>
    </row>
    <row r="3025" spans="3:4" x14ac:dyDescent="0.25">
      <c r="C3025"/>
      <c r="D3025"/>
    </row>
    <row r="3026" spans="3:4" x14ac:dyDescent="0.25">
      <c r="C3026"/>
      <c r="D3026"/>
    </row>
    <row r="3027" spans="3:4" x14ac:dyDescent="0.25">
      <c r="C3027"/>
      <c r="D3027"/>
    </row>
    <row r="3028" spans="3:4" x14ac:dyDescent="0.25">
      <c r="C3028"/>
      <c r="D3028"/>
    </row>
    <row r="3029" spans="3:4" x14ac:dyDescent="0.25">
      <c r="C3029"/>
      <c r="D3029"/>
    </row>
    <row r="3030" spans="3:4" x14ac:dyDescent="0.25">
      <c r="C3030"/>
      <c r="D3030"/>
    </row>
    <row r="3031" spans="3:4" x14ac:dyDescent="0.25">
      <c r="C3031"/>
      <c r="D3031"/>
    </row>
    <row r="3032" spans="3:4" x14ac:dyDescent="0.25">
      <c r="C3032"/>
      <c r="D3032"/>
    </row>
    <row r="3033" spans="3:4" x14ac:dyDescent="0.25">
      <c r="C3033"/>
      <c r="D3033"/>
    </row>
    <row r="3034" spans="3:4" x14ac:dyDescent="0.25">
      <c r="C3034"/>
      <c r="D3034"/>
    </row>
    <row r="3035" spans="3:4" x14ac:dyDescent="0.25">
      <c r="C3035"/>
      <c r="D3035"/>
    </row>
    <row r="3036" spans="3:4" x14ac:dyDescent="0.25">
      <c r="C3036"/>
      <c r="D3036"/>
    </row>
    <row r="3037" spans="3:4" x14ac:dyDescent="0.25">
      <c r="C3037"/>
      <c r="D3037"/>
    </row>
    <row r="3038" spans="3:4" x14ac:dyDescent="0.25">
      <c r="C3038"/>
      <c r="D3038"/>
    </row>
    <row r="3039" spans="3:4" x14ac:dyDescent="0.25">
      <c r="C3039"/>
      <c r="D3039"/>
    </row>
    <row r="3040" spans="3:4" x14ac:dyDescent="0.25">
      <c r="C3040"/>
      <c r="D3040"/>
    </row>
    <row r="3041" spans="3:4" x14ac:dyDescent="0.25">
      <c r="C3041"/>
      <c r="D3041"/>
    </row>
    <row r="3042" spans="3:4" x14ac:dyDescent="0.25">
      <c r="C3042"/>
      <c r="D3042"/>
    </row>
    <row r="3043" spans="3:4" x14ac:dyDescent="0.25">
      <c r="C3043"/>
      <c r="D3043"/>
    </row>
    <row r="3044" spans="3:4" x14ac:dyDescent="0.25">
      <c r="C3044"/>
      <c r="D3044"/>
    </row>
    <row r="3045" spans="3:4" x14ac:dyDescent="0.25">
      <c r="C3045"/>
      <c r="D3045"/>
    </row>
    <row r="3046" spans="3:4" x14ac:dyDescent="0.25">
      <c r="C3046"/>
      <c r="D3046"/>
    </row>
    <row r="3047" spans="3:4" x14ac:dyDescent="0.25">
      <c r="C3047"/>
      <c r="D3047"/>
    </row>
    <row r="3048" spans="3:4" x14ac:dyDescent="0.25">
      <c r="C3048"/>
      <c r="D3048"/>
    </row>
    <row r="3049" spans="3:4" x14ac:dyDescent="0.25">
      <c r="C3049"/>
      <c r="D3049"/>
    </row>
    <row r="3050" spans="3:4" x14ac:dyDescent="0.25">
      <c r="C3050"/>
      <c r="D3050"/>
    </row>
    <row r="3051" spans="3:4" x14ac:dyDescent="0.25">
      <c r="C3051"/>
      <c r="D3051"/>
    </row>
    <row r="3052" spans="3:4" x14ac:dyDescent="0.25">
      <c r="C3052"/>
      <c r="D3052"/>
    </row>
    <row r="3053" spans="3:4" x14ac:dyDescent="0.25">
      <c r="C3053"/>
      <c r="D3053"/>
    </row>
    <row r="3054" spans="3:4" x14ac:dyDescent="0.25">
      <c r="C3054"/>
      <c r="D3054"/>
    </row>
    <row r="3055" spans="3:4" x14ac:dyDescent="0.25">
      <c r="C3055"/>
      <c r="D3055"/>
    </row>
    <row r="3056" spans="3:4" x14ac:dyDescent="0.25">
      <c r="C3056"/>
      <c r="D3056"/>
    </row>
    <row r="3057" spans="3:4" x14ac:dyDescent="0.25">
      <c r="C3057"/>
      <c r="D3057"/>
    </row>
    <row r="3058" spans="3:4" x14ac:dyDescent="0.25">
      <c r="C3058"/>
      <c r="D3058"/>
    </row>
    <row r="3059" spans="3:4" x14ac:dyDescent="0.25">
      <c r="C3059"/>
      <c r="D3059"/>
    </row>
    <row r="3060" spans="3:4" x14ac:dyDescent="0.25">
      <c r="C3060"/>
      <c r="D3060"/>
    </row>
    <row r="3061" spans="3:4" x14ac:dyDescent="0.25">
      <c r="C3061"/>
      <c r="D3061"/>
    </row>
    <row r="3062" spans="3:4" x14ac:dyDescent="0.25">
      <c r="C3062"/>
      <c r="D3062"/>
    </row>
    <row r="3063" spans="3:4" x14ac:dyDescent="0.25">
      <c r="C3063"/>
      <c r="D3063"/>
    </row>
    <row r="3064" spans="3:4" x14ac:dyDescent="0.25">
      <c r="C3064"/>
      <c r="D3064"/>
    </row>
    <row r="3065" spans="3:4" x14ac:dyDescent="0.25">
      <c r="C3065"/>
      <c r="D3065"/>
    </row>
    <row r="3066" spans="3:4" x14ac:dyDescent="0.25">
      <c r="C3066"/>
      <c r="D3066"/>
    </row>
    <row r="3067" spans="3:4" x14ac:dyDescent="0.25">
      <c r="C3067"/>
      <c r="D3067"/>
    </row>
    <row r="3068" spans="3:4" x14ac:dyDescent="0.25">
      <c r="C3068"/>
      <c r="D3068"/>
    </row>
    <row r="3069" spans="3:4" x14ac:dyDescent="0.25">
      <c r="C3069"/>
      <c r="D3069"/>
    </row>
    <row r="3070" spans="3:4" x14ac:dyDescent="0.25">
      <c r="C3070"/>
      <c r="D3070"/>
    </row>
    <row r="3071" spans="3:4" x14ac:dyDescent="0.25">
      <c r="C3071"/>
      <c r="D3071"/>
    </row>
    <row r="3072" spans="3:4" x14ac:dyDescent="0.25">
      <c r="C3072"/>
      <c r="D3072"/>
    </row>
    <row r="3073" spans="3:4" x14ac:dyDescent="0.25">
      <c r="C3073"/>
      <c r="D3073"/>
    </row>
    <row r="3074" spans="3:4" x14ac:dyDescent="0.25">
      <c r="C3074"/>
      <c r="D3074"/>
    </row>
    <row r="3075" spans="3:4" x14ac:dyDescent="0.25">
      <c r="C3075"/>
      <c r="D3075"/>
    </row>
    <row r="3076" spans="3:4" x14ac:dyDescent="0.25">
      <c r="C3076"/>
      <c r="D3076"/>
    </row>
    <row r="3077" spans="3:4" x14ac:dyDescent="0.25">
      <c r="C3077"/>
      <c r="D3077"/>
    </row>
    <row r="3078" spans="3:4" x14ac:dyDescent="0.25">
      <c r="C3078"/>
      <c r="D3078"/>
    </row>
    <row r="3079" spans="3:4" x14ac:dyDescent="0.25">
      <c r="C3079"/>
      <c r="D3079"/>
    </row>
    <row r="3080" spans="3:4" x14ac:dyDescent="0.25">
      <c r="C3080"/>
      <c r="D3080"/>
    </row>
    <row r="3081" spans="3:4" x14ac:dyDescent="0.25">
      <c r="C3081"/>
      <c r="D3081"/>
    </row>
    <row r="3082" spans="3:4" x14ac:dyDescent="0.25">
      <c r="C3082"/>
      <c r="D3082"/>
    </row>
    <row r="3083" spans="3:4" x14ac:dyDescent="0.25">
      <c r="C3083"/>
      <c r="D3083"/>
    </row>
    <row r="3084" spans="3:4" x14ac:dyDescent="0.25">
      <c r="C3084"/>
      <c r="D3084"/>
    </row>
    <row r="3085" spans="3:4" x14ac:dyDescent="0.25">
      <c r="C3085"/>
      <c r="D3085"/>
    </row>
    <row r="3086" spans="3:4" x14ac:dyDescent="0.25">
      <c r="C3086"/>
      <c r="D3086"/>
    </row>
    <row r="3087" spans="3:4" x14ac:dyDescent="0.25">
      <c r="C3087"/>
      <c r="D3087"/>
    </row>
    <row r="3088" spans="3:4" x14ac:dyDescent="0.25">
      <c r="C3088"/>
      <c r="D3088"/>
    </row>
    <row r="3089" spans="3:4" x14ac:dyDescent="0.25">
      <c r="C3089"/>
      <c r="D3089"/>
    </row>
    <row r="3090" spans="3:4" x14ac:dyDescent="0.25">
      <c r="C3090"/>
      <c r="D3090"/>
    </row>
    <row r="3091" spans="3:4" x14ac:dyDescent="0.25">
      <c r="C3091"/>
      <c r="D3091"/>
    </row>
    <row r="3092" spans="3:4" x14ac:dyDescent="0.25">
      <c r="C3092"/>
      <c r="D3092"/>
    </row>
    <row r="3093" spans="3:4" x14ac:dyDescent="0.25">
      <c r="C3093"/>
      <c r="D3093"/>
    </row>
    <row r="3094" spans="3:4" x14ac:dyDescent="0.25">
      <c r="C3094"/>
      <c r="D3094"/>
    </row>
    <row r="3095" spans="3:4" x14ac:dyDescent="0.25">
      <c r="C3095"/>
      <c r="D3095"/>
    </row>
    <row r="3096" spans="3:4" x14ac:dyDescent="0.25">
      <c r="C3096"/>
      <c r="D3096"/>
    </row>
    <row r="3097" spans="3:4" x14ac:dyDescent="0.25">
      <c r="C3097"/>
      <c r="D3097"/>
    </row>
    <row r="3098" spans="3:4" x14ac:dyDescent="0.25">
      <c r="C3098"/>
      <c r="D3098"/>
    </row>
    <row r="3099" spans="3:4" x14ac:dyDescent="0.25">
      <c r="C3099"/>
      <c r="D3099"/>
    </row>
    <row r="3100" spans="3:4" x14ac:dyDescent="0.25">
      <c r="C3100"/>
      <c r="D3100"/>
    </row>
    <row r="3101" spans="3:4" x14ac:dyDescent="0.25">
      <c r="C3101"/>
      <c r="D3101"/>
    </row>
    <row r="3102" spans="3:4" x14ac:dyDescent="0.25">
      <c r="C3102"/>
      <c r="D3102"/>
    </row>
    <row r="3103" spans="3:4" x14ac:dyDescent="0.25">
      <c r="C3103"/>
      <c r="D3103"/>
    </row>
    <row r="3104" spans="3:4" x14ac:dyDescent="0.25">
      <c r="C3104"/>
      <c r="D3104"/>
    </row>
    <row r="3105" spans="3:4" x14ac:dyDescent="0.25">
      <c r="C3105"/>
      <c r="D3105"/>
    </row>
    <row r="3106" spans="3:4" x14ac:dyDescent="0.25">
      <c r="C3106"/>
      <c r="D3106"/>
    </row>
    <row r="3107" spans="3:4" x14ac:dyDescent="0.25">
      <c r="C3107"/>
      <c r="D3107"/>
    </row>
    <row r="3108" spans="3:4" x14ac:dyDescent="0.25">
      <c r="C3108"/>
      <c r="D3108"/>
    </row>
    <row r="3109" spans="3:4" x14ac:dyDescent="0.25">
      <c r="C3109"/>
      <c r="D3109"/>
    </row>
    <row r="3110" spans="3:4" x14ac:dyDescent="0.25">
      <c r="C3110"/>
      <c r="D3110"/>
    </row>
    <row r="3111" spans="3:4" x14ac:dyDescent="0.25">
      <c r="C3111"/>
      <c r="D3111"/>
    </row>
    <row r="3112" spans="3:4" x14ac:dyDescent="0.25">
      <c r="C3112"/>
      <c r="D3112"/>
    </row>
    <row r="3113" spans="3:4" x14ac:dyDescent="0.25">
      <c r="C3113"/>
      <c r="D3113"/>
    </row>
    <row r="3114" spans="3:4" x14ac:dyDescent="0.25">
      <c r="C3114"/>
      <c r="D3114"/>
    </row>
    <row r="3115" spans="3:4" x14ac:dyDescent="0.25">
      <c r="C3115"/>
      <c r="D3115"/>
    </row>
    <row r="3116" spans="3:4" x14ac:dyDescent="0.25">
      <c r="C3116"/>
      <c r="D3116"/>
    </row>
    <row r="3117" spans="3:4" x14ac:dyDescent="0.25">
      <c r="C3117"/>
      <c r="D3117"/>
    </row>
    <row r="3118" spans="3:4" x14ac:dyDescent="0.25">
      <c r="C3118"/>
      <c r="D3118"/>
    </row>
    <row r="3119" spans="3:4" x14ac:dyDescent="0.25">
      <c r="C3119"/>
      <c r="D3119"/>
    </row>
    <row r="3120" spans="3:4" x14ac:dyDescent="0.25">
      <c r="C3120"/>
      <c r="D3120"/>
    </row>
    <row r="3121" spans="3:4" x14ac:dyDescent="0.25">
      <c r="C3121"/>
      <c r="D3121"/>
    </row>
    <row r="3122" spans="3:4" x14ac:dyDescent="0.25">
      <c r="C3122"/>
      <c r="D3122"/>
    </row>
    <row r="3123" spans="3:4" x14ac:dyDescent="0.25">
      <c r="C3123"/>
      <c r="D3123"/>
    </row>
    <row r="3124" spans="3:4" x14ac:dyDescent="0.25">
      <c r="C3124"/>
      <c r="D3124"/>
    </row>
    <row r="3125" spans="3:4" x14ac:dyDescent="0.25">
      <c r="C3125"/>
      <c r="D3125"/>
    </row>
    <row r="3126" spans="3:4" x14ac:dyDescent="0.25">
      <c r="C3126"/>
      <c r="D3126"/>
    </row>
    <row r="3127" spans="3:4" x14ac:dyDescent="0.25">
      <c r="C3127"/>
      <c r="D3127"/>
    </row>
    <row r="3128" spans="3:4" x14ac:dyDescent="0.25">
      <c r="C3128"/>
      <c r="D3128"/>
    </row>
    <row r="3129" spans="3:4" x14ac:dyDescent="0.25">
      <c r="C3129"/>
      <c r="D3129"/>
    </row>
    <row r="3130" spans="3:4" x14ac:dyDescent="0.25">
      <c r="C3130"/>
      <c r="D3130"/>
    </row>
    <row r="3131" spans="3:4" x14ac:dyDescent="0.25">
      <c r="C3131"/>
      <c r="D3131"/>
    </row>
    <row r="3132" spans="3:4" x14ac:dyDescent="0.25">
      <c r="C3132"/>
      <c r="D3132"/>
    </row>
    <row r="3133" spans="3:4" x14ac:dyDescent="0.25">
      <c r="C3133"/>
      <c r="D3133"/>
    </row>
    <row r="3134" spans="3:4" x14ac:dyDescent="0.25">
      <c r="C3134"/>
      <c r="D3134"/>
    </row>
    <row r="3135" spans="3:4" x14ac:dyDescent="0.25">
      <c r="C3135"/>
      <c r="D3135"/>
    </row>
    <row r="3136" spans="3:4" x14ac:dyDescent="0.25">
      <c r="C3136"/>
      <c r="D3136"/>
    </row>
    <row r="3137" spans="3:4" x14ac:dyDescent="0.25">
      <c r="C3137"/>
      <c r="D3137"/>
    </row>
    <row r="3138" spans="3:4" x14ac:dyDescent="0.25">
      <c r="C3138"/>
      <c r="D3138"/>
    </row>
    <row r="3139" spans="3:4" x14ac:dyDescent="0.25">
      <c r="C3139"/>
      <c r="D3139"/>
    </row>
    <row r="3140" spans="3:4" x14ac:dyDescent="0.25">
      <c r="C3140"/>
      <c r="D3140"/>
    </row>
    <row r="3141" spans="3:4" x14ac:dyDescent="0.25">
      <c r="C3141"/>
      <c r="D3141"/>
    </row>
    <row r="3142" spans="3:4" x14ac:dyDescent="0.25">
      <c r="C3142"/>
      <c r="D3142"/>
    </row>
    <row r="3143" spans="3:4" x14ac:dyDescent="0.25">
      <c r="C3143"/>
      <c r="D3143"/>
    </row>
    <row r="3144" spans="3:4" x14ac:dyDescent="0.25">
      <c r="C3144"/>
      <c r="D3144"/>
    </row>
    <row r="3145" spans="3:4" x14ac:dyDescent="0.25">
      <c r="C3145"/>
      <c r="D3145"/>
    </row>
    <row r="3146" spans="3:4" x14ac:dyDescent="0.25">
      <c r="C3146"/>
      <c r="D3146"/>
    </row>
    <row r="3147" spans="3:4" x14ac:dyDescent="0.25">
      <c r="C3147"/>
      <c r="D3147"/>
    </row>
    <row r="3148" spans="3:4" x14ac:dyDescent="0.25">
      <c r="C3148"/>
      <c r="D3148"/>
    </row>
    <row r="3149" spans="3:4" x14ac:dyDescent="0.25">
      <c r="C3149"/>
      <c r="D3149"/>
    </row>
    <row r="3150" spans="3:4" x14ac:dyDescent="0.25">
      <c r="C3150"/>
      <c r="D3150"/>
    </row>
    <row r="3151" spans="3:4" x14ac:dyDescent="0.25">
      <c r="C3151"/>
      <c r="D3151"/>
    </row>
    <row r="3152" spans="3:4" x14ac:dyDescent="0.25">
      <c r="C3152"/>
      <c r="D3152"/>
    </row>
    <row r="3153" spans="3:4" x14ac:dyDescent="0.25">
      <c r="C3153"/>
      <c r="D3153"/>
    </row>
    <row r="3154" spans="3:4" x14ac:dyDescent="0.25">
      <c r="C3154"/>
      <c r="D3154"/>
    </row>
    <row r="3155" spans="3:4" x14ac:dyDescent="0.25">
      <c r="C3155"/>
      <c r="D3155"/>
    </row>
    <row r="3156" spans="3:4" x14ac:dyDescent="0.25">
      <c r="C3156"/>
      <c r="D3156"/>
    </row>
    <row r="3157" spans="3:4" x14ac:dyDescent="0.25">
      <c r="C3157"/>
      <c r="D3157"/>
    </row>
    <row r="3158" spans="3:4" x14ac:dyDescent="0.25">
      <c r="C3158"/>
      <c r="D3158"/>
    </row>
    <row r="3159" spans="3:4" x14ac:dyDescent="0.25">
      <c r="C3159"/>
      <c r="D3159"/>
    </row>
    <row r="3160" spans="3:4" x14ac:dyDescent="0.25">
      <c r="C3160"/>
      <c r="D3160"/>
    </row>
    <row r="3161" spans="3:4" x14ac:dyDescent="0.25">
      <c r="C3161"/>
      <c r="D3161"/>
    </row>
    <row r="3162" spans="3:4" x14ac:dyDescent="0.25">
      <c r="C3162"/>
      <c r="D3162"/>
    </row>
    <row r="3163" spans="3:4" x14ac:dyDescent="0.25">
      <c r="C3163"/>
      <c r="D3163"/>
    </row>
    <row r="3164" spans="3:4" x14ac:dyDescent="0.25">
      <c r="C3164"/>
      <c r="D3164"/>
    </row>
    <row r="3165" spans="3:4" x14ac:dyDescent="0.25">
      <c r="C3165"/>
      <c r="D3165"/>
    </row>
    <row r="3166" spans="3:4" x14ac:dyDescent="0.25">
      <c r="C3166"/>
      <c r="D3166"/>
    </row>
    <row r="3167" spans="3:4" x14ac:dyDescent="0.25">
      <c r="C3167"/>
      <c r="D3167"/>
    </row>
    <row r="3168" spans="3:4" x14ac:dyDescent="0.25">
      <c r="C3168"/>
      <c r="D3168"/>
    </row>
    <row r="3169" spans="3:4" x14ac:dyDescent="0.25">
      <c r="C3169"/>
      <c r="D3169"/>
    </row>
    <row r="3170" spans="3:4" x14ac:dyDescent="0.25">
      <c r="C3170"/>
      <c r="D3170"/>
    </row>
    <row r="3171" spans="3:4" x14ac:dyDescent="0.25">
      <c r="C3171"/>
      <c r="D3171"/>
    </row>
    <row r="3172" spans="3:4" x14ac:dyDescent="0.25">
      <c r="C3172"/>
      <c r="D3172"/>
    </row>
    <row r="3173" spans="3:4" x14ac:dyDescent="0.25">
      <c r="C3173"/>
      <c r="D3173"/>
    </row>
    <row r="3174" spans="3:4" x14ac:dyDescent="0.25">
      <c r="C3174"/>
      <c r="D3174"/>
    </row>
    <row r="3175" spans="3:4" x14ac:dyDescent="0.25">
      <c r="C3175"/>
      <c r="D3175"/>
    </row>
    <row r="3176" spans="3:4" x14ac:dyDescent="0.25">
      <c r="C3176"/>
      <c r="D3176"/>
    </row>
    <row r="3177" spans="3:4" x14ac:dyDescent="0.25">
      <c r="C3177"/>
      <c r="D3177"/>
    </row>
    <row r="3178" spans="3:4" x14ac:dyDescent="0.25">
      <c r="C3178"/>
      <c r="D3178"/>
    </row>
    <row r="3179" spans="3:4" x14ac:dyDescent="0.25">
      <c r="C3179"/>
      <c r="D3179"/>
    </row>
    <row r="3180" spans="3:4" x14ac:dyDescent="0.25">
      <c r="C3180"/>
      <c r="D3180"/>
    </row>
    <row r="3181" spans="3:4" x14ac:dyDescent="0.25">
      <c r="C3181"/>
      <c r="D3181"/>
    </row>
    <row r="3182" spans="3:4" x14ac:dyDescent="0.25">
      <c r="C3182"/>
      <c r="D3182"/>
    </row>
    <row r="3183" spans="3:4" x14ac:dyDescent="0.25">
      <c r="C3183"/>
      <c r="D3183"/>
    </row>
    <row r="3184" spans="3:4" x14ac:dyDescent="0.25">
      <c r="C3184"/>
      <c r="D3184"/>
    </row>
    <row r="3185" spans="3:4" x14ac:dyDescent="0.25">
      <c r="C3185"/>
      <c r="D3185"/>
    </row>
    <row r="3186" spans="3:4" x14ac:dyDescent="0.25">
      <c r="C3186"/>
      <c r="D3186"/>
    </row>
    <row r="3187" spans="3:4" x14ac:dyDescent="0.25">
      <c r="C3187"/>
      <c r="D3187"/>
    </row>
    <row r="3188" spans="3:4" x14ac:dyDescent="0.25">
      <c r="C3188"/>
      <c r="D3188"/>
    </row>
    <row r="3189" spans="3:4" x14ac:dyDescent="0.25">
      <c r="C3189"/>
      <c r="D3189"/>
    </row>
    <row r="3190" spans="3:4" x14ac:dyDescent="0.25">
      <c r="C3190"/>
      <c r="D3190"/>
    </row>
    <row r="3191" spans="3:4" x14ac:dyDescent="0.25">
      <c r="C3191"/>
      <c r="D3191"/>
    </row>
    <row r="3192" spans="3:4" x14ac:dyDescent="0.25">
      <c r="C3192"/>
      <c r="D3192"/>
    </row>
    <row r="3193" spans="3:4" x14ac:dyDescent="0.25">
      <c r="C3193"/>
      <c r="D3193"/>
    </row>
    <row r="3194" spans="3:4" x14ac:dyDescent="0.25">
      <c r="C3194"/>
      <c r="D3194"/>
    </row>
    <row r="3195" spans="3:4" x14ac:dyDescent="0.25">
      <c r="C3195"/>
      <c r="D3195"/>
    </row>
    <row r="3196" spans="3:4" x14ac:dyDescent="0.25">
      <c r="C3196"/>
      <c r="D3196"/>
    </row>
    <row r="3197" spans="3:4" x14ac:dyDescent="0.25">
      <c r="C3197"/>
      <c r="D3197"/>
    </row>
    <row r="3198" spans="3:4" x14ac:dyDescent="0.25">
      <c r="C3198"/>
      <c r="D3198"/>
    </row>
    <row r="3199" spans="3:4" x14ac:dyDescent="0.25">
      <c r="C3199"/>
      <c r="D3199"/>
    </row>
    <row r="3200" spans="3:4" x14ac:dyDescent="0.25">
      <c r="C3200"/>
      <c r="D3200"/>
    </row>
    <row r="3201" spans="3:4" x14ac:dyDescent="0.25">
      <c r="C3201"/>
      <c r="D3201"/>
    </row>
    <row r="3202" spans="3:4" x14ac:dyDescent="0.25">
      <c r="C3202"/>
      <c r="D3202"/>
    </row>
    <row r="3203" spans="3:4" x14ac:dyDescent="0.25">
      <c r="C3203"/>
      <c r="D3203"/>
    </row>
    <row r="3204" spans="3:4" x14ac:dyDescent="0.25">
      <c r="C3204"/>
      <c r="D3204"/>
    </row>
    <row r="3205" spans="3:4" x14ac:dyDescent="0.25">
      <c r="C3205"/>
      <c r="D3205"/>
    </row>
    <row r="3206" spans="3:4" x14ac:dyDescent="0.25">
      <c r="C3206"/>
      <c r="D3206"/>
    </row>
    <row r="3207" spans="3:4" x14ac:dyDescent="0.25">
      <c r="C3207"/>
      <c r="D3207"/>
    </row>
    <row r="3208" spans="3:4" x14ac:dyDescent="0.25">
      <c r="C3208"/>
      <c r="D3208"/>
    </row>
    <row r="3209" spans="3:4" x14ac:dyDescent="0.25">
      <c r="C3209"/>
      <c r="D3209"/>
    </row>
    <row r="3210" spans="3:4" x14ac:dyDescent="0.25">
      <c r="C3210"/>
      <c r="D3210"/>
    </row>
    <row r="3211" spans="3:4" x14ac:dyDescent="0.25">
      <c r="C3211"/>
      <c r="D3211"/>
    </row>
    <row r="3212" spans="3:4" x14ac:dyDescent="0.25">
      <c r="C3212"/>
      <c r="D3212"/>
    </row>
    <row r="3213" spans="3:4" x14ac:dyDescent="0.25">
      <c r="C3213"/>
      <c r="D3213"/>
    </row>
    <row r="3214" spans="3:4" x14ac:dyDescent="0.25">
      <c r="C3214"/>
      <c r="D3214"/>
    </row>
    <row r="3215" spans="3:4" x14ac:dyDescent="0.25">
      <c r="C3215"/>
      <c r="D3215"/>
    </row>
    <row r="3216" spans="3:4" x14ac:dyDescent="0.25">
      <c r="C3216"/>
      <c r="D3216"/>
    </row>
    <row r="3217" spans="3:4" x14ac:dyDescent="0.25">
      <c r="C3217"/>
      <c r="D3217"/>
    </row>
    <row r="3218" spans="3:4" x14ac:dyDescent="0.25">
      <c r="C3218"/>
      <c r="D3218"/>
    </row>
    <row r="3219" spans="3:4" x14ac:dyDescent="0.25">
      <c r="C3219"/>
      <c r="D3219"/>
    </row>
    <row r="3220" spans="3:4" x14ac:dyDescent="0.25">
      <c r="C3220"/>
      <c r="D3220"/>
    </row>
    <row r="3221" spans="3:4" x14ac:dyDescent="0.25">
      <c r="C3221"/>
      <c r="D3221"/>
    </row>
    <row r="3222" spans="3:4" x14ac:dyDescent="0.25">
      <c r="C3222"/>
      <c r="D3222"/>
    </row>
    <row r="3223" spans="3:4" x14ac:dyDescent="0.25">
      <c r="C3223"/>
      <c r="D3223"/>
    </row>
    <row r="3224" spans="3:4" x14ac:dyDescent="0.25">
      <c r="C3224"/>
      <c r="D3224"/>
    </row>
    <row r="3225" spans="3:4" x14ac:dyDescent="0.25">
      <c r="C3225"/>
      <c r="D3225"/>
    </row>
    <row r="3226" spans="3:4" x14ac:dyDescent="0.25">
      <c r="C3226"/>
      <c r="D3226"/>
    </row>
    <row r="3227" spans="3:4" x14ac:dyDescent="0.25">
      <c r="C3227"/>
      <c r="D3227"/>
    </row>
    <row r="3228" spans="3:4" x14ac:dyDescent="0.25">
      <c r="C3228"/>
      <c r="D3228"/>
    </row>
    <row r="3229" spans="3:4" x14ac:dyDescent="0.25">
      <c r="C3229"/>
      <c r="D3229"/>
    </row>
    <row r="3230" spans="3:4" x14ac:dyDescent="0.25">
      <c r="C3230"/>
      <c r="D3230"/>
    </row>
    <row r="3231" spans="3:4" x14ac:dyDescent="0.25">
      <c r="C3231"/>
      <c r="D3231"/>
    </row>
    <row r="3232" spans="3:4" x14ac:dyDescent="0.25">
      <c r="C3232"/>
      <c r="D3232"/>
    </row>
    <row r="3233" spans="3:4" x14ac:dyDescent="0.25">
      <c r="C3233"/>
      <c r="D3233"/>
    </row>
    <row r="3234" spans="3:4" x14ac:dyDescent="0.25">
      <c r="C3234"/>
      <c r="D3234"/>
    </row>
    <row r="3235" spans="3:4" x14ac:dyDescent="0.25">
      <c r="C3235"/>
      <c r="D3235"/>
    </row>
    <row r="3236" spans="3:4" x14ac:dyDescent="0.25">
      <c r="C3236"/>
      <c r="D3236"/>
    </row>
    <row r="3237" spans="3:4" x14ac:dyDescent="0.25">
      <c r="C3237"/>
      <c r="D3237"/>
    </row>
    <row r="3238" spans="3:4" x14ac:dyDescent="0.25">
      <c r="C3238"/>
      <c r="D3238"/>
    </row>
    <row r="3239" spans="3:4" x14ac:dyDescent="0.25">
      <c r="C3239"/>
      <c r="D3239"/>
    </row>
    <row r="3240" spans="3:4" x14ac:dyDescent="0.25">
      <c r="C3240"/>
      <c r="D3240"/>
    </row>
    <row r="3241" spans="3:4" x14ac:dyDescent="0.25">
      <c r="C3241"/>
      <c r="D3241"/>
    </row>
    <row r="3242" spans="3:4" x14ac:dyDescent="0.25">
      <c r="C3242"/>
      <c r="D3242"/>
    </row>
    <row r="3243" spans="3:4" x14ac:dyDescent="0.25">
      <c r="C3243"/>
      <c r="D3243"/>
    </row>
    <row r="3244" spans="3:4" x14ac:dyDescent="0.25">
      <c r="C3244"/>
      <c r="D3244"/>
    </row>
    <row r="3245" spans="3:4" x14ac:dyDescent="0.25">
      <c r="C3245"/>
      <c r="D3245"/>
    </row>
    <row r="3246" spans="3:4" x14ac:dyDescent="0.25">
      <c r="C3246"/>
      <c r="D3246"/>
    </row>
    <row r="3247" spans="3:4" x14ac:dyDescent="0.25">
      <c r="C3247"/>
      <c r="D3247"/>
    </row>
    <row r="3248" spans="3:4" x14ac:dyDescent="0.25">
      <c r="C3248"/>
      <c r="D3248"/>
    </row>
    <row r="3249" spans="3:4" x14ac:dyDescent="0.25">
      <c r="C3249"/>
      <c r="D3249"/>
    </row>
    <row r="3250" spans="3:4" x14ac:dyDescent="0.25">
      <c r="C3250"/>
      <c r="D3250"/>
    </row>
    <row r="3251" spans="3:4" x14ac:dyDescent="0.25">
      <c r="C3251"/>
      <c r="D3251"/>
    </row>
    <row r="3252" spans="3:4" x14ac:dyDescent="0.25">
      <c r="C3252"/>
      <c r="D3252"/>
    </row>
    <row r="3253" spans="3:4" x14ac:dyDescent="0.25">
      <c r="C3253"/>
      <c r="D3253"/>
    </row>
    <row r="3254" spans="3:4" x14ac:dyDescent="0.25">
      <c r="C3254"/>
      <c r="D3254"/>
    </row>
    <row r="3255" spans="3:4" x14ac:dyDescent="0.25">
      <c r="C3255"/>
      <c r="D3255"/>
    </row>
    <row r="3256" spans="3:4" x14ac:dyDescent="0.25">
      <c r="C3256"/>
      <c r="D3256"/>
    </row>
    <row r="3257" spans="3:4" x14ac:dyDescent="0.25">
      <c r="C3257"/>
      <c r="D3257"/>
    </row>
    <row r="3258" spans="3:4" x14ac:dyDescent="0.25">
      <c r="C3258"/>
      <c r="D3258"/>
    </row>
    <row r="3259" spans="3:4" x14ac:dyDescent="0.25">
      <c r="C3259"/>
      <c r="D3259"/>
    </row>
    <row r="3260" spans="3:4" x14ac:dyDescent="0.25">
      <c r="C3260"/>
      <c r="D3260"/>
    </row>
    <row r="3261" spans="3:4" x14ac:dyDescent="0.25">
      <c r="C3261"/>
      <c r="D3261"/>
    </row>
    <row r="3262" spans="3:4" x14ac:dyDescent="0.25">
      <c r="C3262"/>
      <c r="D3262"/>
    </row>
    <row r="3263" spans="3:4" x14ac:dyDescent="0.25">
      <c r="C3263"/>
      <c r="D3263"/>
    </row>
    <row r="3264" spans="3:4" x14ac:dyDescent="0.25">
      <c r="C3264"/>
      <c r="D3264"/>
    </row>
    <row r="3265" spans="3:4" x14ac:dyDescent="0.25">
      <c r="C3265"/>
      <c r="D3265"/>
    </row>
    <row r="3266" spans="3:4" x14ac:dyDescent="0.25">
      <c r="C3266"/>
      <c r="D3266"/>
    </row>
    <row r="3267" spans="3:4" x14ac:dyDescent="0.25">
      <c r="C3267"/>
      <c r="D3267"/>
    </row>
    <row r="3268" spans="3:4" x14ac:dyDescent="0.25">
      <c r="C3268"/>
      <c r="D3268"/>
    </row>
    <row r="3269" spans="3:4" x14ac:dyDescent="0.25">
      <c r="C3269"/>
      <c r="D3269"/>
    </row>
    <row r="3270" spans="3:4" x14ac:dyDescent="0.25">
      <c r="C3270"/>
      <c r="D3270"/>
    </row>
    <row r="3271" spans="3:4" x14ac:dyDescent="0.25">
      <c r="C3271"/>
      <c r="D3271"/>
    </row>
    <row r="3272" spans="3:4" x14ac:dyDescent="0.25">
      <c r="C3272"/>
      <c r="D3272"/>
    </row>
    <row r="3273" spans="3:4" x14ac:dyDescent="0.25">
      <c r="C3273"/>
      <c r="D3273"/>
    </row>
    <row r="3274" spans="3:4" x14ac:dyDescent="0.25">
      <c r="C3274"/>
      <c r="D3274"/>
    </row>
    <row r="3275" spans="3:4" x14ac:dyDescent="0.25">
      <c r="C3275"/>
      <c r="D3275"/>
    </row>
    <row r="3276" spans="3:4" x14ac:dyDescent="0.25">
      <c r="C3276"/>
      <c r="D3276"/>
    </row>
    <row r="3277" spans="3:4" x14ac:dyDescent="0.25">
      <c r="C3277"/>
      <c r="D3277"/>
    </row>
    <row r="3278" spans="3:4" x14ac:dyDescent="0.25">
      <c r="C3278"/>
      <c r="D3278"/>
    </row>
    <row r="3279" spans="3:4" x14ac:dyDescent="0.25">
      <c r="C3279"/>
      <c r="D3279"/>
    </row>
    <row r="3280" spans="3:4" x14ac:dyDescent="0.25">
      <c r="C3280"/>
      <c r="D3280"/>
    </row>
    <row r="3281" spans="3:4" x14ac:dyDescent="0.25">
      <c r="C3281"/>
      <c r="D3281"/>
    </row>
    <row r="3282" spans="3:4" x14ac:dyDescent="0.25">
      <c r="C3282"/>
      <c r="D3282"/>
    </row>
    <row r="3283" spans="3:4" x14ac:dyDescent="0.25">
      <c r="C3283"/>
      <c r="D3283"/>
    </row>
    <row r="3284" spans="3:4" x14ac:dyDescent="0.25">
      <c r="C3284"/>
      <c r="D3284"/>
    </row>
    <row r="3285" spans="3:4" x14ac:dyDescent="0.25">
      <c r="C3285"/>
      <c r="D3285"/>
    </row>
    <row r="3286" spans="3:4" x14ac:dyDescent="0.25">
      <c r="C3286"/>
      <c r="D3286"/>
    </row>
    <row r="3287" spans="3:4" x14ac:dyDescent="0.25">
      <c r="C3287"/>
      <c r="D3287"/>
    </row>
    <row r="3288" spans="3:4" x14ac:dyDescent="0.25">
      <c r="C3288"/>
      <c r="D3288"/>
    </row>
    <row r="3289" spans="3:4" x14ac:dyDescent="0.25">
      <c r="C3289"/>
      <c r="D3289"/>
    </row>
    <row r="3290" spans="3:4" x14ac:dyDescent="0.25">
      <c r="C3290"/>
      <c r="D3290"/>
    </row>
    <row r="3291" spans="3:4" x14ac:dyDescent="0.25">
      <c r="C3291"/>
      <c r="D3291"/>
    </row>
    <row r="3292" spans="3:4" x14ac:dyDescent="0.25">
      <c r="C3292"/>
      <c r="D3292"/>
    </row>
    <row r="3293" spans="3:4" x14ac:dyDescent="0.25">
      <c r="C3293"/>
      <c r="D3293"/>
    </row>
    <row r="3294" spans="3:4" x14ac:dyDescent="0.25">
      <c r="C3294"/>
      <c r="D3294"/>
    </row>
    <row r="3295" spans="3:4" x14ac:dyDescent="0.25">
      <c r="C3295"/>
      <c r="D3295"/>
    </row>
    <row r="3296" spans="3:4" x14ac:dyDescent="0.25">
      <c r="C3296"/>
      <c r="D3296"/>
    </row>
    <row r="3297" spans="3:4" x14ac:dyDescent="0.25">
      <c r="C3297"/>
      <c r="D3297"/>
    </row>
    <row r="3298" spans="3:4" x14ac:dyDescent="0.25">
      <c r="C3298"/>
      <c r="D3298"/>
    </row>
    <row r="3299" spans="3:4" x14ac:dyDescent="0.25">
      <c r="C3299"/>
      <c r="D3299"/>
    </row>
    <row r="3300" spans="3:4" x14ac:dyDescent="0.25">
      <c r="C3300"/>
      <c r="D3300"/>
    </row>
    <row r="3301" spans="3:4" x14ac:dyDescent="0.25">
      <c r="C3301"/>
      <c r="D3301"/>
    </row>
    <row r="3302" spans="3:4" x14ac:dyDescent="0.25">
      <c r="C3302"/>
      <c r="D3302"/>
    </row>
    <row r="3303" spans="3:4" x14ac:dyDescent="0.25">
      <c r="C3303"/>
      <c r="D3303"/>
    </row>
    <row r="3304" spans="3:4" x14ac:dyDescent="0.25">
      <c r="C3304"/>
      <c r="D3304"/>
    </row>
    <row r="3305" spans="3:4" x14ac:dyDescent="0.25">
      <c r="C3305"/>
      <c r="D3305"/>
    </row>
    <row r="3306" spans="3:4" x14ac:dyDescent="0.25">
      <c r="C3306"/>
      <c r="D3306"/>
    </row>
    <row r="3307" spans="3:4" x14ac:dyDescent="0.25">
      <c r="C3307"/>
      <c r="D3307"/>
    </row>
    <row r="3308" spans="3:4" x14ac:dyDescent="0.25">
      <c r="C3308"/>
      <c r="D3308"/>
    </row>
    <row r="3309" spans="3:4" x14ac:dyDescent="0.25">
      <c r="C3309"/>
      <c r="D3309"/>
    </row>
    <row r="3310" spans="3:4" x14ac:dyDescent="0.25">
      <c r="C3310"/>
      <c r="D3310"/>
    </row>
    <row r="3311" spans="3:4" x14ac:dyDescent="0.25">
      <c r="C3311"/>
      <c r="D3311"/>
    </row>
    <row r="3312" spans="3:4" x14ac:dyDescent="0.25">
      <c r="C3312"/>
      <c r="D3312"/>
    </row>
    <row r="3313" spans="3:4" x14ac:dyDescent="0.25">
      <c r="C3313"/>
      <c r="D3313"/>
    </row>
    <row r="3314" spans="3:4" x14ac:dyDescent="0.25">
      <c r="C3314"/>
      <c r="D3314"/>
    </row>
    <row r="3315" spans="3:4" x14ac:dyDescent="0.25">
      <c r="C3315"/>
      <c r="D3315"/>
    </row>
    <row r="3316" spans="3:4" x14ac:dyDescent="0.25">
      <c r="C3316"/>
      <c r="D3316"/>
    </row>
    <row r="3317" spans="3:4" x14ac:dyDescent="0.25">
      <c r="C3317"/>
      <c r="D3317"/>
    </row>
    <row r="3318" spans="3:4" x14ac:dyDescent="0.25">
      <c r="C3318"/>
      <c r="D3318"/>
    </row>
    <row r="3319" spans="3:4" x14ac:dyDescent="0.25">
      <c r="C3319"/>
      <c r="D3319"/>
    </row>
    <row r="3320" spans="3:4" x14ac:dyDescent="0.25">
      <c r="C3320"/>
      <c r="D3320"/>
    </row>
    <row r="3321" spans="3:4" x14ac:dyDescent="0.25">
      <c r="C3321"/>
      <c r="D3321"/>
    </row>
    <row r="3322" spans="3:4" x14ac:dyDescent="0.25">
      <c r="C3322"/>
      <c r="D3322"/>
    </row>
    <row r="3323" spans="3:4" x14ac:dyDescent="0.25">
      <c r="C3323"/>
      <c r="D3323"/>
    </row>
    <row r="3324" spans="3:4" x14ac:dyDescent="0.25">
      <c r="C3324"/>
      <c r="D3324"/>
    </row>
    <row r="3325" spans="3:4" x14ac:dyDescent="0.25">
      <c r="C3325"/>
      <c r="D3325"/>
    </row>
    <row r="3326" spans="3:4" x14ac:dyDescent="0.25">
      <c r="C3326"/>
      <c r="D3326"/>
    </row>
    <row r="3327" spans="3:4" x14ac:dyDescent="0.25">
      <c r="C3327"/>
      <c r="D3327"/>
    </row>
    <row r="3328" spans="3:4" x14ac:dyDescent="0.25">
      <c r="C3328"/>
      <c r="D3328"/>
    </row>
    <row r="3329" spans="3:4" x14ac:dyDescent="0.25">
      <c r="C3329"/>
      <c r="D3329"/>
    </row>
    <row r="3330" spans="3:4" x14ac:dyDescent="0.25">
      <c r="C3330"/>
      <c r="D3330"/>
    </row>
    <row r="3331" spans="3:4" x14ac:dyDescent="0.25">
      <c r="C3331"/>
      <c r="D3331"/>
    </row>
    <row r="3332" spans="3:4" x14ac:dyDescent="0.25">
      <c r="C3332"/>
      <c r="D3332"/>
    </row>
    <row r="3333" spans="3:4" x14ac:dyDescent="0.25">
      <c r="C3333"/>
      <c r="D3333"/>
    </row>
    <row r="3334" spans="3:4" x14ac:dyDescent="0.25">
      <c r="C3334"/>
      <c r="D3334"/>
    </row>
    <row r="3335" spans="3:4" x14ac:dyDescent="0.25">
      <c r="C3335"/>
      <c r="D3335"/>
    </row>
    <row r="3336" spans="3:4" x14ac:dyDescent="0.25">
      <c r="C3336"/>
      <c r="D3336"/>
    </row>
    <row r="3337" spans="3:4" x14ac:dyDescent="0.25">
      <c r="C3337"/>
      <c r="D3337"/>
    </row>
    <row r="3338" spans="3:4" x14ac:dyDescent="0.25">
      <c r="C3338"/>
      <c r="D3338"/>
    </row>
    <row r="3339" spans="3:4" x14ac:dyDescent="0.25">
      <c r="C3339"/>
      <c r="D3339"/>
    </row>
    <row r="3340" spans="3:4" x14ac:dyDescent="0.25">
      <c r="C3340"/>
      <c r="D3340"/>
    </row>
    <row r="3341" spans="3:4" x14ac:dyDescent="0.25">
      <c r="C3341"/>
      <c r="D3341"/>
    </row>
    <row r="3342" spans="3:4" x14ac:dyDescent="0.25">
      <c r="C3342"/>
      <c r="D3342"/>
    </row>
    <row r="3343" spans="3:4" x14ac:dyDescent="0.25">
      <c r="C3343"/>
      <c r="D3343"/>
    </row>
    <row r="3344" spans="3:4" x14ac:dyDescent="0.25">
      <c r="C3344"/>
      <c r="D3344"/>
    </row>
    <row r="3345" spans="3:4" x14ac:dyDescent="0.25">
      <c r="C3345"/>
      <c r="D3345"/>
    </row>
    <row r="3346" spans="3:4" x14ac:dyDescent="0.25">
      <c r="C3346"/>
      <c r="D3346"/>
    </row>
    <row r="3347" spans="3:4" x14ac:dyDescent="0.25">
      <c r="C3347"/>
      <c r="D3347"/>
    </row>
    <row r="3348" spans="3:4" x14ac:dyDescent="0.25">
      <c r="C3348"/>
      <c r="D3348"/>
    </row>
    <row r="3349" spans="3:4" x14ac:dyDescent="0.25">
      <c r="C3349"/>
      <c r="D3349"/>
    </row>
    <row r="3350" spans="3:4" x14ac:dyDescent="0.25">
      <c r="C3350"/>
      <c r="D3350"/>
    </row>
    <row r="3351" spans="3:4" x14ac:dyDescent="0.25">
      <c r="C3351"/>
      <c r="D3351"/>
    </row>
    <row r="3352" spans="3:4" x14ac:dyDescent="0.25">
      <c r="C3352"/>
      <c r="D3352"/>
    </row>
    <row r="3353" spans="3:4" x14ac:dyDescent="0.25">
      <c r="C3353"/>
      <c r="D3353"/>
    </row>
    <row r="3354" spans="3:4" x14ac:dyDescent="0.25">
      <c r="C3354"/>
      <c r="D3354"/>
    </row>
    <row r="3355" spans="3:4" x14ac:dyDescent="0.25">
      <c r="C3355"/>
      <c r="D3355"/>
    </row>
    <row r="3356" spans="3:4" x14ac:dyDescent="0.25">
      <c r="C3356"/>
      <c r="D3356"/>
    </row>
    <row r="3357" spans="3:4" x14ac:dyDescent="0.25">
      <c r="C3357"/>
      <c r="D3357"/>
    </row>
    <row r="3358" spans="3:4" x14ac:dyDescent="0.25">
      <c r="C3358"/>
      <c r="D3358"/>
    </row>
    <row r="3359" spans="3:4" x14ac:dyDescent="0.25">
      <c r="C3359"/>
      <c r="D3359"/>
    </row>
    <row r="3360" spans="3:4" x14ac:dyDescent="0.25">
      <c r="C3360"/>
      <c r="D3360"/>
    </row>
    <row r="3361" spans="3:4" x14ac:dyDescent="0.25">
      <c r="C3361"/>
      <c r="D3361"/>
    </row>
    <row r="3362" spans="3:4" x14ac:dyDescent="0.25">
      <c r="C3362"/>
      <c r="D3362"/>
    </row>
    <row r="3363" spans="3:4" x14ac:dyDescent="0.25">
      <c r="C3363"/>
      <c r="D3363"/>
    </row>
    <row r="3364" spans="3:4" x14ac:dyDescent="0.25">
      <c r="C3364"/>
      <c r="D3364"/>
    </row>
    <row r="3365" spans="3:4" x14ac:dyDescent="0.25">
      <c r="C3365"/>
      <c r="D3365"/>
    </row>
    <row r="3366" spans="3:4" x14ac:dyDescent="0.25">
      <c r="C3366"/>
      <c r="D3366"/>
    </row>
    <row r="3367" spans="3:4" x14ac:dyDescent="0.25">
      <c r="C3367"/>
      <c r="D3367"/>
    </row>
    <row r="3368" spans="3:4" x14ac:dyDescent="0.25">
      <c r="C3368"/>
      <c r="D3368"/>
    </row>
    <row r="3369" spans="3:4" x14ac:dyDescent="0.25">
      <c r="C3369"/>
      <c r="D3369"/>
    </row>
    <row r="3370" spans="3:4" x14ac:dyDescent="0.25">
      <c r="C3370"/>
      <c r="D3370"/>
    </row>
    <row r="3371" spans="3:4" x14ac:dyDescent="0.25">
      <c r="C3371"/>
      <c r="D3371"/>
    </row>
    <row r="3372" spans="3:4" x14ac:dyDescent="0.25">
      <c r="C3372"/>
      <c r="D3372"/>
    </row>
    <row r="3373" spans="3:4" x14ac:dyDescent="0.25">
      <c r="C3373"/>
      <c r="D3373"/>
    </row>
    <row r="3374" spans="3:4" x14ac:dyDescent="0.25">
      <c r="C3374"/>
      <c r="D3374"/>
    </row>
    <row r="3375" spans="3:4" x14ac:dyDescent="0.25">
      <c r="C3375"/>
      <c r="D3375"/>
    </row>
    <row r="3376" spans="3:4" x14ac:dyDescent="0.25">
      <c r="C3376"/>
      <c r="D3376"/>
    </row>
    <row r="3377" spans="3:4" x14ac:dyDescent="0.25">
      <c r="C3377"/>
      <c r="D3377"/>
    </row>
    <row r="3378" spans="3:4" x14ac:dyDescent="0.25">
      <c r="C3378"/>
      <c r="D3378"/>
    </row>
    <row r="3379" spans="3:4" x14ac:dyDescent="0.25">
      <c r="C3379"/>
      <c r="D3379"/>
    </row>
    <row r="3380" spans="3:4" x14ac:dyDescent="0.25">
      <c r="C3380"/>
      <c r="D3380"/>
    </row>
    <row r="3381" spans="3:4" x14ac:dyDescent="0.25">
      <c r="C3381"/>
      <c r="D3381"/>
    </row>
    <row r="3382" spans="3:4" x14ac:dyDescent="0.25">
      <c r="C3382"/>
      <c r="D3382"/>
    </row>
    <row r="3383" spans="3:4" x14ac:dyDescent="0.25">
      <c r="C3383"/>
      <c r="D3383"/>
    </row>
    <row r="3384" spans="3:4" x14ac:dyDescent="0.25">
      <c r="C3384"/>
      <c r="D3384"/>
    </row>
    <row r="3385" spans="3:4" x14ac:dyDescent="0.25">
      <c r="C3385"/>
      <c r="D3385"/>
    </row>
    <row r="3386" spans="3:4" x14ac:dyDescent="0.25">
      <c r="C3386"/>
      <c r="D3386"/>
    </row>
    <row r="3387" spans="3:4" x14ac:dyDescent="0.25">
      <c r="C3387"/>
      <c r="D3387"/>
    </row>
    <row r="3388" spans="3:4" x14ac:dyDescent="0.25">
      <c r="C3388"/>
      <c r="D3388"/>
    </row>
    <row r="3389" spans="3:4" x14ac:dyDescent="0.25">
      <c r="C3389"/>
      <c r="D3389"/>
    </row>
    <row r="3390" spans="3:4" x14ac:dyDescent="0.25">
      <c r="C3390"/>
      <c r="D3390"/>
    </row>
    <row r="3391" spans="3:4" x14ac:dyDescent="0.25">
      <c r="C3391"/>
      <c r="D3391"/>
    </row>
    <row r="3392" spans="3:4" x14ac:dyDescent="0.25">
      <c r="C3392"/>
      <c r="D3392"/>
    </row>
    <row r="3393" spans="3:4" x14ac:dyDescent="0.25">
      <c r="C3393"/>
      <c r="D3393"/>
    </row>
    <row r="3394" spans="3:4" x14ac:dyDescent="0.25">
      <c r="C3394"/>
      <c r="D3394"/>
    </row>
    <row r="3395" spans="3:4" x14ac:dyDescent="0.25">
      <c r="C3395"/>
      <c r="D3395"/>
    </row>
    <row r="3396" spans="3:4" x14ac:dyDescent="0.25">
      <c r="C3396"/>
      <c r="D3396"/>
    </row>
    <row r="3397" spans="3:4" x14ac:dyDescent="0.25">
      <c r="C3397"/>
      <c r="D3397"/>
    </row>
    <row r="3398" spans="3:4" x14ac:dyDescent="0.25">
      <c r="C3398"/>
      <c r="D3398"/>
    </row>
    <row r="3399" spans="3:4" x14ac:dyDescent="0.25">
      <c r="C3399"/>
      <c r="D3399"/>
    </row>
    <row r="3400" spans="3:4" x14ac:dyDescent="0.25">
      <c r="C3400"/>
      <c r="D3400"/>
    </row>
    <row r="3401" spans="3:4" x14ac:dyDescent="0.25">
      <c r="C3401"/>
      <c r="D3401"/>
    </row>
    <row r="3402" spans="3:4" x14ac:dyDescent="0.25">
      <c r="C3402"/>
      <c r="D3402"/>
    </row>
    <row r="3403" spans="3:4" x14ac:dyDescent="0.25">
      <c r="C3403"/>
      <c r="D3403"/>
    </row>
    <row r="3404" spans="3:4" x14ac:dyDescent="0.25">
      <c r="C3404"/>
      <c r="D3404"/>
    </row>
    <row r="3405" spans="3:4" x14ac:dyDescent="0.25">
      <c r="C3405"/>
      <c r="D3405"/>
    </row>
    <row r="3406" spans="3:4" x14ac:dyDescent="0.25">
      <c r="C3406"/>
      <c r="D3406"/>
    </row>
    <row r="3407" spans="3:4" x14ac:dyDescent="0.25">
      <c r="C3407"/>
      <c r="D3407"/>
    </row>
    <row r="3408" spans="3:4" x14ac:dyDescent="0.25">
      <c r="C3408"/>
      <c r="D3408"/>
    </row>
    <row r="3409" spans="3:4" x14ac:dyDescent="0.25">
      <c r="C3409"/>
      <c r="D3409"/>
    </row>
    <row r="3410" spans="3:4" x14ac:dyDescent="0.25">
      <c r="C3410"/>
      <c r="D3410"/>
    </row>
    <row r="3411" spans="3:4" x14ac:dyDescent="0.25">
      <c r="C3411"/>
      <c r="D3411"/>
    </row>
    <row r="3412" spans="3:4" x14ac:dyDescent="0.25">
      <c r="C3412"/>
      <c r="D3412"/>
    </row>
    <row r="3413" spans="3:4" x14ac:dyDescent="0.25">
      <c r="C3413"/>
      <c r="D3413"/>
    </row>
    <row r="3414" spans="3:4" x14ac:dyDescent="0.25">
      <c r="C3414"/>
      <c r="D3414"/>
    </row>
    <row r="3415" spans="3:4" x14ac:dyDescent="0.25">
      <c r="C3415"/>
      <c r="D3415"/>
    </row>
    <row r="3416" spans="3:4" x14ac:dyDescent="0.25">
      <c r="C3416"/>
      <c r="D3416"/>
    </row>
    <row r="3417" spans="3:4" x14ac:dyDescent="0.25">
      <c r="C3417"/>
      <c r="D3417"/>
    </row>
    <row r="3418" spans="3:4" x14ac:dyDescent="0.25">
      <c r="C3418"/>
      <c r="D3418"/>
    </row>
    <row r="3419" spans="3:4" x14ac:dyDescent="0.25">
      <c r="C3419"/>
      <c r="D3419"/>
    </row>
    <row r="3420" spans="3:4" x14ac:dyDescent="0.25">
      <c r="C3420"/>
      <c r="D3420"/>
    </row>
    <row r="3421" spans="3:4" x14ac:dyDescent="0.25">
      <c r="C3421"/>
      <c r="D3421"/>
    </row>
    <row r="3422" spans="3:4" x14ac:dyDescent="0.25">
      <c r="C3422"/>
      <c r="D3422"/>
    </row>
    <row r="3423" spans="3:4" x14ac:dyDescent="0.25">
      <c r="C3423"/>
      <c r="D3423"/>
    </row>
    <row r="3424" spans="3:4" x14ac:dyDescent="0.25">
      <c r="C3424"/>
      <c r="D3424"/>
    </row>
    <row r="3425" spans="3:4" x14ac:dyDescent="0.25">
      <c r="C3425"/>
      <c r="D3425"/>
    </row>
    <row r="3426" spans="3:4" x14ac:dyDescent="0.25">
      <c r="C3426"/>
      <c r="D3426"/>
    </row>
    <row r="3427" spans="3:4" x14ac:dyDescent="0.25">
      <c r="C3427"/>
      <c r="D3427"/>
    </row>
    <row r="3428" spans="3:4" x14ac:dyDescent="0.25">
      <c r="C3428"/>
      <c r="D3428"/>
    </row>
    <row r="3429" spans="3:4" x14ac:dyDescent="0.25">
      <c r="C3429"/>
      <c r="D3429"/>
    </row>
    <row r="3430" spans="3:4" x14ac:dyDescent="0.25">
      <c r="C3430"/>
      <c r="D3430"/>
    </row>
    <row r="3431" spans="3:4" x14ac:dyDescent="0.25">
      <c r="C3431"/>
      <c r="D3431"/>
    </row>
    <row r="3432" spans="3:4" x14ac:dyDescent="0.25">
      <c r="C3432"/>
      <c r="D3432"/>
    </row>
    <row r="3433" spans="3:4" x14ac:dyDescent="0.25">
      <c r="C3433"/>
      <c r="D3433"/>
    </row>
    <row r="3434" spans="3:4" x14ac:dyDescent="0.25">
      <c r="C3434"/>
      <c r="D3434"/>
    </row>
    <row r="3435" spans="3:4" x14ac:dyDescent="0.25">
      <c r="C3435"/>
      <c r="D3435"/>
    </row>
    <row r="3436" spans="3:4" x14ac:dyDescent="0.25">
      <c r="C3436"/>
      <c r="D3436"/>
    </row>
    <row r="3437" spans="3:4" x14ac:dyDescent="0.25">
      <c r="C3437"/>
      <c r="D3437"/>
    </row>
    <row r="3438" spans="3:4" x14ac:dyDescent="0.25">
      <c r="C3438"/>
      <c r="D3438"/>
    </row>
    <row r="3439" spans="3:4" x14ac:dyDescent="0.25">
      <c r="C3439"/>
      <c r="D3439"/>
    </row>
    <row r="3440" spans="3:4" x14ac:dyDescent="0.25">
      <c r="C3440"/>
      <c r="D3440"/>
    </row>
    <row r="3441" spans="3:4" x14ac:dyDescent="0.25">
      <c r="C3441"/>
      <c r="D3441"/>
    </row>
    <row r="3442" spans="3:4" x14ac:dyDescent="0.25">
      <c r="C3442"/>
      <c r="D3442"/>
    </row>
    <row r="3443" spans="3:4" x14ac:dyDescent="0.25">
      <c r="C3443"/>
      <c r="D3443"/>
    </row>
    <row r="3444" spans="3:4" x14ac:dyDescent="0.25">
      <c r="C3444"/>
      <c r="D3444"/>
    </row>
    <row r="3445" spans="3:4" x14ac:dyDescent="0.25">
      <c r="C3445"/>
      <c r="D3445"/>
    </row>
    <row r="3446" spans="3:4" x14ac:dyDescent="0.25">
      <c r="C3446"/>
      <c r="D3446"/>
    </row>
    <row r="3447" spans="3:4" x14ac:dyDescent="0.25">
      <c r="C3447"/>
      <c r="D3447"/>
    </row>
    <row r="3448" spans="3:4" x14ac:dyDescent="0.25">
      <c r="C3448"/>
      <c r="D3448"/>
    </row>
    <row r="3449" spans="3:4" x14ac:dyDescent="0.25">
      <c r="C3449"/>
      <c r="D3449"/>
    </row>
    <row r="3450" spans="3:4" x14ac:dyDescent="0.25">
      <c r="C3450"/>
      <c r="D3450"/>
    </row>
    <row r="3451" spans="3:4" x14ac:dyDescent="0.25">
      <c r="C3451"/>
      <c r="D3451"/>
    </row>
    <row r="3452" spans="3:4" x14ac:dyDescent="0.25">
      <c r="C3452"/>
      <c r="D3452"/>
    </row>
    <row r="3453" spans="3:4" x14ac:dyDescent="0.25">
      <c r="C3453"/>
      <c r="D3453"/>
    </row>
    <row r="3454" spans="3:4" x14ac:dyDescent="0.25">
      <c r="C3454"/>
      <c r="D3454"/>
    </row>
    <row r="3455" spans="3:4" x14ac:dyDescent="0.25">
      <c r="C3455"/>
      <c r="D3455"/>
    </row>
    <row r="3456" spans="3:4" x14ac:dyDescent="0.25">
      <c r="C3456"/>
      <c r="D3456"/>
    </row>
    <row r="3457" spans="3:4" x14ac:dyDescent="0.25">
      <c r="C3457"/>
      <c r="D3457"/>
    </row>
    <row r="3458" spans="3:4" x14ac:dyDescent="0.25">
      <c r="C3458"/>
      <c r="D3458"/>
    </row>
    <row r="3459" spans="3:4" x14ac:dyDescent="0.25">
      <c r="C3459"/>
      <c r="D3459"/>
    </row>
    <row r="3460" spans="3:4" x14ac:dyDescent="0.25">
      <c r="C3460"/>
      <c r="D3460"/>
    </row>
    <row r="3461" spans="3:4" x14ac:dyDescent="0.25">
      <c r="C3461"/>
      <c r="D3461"/>
    </row>
    <row r="3462" spans="3:4" x14ac:dyDescent="0.25">
      <c r="C3462"/>
      <c r="D3462"/>
    </row>
    <row r="3463" spans="3:4" x14ac:dyDescent="0.25">
      <c r="C3463"/>
      <c r="D3463"/>
    </row>
    <row r="3464" spans="3:4" x14ac:dyDescent="0.25">
      <c r="C3464"/>
      <c r="D3464"/>
    </row>
    <row r="3465" spans="3:4" x14ac:dyDescent="0.25">
      <c r="C3465"/>
      <c r="D3465"/>
    </row>
    <row r="3466" spans="3:4" x14ac:dyDescent="0.25">
      <c r="C3466"/>
      <c r="D3466"/>
    </row>
    <row r="3467" spans="3:4" x14ac:dyDescent="0.25">
      <c r="C3467"/>
      <c r="D3467"/>
    </row>
    <row r="3468" spans="3:4" x14ac:dyDescent="0.25">
      <c r="C3468"/>
      <c r="D3468"/>
    </row>
    <row r="3469" spans="3:4" x14ac:dyDescent="0.25">
      <c r="C3469"/>
      <c r="D3469"/>
    </row>
    <row r="3470" spans="3:4" x14ac:dyDescent="0.25">
      <c r="C3470"/>
      <c r="D3470"/>
    </row>
    <row r="3471" spans="3:4" x14ac:dyDescent="0.25">
      <c r="C3471"/>
      <c r="D3471"/>
    </row>
    <row r="3472" spans="3:4" x14ac:dyDescent="0.25">
      <c r="C3472"/>
      <c r="D3472"/>
    </row>
    <row r="3473" spans="3:4" x14ac:dyDescent="0.25">
      <c r="C3473"/>
      <c r="D3473"/>
    </row>
    <row r="3474" spans="3:4" x14ac:dyDescent="0.25">
      <c r="C3474"/>
      <c r="D3474"/>
    </row>
    <row r="3475" spans="3:4" x14ac:dyDescent="0.25">
      <c r="C3475"/>
      <c r="D3475"/>
    </row>
    <row r="3476" spans="3:4" x14ac:dyDescent="0.25">
      <c r="C3476"/>
      <c r="D3476"/>
    </row>
    <row r="3477" spans="3:4" x14ac:dyDescent="0.25">
      <c r="C3477"/>
      <c r="D3477"/>
    </row>
    <row r="3478" spans="3:4" x14ac:dyDescent="0.25">
      <c r="C3478"/>
      <c r="D3478"/>
    </row>
    <row r="3479" spans="3:4" x14ac:dyDescent="0.25">
      <c r="C3479"/>
      <c r="D3479"/>
    </row>
    <row r="3480" spans="3:4" x14ac:dyDescent="0.25">
      <c r="C3480"/>
      <c r="D3480"/>
    </row>
    <row r="3481" spans="3:4" x14ac:dyDescent="0.25">
      <c r="C3481"/>
      <c r="D3481"/>
    </row>
    <row r="3482" spans="3:4" x14ac:dyDescent="0.25">
      <c r="C3482"/>
      <c r="D3482"/>
    </row>
    <row r="3483" spans="3:4" x14ac:dyDescent="0.25">
      <c r="C3483"/>
      <c r="D3483"/>
    </row>
    <row r="3484" spans="3:4" x14ac:dyDescent="0.25">
      <c r="C3484"/>
      <c r="D3484"/>
    </row>
    <row r="3485" spans="3:4" x14ac:dyDescent="0.25">
      <c r="C3485"/>
      <c r="D3485"/>
    </row>
    <row r="3486" spans="3:4" x14ac:dyDescent="0.25">
      <c r="C3486"/>
      <c r="D3486"/>
    </row>
    <row r="3487" spans="3:4" x14ac:dyDescent="0.25">
      <c r="C3487"/>
      <c r="D3487"/>
    </row>
    <row r="3488" spans="3:4" x14ac:dyDescent="0.25">
      <c r="C3488"/>
      <c r="D3488"/>
    </row>
    <row r="3489" spans="3:4" x14ac:dyDescent="0.25">
      <c r="C3489"/>
      <c r="D3489"/>
    </row>
    <row r="3490" spans="3:4" x14ac:dyDescent="0.25">
      <c r="C3490"/>
      <c r="D3490"/>
    </row>
    <row r="3491" spans="3:4" x14ac:dyDescent="0.25">
      <c r="C3491"/>
      <c r="D3491"/>
    </row>
    <row r="3492" spans="3:4" x14ac:dyDescent="0.25">
      <c r="C3492"/>
      <c r="D3492"/>
    </row>
    <row r="3493" spans="3:4" x14ac:dyDescent="0.25">
      <c r="C3493"/>
      <c r="D3493"/>
    </row>
    <row r="3494" spans="3:4" x14ac:dyDescent="0.25">
      <c r="C3494"/>
      <c r="D3494"/>
    </row>
    <row r="3495" spans="3:4" x14ac:dyDescent="0.25">
      <c r="C3495"/>
      <c r="D3495"/>
    </row>
    <row r="3496" spans="3:4" x14ac:dyDescent="0.25">
      <c r="C3496"/>
      <c r="D3496"/>
    </row>
    <row r="3497" spans="3:4" x14ac:dyDescent="0.25">
      <c r="C3497"/>
      <c r="D3497"/>
    </row>
    <row r="3498" spans="3:4" x14ac:dyDescent="0.25">
      <c r="C3498"/>
      <c r="D3498"/>
    </row>
    <row r="3499" spans="3:4" x14ac:dyDescent="0.25">
      <c r="C3499"/>
      <c r="D3499"/>
    </row>
    <row r="3500" spans="3:4" x14ac:dyDescent="0.25">
      <c r="C3500"/>
      <c r="D3500"/>
    </row>
    <row r="3501" spans="3:4" x14ac:dyDescent="0.25">
      <c r="C3501"/>
      <c r="D3501"/>
    </row>
    <row r="3502" spans="3:4" x14ac:dyDescent="0.25">
      <c r="C3502"/>
      <c r="D3502"/>
    </row>
    <row r="3503" spans="3:4" x14ac:dyDescent="0.25">
      <c r="C3503"/>
      <c r="D3503"/>
    </row>
    <row r="3504" spans="3:4" x14ac:dyDescent="0.25">
      <c r="C3504"/>
      <c r="D3504"/>
    </row>
    <row r="3505" spans="3:4" x14ac:dyDescent="0.25">
      <c r="C3505"/>
      <c r="D3505"/>
    </row>
    <row r="3506" spans="3:4" x14ac:dyDescent="0.25">
      <c r="C3506"/>
      <c r="D3506"/>
    </row>
    <row r="3507" spans="3:4" x14ac:dyDescent="0.25">
      <c r="C3507"/>
      <c r="D3507"/>
    </row>
    <row r="3508" spans="3:4" x14ac:dyDescent="0.25">
      <c r="C3508"/>
      <c r="D3508"/>
    </row>
    <row r="3509" spans="3:4" x14ac:dyDescent="0.25">
      <c r="C3509"/>
      <c r="D3509"/>
    </row>
    <row r="3510" spans="3:4" x14ac:dyDescent="0.25">
      <c r="C3510"/>
      <c r="D3510"/>
    </row>
    <row r="3511" spans="3:4" x14ac:dyDescent="0.25">
      <c r="C3511"/>
      <c r="D3511"/>
    </row>
    <row r="3512" spans="3:4" x14ac:dyDescent="0.25">
      <c r="C3512"/>
      <c r="D3512"/>
    </row>
    <row r="3513" spans="3:4" x14ac:dyDescent="0.25">
      <c r="C3513"/>
      <c r="D3513"/>
    </row>
    <row r="3514" spans="3:4" x14ac:dyDescent="0.25">
      <c r="C3514"/>
      <c r="D3514"/>
    </row>
    <row r="3515" spans="3:4" x14ac:dyDescent="0.25">
      <c r="C3515"/>
      <c r="D3515"/>
    </row>
    <row r="3516" spans="3:4" x14ac:dyDescent="0.25">
      <c r="C3516"/>
      <c r="D3516"/>
    </row>
    <row r="3517" spans="3:4" x14ac:dyDescent="0.25">
      <c r="C3517"/>
      <c r="D3517"/>
    </row>
    <row r="3518" spans="3:4" x14ac:dyDescent="0.25">
      <c r="C3518"/>
      <c r="D3518"/>
    </row>
    <row r="3519" spans="3:4" x14ac:dyDescent="0.25">
      <c r="C3519"/>
      <c r="D3519"/>
    </row>
    <row r="3520" spans="3:4" x14ac:dyDescent="0.25">
      <c r="C3520"/>
      <c r="D3520"/>
    </row>
    <row r="3521" spans="3:4" x14ac:dyDescent="0.25">
      <c r="C3521"/>
      <c r="D3521"/>
    </row>
    <row r="3522" spans="3:4" x14ac:dyDescent="0.25">
      <c r="C3522"/>
      <c r="D3522"/>
    </row>
    <row r="3523" spans="3:4" x14ac:dyDescent="0.25">
      <c r="C3523"/>
      <c r="D3523"/>
    </row>
    <row r="3524" spans="3:4" x14ac:dyDescent="0.25">
      <c r="C3524"/>
      <c r="D3524"/>
    </row>
    <row r="3525" spans="3:4" x14ac:dyDescent="0.25">
      <c r="C3525"/>
      <c r="D3525"/>
    </row>
    <row r="3526" spans="3:4" x14ac:dyDescent="0.25">
      <c r="C3526"/>
      <c r="D3526"/>
    </row>
    <row r="3527" spans="3:4" x14ac:dyDescent="0.25">
      <c r="C3527"/>
      <c r="D3527"/>
    </row>
    <row r="3528" spans="3:4" x14ac:dyDescent="0.25">
      <c r="C3528"/>
      <c r="D3528"/>
    </row>
    <row r="3529" spans="3:4" x14ac:dyDescent="0.25">
      <c r="C3529"/>
      <c r="D3529"/>
    </row>
    <row r="3530" spans="3:4" x14ac:dyDescent="0.25">
      <c r="C3530"/>
      <c r="D3530"/>
    </row>
    <row r="3531" spans="3:4" x14ac:dyDescent="0.25">
      <c r="C3531"/>
      <c r="D3531"/>
    </row>
    <row r="3532" spans="3:4" x14ac:dyDescent="0.25">
      <c r="C3532"/>
      <c r="D3532"/>
    </row>
    <row r="3533" spans="3:4" x14ac:dyDescent="0.25">
      <c r="C3533"/>
      <c r="D3533"/>
    </row>
    <row r="3534" spans="3:4" x14ac:dyDescent="0.25">
      <c r="C3534"/>
      <c r="D3534"/>
    </row>
    <row r="3535" spans="3:4" x14ac:dyDescent="0.25">
      <c r="C3535"/>
      <c r="D3535"/>
    </row>
    <row r="3536" spans="3:4" x14ac:dyDescent="0.25">
      <c r="C3536"/>
      <c r="D3536"/>
    </row>
    <row r="3537" spans="3:4" x14ac:dyDescent="0.25">
      <c r="C3537"/>
      <c r="D3537"/>
    </row>
    <row r="3538" spans="3:4" x14ac:dyDescent="0.25">
      <c r="C3538"/>
      <c r="D3538"/>
    </row>
    <row r="3539" spans="3:4" x14ac:dyDescent="0.25">
      <c r="C3539"/>
      <c r="D3539"/>
    </row>
    <row r="3540" spans="3:4" x14ac:dyDescent="0.25">
      <c r="C3540"/>
      <c r="D3540"/>
    </row>
    <row r="3541" spans="3:4" x14ac:dyDescent="0.25">
      <c r="C3541"/>
      <c r="D3541"/>
    </row>
    <row r="3542" spans="3:4" x14ac:dyDescent="0.25">
      <c r="C3542"/>
      <c r="D3542"/>
    </row>
    <row r="3543" spans="3:4" x14ac:dyDescent="0.25">
      <c r="C3543"/>
      <c r="D3543"/>
    </row>
    <row r="3544" spans="3:4" x14ac:dyDescent="0.25">
      <c r="C3544"/>
      <c r="D3544"/>
    </row>
    <row r="3545" spans="3:4" x14ac:dyDescent="0.25">
      <c r="C3545"/>
      <c r="D3545"/>
    </row>
    <row r="3546" spans="3:4" x14ac:dyDescent="0.25">
      <c r="C3546"/>
      <c r="D3546"/>
    </row>
    <row r="3547" spans="3:4" x14ac:dyDescent="0.25">
      <c r="C3547"/>
      <c r="D3547"/>
    </row>
    <row r="3548" spans="3:4" x14ac:dyDescent="0.25">
      <c r="C3548"/>
      <c r="D3548"/>
    </row>
    <row r="3549" spans="3:4" x14ac:dyDescent="0.25">
      <c r="C3549"/>
      <c r="D3549"/>
    </row>
    <row r="3550" spans="3:4" x14ac:dyDescent="0.25">
      <c r="C3550"/>
      <c r="D3550"/>
    </row>
    <row r="3551" spans="3:4" x14ac:dyDescent="0.25">
      <c r="C3551"/>
      <c r="D3551"/>
    </row>
    <row r="3552" spans="3:4" x14ac:dyDescent="0.25">
      <c r="C3552"/>
      <c r="D3552"/>
    </row>
    <row r="3553" spans="3:4" x14ac:dyDescent="0.25">
      <c r="C3553"/>
      <c r="D3553"/>
    </row>
    <row r="3554" spans="3:4" x14ac:dyDescent="0.25">
      <c r="C3554"/>
      <c r="D3554"/>
    </row>
    <row r="3555" spans="3:4" x14ac:dyDescent="0.25">
      <c r="C3555"/>
      <c r="D3555"/>
    </row>
    <row r="3556" spans="3:4" x14ac:dyDescent="0.25">
      <c r="C3556"/>
      <c r="D3556"/>
    </row>
    <row r="3557" spans="3:4" x14ac:dyDescent="0.25">
      <c r="C3557"/>
      <c r="D3557"/>
    </row>
    <row r="3558" spans="3:4" x14ac:dyDescent="0.25">
      <c r="C3558"/>
      <c r="D3558"/>
    </row>
    <row r="3559" spans="3:4" x14ac:dyDescent="0.25">
      <c r="C3559"/>
      <c r="D3559"/>
    </row>
    <row r="3560" spans="3:4" x14ac:dyDescent="0.25">
      <c r="C3560"/>
      <c r="D3560"/>
    </row>
    <row r="3561" spans="3:4" x14ac:dyDescent="0.25">
      <c r="C3561"/>
      <c r="D3561"/>
    </row>
    <row r="3562" spans="3:4" x14ac:dyDescent="0.25">
      <c r="C3562"/>
      <c r="D3562"/>
    </row>
    <row r="3563" spans="3:4" x14ac:dyDescent="0.25">
      <c r="C3563"/>
      <c r="D3563"/>
    </row>
    <row r="3564" spans="3:4" x14ac:dyDescent="0.25">
      <c r="C3564"/>
      <c r="D3564"/>
    </row>
    <row r="3565" spans="3:4" x14ac:dyDescent="0.25">
      <c r="C3565"/>
      <c r="D3565"/>
    </row>
    <row r="3566" spans="3:4" x14ac:dyDescent="0.25">
      <c r="C3566"/>
      <c r="D3566"/>
    </row>
    <row r="3567" spans="3:4" x14ac:dyDescent="0.25">
      <c r="C3567"/>
      <c r="D3567"/>
    </row>
    <row r="3568" spans="3:4" x14ac:dyDescent="0.25">
      <c r="C3568"/>
      <c r="D3568"/>
    </row>
    <row r="3569" spans="3:4" x14ac:dyDescent="0.25">
      <c r="C3569"/>
      <c r="D3569"/>
    </row>
    <row r="3570" spans="3:4" x14ac:dyDescent="0.25">
      <c r="C3570"/>
      <c r="D3570"/>
    </row>
    <row r="3571" spans="3:4" x14ac:dyDescent="0.25">
      <c r="C3571"/>
      <c r="D3571"/>
    </row>
    <row r="3572" spans="3:4" x14ac:dyDescent="0.25">
      <c r="C3572"/>
      <c r="D3572"/>
    </row>
    <row r="3573" spans="3:4" x14ac:dyDescent="0.25">
      <c r="C3573"/>
      <c r="D3573"/>
    </row>
    <row r="3574" spans="3:4" x14ac:dyDescent="0.25">
      <c r="C3574"/>
      <c r="D3574"/>
    </row>
    <row r="3575" spans="3:4" x14ac:dyDescent="0.25">
      <c r="C3575"/>
      <c r="D3575"/>
    </row>
    <row r="3576" spans="3:4" x14ac:dyDescent="0.25">
      <c r="C3576"/>
      <c r="D3576"/>
    </row>
    <row r="3577" spans="3:4" x14ac:dyDescent="0.25">
      <c r="C3577"/>
      <c r="D3577"/>
    </row>
    <row r="3578" spans="3:4" x14ac:dyDescent="0.25">
      <c r="C3578"/>
      <c r="D3578"/>
    </row>
    <row r="3579" spans="3:4" x14ac:dyDescent="0.25">
      <c r="C3579"/>
      <c r="D3579"/>
    </row>
    <row r="3580" spans="3:4" x14ac:dyDescent="0.25">
      <c r="C3580"/>
      <c r="D3580"/>
    </row>
    <row r="3581" spans="3:4" x14ac:dyDescent="0.25">
      <c r="C3581"/>
      <c r="D3581"/>
    </row>
    <row r="3582" spans="3:4" x14ac:dyDescent="0.25">
      <c r="C3582"/>
      <c r="D3582"/>
    </row>
    <row r="3583" spans="3:4" x14ac:dyDescent="0.25">
      <c r="C3583"/>
      <c r="D3583"/>
    </row>
    <row r="3584" spans="3:4" x14ac:dyDescent="0.25">
      <c r="C3584"/>
      <c r="D3584"/>
    </row>
    <row r="3585" spans="3:4" x14ac:dyDescent="0.25">
      <c r="C3585"/>
      <c r="D3585"/>
    </row>
    <row r="3586" spans="3:4" x14ac:dyDescent="0.25">
      <c r="C3586"/>
      <c r="D3586"/>
    </row>
    <row r="3587" spans="3:4" x14ac:dyDescent="0.25">
      <c r="C3587"/>
      <c r="D3587"/>
    </row>
    <row r="3588" spans="3:4" x14ac:dyDescent="0.25">
      <c r="C3588"/>
      <c r="D3588"/>
    </row>
    <row r="3589" spans="3:4" x14ac:dyDescent="0.25">
      <c r="C3589"/>
      <c r="D3589"/>
    </row>
    <row r="3590" spans="3:4" x14ac:dyDescent="0.25">
      <c r="C3590"/>
      <c r="D3590"/>
    </row>
    <row r="3591" spans="3:4" x14ac:dyDescent="0.25">
      <c r="C3591"/>
      <c r="D3591"/>
    </row>
    <row r="3592" spans="3:4" x14ac:dyDescent="0.25">
      <c r="C3592"/>
      <c r="D3592"/>
    </row>
    <row r="3593" spans="3:4" x14ac:dyDescent="0.25">
      <c r="C3593"/>
      <c r="D3593"/>
    </row>
    <row r="3594" spans="3:4" x14ac:dyDescent="0.25">
      <c r="C3594"/>
      <c r="D3594"/>
    </row>
    <row r="3595" spans="3:4" x14ac:dyDescent="0.25">
      <c r="C3595"/>
      <c r="D3595"/>
    </row>
    <row r="3596" spans="3:4" x14ac:dyDescent="0.25">
      <c r="C3596"/>
      <c r="D3596"/>
    </row>
    <row r="3597" spans="3:4" x14ac:dyDescent="0.25">
      <c r="C3597"/>
      <c r="D3597"/>
    </row>
    <row r="3598" spans="3:4" x14ac:dyDescent="0.25">
      <c r="C3598"/>
      <c r="D3598"/>
    </row>
    <row r="3599" spans="3:4" x14ac:dyDescent="0.25">
      <c r="C3599"/>
      <c r="D3599"/>
    </row>
    <row r="3600" spans="3:4" x14ac:dyDescent="0.25">
      <c r="C3600"/>
      <c r="D3600"/>
    </row>
    <row r="3601" spans="3:4" x14ac:dyDescent="0.25">
      <c r="C3601"/>
      <c r="D3601"/>
    </row>
    <row r="3602" spans="3:4" x14ac:dyDescent="0.25">
      <c r="C3602"/>
      <c r="D3602"/>
    </row>
    <row r="3603" spans="3:4" x14ac:dyDescent="0.25">
      <c r="C3603"/>
      <c r="D3603"/>
    </row>
    <row r="3604" spans="3:4" x14ac:dyDescent="0.25">
      <c r="C3604"/>
      <c r="D3604"/>
    </row>
    <row r="3605" spans="3:4" x14ac:dyDescent="0.25">
      <c r="C3605"/>
      <c r="D3605"/>
    </row>
    <row r="3606" spans="3:4" x14ac:dyDescent="0.25">
      <c r="C3606"/>
      <c r="D3606"/>
    </row>
    <row r="3607" spans="3:4" x14ac:dyDescent="0.25">
      <c r="C3607"/>
      <c r="D3607"/>
    </row>
    <row r="3608" spans="3:4" x14ac:dyDescent="0.25">
      <c r="C3608"/>
      <c r="D3608"/>
    </row>
    <row r="3609" spans="3:4" x14ac:dyDescent="0.25">
      <c r="C3609"/>
      <c r="D3609"/>
    </row>
    <row r="3610" spans="3:4" x14ac:dyDescent="0.25">
      <c r="C3610"/>
      <c r="D3610"/>
    </row>
    <row r="3611" spans="3:4" x14ac:dyDescent="0.25">
      <c r="C3611"/>
      <c r="D3611"/>
    </row>
    <row r="3612" spans="3:4" x14ac:dyDescent="0.25">
      <c r="C3612"/>
      <c r="D3612"/>
    </row>
    <row r="3613" spans="3:4" x14ac:dyDescent="0.25">
      <c r="C3613"/>
      <c r="D3613"/>
    </row>
    <row r="3614" spans="3:4" x14ac:dyDescent="0.25">
      <c r="C3614"/>
      <c r="D3614"/>
    </row>
    <row r="3615" spans="3:4" x14ac:dyDescent="0.25">
      <c r="C3615"/>
      <c r="D3615"/>
    </row>
    <row r="3616" spans="3:4" x14ac:dyDescent="0.25">
      <c r="C3616"/>
      <c r="D3616"/>
    </row>
    <row r="3617" spans="3:4" x14ac:dyDescent="0.25">
      <c r="C3617"/>
      <c r="D3617"/>
    </row>
    <row r="3618" spans="3:4" x14ac:dyDescent="0.25">
      <c r="C3618"/>
      <c r="D3618"/>
    </row>
    <row r="3619" spans="3:4" x14ac:dyDescent="0.25">
      <c r="C3619"/>
      <c r="D3619"/>
    </row>
    <row r="3620" spans="3:4" x14ac:dyDescent="0.25">
      <c r="C3620"/>
      <c r="D3620"/>
    </row>
    <row r="3621" spans="3:4" x14ac:dyDescent="0.25">
      <c r="C3621"/>
      <c r="D3621"/>
    </row>
    <row r="3622" spans="3:4" x14ac:dyDescent="0.25">
      <c r="C3622"/>
      <c r="D3622"/>
    </row>
    <row r="3623" spans="3:4" x14ac:dyDescent="0.25">
      <c r="C3623"/>
      <c r="D3623"/>
    </row>
    <row r="3624" spans="3:4" x14ac:dyDescent="0.25">
      <c r="C3624"/>
      <c r="D3624"/>
    </row>
    <row r="3625" spans="3:4" x14ac:dyDescent="0.25">
      <c r="C3625"/>
      <c r="D3625"/>
    </row>
    <row r="3626" spans="3:4" x14ac:dyDescent="0.25">
      <c r="C3626"/>
      <c r="D3626"/>
    </row>
    <row r="3627" spans="3:4" x14ac:dyDescent="0.25">
      <c r="C3627"/>
      <c r="D3627"/>
    </row>
    <row r="3628" spans="3:4" x14ac:dyDescent="0.25">
      <c r="C3628"/>
      <c r="D3628"/>
    </row>
    <row r="3629" spans="3:4" x14ac:dyDescent="0.25">
      <c r="C3629"/>
      <c r="D3629"/>
    </row>
    <row r="3630" spans="3:4" x14ac:dyDescent="0.25">
      <c r="C3630"/>
      <c r="D3630"/>
    </row>
    <row r="3631" spans="3:4" x14ac:dyDescent="0.25">
      <c r="C3631"/>
      <c r="D3631"/>
    </row>
    <row r="3632" spans="3:4" x14ac:dyDescent="0.25">
      <c r="C3632"/>
      <c r="D3632"/>
    </row>
    <row r="3633" spans="3:4" x14ac:dyDescent="0.25">
      <c r="C3633"/>
      <c r="D3633"/>
    </row>
    <row r="3634" spans="3:4" x14ac:dyDescent="0.25">
      <c r="C3634"/>
      <c r="D3634"/>
    </row>
    <row r="3635" spans="3:4" x14ac:dyDescent="0.25">
      <c r="C3635"/>
      <c r="D3635"/>
    </row>
    <row r="3636" spans="3:4" x14ac:dyDescent="0.25">
      <c r="C3636"/>
      <c r="D3636"/>
    </row>
    <row r="3637" spans="3:4" x14ac:dyDescent="0.25">
      <c r="C3637"/>
      <c r="D3637"/>
    </row>
    <row r="3638" spans="3:4" x14ac:dyDescent="0.25">
      <c r="C3638"/>
      <c r="D3638"/>
    </row>
    <row r="3639" spans="3:4" x14ac:dyDescent="0.25">
      <c r="C3639"/>
      <c r="D3639"/>
    </row>
    <row r="3640" spans="3:4" x14ac:dyDescent="0.25">
      <c r="C3640"/>
      <c r="D3640"/>
    </row>
    <row r="3641" spans="3:4" x14ac:dyDescent="0.25">
      <c r="C3641"/>
      <c r="D3641"/>
    </row>
    <row r="3642" spans="3:4" x14ac:dyDescent="0.25">
      <c r="C3642"/>
      <c r="D3642"/>
    </row>
    <row r="3643" spans="3:4" x14ac:dyDescent="0.25">
      <c r="C3643"/>
      <c r="D3643"/>
    </row>
    <row r="3644" spans="3:4" x14ac:dyDescent="0.25">
      <c r="C3644"/>
      <c r="D3644"/>
    </row>
    <row r="3645" spans="3:4" x14ac:dyDescent="0.25">
      <c r="C3645"/>
      <c r="D3645"/>
    </row>
    <row r="3646" spans="3:4" x14ac:dyDescent="0.25">
      <c r="C3646"/>
      <c r="D3646"/>
    </row>
    <row r="3647" spans="3:4" x14ac:dyDescent="0.25">
      <c r="C3647"/>
      <c r="D3647"/>
    </row>
    <row r="3648" spans="3:4" x14ac:dyDescent="0.25">
      <c r="C3648"/>
      <c r="D3648"/>
    </row>
    <row r="3649" spans="3:4" x14ac:dyDescent="0.25">
      <c r="C3649"/>
      <c r="D3649"/>
    </row>
    <row r="3650" spans="3:4" x14ac:dyDescent="0.25">
      <c r="C3650"/>
      <c r="D3650"/>
    </row>
    <row r="3651" spans="3:4" x14ac:dyDescent="0.25">
      <c r="C3651"/>
      <c r="D3651"/>
    </row>
    <row r="3652" spans="3:4" x14ac:dyDescent="0.25">
      <c r="C3652"/>
      <c r="D3652"/>
    </row>
    <row r="3653" spans="3:4" x14ac:dyDescent="0.25">
      <c r="C3653"/>
      <c r="D3653"/>
    </row>
    <row r="3654" spans="3:4" x14ac:dyDescent="0.25">
      <c r="C3654"/>
      <c r="D3654"/>
    </row>
    <row r="3655" spans="3:4" x14ac:dyDescent="0.25">
      <c r="C3655"/>
      <c r="D3655"/>
    </row>
    <row r="3656" spans="3:4" x14ac:dyDescent="0.25">
      <c r="C3656"/>
      <c r="D3656"/>
    </row>
    <row r="3657" spans="3:4" x14ac:dyDescent="0.25">
      <c r="C3657"/>
      <c r="D3657"/>
    </row>
    <row r="3658" spans="3:4" x14ac:dyDescent="0.25">
      <c r="C3658"/>
      <c r="D3658"/>
    </row>
    <row r="3659" spans="3:4" x14ac:dyDescent="0.25">
      <c r="C3659"/>
      <c r="D3659"/>
    </row>
    <row r="3660" spans="3:4" x14ac:dyDescent="0.25">
      <c r="C3660"/>
      <c r="D3660"/>
    </row>
    <row r="3661" spans="3:4" x14ac:dyDescent="0.25">
      <c r="C3661"/>
      <c r="D3661"/>
    </row>
    <row r="3662" spans="3:4" x14ac:dyDescent="0.25">
      <c r="C3662"/>
      <c r="D3662"/>
    </row>
    <row r="3663" spans="3:4" x14ac:dyDescent="0.25">
      <c r="C3663"/>
      <c r="D3663"/>
    </row>
    <row r="3664" spans="3:4" x14ac:dyDescent="0.25">
      <c r="C3664"/>
      <c r="D3664"/>
    </row>
    <row r="3665" spans="3:4" x14ac:dyDescent="0.25">
      <c r="C3665"/>
      <c r="D3665"/>
    </row>
    <row r="3666" spans="3:4" x14ac:dyDescent="0.25">
      <c r="C3666"/>
      <c r="D3666"/>
    </row>
    <row r="3667" spans="3:4" x14ac:dyDescent="0.25">
      <c r="C3667"/>
      <c r="D3667"/>
    </row>
    <row r="3668" spans="3:4" x14ac:dyDescent="0.25">
      <c r="C3668"/>
      <c r="D3668"/>
    </row>
    <row r="3669" spans="3:4" x14ac:dyDescent="0.25">
      <c r="C3669"/>
      <c r="D3669"/>
    </row>
    <row r="3670" spans="3:4" x14ac:dyDescent="0.25">
      <c r="C3670"/>
      <c r="D3670"/>
    </row>
    <row r="3671" spans="3:4" x14ac:dyDescent="0.25">
      <c r="C3671"/>
      <c r="D3671"/>
    </row>
    <row r="3672" spans="3:4" x14ac:dyDescent="0.25">
      <c r="C3672"/>
      <c r="D3672"/>
    </row>
    <row r="3673" spans="3:4" x14ac:dyDescent="0.25">
      <c r="C3673"/>
      <c r="D3673"/>
    </row>
    <row r="3674" spans="3:4" x14ac:dyDescent="0.25">
      <c r="C3674"/>
      <c r="D3674"/>
    </row>
    <row r="3675" spans="3:4" x14ac:dyDescent="0.25">
      <c r="C3675"/>
      <c r="D3675"/>
    </row>
    <row r="3676" spans="3:4" x14ac:dyDescent="0.25">
      <c r="C3676"/>
      <c r="D3676"/>
    </row>
    <row r="3677" spans="3:4" x14ac:dyDescent="0.25">
      <c r="C3677"/>
      <c r="D3677"/>
    </row>
    <row r="3678" spans="3:4" x14ac:dyDescent="0.25">
      <c r="C3678"/>
      <c r="D3678"/>
    </row>
    <row r="3679" spans="3:4" x14ac:dyDescent="0.25">
      <c r="C3679"/>
      <c r="D3679"/>
    </row>
    <row r="3680" spans="3:4" x14ac:dyDescent="0.25">
      <c r="C3680"/>
      <c r="D3680"/>
    </row>
    <row r="3681" spans="3:4" x14ac:dyDescent="0.25">
      <c r="C3681"/>
      <c r="D3681"/>
    </row>
    <row r="3682" spans="3:4" x14ac:dyDescent="0.25">
      <c r="C3682"/>
      <c r="D3682"/>
    </row>
    <row r="3683" spans="3:4" x14ac:dyDescent="0.25">
      <c r="C3683"/>
      <c r="D3683"/>
    </row>
    <row r="3684" spans="3:4" x14ac:dyDescent="0.25">
      <c r="C3684"/>
      <c r="D3684"/>
    </row>
    <row r="3685" spans="3:4" x14ac:dyDescent="0.25">
      <c r="C3685"/>
      <c r="D3685"/>
    </row>
    <row r="3686" spans="3:4" x14ac:dyDescent="0.25">
      <c r="C3686"/>
      <c r="D3686"/>
    </row>
    <row r="3687" spans="3:4" x14ac:dyDescent="0.25">
      <c r="C3687"/>
      <c r="D3687"/>
    </row>
    <row r="3688" spans="3:4" x14ac:dyDescent="0.25">
      <c r="C3688"/>
      <c r="D3688"/>
    </row>
    <row r="3689" spans="3:4" x14ac:dyDescent="0.25">
      <c r="C3689"/>
      <c r="D3689"/>
    </row>
    <row r="3690" spans="3:4" x14ac:dyDescent="0.25">
      <c r="C3690"/>
      <c r="D3690"/>
    </row>
    <row r="3691" spans="3:4" x14ac:dyDescent="0.25">
      <c r="C3691"/>
      <c r="D3691"/>
    </row>
    <row r="3692" spans="3:4" x14ac:dyDescent="0.25">
      <c r="C3692"/>
      <c r="D3692"/>
    </row>
    <row r="3693" spans="3:4" x14ac:dyDescent="0.25">
      <c r="C3693"/>
      <c r="D3693"/>
    </row>
    <row r="3694" spans="3:4" x14ac:dyDescent="0.25">
      <c r="C3694"/>
      <c r="D3694"/>
    </row>
    <row r="3695" spans="3:4" x14ac:dyDescent="0.25">
      <c r="C3695"/>
      <c r="D3695"/>
    </row>
    <row r="3696" spans="3:4" x14ac:dyDescent="0.25">
      <c r="C3696"/>
      <c r="D3696"/>
    </row>
    <row r="3697" spans="3:4" x14ac:dyDescent="0.25">
      <c r="C3697"/>
      <c r="D3697"/>
    </row>
    <row r="3698" spans="3:4" x14ac:dyDescent="0.25">
      <c r="C3698"/>
      <c r="D3698"/>
    </row>
    <row r="3699" spans="3:4" x14ac:dyDescent="0.25">
      <c r="C3699"/>
      <c r="D3699"/>
    </row>
    <row r="3700" spans="3:4" x14ac:dyDescent="0.25">
      <c r="C3700"/>
      <c r="D3700"/>
    </row>
    <row r="3701" spans="3:4" x14ac:dyDescent="0.25">
      <c r="C3701"/>
      <c r="D3701"/>
    </row>
    <row r="3702" spans="3:4" x14ac:dyDescent="0.25">
      <c r="C3702"/>
      <c r="D3702"/>
    </row>
    <row r="3703" spans="3:4" x14ac:dyDescent="0.25">
      <c r="C3703"/>
      <c r="D3703"/>
    </row>
    <row r="3704" spans="3:4" x14ac:dyDescent="0.25">
      <c r="C3704"/>
      <c r="D3704"/>
    </row>
    <row r="3705" spans="3:4" x14ac:dyDescent="0.25">
      <c r="C3705"/>
      <c r="D3705"/>
    </row>
    <row r="3706" spans="3:4" x14ac:dyDescent="0.25">
      <c r="C3706"/>
      <c r="D3706"/>
    </row>
    <row r="3707" spans="3:4" x14ac:dyDescent="0.25">
      <c r="C3707"/>
      <c r="D3707"/>
    </row>
    <row r="3708" spans="3:4" x14ac:dyDescent="0.25">
      <c r="C3708"/>
      <c r="D3708"/>
    </row>
    <row r="3709" spans="3:4" x14ac:dyDescent="0.25">
      <c r="C3709"/>
      <c r="D3709"/>
    </row>
    <row r="3710" spans="3:4" x14ac:dyDescent="0.25">
      <c r="C3710"/>
      <c r="D3710"/>
    </row>
    <row r="3711" spans="3:4" x14ac:dyDescent="0.25">
      <c r="C3711"/>
      <c r="D3711"/>
    </row>
    <row r="3712" spans="3:4" x14ac:dyDescent="0.25">
      <c r="C3712"/>
      <c r="D3712"/>
    </row>
    <row r="3713" spans="3:4" x14ac:dyDescent="0.25">
      <c r="C3713"/>
      <c r="D3713"/>
    </row>
    <row r="3714" spans="3:4" x14ac:dyDescent="0.25">
      <c r="C3714"/>
      <c r="D3714"/>
    </row>
    <row r="3715" spans="3:4" x14ac:dyDescent="0.25">
      <c r="C3715"/>
      <c r="D3715"/>
    </row>
    <row r="3716" spans="3:4" x14ac:dyDescent="0.25">
      <c r="C3716"/>
      <c r="D3716"/>
    </row>
    <row r="3717" spans="3:4" x14ac:dyDescent="0.25">
      <c r="C3717"/>
      <c r="D3717"/>
    </row>
    <row r="3718" spans="3:4" x14ac:dyDescent="0.25">
      <c r="C3718"/>
      <c r="D3718"/>
    </row>
    <row r="3719" spans="3:4" x14ac:dyDescent="0.25">
      <c r="C3719"/>
      <c r="D3719"/>
    </row>
    <row r="3720" spans="3:4" x14ac:dyDescent="0.25">
      <c r="C3720"/>
      <c r="D3720"/>
    </row>
    <row r="3721" spans="3:4" x14ac:dyDescent="0.25">
      <c r="C3721"/>
      <c r="D3721"/>
    </row>
    <row r="3722" spans="3:4" x14ac:dyDescent="0.25">
      <c r="C3722"/>
      <c r="D3722"/>
    </row>
    <row r="3723" spans="3:4" x14ac:dyDescent="0.25">
      <c r="C3723"/>
      <c r="D3723"/>
    </row>
    <row r="3724" spans="3:4" x14ac:dyDescent="0.25">
      <c r="C3724"/>
      <c r="D3724"/>
    </row>
    <row r="3725" spans="3:4" x14ac:dyDescent="0.25">
      <c r="C3725"/>
      <c r="D3725"/>
    </row>
    <row r="3726" spans="3:4" x14ac:dyDescent="0.25">
      <c r="C3726"/>
      <c r="D3726"/>
    </row>
    <row r="3727" spans="3:4" x14ac:dyDescent="0.25">
      <c r="C3727"/>
      <c r="D3727"/>
    </row>
    <row r="3728" spans="3:4" x14ac:dyDescent="0.25">
      <c r="C3728"/>
      <c r="D3728"/>
    </row>
    <row r="3729" spans="3:4" x14ac:dyDescent="0.25">
      <c r="C3729"/>
      <c r="D3729"/>
    </row>
    <row r="3730" spans="3:4" x14ac:dyDescent="0.25">
      <c r="C3730"/>
      <c r="D3730"/>
    </row>
    <row r="3731" spans="3:4" x14ac:dyDescent="0.25">
      <c r="C3731"/>
      <c r="D3731"/>
    </row>
    <row r="3732" spans="3:4" x14ac:dyDescent="0.25">
      <c r="C3732"/>
      <c r="D3732"/>
    </row>
    <row r="3733" spans="3:4" x14ac:dyDescent="0.25">
      <c r="C3733"/>
      <c r="D3733"/>
    </row>
    <row r="3734" spans="3:4" x14ac:dyDescent="0.25">
      <c r="C3734"/>
      <c r="D3734"/>
    </row>
    <row r="3735" spans="3:4" x14ac:dyDescent="0.25">
      <c r="C3735"/>
      <c r="D3735"/>
    </row>
    <row r="3736" spans="3:4" x14ac:dyDescent="0.25">
      <c r="C3736"/>
      <c r="D3736"/>
    </row>
    <row r="3737" spans="3:4" x14ac:dyDescent="0.25">
      <c r="C3737"/>
      <c r="D3737"/>
    </row>
    <row r="3738" spans="3:4" x14ac:dyDescent="0.25">
      <c r="C3738"/>
      <c r="D3738"/>
    </row>
    <row r="3739" spans="3:4" x14ac:dyDescent="0.25">
      <c r="C3739"/>
      <c r="D3739"/>
    </row>
    <row r="3740" spans="3:4" x14ac:dyDescent="0.25">
      <c r="C3740"/>
      <c r="D3740"/>
    </row>
    <row r="3741" spans="3:4" x14ac:dyDescent="0.25">
      <c r="C3741"/>
      <c r="D3741"/>
    </row>
    <row r="3742" spans="3:4" x14ac:dyDescent="0.25">
      <c r="C3742"/>
      <c r="D3742"/>
    </row>
    <row r="3743" spans="3:4" x14ac:dyDescent="0.25">
      <c r="C3743"/>
      <c r="D3743"/>
    </row>
    <row r="3744" spans="3:4" x14ac:dyDescent="0.25">
      <c r="C3744"/>
      <c r="D3744"/>
    </row>
    <row r="3745" spans="3:4" x14ac:dyDescent="0.25">
      <c r="C3745"/>
      <c r="D3745"/>
    </row>
    <row r="3746" spans="3:4" x14ac:dyDescent="0.25">
      <c r="C3746"/>
      <c r="D3746"/>
    </row>
    <row r="3747" spans="3:4" x14ac:dyDescent="0.25">
      <c r="C3747"/>
      <c r="D3747"/>
    </row>
    <row r="3748" spans="3:4" x14ac:dyDescent="0.25">
      <c r="C3748"/>
      <c r="D3748"/>
    </row>
    <row r="3749" spans="3:4" x14ac:dyDescent="0.25">
      <c r="C3749"/>
      <c r="D3749"/>
    </row>
    <row r="3750" spans="3:4" x14ac:dyDescent="0.25">
      <c r="C3750"/>
      <c r="D3750"/>
    </row>
    <row r="3751" spans="3:4" x14ac:dyDescent="0.25">
      <c r="C3751"/>
      <c r="D3751"/>
    </row>
    <row r="3752" spans="3:4" x14ac:dyDescent="0.25">
      <c r="C3752"/>
      <c r="D3752"/>
    </row>
    <row r="3753" spans="3:4" x14ac:dyDescent="0.25">
      <c r="C3753"/>
      <c r="D3753"/>
    </row>
    <row r="3754" spans="3:4" x14ac:dyDescent="0.25">
      <c r="C3754"/>
      <c r="D3754"/>
    </row>
    <row r="3755" spans="3:4" x14ac:dyDescent="0.25">
      <c r="C3755"/>
      <c r="D3755"/>
    </row>
    <row r="3756" spans="3:4" x14ac:dyDescent="0.25">
      <c r="C3756"/>
      <c r="D3756"/>
    </row>
    <row r="3757" spans="3:4" x14ac:dyDescent="0.25">
      <c r="C3757"/>
      <c r="D3757"/>
    </row>
    <row r="3758" spans="3:4" x14ac:dyDescent="0.25">
      <c r="C3758"/>
      <c r="D3758"/>
    </row>
    <row r="3759" spans="3:4" x14ac:dyDescent="0.25">
      <c r="C3759"/>
      <c r="D3759"/>
    </row>
    <row r="3760" spans="3:4" x14ac:dyDescent="0.25">
      <c r="C3760"/>
      <c r="D3760"/>
    </row>
    <row r="3761" spans="3:4" x14ac:dyDescent="0.25">
      <c r="C3761"/>
      <c r="D3761"/>
    </row>
    <row r="3762" spans="3:4" x14ac:dyDescent="0.25">
      <c r="C3762"/>
      <c r="D3762"/>
    </row>
    <row r="3763" spans="3:4" x14ac:dyDescent="0.25">
      <c r="C3763"/>
      <c r="D3763"/>
    </row>
    <row r="3764" spans="3:4" x14ac:dyDescent="0.25">
      <c r="C3764"/>
      <c r="D3764"/>
    </row>
    <row r="3765" spans="3:4" x14ac:dyDescent="0.25">
      <c r="C3765"/>
      <c r="D3765"/>
    </row>
    <row r="3766" spans="3:4" x14ac:dyDescent="0.25">
      <c r="C3766"/>
      <c r="D3766"/>
    </row>
    <row r="3767" spans="3:4" x14ac:dyDescent="0.25">
      <c r="C3767"/>
      <c r="D3767"/>
    </row>
    <row r="3768" spans="3:4" x14ac:dyDescent="0.25">
      <c r="C3768"/>
      <c r="D3768"/>
    </row>
    <row r="3769" spans="3:4" x14ac:dyDescent="0.25">
      <c r="C3769"/>
      <c r="D3769"/>
    </row>
    <row r="3770" spans="3:4" x14ac:dyDescent="0.25">
      <c r="C3770"/>
      <c r="D3770"/>
    </row>
    <row r="3771" spans="3:4" x14ac:dyDescent="0.25">
      <c r="C3771"/>
      <c r="D3771"/>
    </row>
    <row r="3772" spans="3:4" x14ac:dyDescent="0.25">
      <c r="C3772"/>
      <c r="D3772"/>
    </row>
    <row r="3773" spans="3:4" x14ac:dyDescent="0.25">
      <c r="C3773"/>
      <c r="D3773"/>
    </row>
    <row r="3774" spans="3:4" x14ac:dyDescent="0.25">
      <c r="C3774"/>
      <c r="D3774"/>
    </row>
    <row r="3775" spans="3:4" x14ac:dyDescent="0.25">
      <c r="C3775"/>
      <c r="D3775"/>
    </row>
    <row r="3776" spans="3:4" x14ac:dyDescent="0.25">
      <c r="C3776"/>
      <c r="D3776"/>
    </row>
    <row r="3777" spans="3:4" x14ac:dyDescent="0.25">
      <c r="C3777"/>
      <c r="D3777"/>
    </row>
    <row r="3778" spans="3:4" x14ac:dyDescent="0.25">
      <c r="C3778"/>
      <c r="D3778"/>
    </row>
    <row r="3779" spans="3:4" x14ac:dyDescent="0.25">
      <c r="C3779"/>
      <c r="D3779"/>
    </row>
    <row r="3780" spans="3:4" x14ac:dyDescent="0.25">
      <c r="C3780"/>
      <c r="D3780"/>
    </row>
    <row r="3781" spans="3:4" x14ac:dyDescent="0.25">
      <c r="C3781"/>
      <c r="D3781"/>
    </row>
    <row r="3782" spans="3:4" x14ac:dyDescent="0.25">
      <c r="C3782"/>
      <c r="D3782"/>
    </row>
    <row r="3783" spans="3:4" x14ac:dyDescent="0.25">
      <c r="C3783"/>
      <c r="D3783"/>
    </row>
    <row r="3784" spans="3:4" x14ac:dyDescent="0.25">
      <c r="C3784"/>
      <c r="D3784"/>
    </row>
    <row r="3785" spans="3:4" x14ac:dyDescent="0.25">
      <c r="C3785"/>
      <c r="D3785"/>
    </row>
    <row r="3786" spans="3:4" x14ac:dyDescent="0.25">
      <c r="C3786"/>
      <c r="D3786"/>
    </row>
    <row r="3787" spans="3:4" x14ac:dyDescent="0.25">
      <c r="C3787"/>
      <c r="D3787"/>
    </row>
    <row r="3788" spans="3:4" x14ac:dyDescent="0.25">
      <c r="C3788"/>
      <c r="D3788"/>
    </row>
    <row r="3789" spans="3:4" x14ac:dyDescent="0.25">
      <c r="C3789"/>
      <c r="D3789"/>
    </row>
    <row r="3790" spans="3:4" x14ac:dyDescent="0.25">
      <c r="C3790"/>
      <c r="D3790"/>
    </row>
    <row r="3791" spans="3:4" x14ac:dyDescent="0.25">
      <c r="C3791"/>
      <c r="D3791"/>
    </row>
    <row r="3792" spans="3:4" x14ac:dyDescent="0.25">
      <c r="C3792"/>
      <c r="D3792"/>
    </row>
    <row r="3793" spans="3:4" x14ac:dyDescent="0.25">
      <c r="C3793"/>
      <c r="D3793"/>
    </row>
    <row r="3794" spans="3:4" x14ac:dyDescent="0.25">
      <c r="C3794"/>
      <c r="D3794"/>
    </row>
    <row r="3795" spans="3:4" x14ac:dyDescent="0.25">
      <c r="C3795"/>
      <c r="D3795"/>
    </row>
    <row r="3796" spans="3:4" x14ac:dyDescent="0.25">
      <c r="C3796"/>
      <c r="D3796"/>
    </row>
    <row r="3797" spans="3:4" x14ac:dyDescent="0.25">
      <c r="C3797"/>
      <c r="D3797"/>
    </row>
    <row r="3798" spans="3:4" x14ac:dyDescent="0.25">
      <c r="C3798"/>
      <c r="D3798"/>
    </row>
    <row r="3799" spans="3:4" x14ac:dyDescent="0.25">
      <c r="C3799"/>
      <c r="D3799"/>
    </row>
    <row r="3800" spans="3:4" x14ac:dyDescent="0.25">
      <c r="C3800"/>
      <c r="D3800"/>
    </row>
    <row r="3801" spans="3:4" x14ac:dyDescent="0.25">
      <c r="C3801"/>
      <c r="D3801"/>
    </row>
    <row r="3802" spans="3:4" x14ac:dyDescent="0.25">
      <c r="C3802"/>
      <c r="D3802"/>
    </row>
    <row r="3803" spans="3:4" x14ac:dyDescent="0.25">
      <c r="C3803"/>
      <c r="D3803"/>
    </row>
    <row r="3804" spans="3:4" x14ac:dyDescent="0.25">
      <c r="C3804"/>
      <c r="D3804"/>
    </row>
    <row r="3805" spans="3:4" x14ac:dyDescent="0.25">
      <c r="C3805"/>
      <c r="D3805"/>
    </row>
    <row r="3806" spans="3:4" x14ac:dyDescent="0.25">
      <c r="C3806"/>
      <c r="D3806"/>
    </row>
    <row r="3807" spans="3:4" x14ac:dyDescent="0.25">
      <c r="C3807"/>
      <c r="D3807"/>
    </row>
    <row r="3808" spans="3:4" x14ac:dyDescent="0.25">
      <c r="C3808"/>
      <c r="D3808"/>
    </row>
    <row r="3809" spans="3:4" x14ac:dyDescent="0.25">
      <c r="C3809"/>
      <c r="D3809"/>
    </row>
    <row r="3810" spans="3:4" x14ac:dyDescent="0.25">
      <c r="C3810"/>
      <c r="D3810"/>
    </row>
    <row r="3811" spans="3:4" x14ac:dyDescent="0.25">
      <c r="C3811"/>
      <c r="D3811"/>
    </row>
    <row r="3812" spans="3:4" x14ac:dyDescent="0.25">
      <c r="C3812"/>
      <c r="D3812"/>
    </row>
    <row r="3813" spans="3:4" x14ac:dyDescent="0.25">
      <c r="C3813"/>
      <c r="D3813"/>
    </row>
    <row r="3814" spans="3:4" x14ac:dyDescent="0.25">
      <c r="C3814"/>
      <c r="D3814"/>
    </row>
    <row r="3815" spans="3:4" x14ac:dyDescent="0.25">
      <c r="C3815"/>
      <c r="D3815"/>
    </row>
    <row r="3816" spans="3:4" x14ac:dyDescent="0.25">
      <c r="C3816"/>
      <c r="D3816"/>
    </row>
    <row r="3817" spans="3:4" x14ac:dyDescent="0.25">
      <c r="C3817"/>
      <c r="D3817"/>
    </row>
    <row r="3818" spans="3:4" x14ac:dyDescent="0.25">
      <c r="C3818"/>
      <c r="D3818"/>
    </row>
    <row r="3819" spans="3:4" x14ac:dyDescent="0.25">
      <c r="C3819"/>
      <c r="D3819"/>
    </row>
    <row r="3820" spans="3:4" x14ac:dyDescent="0.25">
      <c r="C3820"/>
      <c r="D3820"/>
    </row>
    <row r="3821" spans="3:4" x14ac:dyDescent="0.25">
      <c r="C3821"/>
      <c r="D3821"/>
    </row>
    <row r="3822" spans="3:4" x14ac:dyDescent="0.25">
      <c r="C3822"/>
      <c r="D3822"/>
    </row>
    <row r="3823" spans="3:4" x14ac:dyDescent="0.25">
      <c r="C3823"/>
      <c r="D3823"/>
    </row>
    <row r="3824" spans="3:4" x14ac:dyDescent="0.25">
      <c r="C3824"/>
      <c r="D3824"/>
    </row>
    <row r="3825" spans="3:4" x14ac:dyDescent="0.25">
      <c r="C3825"/>
      <c r="D3825"/>
    </row>
    <row r="3826" spans="3:4" x14ac:dyDescent="0.25">
      <c r="C3826"/>
      <c r="D3826"/>
    </row>
    <row r="3827" spans="3:4" x14ac:dyDescent="0.25">
      <c r="C3827"/>
      <c r="D3827"/>
    </row>
    <row r="3828" spans="3:4" x14ac:dyDescent="0.25">
      <c r="C3828"/>
      <c r="D3828"/>
    </row>
    <row r="3829" spans="3:4" x14ac:dyDescent="0.25">
      <c r="C3829"/>
      <c r="D3829"/>
    </row>
    <row r="3830" spans="3:4" x14ac:dyDescent="0.25">
      <c r="C3830"/>
      <c r="D3830"/>
    </row>
    <row r="3831" spans="3:4" x14ac:dyDescent="0.25">
      <c r="C3831"/>
      <c r="D3831"/>
    </row>
    <row r="3832" spans="3:4" x14ac:dyDescent="0.25">
      <c r="C3832"/>
      <c r="D3832"/>
    </row>
    <row r="3833" spans="3:4" x14ac:dyDescent="0.25">
      <c r="C3833"/>
      <c r="D3833"/>
    </row>
    <row r="3834" spans="3:4" x14ac:dyDescent="0.25">
      <c r="C3834"/>
      <c r="D3834"/>
    </row>
    <row r="3835" spans="3:4" x14ac:dyDescent="0.25">
      <c r="C3835"/>
      <c r="D3835"/>
    </row>
    <row r="3836" spans="3:4" x14ac:dyDescent="0.25">
      <c r="C3836"/>
      <c r="D3836"/>
    </row>
    <row r="3837" spans="3:4" x14ac:dyDescent="0.25">
      <c r="C3837"/>
      <c r="D3837"/>
    </row>
    <row r="3838" spans="3:4" x14ac:dyDescent="0.25">
      <c r="C3838"/>
      <c r="D3838"/>
    </row>
    <row r="3839" spans="3:4" x14ac:dyDescent="0.25">
      <c r="C3839"/>
      <c r="D3839"/>
    </row>
    <row r="3840" spans="3:4" x14ac:dyDescent="0.25">
      <c r="C3840"/>
      <c r="D3840"/>
    </row>
    <row r="3841" spans="3:4" x14ac:dyDescent="0.25">
      <c r="C3841"/>
      <c r="D3841"/>
    </row>
    <row r="3842" spans="3:4" x14ac:dyDescent="0.25">
      <c r="C3842"/>
      <c r="D3842"/>
    </row>
    <row r="3843" spans="3:4" x14ac:dyDescent="0.25">
      <c r="C3843"/>
      <c r="D3843"/>
    </row>
    <row r="3844" spans="3:4" x14ac:dyDescent="0.25">
      <c r="C3844"/>
      <c r="D3844"/>
    </row>
    <row r="3845" spans="3:4" x14ac:dyDescent="0.25">
      <c r="C3845"/>
      <c r="D3845"/>
    </row>
    <row r="3846" spans="3:4" x14ac:dyDescent="0.25">
      <c r="C3846"/>
      <c r="D3846"/>
    </row>
    <row r="3847" spans="3:4" x14ac:dyDescent="0.25">
      <c r="C3847"/>
      <c r="D3847"/>
    </row>
    <row r="3848" spans="3:4" x14ac:dyDescent="0.25">
      <c r="C3848"/>
      <c r="D3848"/>
    </row>
    <row r="3849" spans="3:4" x14ac:dyDescent="0.25">
      <c r="C3849"/>
      <c r="D3849"/>
    </row>
    <row r="3850" spans="3:4" x14ac:dyDescent="0.25">
      <c r="C3850"/>
      <c r="D3850"/>
    </row>
    <row r="3851" spans="3:4" x14ac:dyDescent="0.25">
      <c r="C3851"/>
      <c r="D3851"/>
    </row>
    <row r="3852" spans="3:4" x14ac:dyDescent="0.25">
      <c r="C3852"/>
      <c r="D3852"/>
    </row>
    <row r="3853" spans="3:4" x14ac:dyDescent="0.25">
      <c r="C3853"/>
      <c r="D3853"/>
    </row>
    <row r="3854" spans="3:4" x14ac:dyDescent="0.25">
      <c r="C3854"/>
      <c r="D3854"/>
    </row>
    <row r="3855" spans="3:4" x14ac:dyDescent="0.25">
      <c r="C3855"/>
      <c r="D3855"/>
    </row>
    <row r="3856" spans="3:4" x14ac:dyDescent="0.25">
      <c r="C3856"/>
      <c r="D3856"/>
    </row>
    <row r="3857" spans="3:4" x14ac:dyDescent="0.25">
      <c r="C3857"/>
      <c r="D3857"/>
    </row>
    <row r="3858" spans="3:4" x14ac:dyDescent="0.25">
      <c r="C3858"/>
      <c r="D3858"/>
    </row>
    <row r="3859" spans="3:4" x14ac:dyDescent="0.25">
      <c r="C3859"/>
      <c r="D3859"/>
    </row>
    <row r="3860" spans="3:4" x14ac:dyDescent="0.25">
      <c r="C3860"/>
      <c r="D3860"/>
    </row>
    <row r="3861" spans="3:4" x14ac:dyDescent="0.25">
      <c r="C3861"/>
      <c r="D3861"/>
    </row>
    <row r="3862" spans="3:4" x14ac:dyDescent="0.25">
      <c r="C3862"/>
      <c r="D3862"/>
    </row>
    <row r="3863" spans="3:4" x14ac:dyDescent="0.25">
      <c r="C3863"/>
      <c r="D3863"/>
    </row>
    <row r="3864" spans="3:4" x14ac:dyDescent="0.25">
      <c r="C3864"/>
      <c r="D3864"/>
    </row>
    <row r="3865" spans="3:4" x14ac:dyDescent="0.25">
      <c r="C3865"/>
      <c r="D3865"/>
    </row>
    <row r="3866" spans="3:4" x14ac:dyDescent="0.25">
      <c r="C3866"/>
      <c r="D3866"/>
    </row>
    <row r="3867" spans="3:4" x14ac:dyDescent="0.25">
      <c r="C3867"/>
      <c r="D3867"/>
    </row>
    <row r="3868" spans="3:4" x14ac:dyDescent="0.25">
      <c r="C3868"/>
      <c r="D3868"/>
    </row>
    <row r="3869" spans="3:4" x14ac:dyDescent="0.25">
      <c r="C3869"/>
      <c r="D3869"/>
    </row>
    <row r="3870" spans="3:4" x14ac:dyDescent="0.25">
      <c r="C3870"/>
      <c r="D3870"/>
    </row>
    <row r="3871" spans="3:4" x14ac:dyDescent="0.25">
      <c r="C3871"/>
      <c r="D3871"/>
    </row>
    <row r="3872" spans="3:4" x14ac:dyDescent="0.25">
      <c r="C3872"/>
      <c r="D3872"/>
    </row>
    <row r="3873" spans="3:4" x14ac:dyDescent="0.25">
      <c r="C3873"/>
      <c r="D3873"/>
    </row>
    <row r="3874" spans="3:4" x14ac:dyDescent="0.25">
      <c r="C3874"/>
      <c r="D3874"/>
    </row>
    <row r="3875" spans="3:4" x14ac:dyDescent="0.25">
      <c r="C3875"/>
      <c r="D3875"/>
    </row>
    <row r="3876" spans="3:4" x14ac:dyDescent="0.25">
      <c r="C3876"/>
      <c r="D3876"/>
    </row>
    <row r="3877" spans="3:4" x14ac:dyDescent="0.25">
      <c r="C3877"/>
      <c r="D3877"/>
    </row>
    <row r="3878" spans="3:4" x14ac:dyDescent="0.25">
      <c r="C3878"/>
      <c r="D3878"/>
    </row>
    <row r="3879" spans="3:4" x14ac:dyDescent="0.25">
      <c r="C3879"/>
      <c r="D3879"/>
    </row>
    <row r="3880" spans="3:4" x14ac:dyDescent="0.25">
      <c r="C3880"/>
      <c r="D3880"/>
    </row>
    <row r="3881" spans="3:4" x14ac:dyDescent="0.25">
      <c r="C3881"/>
      <c r="D3881"/>
    </row>
    <row r="3882" spans="3:4" x14ac:dyDescent="0.25">
      <c r="C3882"/>
      <c r="D3882"/>
    </row>
    <row r="3883" spans="3:4" x14ac:dyDescent="0.25">
      <c r="C3883"/>
      <c r="D3883"/>
    </row>
    <row r="3884" spans="3:4" x14ac:dyDescent="0.25">
      <c r="C3884"/>
      <c r="D3884"/>
    </row>
    <row r="3885" spans="3:4" x14ac:dyDescent="0.25">
      <c r="C3885"/>
      <c r="D3885"/>
    </row>
    <row r="3886" spans="3:4" x14ac:dyDescent="0.25">
      <c r="C3886"/>
      <c r="D3886"/>
    </row>
    <row r="3887" spans="3:4" x14ac:dyDescent="0.25">
      <c r="C3887"/>
      <c r="D3887"/>
    </row>
    <row r="3888" spans="3:4" x14ac:dyDescent="0.25">
      <c r="C3888"/>
      <c r="D3888"/>
    </row>
    <row r="3889" spans="3:4" x14ac:dyDescent="0.25">
      <c r="C3889"/>
      <c r="D3889"/>
    </row>
    <row r="3890" spans="3:4" x14ac:dyDescent="0.25">
      <c r="C3890"/>
      <c r="D3890"/>
    </row>
    <row r="3891" spans="3:4" x14ac:dyDescent="0.25">
      <c r="C3891"/>
      <c r="D3891"/>
    </row>
    <row r="3892" spans="3:4" x14ac:dyDescent="0.25">
      <c r="C3892"/>
      <c r="D3892"/>
    </row>
    <row r="3893" spans="3:4" x14ac:dyDescent="0.25">
      <c r="C3893"/>
      <c r="D3893"/>
    </row>
    <row r="3894" spans="3:4" x14ac:dyDescent="0.25">
      <c r="C3894"/>
      <c r="D3894"/>
    </row>
    <row r="3895" spans="3:4" x14ac:dyDescent="0.25">
      <c r="C3895"/>
      <c r="D3895"/>
    </row>
    <row r="3896" spans="3:4" x14ac:dyDescent="0.25">
      <c r="C3896"/>
      <c r="D3896"/>
    </row>
    <row r="3897" spans="3:4" x14ac:dyDescent="0.25">
      <c r="C3897"/>
      <c r="D3897"/>
    </row>
    <row r="3898" spans="3:4" x14ac:dyDescent="0.25">
      <c r="C3898"/>
      <c r="D3898"/>
    </row>
    <row r="3899" spans="3:4" x14ac:dyDescent="0.25">
      <c r="C3899"/>
      <c r="D3899"/>
    </row>
    <row r="3900" spans="3:4" x14ac:dyDescent="0.25">
      <c r="C3900"/>
      <c r="D3900"/>
    </row>
    <row r="3901" spans="3:4" x14ac:dyDescent="0.25">
      <c r="C3901"/>
      <c r="D3901"/>
    </row>
    <row r="3902" spans="3:4" x14ac:dyDescent="0.25">
      <c r="C3902"/>
      <c r="D3902"/>
    </row>
    <row r="3903" spans="3:4" x14ac:dyDescent="0.25">
      <c r="C3903"/>
      <c r="D3903"/>
    </row>
    <row r="3904" spans="3:4" x14ac:dyDescent="0.25">
      <c r="C3904"/>
      <c r="D3904"/>
    </row>
    <row r="3905" spans="3:4" x14ac:dyDescent="0.25">
      <c r="C3905"/>
      <c r="D3905"/>
    </row>
    <row r="3906" spans="3:4" x14ac:dyDescent="0.25">
      <c r="C3906"/>
      <c r="D3906"/>
    </row>
    <row r="3907" spans="3:4" x14ac:dyDescent="0.25">
      <c r="C3907"/>
      <c r="D3907"/>
    </row>
    <row r="3908" spans="3:4" x14ac:dyDescent="0.25">
      <c r="C3908"/>
      <c r="D3908"/>
    </row>
    <row r="3909" spans="3:4" x14ac:dyDescent="0.25">
      <c r="C3909"/>
      <c r="D3909"/>
    </row>
    <row r="3910" spans="3:4" x14ac:dyDescent="0.25">
      <c r="C3910"/>
      <c r="D3910"/>
    </row>
    <row r="3911" spans="3:4" x14ac:dyDescent="0.25">
      <c r="C3911"/>
      <c r="D3911"/>
    </row>
    <row r="3912" spans="3:4" x14ac:dyDescent="0.25">
      <c r="C3912"/>
      <c r="D3912"/>
    </row>
    <row r="3913" spans="3:4" x14ac:dyDescent="0.25">
      <c r="C3913"/>
      <c r="D3913"/>
    </row>
    <row r="3914" spans="3:4" x14ac:dyDescent="0.25">
      <c r="C3914"/>
      <c r="D3914"/>
    </row>
    <row r="3915" spans="3:4" x14ac:dyDescent="0.25">
      <c r="C3915"/>
      <c r="D3915"/>
    </row>
    <row r="3916" spans="3:4" x14ac:dyDescent="0.25">
      <c r="C3916"/>
      <c r="D3916"/>
    </row>
    <row r="3917" spans="3:4" x14ac:dyDescent="0.25">
      <c r="C3917"/>
      <c r="D3917"/>
    </row>
    <row r="3918" spans="3:4" x14ac:dyDescent="0.25">
      <c r="C3918"/>
      <c r="D3918"/>
    </row>
    <row r="3919" spans="3:4" x14ac:dyDescent="0.25">
      <c r="C3919"/>
      <c r="D3919"/>
    </row>
    <row r="3920" spans="3:4" x14ac:dyDescent="0.25">
      <c r="C3920"/>
      <c r="D3920"/>
    </row>
    <row r="3921" spans="3:4" x14ac:dyDescent="0.25">
      <c r="C3921"/>
      <c r="D3921"/>
    </row>
    <row r="3922" spans="3:4" x14ac:dyDescent="0.25">
      <c r="C3922"/>
      <c r="D3922"/>
    </row>
    <row r="3923" spans="3:4" x14ac:dyDescent="0.25">
      <c r="C3923"/>
      <c r="D3923"/>
    </row>
    <row r="3924" spans="3:4" x14ac:dyDescent="0.25">
      <c r="C3924"/>
      <c r="D3924"/>
    </row>
    <row r="3925" spans="3:4" x14ac:dyDescent="0.25">
      <c r="C3925"/>
      <c r="D3925"/>
    </row>
    <row r="3926" spans="3:4" x14ac:dyDescent="0.25">
      <c r="C3926"/>
      <c r="D3926"/>
    </row>
    <row r="3927" spans="3:4" x14ac:dyDescent="0.25">
      <c r="C3927"/>
      <c r="D3927"/>
    </row>
    <row r="3928" spans="3:4" x14ac:dyDescent="0.25">
      <c r="C3928"/>
      <c r="D3928"/>
    </row>
    <row r="3929" spans="3:4" x14ac:dyDescent="0.25">
      <c r="C3929"/>
      <c r="D3929"/>
    </row>
    <row r="3930" spans="3:4" x14ac:dyDescent="0.25">
      <c r="C3930"/>
      <c r="D3930"/>
    </row>
    <row r="3931" spans="3:4" x14ac:dyDescent="0.25">
      <c r="C3931"/>
      <c r="D3931"/>
    </row>
    <row r="3932" spans="3:4" x14ac:dyDescent="0.25">
      <c r="C3932"/>
      <c r="D3932"/>
    </row>
    <row r="3933" spans="3:4" x14ac:dyDescent="0.25">
      <c r="C3933"/>
      <c r="D3933"/>
    </row>
    <row r="3934" spans="3:4" x14ac:dyDescent="0.25">
      <c r="C3934"/>
      <c r="D3934"/>
    </row>
    <row r="3935" spans="3:4" x14ac:dyDescent="0.25">
      <c r="C3935"/>
      <c r="D3935"/>
    </row>
    <row r="3936" spans="3:4" x14ac:dyDescent="0.25">
      <c r="C3936"/>
      <c r="D3936"/>
    </row>
    <row r="3937" spans="3:4" x14ac:dyDescent="0.25">
      <c r="C3937"/>
      <c r="D3937"/>
    </row>
    <row r="3938" spans="3:4" x14ac:dyDescent="0.25">
      <c r="C3938"/>
      <c r="D3938"/>
    </row>
    <row r="3939" spans="3:4" x14ac:dyDescent="0.25">
      <c r="C3939"/>
      <c r="D3939"/>
    </row>
    <row r="3940" spans="3:4" x14ac:dyDescent="0.25">
      <c r="C3940"/>
      <c r="D3940"/>
    </row>
    <row r="3941" spans="3:4" x14ac:dyDescent="0.25">
      <c r="C3941"/>
      <c r="D3941"/>
    </row>
    <row r="3942" spans="3:4" x14ac:dyDescent="0.25">
      <c r="C3942"/>
      <c r="D3942"/>
    </row>
    <row r="3943" spans="3:4" x14ac:dyDescent="0.25">
      <c r="C3943"/>
      <c r="D3943"/>
    </row>
    <row r="3944" spans="3:4" x14ac:dyDescent="0.25">
      <c r="C3944"/>
      <c r="D3944"/>
    </row>
    <row r="3945" spans="3:4" x14ac:dyDescent="0.25">
      <c r="C3945"/>
      <c r="D3945"/>
    </row>
    <row r="3946" spans="3:4" x14ac:dyDescent="0.25">
      <c r="C3946"/>
      <c r="D3946"/>
    </row>
    <row r="3947" spans="3:4" x14ac:dyDescent="0.25">
      <c r="C3947"/>
      <c r="D3947"/>
    </row>
    <row r="3948" spans="3:4" x14ac:dyDescent="0.25">
      <c r="C3948"/>
      <c r="D3948"/>
    </row>
    <row r="3949" spans="3:4" x14ac:dyDescent="0.25">
      <c r="C3949"/>
      <c r="D3949"/>
    </row>
    <row r="3950" spans="3:4" x14ac:dyDescent="0.25">
      <c r="C3950"/>
      <c r="D3950"/>
    </row>
    <row r="3951" spans="3:4" x14ac:dyDescent="0.25">
      <c r="C3951"/>
      <c r="D3951"/>
    </row>
    <row r="3952" spans="3:4" x14ac:dyDescent="0.25">
      <c r="C3952"/>
      <c r="D3952"/>
    </row>
    <row r="3953" spans="3:4" x14ac:dyDescent="0.25">
      <c r="C3953"/>
      <c r="D3953"/>
    </row>
    <row r="3954" spans="3:4" x14ac:dyDescent="0.25">
      <c r="C3954"/>
      <c r="D3954"/>
    </row>
    <row r="3955" spans="3:4" x14ac:dyDescent="0.25">
      <c r="C3955"/>
      <c r="D3955"/>
    </row>
    <row r="3956" spans="3:4" x14ac:dyDescent="0.25">
      <c r="C3956"/>
      <c r="D3956"/>
    </row>
    <row r="3957" spans="3:4" x14ac:dyDescent="0.25">
      <c r="C3957"/>
      <c r="D3957"/>
    </row>
    <row r="3958" spans="3:4" x14ac:dyDescent="0.25">
      <c r="C3958"/>
      <c r="D3958"/>
    </row>
    <row r="3959" spans="3:4" x14ac:dyDescent="0.25">
      <c r="C3959"/>
      <c r="D3959"/>
    </row>
    <row r="3960" spans="3:4" x14ac:dyDescent="0.25">
      <c r="C3960"/>
      <c r="D3960"/>
    </row>
    <row r="3961" spans="3:4" x14ac:dyDescent="0.25">
      <c r="C3961"/>
      <c r="D3961"/>
    </row>
    <row r="3962" spans="3:4" x14ac:dyDescent="0.25">
      <c r="C3962"/>
      <c r="D3962"/>
    </row>
    <row r="3963" spans="3:4" x14ac:dyDescent="0.25">
      <c r="C3963"/>
      <c r="D3963"/>
    </row>
    <row r="3964" spans="3:4" x14ac:dyDescent="0.25">
      <c r="C3964"/>
      <c r="D3964"/>
    </row>
    <row r="3965" spans="3:4" x14ac:dyDescent="0.25">
      <c r="C3965"/>
      <c r="D3965"/>
    </row>
    <row r="3966" spans="3:4" x14ac:dyDescent="0.25">
      <c r="C3966"/>
      <c r="D3966"/>
    </row>
    <row r="3967" spans="3:4" x14ac:dyDescent="0.25">
      <c r="C3967"/>
      <c r="D3967"/>
    </row>
    <row r="3968" spans="3:4" x14ac:dyDescent="0.25">
      <c r="C3968"/>
      <c r="D3968"/>
    </row>
    <row r="3969" spans="3:4" x14ac:dyDescent="0.25">
      <c r="C3969"/>
      <c r="D3969"/>
    </row>
    <row r="3970" spans="3:4" x14ac:dyDescent="0.25">
      <c r="C3970"/>
      <c r="D3970"/>
    </row>
    <row r="3971" spans="3:4" x14ac:dyDescent="0.25">
      <c r="C3971"/>
      <c r="D3971"/>
    </row>
    <row r="3972" spans="3:4" x14ac:dyDescent="0.25">
      <c r="C3972"/>
      <c r="D3972"/>
    </row>
    <row r="3973" spans="3:4" x14ac:dyDescent="0.25">
      <c r="C3973"/>
      <c r="D3973"/>
    </row>
    <row r="3974" spans="3:4" x14ac:dyDescent="0.25">
      <c r="C3974"/>
      <c r="D3974"/>
    </row>
    <row r="3975" spans="3:4" x14ac:dyDescent="0.25">
      <c r="C3975"/>
      <c r="D3975"/>
    </row>
    <row r="3976" spans="3:4" x14ac:dyDescent="0.25">
      <c r="C3976"/>
      <c r="D3976"/>
    </row>
    <row r="3977" spans="3:4" x14ac:dyDescent="0.25">
      <c r="C3977"/>
      <c r="D3977"/>
    </row>
    <row r="3978" spans="3:4" x14ac:dyDescent="0.25">
      <c r="C3978"/>
      <c r="D3978"/>
    </row>
    <row r="3979" spans="3:4" x14ac:dyDescent="0.25">
      <c r="C3979"/>
      <c r="D3979"/>
    </row>
    <row r="3980" spans="3:4" x14ac:dyDescent="0.25">
      <c r="C3980"/>
      <c r="D3980"/>
    </row>
    <row r="3981" spans="3:4" x14ac:dyDescent="0.25">
      <c r="C3981"/>
      <c r="D3981"/>
    </row>
    <row r="3982" spans="3:4" x14ac:dyDescent="0.25">
      <c r="C3982"/>
      <c r="D3982"/>
    </row>
    <row r="3983" spans="3:4" x14ac:dyDescent="0.25">
      <c r="C3983"/>
      <c r="D3983"/>
    </row>
    <row r="3984" spans="3:4" x14ac:dyDescent="0.25">
      <c r="C3984"/>
      <c r="D3984"/>
    </row>
    <row r="3985" spans="3:4" x14ac:dyDescent="0.25">
      <c r="C3985"/>
      <c r="D3985"/>
    </row>
    <row r="3986" spans="3:4" x14ac:dyDescent="0.25">
      <c r="C3986"/>
      <c r="D3986"/>
    </row>
    <row r="3987" spans="3:4" x14ac:dyDescent="0.25">
      <c r="C3987"/>
      <c r="D3987"/>
    </row>
    <row r="3988" spans="3:4" x14ac:dyDescent="0.25">
      <c r="C3988"/>
      <c r="D3988"/>
    </row>
    <row r="3989" spans="3:4" x14ac:dyDescent="0.25">
      <c r="C3989"/>
      <c r="D3989"/>
    </row>
    <row r="3990" spans="3:4" x14ac:dyDescent="0.25">
      <c r="C3990"/>
      <c r="D3990"/>
    </row>
    <row r="3991" spans="3:4" x14ac:dyDescent="0.25">
      <c r="C3991"/>
      <c r="D3991"/>
    </row>
    <row r="3992" spans="3:4" x14ac:dyDescent="0.25">
      <c r="C3992"/>
      <c r="D3992"/>
    </row>
    <row r="3993" spans="3:4" x14ac:dyDescent="0.25">
      <c r="C3993"/>
      <c r="D3993"/>
    </row>
    <row r="3994" spans="3:4" x14ac:dyDescent="0.25">
      <c r="C3994"/>
      <c r="D3994"/>
    </row>
    <row r="3995" spans="3:4" x14ac:dyDescent="0.25">
      <c r="C3995"/>
      <c r="D3995"/>
    </row>
    <row r="3996" spans="3:4" x14ac:dyDescent="0.25">
      <c r="C3996"/>
      <c r="D3996"/>
    </row>
    <row r="3997" spans="3:4" x14ac:dyDescent="0.25">
      <c r="C3997"/>
      <c r="D3997"/>
    </row>
    <row r="3998" spans="3:4" x14ac:dyDescent="0.25">
      <c r="C3998"/>
      <c r="D3998"/>
    </row>
    <row r="3999" spans="3:4" x14ac:dyDescent="0.25">
      <c r="C3999"/>
      <c r="D3999"/>
    </row>
    <row r="4000" spans="3:4" x14ac:dyDescent="0.25">
      <c r="C4000"/>
      <c r="D4000"/>
    </row>
    <row r="4001" spans="3:4" x14ac:dyDescent="0.25">
      <c r="C4001"/>
      <c r="D4001"/>
    </row>
    <row r="4002" spans="3:4" x14ac:dyDescent="0.25">
      <c r="C4002"/>
      <c r="D4002"/>
    </row>
    <row r="4003" spans="3:4" x14ac:dyDescent="0.25">
      <c r="C4003"/>
      <c r="D4003"/>
    </row>
    <row r="4004" spans="3:4" x14ac:dyDescent="0.25">
      <c r="C4004"/>
      <c r="D4004"/>
    </row>
    <row r="4005" spans="3:4" x14ac:dyDescent="0.25">
      <c r="C4005"/>
      <c r="D4005"/>
    </row>
    <row r="4006" spans="3:4" x14ac:dyDescent="0.25">
      <c r="C4006"/>
      <c r="D4006"/>
    </row>
    <row r="4007" spans="3:4" x14ac:dyDescent="0.25">
      <c r="C4007"/>
      <c r="D4007"/>
    </row>
    <row r="4008" spans="3:4" x14ac:dyDescent="0.25">
      <c r="C4008"/>
      <c r="D4008"/>
    </row>
    <row r="4009" spans="3:4" x14ac:dyDescent="0.25">
      <c r="C4009"/>
      <c r="D4009"/>
    </row>
    <row r="4010" spans="3:4" x14ac:dyDescent="0.25">
      <c r="C4010"/>
      <c r="D4010"/>
    </row>
    <row r="4011" spans="3:4" x14ac:dyDescent="0.25">
      <c r="C4011"/>
      <c r="D4011"/>
    </row>
    <row r="4012" spans="3:4" x14ac:dyDescent="0.25">
      <c r="C4012"/>
      <c r="D4012"/>
    </row>
    <row r="4013" spans="3:4" x14ac:dyDescent="0.25">
      <c r="C4013"/>
      <c r="D4013"/>
    </row>
    <row r="4014" spans="3:4" x14ac:dyDescent="0.25">
      <c r="C4014"/>
      <c r="D4014"/>
    </row>
    <row r="4015" spans="3:4" x14ac:dyDescent="0.25">
      <c r="C4015"/>
      <c r="D4015"/>
    </row>
    <row r="4016" spans="3:4" x14ac:dyDescent="0.25">
      <c r="C4016"/>
      <c r="D4016"/>
    </row>
    <row r="4017" spans="3:4" x14ac:dyDescent="0.25">
      <c r="C4017"/>
      <c r="D4017"/>
    </row>
    <row r="4018" spans="3:4" x14ac:dyDescent="0.25">
      <c r="C4018"/>
      <c r="D4018"/>
    </row>
    <row r="4019" spans="3:4" x14ac:dyDescent="0.25">
      <c r="C4019"/>
      <c r="D4019"/>
    </row>
    <row r="4020" spans="3:4" x14ac:dyDescent="0.25">
      <c r="C4020"/>
      <c r="D4020"/>
    </row>
    <row r="4021" spans="3:4" x14ac:dyDescent="0.25">
      <c r="C4021"/>
      <c r="D4021"/>
    </row>
    <row r="4022" spans="3:4" x14ac:dyDescent="0.25">
      <c r="C4022"/>
      <c r="D4022"/>
    </row>
    <row r="4023" spans="3:4" x14ac:dyDescent="0.25">
      <c r="C4023"/>
      <c r="D4023"/>
    </row>
    <row r="4024" spans="3:4" x14ac:dyDescent="0.25">
      <c r="C4024"/>
      <c r="D4024"/>
    </row>
    <row r="4025" spans="3:4" x14ac:dyDescent="0.25">
      <c r="C4025"/>
      <c r="D4025"/>
    </row>
    <row r="4026" spans="3:4" x14ac:dyDescent="0.25">
      <c r="C4026"/>
      <c r="D4026"/>
    </row>
    <row r="4027" spans="3:4" x14ac:dyDescent="0.25">
      <c r="C4027"/>
      <c r="D4027"/>
    </row>
    <row r="4028" spans="3:4" x14ac:dyDescent="0.25">
      <c r="C4028"/>
      <c r="D4028"/>
    </row>
    <row r="4029" spans="3:4" x14ac:dyDescent="0.25">
      <c r="C4029"/>
      <c r="D4029"/>
    </row>
    <row r="4030" spans="3:4" x14ac:dyDescent="0.25">
      <c r="C4030"/>
      <c r="D4030"/>
    </row>
    <row r="4031" spans="3:4" x14ac:dyDescent="0.25">
      <c r="C4031"/>
      <c r="D4031"/>
    </row>
    <row r="4032" spans="3:4" x14ac:dyDescent="0.25">
      <c r="C4032"/>
      <c r="D4032"/>
    </row>
    <row r="4033" spans="3:4" x14ac:dyDescent="0.25">
      <c r="C4033"/>
      <c r="D4033"/>
    </row>
    <row r="4034" spans="3:4" x14ac:dyDescent="0.25">
      <c r="C4034"/>
      <c r="D4034"/>
    </row>
    <row r="4035" spans="3:4" x14ac:dyDescent="0.25">
      <c r="C4035"/>
      <c r="D4035"/>
    </row>
    <row r="4036" spans="3:4" x14ac:dyDescent="0.25">
      <c r="C4036"/>
      <c r="D4036"/>
    </row>
    <row r="4037" spans="3:4" x14ac:dyDescent="0.25">
      <c r="C4037"/>
      <c r="D4037"/>
    </row>
    <row r="4038" spans="3:4" x14ac:dyDescent="0.25">
      <c r="C4038"/>
      <c r="D4038"/>
    </row>
    <row r="4039" spans="3:4" x14ac:dyDescent="0.25">
      <c r="C4039"/>
      <c r="D4039"/>
    </row>
    <row r="4040" spans="3:4" x14ac:dyDescent="0.25">
      <c r="C4040"/>
      <c r="D4040"/>
    </row>
    <row r="4041" spans="3:4" x14ac:dyDescent="0.25">
      <c r="C4041"/>
      <c r="D4041"/>
    </row>
    <row r="4042" spans="3:4" x14ac:dyDescent="0.25">
      <c r="C4042"/>
      <c r="D4042"/>
    </row>
    <row r="4043" spans="3:4" x14ac:dyDescent="0.25">
      <c r="C4043"/>
      <c r="D4043"/>
    </row>
    <row r="4044" spans="3:4" x14ac:dyDescent="0.25">
      <c r="C4044"/>
      <c r="D4044"/>
    </row>
    <row r="4045" spans="3:4" x14ac:dyDescent="0.25">
      <c r="C4045"/>
      <c r="D4045"/>
    </row>
    <row r="4046" spans="3:4" x14ac:dyDescent="0.25">
      <c r="C4046"/>
      <c r="D4046"/>
    </row>
    <row r="4047" spans="3:4" x14ac:dyDescent="0.25">
      <c r="C4047"/>
      <c r="D4047"/>
    </row>
    <row r="4048" spans="3:4" x14ac:dyDescent="0.25">
      <c r="C4048"/>
      <c r="D4048"/>
    </row>
    <row r="4049" spans="3:4" x14ac:dyDescent="0.25">
      <c r="C4049"/>
      <c r="D4049"/>
    </row>
    <row r="4050" spans="3:4" x14ac:dyDescent="0.25">
      <c r="C4050"/>
      <c r="D4050"/>
    </row>
    <row r="4051" spans="3:4" x14ac:dyDescent="0.25">
      <c r="C4051"/>
      <c r="D4051"/>
    </row>
    <row r="4052" spans="3:4" x14ac:dyDescent="0.25">
      <c r="C4052"/>
      <c r="D4052"/>
    </row>
    <row r="4053" spans="3:4" x14ac:dyDescent="0.25">
      <c r="C4053"/>
      <c r="D4053"/>
    </row>
    <row r="4054" spans="3:4" x14ac:dyDescent="0.25">
      <c r="C4054"/>
      <c r="D4054"/>
    </row>
    <row r="4055" spans="3:4" x14ac:dyDescent="0.25">
      <c r="C4055"/>
      <c r="D4055"/>
    </row>
    <row r="4056" spans="3:4" x14ac:dyDescent="0.25">
      <c r="C4056"/>
      <c r="D4056"/>
    </row>
    <row r="4057" spans="3:4" x14ac:dyDescent="0.25">
      <c r="C4057"/>
      <c r="D4057"/>
    </row>
    <row r="4058" spans="3:4" x14ac:dyDescent="0.25">
      <c r="C4058"/>
      <c r="D4058"/>
    </row>
    <row r="4059" spans="3:4" x14ac:dyDescent="0.25">
      <c r="C4059"/>
      <c r="D4059"/>
    </row>
    <row r="4060" spans="3:4" x14ac:dyDescent="0.25">
      <c r="C4060"/>
      <c r="D4060"/>
    </row>
    <row r="4061" spans="3:4" x14ac:dyDescent="0.25">
      <c r="C4061"/>
      <c r="D4061"/>
    </row>
    <row r="4062" spans="3:4" x14ac:dyDescent="0.25">
      <c r="C4062"/>
      <c r="D4062"/>
    </row>
    <row r="4063" spans="3:4" x14ac:dyDescent="0.25">
      <c r="C4063"/>
      <c r="D4063"/>
    </row>
    <row r="4064" spans="3:4" x14ac:dyDescent="0.25">
      <c r="C4064"/>
      <c r="D4064"/>
    </row>
    <row r="4065" spans="3:4" x14ac:dyDescent="0.25">
      <c r="C4065"/>
      <c r="D4065"/>
    </row>
    <row r="4066" spans="3:4" x14ac:dyDescent="0.25">
      <c r="C4066"/>
      <c r="D4066"/>
    </row>
    <row r="4067" spans="3:4" x14ac:dyDescent="0.25">
      <c r="C4067"/>
      <c r="D4067"/>
    </row>
    <row r="4068" spans="3:4" x14ac:dyDescent="0.25">
      <c r="C4068"/>
      <c r="D4068"/>
    </row>
    <row r="4069" spans="3:4" x14ac:dyDescent="0.25">
      <c r="C4069"/>
      <c r="D4069"/>
    </row>
    <row r="4070" spans="3:4" x14ac:dyDescent="0.25">
      <c r="C4070"/>
      <c r="D4070"/>
    </row>
    <row r="4071" spans="3:4" x14ac:dyDescent="0.25">
      <c r="C4071"/>
      <c r="D4071"/>
    </row>
    <row r="4072" spans="3:4" x14ac:dyDescent="0.25">
      <c r="C4072"/>
      <c r="D4072"/>
    </row>
    <row r="4073" spans="3:4" x14ac:dyDescent="0.25">
      <c r="C4073"/>
      <c r="D4073"/>
    </row>
    <row r="4074" spans="3:4" x14ac:dyDescent="0.25">
      <c r="C4074"/>
      <c r="D4074"/>
    </row>
    <row r="4075" spans="3:4" x14ac:dyDescent="0.25">
      <c r="C4075"/>
      <c r="D4075"/>
    </row>
    <row r="4076" spans="3:4" x14ac:dyDescent="0.25">
      <c r="C4076"/>
      <c r="D4076"/>
    </row>
    <row r="4077" spans="3:4" x14ac:dyDescent="0.25">
      <c r="C4077"/>
      <c r="D4077"/>
    </row>
    <row r="4078" spans="3:4" x14ac:dyDescent="0.25">
      <c r="C4078"/>
      <c r="D4078"/>
    </row>
    <row r="4079" spans="3:4" x14ac:dyDescent="0.25">
      <c r="C4079"/>
      <c r="D4079"/>
    </row>
    <row r="4080" spans="3:4" x14ac:dyDescent="0.25">
      <c r="C4080"/>
      <c r="D4080"/>
    </row>
    <row r="4081" spans="3:4" x14ac:dyDescent="0.25">
      <c r="C4081"/>
      <c r="D4081"/>
    </row>
    <row r="4082" spans="3:4" x14ac:dyDescent="0.25">
      <c r="C4082"/>
      <c r="D4082"/>
    </row>
    <row r="4083" spans="3:4" x14ac:dyDescent="0.25">
      <c r="C4083"/>
      <c r="D4083"/>
    </row>
    <row r="4084" spans="3:4" x14ac:dyDescent="0.25">
      <c r="C4084"/>
      <c r="D4084"/>
    </row>
    <row r="4085" spans="3:4" x14ac:dyDescent="0.25">
      <c r="C4085"/>
      <c r="D4085"/>
    </row>
    <row r="4086" spans="3:4" x14ac:dyDescent="0.25">
      <c r="C4086"/>
      <c r="D4086"/>
    </row>
    <row r="4087" spans="3:4" x14ac:dyDescent="0.25">
      <c r="C4087"/>
      <c r="D4087"/>
    </row>
    <row r="4088" spans="3:4" x14ac:dyDescent="0.25">
      <c r="C4088"/>
      <c r="D4088"/>
    </row>
    <row r="4089" spans="3:4" x14ac:dyDescent="0.25">
      <c r="C4089"/>
      <c r="D4089"/>
    </row>
    <row r="4090" spans="3:4" x14ac:dyDescent="0.25">
      <c r="C4090"/>
      <c r="D4090"/>
    </row>
    <row r="4091" spans="3:4" x14ac:dyDescent="0.25">
      <c r="C4091"/>
      <c r="D4091"/>
    </row>
    <row r="4092" spans="3:4" x14ac:dyDescent="0.25">
      <c r="C4092"/>
      <c r="D4092"/>
    </row>
    <row r="4093" spans="3:4" x14ac:dyDescent="0.25">
      <c r="C4093"/>
      <c r="D4093"/>
    </row>
    <row r="4094" spans="3:4" x14ac:dyDescent="0.25">
      <c r="C4094"/>
      <c r="D4094"/>
    </row>
    <row r="4095" spans="3:4" x14ac:dyDescent="0.25">
      <c r="C4095"/>
      <c r="D4095"/>
    </row>
    <row r="4096" spans="3:4" x14ac:dyDescent="0.25">
      <c r="C4096"/>
      <c r="D4096"/>
    </row>
    <row r="4097" spans="3:4" x14ac:dyDescent="0.25">
      <c r="C4097"/>
      <c r="D4097"/>
    </row>
    <row r="4098" spans="3:4" x14ac:dyDescent="0.25">
      <c r="C4098"/>
      <c r="D4098"/>
    </row>
    <row r="4099" spans="3:4" x14ac:dyDescent="0.25">
      <c r="C4099"/>
      <c r="D4099"/>
    </row>
    <row r="4100" spans="3:4" x14ac:dyDescent="0.25">
      <c r="C4100"/>
      <c r="D4100"/>
    </row>
    <row r="4101" spans="3:4" x14ac:dyDescent="0.25">
      <c r="C4101"/>
      <c r="D4101"/>
    </row>
    <row r="4102" spans="3:4" x14ac:dyDescent="0.25">
      <c r="C4102"/>
      <c r="D4102"/>
    </row>
    <row r="4103" spans="3:4" x14ac:dyDescent="0.25">
      <c r="C4103"/>
      <c r="D4103"/>
    </row>
    <row r="4104" spans="3:4" x14ac:dyDescent="0.25">
      <c r="C4104"/>
      <c r="D4104"/>
    </row>
    <row r="4105" spans="3:4" x14ac:dyDescent="0.25">
      <c r="C4105"/>
      <c r="D4105"/>
    </row>
    <row r="4106" spans="3:4" x14ac:dyDescent="0.25">
      <c r="C4106"/>
      <c r="D4106"/>
    </row>
    <row r="4107" spans="3:4" x14ac:dyDescent="0.25">
      <c r="C4107"/>
      <c r="D4107"/>
    </row>
    <row r="4108" spans="3:4" x14ac:dyDescent="0.25">
      <c r="C4108"/>
      <c r="D4108"/>
    </row>
    <row r="4109" spans="3:4" x14ac:dyDescent="0.25">
      <c r="C4109"/>
      <c r="D4109"/>
    </row>
    <row r="4110" spans="3:4" x14ac:dyDescent="0.25">
      <c r="C4110"/>
      <c r="D4110"/>
    </row>
    <row r="4111" spans="3:4" x14ac:dyDescent="0.25">
      <c r="C4111"/>
      <c r="D4111"/>
    </row>
    <row r="4112" spans="3:4" x14ac:dyDescent="0.25">
      <c r="C4112"/>
      <c r="D4112"/>
    </row>
    <row r="4113" spans="3:4" x14ac:dyDescent="0.25">
      <c r="C4113"/>
      <c r="D4113"/>
    </row>
    <row r="4114" spans="3:4" x14ac:dyDescent="0.25">
      <c r="C4114"/>
      <c r="D4114"/>
    </row>
    <row r="4115" spans="3:4" x14ac:dyDescent="0.25">
      <c r="C4115"/>
      <c r="D4115"/>
    </row>
    <row r="4116" spans="3:4" x14ac:dyDescent="0.25">
      <c r="C4116"/>
      <c r="D4116"/>
    </row>
    <row r="4117" spans="3:4" x14ac:dyDescent="0.25">
      <c r="C4117"/>
      <c r="D4117"/>
    </row>
    <row r="4118" spans="3:4" x14ac:dyDescent="0.25">
      <c r="C4118"/>
      <c r="D4118"/>
    </row>
    <row r="4119" spans="3:4" x14ac:dyDescent="0.25">
      <c r="C4119"/>
      <c r="D4119"/>
    </row>
    <row r="4120" spans="3:4" x14ac:dyDescent="0.25">
      <c r="C4120"/>
      <c r="D4120"/>
    </row>
    <row r="4121" spans="3:4" x14ac:dyDescent="0.25">
      <c r="C4121"/>
      <c r="D4121"/>
    </row>
    <row r="4122" spans="3:4" x14ac:dyDescent="0.25">
      <c r="C4122"/>
      <c r="D4122"/>
    </row>
    <row r="4123" spans="3:4" x14ac:dyDescent="0.25">
      <c r="C4123"/>
      <c r="D4123"/>
    </row>
    <row r="4124" spans="3:4" x14ac:dyDescent="0.25">
      <c r="C4124"/>
      <c r="D4124"/>
    </row>
    <row r="4125" spans="3:4" x14ac:dyDescent="0.25">
      <c r="C4125"/>
      <c r="D4125"/>
    </row>
    <row r="4126" spans="3:4" x14ac:dyDescent="0.25">
      <c r="C4126"/>
      <c r="D4126"/>
    </row>
    <row r="4127" spans="3:4" x14ac:dyDescent="0.25">
      <c r="C4127"/>
      <c r="D4127"/>
    </row>
    <row r="4128" spans="3:4" x14ac:dyDescent="0.25">
      <c r="C4128"/>
      <c r="D4128"/>
    </row>
    <row r="4129" spans="3:4" x14ac:dyDescent="0.25">
      <c r="C4129"/>
      <c r="D4129"/>
    </row>
    <row r="4130" spans="3:4" x14ac:dyDescent="0.25">
      <c r="C4130"/>
      <c r="D4130"/>
    </row>
    <row r="4131" spans="3:4" x14ac:dyDescent="0.25">
      <c r="C4131"/>
      <c r="D4131"/>
    </row>
    <row r="4132" spans="3:4" x14ac:dyDescent="0.25">
      <c r="C4132"/>
      <c r="D4132"/>
    </row>
    <row r="4133" spans="3:4" x14ac:dyDescent="0.25">
      <c r="C4133"/>
      <c r="D4133"/>
    </row>
    <row r="4134" spans="3:4" x14ac:dyDescent="0.25">
      <c r="C4134"/>
      <c r="D4134"/>
    </row>
    <row r="4135" spans="3:4" x14ac:dyDescent="0.25">
      <c r="C4135"/>
      <c r="D4135"/>
    </row>
    <row r="4136" spans="3:4" x14ac:dyDescent="0.25">
      <c r="C4136"/>
      <c r="D4136"/>
    </row>
    <row r="4137" spans="3:4" x14ac:dyDescent="0.25">
      <c r="C4137"/>
      <c r="D4137"/>
    </row>
    <row r="4138" spans="3:4" x14ac:dyDescent="0.25">
      <c r="C4138"/>
      <c r="D4138"/>
    </row>
    <row r="4139" spans="3:4" x14ac:dyDescent="0.25">
      <c r="C4139"/>
      <c r="D4139"/>
    </row>
    <row r="4140" spans="3:4" x14ac:dyDescent="0.25">
      <c r="C4140"/>
      <c r="D4140"/>
    </row>
    <row r="4141" spans="3:4" x14ac:dyDescent="0.25">
      <c r="C4141"/>
      <c r="D4141"/>
    </row>
    <row r="4142" spans="3:4" x14ac:dyDescent="0.25">
      <c r="C4142"/>
      <c r="D4142"/>
    </row>
    <row r="4143" spans="3:4" x14ac:dyDescent="0.25">
      <c r="C4143"/>
      <c r="D4143"/>
    </row>
    <row r="4144" spans="3:4" x14ac:dyDescent="0.25">
      <c r="C4144"/>
      <c r="D4144"/>
    </row>
    <row r="4145" spans="3:4" x14ac:dyDescent="0.25">
      <c r="C4145"/>
      <c r="D4145"/>
    </row>
    <row r="4146" spans="3:4" x14ac:dyDescent="0.25">
      <c r="C4146"/>
      <c r="D4146"/>
    </row>
    <row r="4147" spans="3:4" x14ac:dyDescent="0.25">
      <c r="C4147"/>
      <c r="D4147"/>
    </row>
    <row r="4148" spans="3:4" x14ac:dyDescent="0.25">
      <c r="C4148"/>
      <c r="D4148"/>
    </row>
    <row r="4149" spans="3:4" x14ac:dyDescent="0.25">
      <c r="C4149"/>
      <c r="D4149"/>
    </row>
    <row r="4150" spans="3:4" x14ac:dyDescent="0.25">
      <c r="C4150"/>
      <c r="D4150"/>
    </row>
    <row r="4151" spans="3:4" x14ac:dyDescent="0.25">
      <c r="C4151"/>
      <c r="D4151"/>
    </row>
    <row r="4152" spans="3:4" x14ac:dyDescent="0.25">
      <c r="C4152"/>
      <c r="D4152"/>
    </row>
    <row r="4153" spans="3:4" x14ac:dyDescent="0.25">
      <c r="C4153"/>
      <c r="D4153"/>
    </row>
    <row r="4154" spans="3:4" x14ac:dyDescent="0.25">
      <c r="C4154"/>
      <c r="D4154"/>
    </row>
    <row r="4155" spans="3:4" x14ac:dyDescent="0.25">
      <c r="C4155"/>
      <c r="D4155"/>
    </row>
    <row r="4156" spans="3:4" x14ac:dyDescent="0.25">
      <c r="C4156"/>
      <c r="D4156"/>
    </row>
    <row r="4157" spans="3:4" x14ac:dyDescent="0.25">
      <c r="C4157"/>
      <c r="D4157"/>
    </row>
    <row r="4158" spans="3:4" x14ac:dyDescent="0.25">
      <c r="C4158"/>
      <c r="D4158"/>
    </row>
    <row r="4159" spans="3:4" x14ac:dyDescent="0.25">
      <c r="C4159"/>
      <c r="D4159"/>
    </row>
    <row r="4160" spans="3:4" x14ac:dyDescent="0.25">
      <c r="C4160"/>
      <c r="D4160"/>
    </row>
    <row r="4161" spans="3:4" x14ac:dyDescent="0.25">
      <c r="C4161"/>
      <c r="D4161"/>
    </row>
    <row r="4162" spans="3:4" x14ac:dyDescent="0.25">
      <c r="C4162"/>
      <c r="D4162"/>
    </row>
    <row r="4163" spans="3:4" x14ac:dyDescent="0.25">
      <c r="C4163"/>
      <c r="D4163"/>
    </row>
    <row r="4164" spans="3:4" x14ac:dyDescent="0.25">
      <c r="C4164"/>
      <c r="D4164"/>
    </row>
    <row r="4165" spans="3:4" x14ac:dyDescent="0.25">
      <c r="C4165"/>
      <c r="D4165"/>
    </row>
    <row r="4166" spans="3:4" x14ac:dyDescent="0.25">
      <c r="C4166"/>
      <c r="D4166"/>
    </row>
    <row r="4167" spans="3:4" x14ac:dyDescent="0.25">
      <c r="C4167"/>
      <c r="D4167"/>
    </row>
    <row r="4168" spans="3:4" x14ac:dyDescent="0.25">
      <c r="C4168"/>
      <c r="D4168"/>
    </row>
    <row r="4169" spans="3:4" x14ac:dyDescent="0.25">
      <c r="C4169"/>
      <c r="D4169"/>
    </row>
    <row r="4170" spans="3:4" x14ac:dyDescent="0.25">
      <c r="C4170"/>
      <c r="D4170"/>
    </row>
    <row r="4171" spans="3:4" x14ac:dyDescent="0.25">
      <c r="C4171"/>
      <c r="D4171"/>
    </row>
    <row r="4172" spans="3:4" x14ac:dyDescent="0.25">
      <c r="C4172"/>
      <c r="D4172"/>
    </row>
    <row r="4173" spans="3:4" x14ac:dyDescent="0.25">
      <c r="C4173"/>
      <c r="D4173"/>
    </row>
    <row r="4174" spans="3:4" x14ac:dyDescent="0.25">
      <c r="C4174"/>
      <c r="D4174"/>
    </row>
    <row r="4175" spans="3:4" x14ac:dyDescent="0.25">
      <c r="C4175"/>
      <c r="D4175"/>
    </row>
    <row r="4176" spans="3:4" x14ac:dyDescent="0.25">
      <c r="C4176"/>
      <c r="D4176"/>
    </row>
    <row r="4177" spans="3:4" x14ac:dyDescent="0.25">
      <c r="C4177"/>
      <c r="D4177"/>
    </row>
    <row r="4178" spans="3:4" x14ac:dyDescent="0.25">
      <c r="C4178"/>
      <c r="D4178"/>
    </row>
    <row r="4179" spans="3:4" x14ac:dyDescent="0.25">
      <c r="C4179"/>
      <c r="D4179"/>
    </row>
    <row r="4180" spans="3:4" x14ac:dyDescent="0.25">
      <c r="C4180"/>
      <c r="D4180"/>
    </row>
    <row r="4181" spans="3:4" x14ac:dyDescent="0.25">
      <c r="C4181"/>
      <c r="D4181"/>
    </row>
    <row r="4182" spans="3:4" x14ac:dyDescent="0.25">
      <c r="C4182"/>
      <c r="D4182"/>
    </row>
    <row r="4183" spans="3:4" x14ac:dyDescent="0.25">
      <c r="C4183"/>
      <c r="D4183"/>
    </row>
    <row r="4184" spans="3:4" x14ac:dyDescent="0.25">
      <c r="C4184"/>
      <c r="D4184"/>
    </row>
    <row r="4185" spans="3:4" x14ac:dyDescent="0.25">
      <c r="C4185"/>
      <c r="D4185"/>
    </row>
    <row r="4186" spans="3:4" x14ac:dyDescent="0.25">
      <c r="C4186"/>
      <c r="D4186"/>
    </row>
    <row r="4187" spans="3:4" x14ac:dyDescent="0.25">
      <c r="C4187"/>
      <c r="D4187"/>
    </row>
    <row r="4188" spans="3:4" x14ac:dyDescent="0.25">
      <c r="C4188"/>
      <c r="D4188"/>
    </row>
    <row r="4189" spans="3:4" x14ac:dyDescent="0.25">
      <c r="C4189"/>
      <c r="D4189"/>
    </row>
    <row r="4190" spans="3:4" x14ac:dyDescent="0.25">
      <c r="C4190"/>
      <c r="D4190"/>
    </row>
    <row r="4191" spans="3:4" x14ac:dyDescent="0.25">
      <c r="C4191"/>
      <c r="D4191"/>
    </row>
    <row r="4192" spans="3:4" x14ac:dyDescent="0.25">
      <c r="C4192"/>
      <c r="D4192"/>
    </row>
    <row r="4193" spans="3:4" x14ac:dyDescent="0.25">
      <c r="C4193"/>
      <c r="D4193"/>
    </row>
    <row r="4194" spans="3:4" x14ac:dyDescent="0.25">
      <c r="C4194"/>
      <c r="D4194"/>
    </row>
    <row r="4195" spans="3:4" x14ac:dyDescent="0.25">
      <c r="C4195"/>
      <c r="D4195"/>
    </row>
    <row r="4196" spans="3:4" x14ac:dyDescent="0.25">
      <c r="C4196"/>
      <c r="D4196"/>
    </row>
    <row r="4197" spans="3:4" x14ac:dyDescent="0.25">
      <c r="C4197"/>
      <c r="D4197"/>
    </row>
    <row r="4198" spans="3:4" x14ac:dyDescent="0.25">
      <c r="C4198"/>
      <c r="D4198"/>
    </row>
    <row r="4199" spans="3:4" x14ac:dyDescent="0.25">
      <c r="C4199"/>
      <c r="D4199"/>
    </row>
    <row r="4200" spans="3:4" x14ac:dyDescent="0.25">
      <c r="C4200"/>
      <c r="D4200"/>
    </row>
    <row r="4201" spans="3:4" x14ac:dyDescent="0.25">
      <c r="C4201"/>
      <c r="D4201"/>
    </row>
    <row r="4202" spans="3:4" x14ac:dyDescent="0.25">
      <c r="C4202"/>
      <c r="D4202"/>
    </row>
    <row r="4203" spans="3:4" x14ac:dyDescent="0.25">
      <c r="C4203"/>
      <c r="D4203"/>
    </row>
    <row r="4204" spans="3:4" x14ac:dyDescent="0.25">
      <c r="C4204"/>
      <c r="D4204"/>
    </row>
    <row r="4205" spans="3:4" x14ac:dyDescent="0.25">
      <c r="C4205"/>
      <c r="D4205"/>
    </row>
    <row r="4206" spans="3:4" x14ac:dyDescent="0.25">
      <c r="C4206"/>
      <c r="D4206"/>
    </row>
    <row r="4207" spans="3:4" x14ac:dyDescent="0.25">
      <c r="C4207"/>
      <c r="D4207"/>
    </row>
    <row r="4208" spans="3:4" x14ac:dyDescent="0.25">
      <c r="C4208"/>
      <c r="D4208"/>
    </row>
    <row r="4209" spans="3:4" x14ac:dyDescent="0.25">
      <c r="C4209"/>
      <c r="D4209"/>
    </row>
    <row r="4210" spans="3:4" x14ac:dyDescent="0.25">
      <c r="C4210"/>
      <c r="D4210"/>
    </row>
    <row r="4211" spans="3:4" x14ac:dyDescent="0.25">
      <c r="C4211"/>
      <c r="D4211"/>
    </row>
    <row r="4212" spans="3:4" x14ac:dyDescent="0.25">
      <c r="C4212"/>
      <c r="D4212"/>
    </row>
    <row r="4213" spans="3:4" x14ac:dyDescent="0.25">
      <c r="C4213"/>
      <c r="D4213"/>
    </row>
    <row r="4214" spans="3:4" x14ac:dyDescent="0.25">
      <c r="C4214"/>
      <c r="D4214"/>
    </row>
    <row r="4215" spans="3:4" x14ac:dyDescent="0.25">
      <c r="C4215"/>
      <c r="D4215"/>
    </row>
    <row r="4216" spans="3:4" x14ac:dyDescent="0.25">
      <c r="C4216"/>
      <c r="D4216"/>
    </row>
    <row r="4217" spans="3:4" x14ac:dyDescent="0.25">
      <c r="C4217"/>
      <c r="D4217"/>
    </row>
    <row r="4218" spans="3:4" x14ac:dyDescent="0.25">
      <c r="C4218"/>
      <c r="D4218"/>
    </row>
    <row r="4219" spans="3:4" x14ac:dyDescent="0.25">
      <c r="C4219"/>
      <c r="D4219"/>
    </row>
    <row r="4220" spans="3:4" x14ac:dyDescent="0.25">
      <c r="C4220"/>
      <c r="D4220"/>
    </row>
    <row r="4221" spans="3:4" x14ac:dyDescent="0.25">
      <c r="C4221"/>
      <c r="D4221"/>
    </row>
    <row r="4222" spans="3:4" x14ac:dyDescent="0.25">
      <c r="C4222"/>
      <c r="D4222"/>
    </row>
    <row r="4223" spans="3:4" x14ac:dyDescent="0.25">
      <c r="C4223"/>
      <c r="D4223"/>
    </row>
    <row r="4224" spans="3:4" x14ac:dyDescent="0.25">
      <c r="C4224"/>
      <c r="D4224"/>
    </row>
    <row r="4225" spans="3:4" x14ac:dyDescent="0.25">
      <c r="C4225"/>
      <c r="D4225"/>
    </row>
    <row r="4226" spans="3:4" x14ac:dyDescent="0.25">
      <c r="C4226"/>
      <c r="D4226"/>
    </row>
    <row r="4227" spans="3:4" x14ac:dyDescent="0.25">
      <c r="C4227"/>
      <c r="D4227"/>
    </row>
    <row r="4228" spans="3:4" x14ac:dyDescent="0.25">
      <c r="C4228"/>
      <c r="D4228"/>
    </row>
    <row r="4229" spans="3:4" x14ac:dyDescent="0.25">
      <c r="C4229"/>
      <c r="D4229"/>
    </row>
    <row r="4230" spans="3:4" x14ac:dyDescent="0.25">
      <c r="C4230"/>
      <c r="D4230"/>
    </row>
    <row r="4231" spans="3:4" x14ac:dyDescent="0.25">
      <c r="C4231"/>
      <c r="D4231"/>
    </row>
    <row r="4232" spans="3:4" x14ac:dyDescent="0.25">
      <c r="C4232"/>
      <c r="D4232"/>
    </row>
    <row r="4233" spans="3:4" x14ac:dyDescent="0.25">
      <c r="C4233"/>
      <c r="D4233"/>
    </row>
    <row r="4234" spans="3:4" x14ac:dyDescent="0.25">
      <c r="C4234"/>
      <c r="D4234"/>
    </row>
    <row r="4235" spans="3:4" x14ac:dyDescent="0.25">
      <c r="C4235"/>
      <c r="D4235"/>
    </row>
    <row r="4236" spans="3:4" x14ac:dyDescent="0.25">
      <c r="C4236"/>
      <c r="D4236"/>
    </row>
    <row r="4237" spans="3:4" x14ac:dyDescent="0.25">
      <c r="C4237"/>
      <c r="D4237"/>
    </row>
    <row r="4238" spans="3:4" x14ac:dyDescent="0.25">
      <c r="C4238"/>
      <c r="D4238"/>
    </row>
    <row r="4239" spans="3:4" x14ac:dyDescent="0.25">
      <c r="C4239"/>
      <c r="D4239"/>
    </row>
    <row r="4240" spans="3:4" x14ac:dyDescent="0.25">
      <c r="C4240"/>
      <c r="D4240"/>
    </row>
    <row r="4241" spans="3:4" x14ac:dyDescent="0.25">
      <c r="C4241"/>
      <c r="D4241"/>
    </row>
    <row r="4242" spans="3:4" x14ac:dyDescent="0.25">
      <c r="C4242"/>
      <c r="D4242"/>
    </row>
    <row r="4243" spans="3:4" x14ac:dyDescent="0.25">
      <c r="C4243"/>
      <c r="D4243"/>
    </row>
    <row r="4244" spans="3:4" x14ac:dyDescent="0.25">
      <c r="C4244"/>
      <c r="D4244"/>
    </row>
    <row r="4245" spans="3:4" x14ac:dyDescent="0.25">
      <c r="C4245"/>
      <c r="D4245"/>
    </row>
    <row r="4246" spans="3:4" x14ac:dyDescent="0.25">
      <c r="C4246"/>
      <c r="D4246"/>
    </row>
    <row r="4247" spans="3:4" x14ac:dyDescent="0.25">
      <c r="C4247"/>
      <c r="D4247"/>
    </row>
    <row r="4248" spans="3:4" x14ac:dyDescent="0.25">
      <c r="C4248"/>
      <c r="D4248"/>
    </row>
    <row r="4249" spans="3:4" x14ac:dyDescent="0.25">
      <c r="C4249"/>
      <c r="D4249"/>
    </row>
    <row r="4250" spans="3:4" x14ac:dyDescent="0.25">
      <c r="C4250"/>
      <c r="D4250"/>
    </row>
    <row r="4251" spans="3:4" x14ac:dyDescent="0.25">
      <c r="C4251"/>
      <c r="D4251"/>
    </row>
    <row r="4252" spans="3:4" x14ac:dyDescent="0.25">
      <c r="C4252"/>
      <c r="D4252"/>
    </row>
    <row r="4253" spans="3:4" x14ac:dyDescent="0.25">
      <c r="C4253"/>
      <c r="D4253"/>
    </row>
    <row r="4254" spans="3:4" x14ac:dyDescent="0.25">
      <c r="C4254"/>
      <c r="D4254"/>
    </row>
    <row r="4255" spans="3:4" x14ac:dyDescent="0.25">
      <c r="C4255"/>
      <c r="D4255"/>
    </row>
    <row r="4256" spans="3:4" x14ac:dyDescent="0.25">
      <c r="C4256"/>
      <c r="D4256"/>
    </row>
    <row r="4257" spans="3:4" x14ac:dyDescent="0.25">
      <c r="C4257"/>
      <c r="D4257"/>
    </row>
    <row r="4258" spans="3:4" x14ac:dyDescent="0.25">
      <c r="C4258"/>
      <c r="D4258"/>
    </row>
    <row r="4259" spans="3:4" x14ac:dyDescent="0.25">
      <c r="C4259"/>
      <c r="D4259"/>
    </row>
    <row r="4260" spans="3:4" x14ac:dyDescent="0.25">
      <c r="C4260"/>
      <c r="D4260"/>
    </row>
    <row r="4261" spans="3:4" x14ac:dyDescent="0.25">
      <c r="C4261"/>
      <c r="D4261"/>
    </row>
    <row r="4262" spans="3:4" x14ac:dyDescent="0.25">
      <c r="C4262"/>
      <c r="D4262"/>
    </row>
    <row r="4263" spans="3:4" x14ac:dyDescent="0.25">
      <c r="C4263"/>
      <c r="D4263"/>
    </row>
    <row r="4264" spans="3:4" x14ac:dyDescent="0.25">
      <c r="C4264"/>
      <c r="D4264"/>
    </row>
    <row r="4265" spans="3:4" x14ac:dyDescent="0.25">
      <c r="C4265"/>
      <c r="D4265"/>
    </row>
    <row r="4266" spans="3:4" x14ac:dyDescent="0.25">
      <c r="C4266"/>
      <c r="D4266"/>
    </row>
    <row r="4267" spans="3:4" x14ac:dyDescent="0.25">
      <c r="C4267"/>
      <c r="D4267"/>
    </row>
    <row r="4268" spans="3:4" x14ac:dyDescent="0.25">
      <c r="C4268"/>
      <c r="D4268"/>
    </row>
    <row r="4269" spans="3:4" x14ac:dyDescent="0.25">
      <c r="C4269"/>
      <c r="D4269"/>
    </row>
    <row r="4270" spans="3:4" x14ac:dyDescent="0.25">
      <c r="C4270"/>
      <c r="D4270"/>
    </row>
    <row r="4271" spans="3:4" x14ac:dyDescent="0.25">
      <c r="C4271"/>
      <c r="D4271"/>
    </row>
    <row r="4272" spans="3:4" x14ac:dyDescent="0.25">
      <c r="C4272"/>
      <c r="D4272"/>
    </row>
    <row r="4273" spans="3:4" x14ac:dyDescent="0.25">
      <c r="C4273"/>
      <c r="D4273"/>
    </row>
    <row r="4274" spans="3:4" x14ac:dyDescent="0.25">
      <c r="C4274"/>
      <c r="D4274"/>
    </row>
    <row r="4275" spans="3:4" x14ac:dyDescent="0.25">
      <c r="C4275"/>
      <c r="D4275"/>
    </row>
    <row r="4276" spans="3:4" x14ac:dyDescent="0.25">
      <c r="C4276"/>
      <c r="D4276"/>
    </row>
    <row r="4277" spans="3:4" x14ac:dyDescent="0.25">
      <c r="C4277"/>
      <c r="D4277"/>
    </row>
    <row r="4278" spans="3:4" x14ac:dyDescent="0.25">
      <c r="C4278"/>
      <c r="D4278"/>
    </row>
    <row r="4279" spans="3:4" x14ac:dyDescent="0.25">
      <c r="C4279"/>
      <c r="D4279"/>
    </row>
    <row r="4280" spans="3:4" x14ac:dyDescent="0.25">
      <c r="C4280"/>
      <c r="D4280"/>
    </row>
    <row r="4281" spans="3:4" x14ac:dyDescent="0.25">
      <c r="C4281"/>
      <c r="D4281"/>
    </row>
    <row r="4282" spans="3:4" x14ac:dyDescent="0.25">
      <c r="C4282"/>
      <c r="D4282"/>
    </row>
    <row r="4283" spans="3:4" x14ac:dyDescent="0.25">
      <c r="C4283"/>
      <c r="D4283"/>
    </row>
    <row r="4284" spans="3:4" x14ac:dyDescent="0.25">
      <c r="C4284"/>
      <c r="D4284"/>
    </row>
    <row r="4285" spans="3:4" x14ac:dyDescent="0.25">
      <c r="C4285"/>
      <c r="D4285"/>
    </row>
    <row r="4286" spans="3:4" x14ac:dyDescent="0.25">
      <c r="C4286"/>
      <c r="D4286"/>
    </row>
    <row r="4287" spans="3:4" x14ac:dyDescent="0.25">
      <c r="C4287"/>
      <c r="D4287"/>
    </row>
    <row r="4288" spans="3:4" x14ac:dyDescent="0.25">
      <c r="C4288"/>
      <c r="D4288"/>
    </row>
    <row r="4289" spans="3:4" x14ac:dyDescent="0.25">
      <c r="C4289"/>
      <c r="D4289"/>
    </row>
    <row r="4290" spans="3:4" x14ac:dyDescent="0.25">
      <c r="C4290"/>
      <c r="D4290"/>
    </row>
    <row r="4291" spans="3:4" x14ac:dyDescent="0.25">
      <c r="C4291"/>
      <c r="D4291"/>
    </row>
    <row r="4292" spans="3:4" x14ac:dyDescent="0.25">
      <c r="C4292"/>
      <c r="D4292"/>
    </row>
    <row r="4293" spans="3:4" x14ac:dyDescent="0.25">
      <c r="C4293"/>
      <c r="D4293"/>
    </row>
    <row r="4294" spans="3:4" x14ac:dyDescent="0.25">
      <c r="C4294"/>
      <c r="D4294"/>
    </row>
    <row r="4295" spans="3:4" x14ac:dyDescent="0.25">
      <c r="C4295"/>
      <c r="D4295"/>
    </row>
    <row r="4296" spans="3:4" x14ac:dyDescent="0.25">
      <c r="C4296"/>
      <c r="D4296"/>
    </row>
    <row r="4297" spans="3:4" x14ac:dyDescent="0.25">
      <c r="C4297"/>
      <c r="D4297"/>
    </row>
    <row r="4298" spans="3:4" x14ac:dyDescent="0.25">
      <c r="C4298"/>
      <c r="D4298"/>
    </row>
    <row r="4299" spans="3:4" x14ac:dyDescent="0.25">
      <c r="C4299"/>
      <c r="D4299"/>
    </row>
    <row r="4300" spans="3:4" x14ac:dyDescent="0.25">
      <c r="C4300"/>
      <c r="D4300"/>
    </row>
    <row r="4301" spans="3:4" x14ac:dyDescent="0.25">
      <c r="C4301"/>
      <c r="D4301"/>
    </row>
    <row r="4302" spans="3:4" x14ac:dyDescent="0.25">
      <c r="C4302"/>
      <c r="D4302"/>
    </row>
    <row r="4303" spans="3:4" x14ac:dyDescent="0.25">
      <c r="C4303"/>
      <c r="D4303"/>
    </row>
    <row r="4304" spans="3:4" x14ac:dyDescent="0.25">
      <c r="C4304"/>
      <c r="D4304"/>
    </row>
    <row r="4305" spans="3:4" x14ac:dyDescent="0.25">
      <c r="C4305"/>
      <c r="D4305"/>
    </row>
    <row r="4306" spans="3:4" x14ac:dyDescent="0.25">
      <c r="C4306"/>
      <c r="D4306"/>
    </row>
    <row r="4307" spans="3:4" x14ac:dyDescent="0.25">
      <c r="C4307"/>
      <c r="D4307"/>
    </row>
    <row r="4308" spans="3:4" x14ac:dyDescent="0.25">
      <c r="C4308"/>
      <c r="D4308"/>
    </row>
    <row r="4309" spans="3:4" x14ac:dyDescent="0.25">
      <c r="C4309"/>
      <c r="D4309"/>
    </row>
    <row r="4310" spans="3:4" x14ac:dyDescent="0.25">
      <c r="C4310"/>
      <c r="D4310"/>
    </row>
    <row r="4311" spans="3:4" x14ac:dyDescent="0.25">
      <c r="C4311"/>
      <c r="D4311"/>
    </row>
    <row r="4312" spans="3:4" x14ac:dyDescent="0.25">
      <c r="C4312"/>
      <c r="D4312"/>
    </row>
    <row r="4313" spans="3:4" x14ac:dyDescent="0.25">
      <c r="C4313"/>
      <c r="D4313"/>
    </row>
    <row r="4314" spans="3:4" x14ac:dyDescent="0.25">
      <c r="C4314"/>
      <c r="D4314"/>
    </row>
    <row r="4315" spans="3:4" x14ac:dyDescent="0.25">
      <c r="C4315"/>
      <c r="D4315"/>
    </row>
    <row r="4316" spans="3:4" x14ac:dyDescent="0.25">
      <c r="C4316"/>
      <c r="D4316"/>
    </row>
    <row r="4317" spans="3:4" x14ac:dyDescent="0.25">
      <c r="C4317"/>
      <c r="D4317"/>
    </row>
    <row r="4318" spans="3:4" x14ac:dyDescent="0.25">
      <c r="C4318"/>
      <c r="D4318"/>
    </row>
    <row r="4319" spans="3:4" x14ac:dyDescent="0.25">
      <c r="C4319"/>
      <c r="D4319"/>
    </row>
    <row r="4320" spans="3:4" x14ac:dyDescent="0.25">
      <c r="C4320"/>
      <c r="D4320"/>
    </row>
    <row r="4321" spans="3:4" x14ac:dyDescent="0.25">
      <c r="C4321"/>
      <c r="D4321"/>
    </row>
    <row r="4322" spans="3:4" x14ac:dyDescent="0.25">
      <c r="C4322"/>
      <c r="D4322"/>
    </row>
    <row r="4323" spans="3:4" x14ac:dyDescent="0.25">
      <c r="C4323"/>
      <c r="D4323"/>
    </row>
    <row r="4324" spans="3:4" x14ac:dyDescent="0.25">
      <c r="C4324"/>
      <c r="D4324"/>
    </row>
    <row r="4325" spans="3:4" x14ac:dyDescent="0.25">
      <c r="C4325"/>
      <c r="D4325"/>
    </row>
    <row r="4326" spans="3:4" x14ac:dyDescent="0.25">
      <c r="C4326"/>
      <c r="D4326"/>
    </row>
    <row r="4327" spans="3:4" x14ac:dyDescent="0.25">
      <c r="C4327"/>
      <c r="D4327"/>
    </row>
    <row r="4328" spans="3:4" x14ac:dyDescent="0.25">
      <c r="C4328"/>
      <c r="D4328"/>
    </row>
    <row r="4329" spans="3:4" x14ac:dyDescent="0.25">
      <c r="C4329"/>
      <c r="D4329"/>
    </row>
    <row r="4330" spans="3:4" x14ac:dyDescent="0.25">
      <c r="C4330"/>
      <c r="D4330"/>
    </row>
    <row r="4331" spans="3:4" x14ac:dyDescent="0.25">
      <c r="C4331"/>
      <c r="D4331"/>
    </row>
    <row r="4332" spans="3:4" x14ac:dyDescent="0.25">
      <c r="C4332"/>
      <c r="D4332"/>
    </row>
    <row r="4333" spans="3:4" x14ac:dyDescent="0.25">
      <c r="C4333"/>
      <c r="D4333"/>
    </row>
    <row r="4334" spans="3:4" x14ac:dyDescent="0.25">
      <c r="C4334"/>
      <c r="D4334"/>
    </row>
    <row r="4335" spans="3:4" x14ac:dyDescent="0.25">
      <c r="C4335"/>
      <c r="D4335"/>
    </row>
    <row r="4336" spans="3:4" x14ac:dyDescent="0.25">
      <c r="C4336"/>
      <c r="D4336"/>
    </row>
    <row r="4337" spans="3:4" x14ac:dyDescent="0.25">
      <c r="C4337"/>
      <c r="D4337"/>
    </row>
    <row r="4338" spans="3:4" x14ac:dyDescent="0.25">
      <c r="C4338"/>
      <c r="D4338"/>
    </row>
    <row r="4339" spans="3:4" x14ac:dyDescent="0.25">
      <c r="C4339"/>
      <c r="D4339"/>
    </row>
    <row r="4340" spans="3:4" x14ac:dyDescent="0.25">
      <c r="C4340"/>
      <c r="D4340"/>
    </row>
    <row r="4341" spans="3:4" x14ac:dyDescent="0.25">
      <c r="C4341"/>
      <c r="D4341"/>
    </row>
    <row r="4342" spans="3:4" x14ac:dyDescent="0.25">
      <c r="C4342"/>
      <c r="D4342"/>
    </row>
    <row r="4343" spans="3:4" x14ac:dyDescent="0.25">
      <c r="C4343"/>
      <c r="D4343"/>
    </row>
    <row r="4344" spans="3:4" x14ac:dyDescent="0.25">
      <c r="C4344"/>
      <c r="D4344"/>
    </row>
    <row r="4345" spans="3:4" x14ac:dyDescent="0.25">
      <c r="C4345"/>
      <c r="D4345"/>
    </row>
    <row r="4346" spans="3:4" x14ac:dyDescent="0.25">
      <c r="C4346"/>
      <c r="D4346"/>
    </row>
    <row r="4347" spans="3:4" x14ac:dyDescent="0.25">
      <c r="C4347"/>
      <c r="D4347"/>
    </row>
    <row r="4348" spans="3:4" x14ac:dyDescent="0.25">
      <c r="C4348"/>
      <c r="D4348"/>
    </row>
    <row r="4349" spans="3:4" x14ac:dyDescent="0.25">
      <c r="C4349"/>
      <c r="D4349"/>
    </row>
    <row r="4350" spans="3:4" x14ac:dyDescent="0.25">
      <c r="C4350"/>
      <c r="D4350"/>
    </row>
    <row r="4351" spans="3:4" x14ac:dyDescent="0.25">
      <c r="C4351"/>
      <c r="D4351"/>
    </row>
    <row r="4352" spans="3:4" x14ac:dyDescent="0.25">
      <c r="C4352"/>
      <c r="D4352"/>
    </row>
    <row r="4353" spans="3:4" x14ac:dyDescent="0.25">
      <c r="C4353"/>
      <c r="D4353"/>
    </row>
    <row r="4354" spans="3:4" x14ac:dyDescent="0.25">
      <c r="C4354"/>
      <c r="D4354"/>
    </row>
    <row r="4355" spans="3:4" x14ac:dyDescent="0.25">
      <c r="C4355"/>
      <c r="D4355"/>
    </row>
    <row r="4356" spans="3:4" x14ac:dyDescent="0.25">
      <c r="C4356"/>
      <c r="D4356"/>
    </row>
    <row r="4357" spans="3:4" x14ac:dyDescent="0.25">
      <c r="C4357"/>
      <c r="D4357"/>
    </row>
    <row r="4358" spans="3:4" x14ac:dyDescent="0.25">
      <c r="C4358"/>
      <c r="D4358"/>
    </row>
    <row r="4359" spans="3:4" x14ac:dyDescent="0.25">
      <c r="C4359"/>
      <c r="D4359"/>
    </row>
    <row r="4360" spans="3:4" x14ac:dyDescent="0.25">
      <c r="C4360"/>
      <c r="D4360"/>
    </row>
    <row r="4361" spans="3:4" x14ac:dyDescent="0.25">
      <c r="C4361"/>
      <c r="D4361"/>
    </row>
    <row r="4362" spans="3:4" x14ac:dyDescent="0.25">
      <c r="C4362"/>
      <c r="D4362"/>
    </row>
    <row r="4363" spans="3:4" x14ac:dyDescent="0.25">
      <c r="C4363"/>
      <c r="D4363"/>
    </row>
    <row r="4364" spans="3:4" x14ac:dyDescent="0.25">
      <c r="C4364"/>
      <c r="D4364"/>
    </row>
    <row r="4365" spans="3:4" x14ac:dyDescent="0.25">
      <c r="C4365"/>
      <c r="D4365"/>
    </row>
    <row r="4366" spans="3:4" x14ac:dyDescent="0.25">
      <c r="C4366"/>
      <c r="D4366"/>
    </row>
    <row r="4367" spans="3:4" x14ac:dyDescent="0.25">
      <c r="C4367"/>
      <c r="D4367"/>
    </row>
    <row r="4368" spans="3:4" x14ac:dyDescent="0.25">
      <c r="C4368"/>
      <c r="D4368"/>
    </row>
    <row r="4369" spans="3:4" x14ac:dyDescent="0.25">
      <c r="C4369"/>
      <c r="D4369"/>
    </row>
    <row r="4370" spans="3:4" x14ac:dyDescent="0.25">
      <c r="C4370"/>
      <c r="D4370"/>
    </row>
    <row r="4371" spans="3:4" x14ac:dyDescent="0.25">
      <c r="C4371"/>
      <c r="D4371"/>
    </row>
    <row r="4372" spans="3:4" x14ac:dyDescent="0.25">
      <c r="C4372"/>
      <c r="D4372"/>
    </row>
    <row r="4373" spans="3:4" x14ac:dyDescent="0.25">
      <c r="C4373"/>
      <c r="D4373"/>
    </row>
    <row r="4374" spans="3:4" x14ac:dyDescent="0.25">
      <c r="C4374"/>
      <c r="D4374"/>
    </row>
    <row r="4375" spans="3:4" x14ac:dyDescent="0.25">
      <c r="C4375"/>
      <c r="D4375"/>
    </row>
    <row r="4376" spans="3:4" x14ac:dyDescent="0.25">
      <c r="C4376"/>
      <c r="D4376"/>
    </row>
    <row r="4377" spans="3:4" x14ac:dyDescent="0.25">
      <c r="C4377"/>
      <c r="D4377"/>
    </row>
    <row r="4378" spans="3:4" x14ac:dyDescent="0.25">
      <c r="C4378"/>
      <c r="D4378"/>
    </row>
    <row r="4379" spans="3:4" x14ac:dyDescent="0.25">
      <c r="C4379"/>
      <c r="D4379"/>
    </row>
    <row r="4380" spans="3:4" x14ac:dyDescent="0.25">
      <c r="C4380"/>
      <c r="D4380"/>
    </row>
    <row r="4381" spans="3:4" x14ac:dyDescent="0.25">
      <c r="C4381"/>
      <c r="D4381"/>
    </row>
    <row r="4382" spans="3:4" x14ac:dyDescent="0.25">
      <c r="C4382"/>
      <c r="D4382"/>
    </row>
    <row r="4383" spans="3:4" x14ac:dyDescent="0.25">
      <c r="C4383"/>
      <c r="D4383"/>
    </row>
    <row r="4384" spans="3:4" x14ac:dyDescent="0.25">
      <c r="C4384"/>
      <c r="D4384"/>
    </row>
    <row r="4385" spans="3:4" x14ac:dyDescent="0.25">
      <c r="C4385"/>
      <c r="D4385"/>
    </row>
    <row r="4386" spans="3:4" x14ac:dyDescent="0.25">
      <c r="C4386"/>
      <c r="D4386"/>
    </row>
    <row r="4387" spans="3:4" x14ac:dyDescent="0.25">
      <c r="C4387"/>
      <c r="D4387"/>
    </row>
    <row r="4388" spans="3:4" x14ac:dyDescent="0.25">
      <c r="C4388"/>
      <c r="D4388"/>
    </row>
    <row r="4389" spans="3:4" x14ac:dyDescent="0.25">
      <c r="C4389"/>
      <c r="D4389"/>
    </row>
    <row r="4390" spans="3:4" x14ac:dyDescent="0.25">
      <c r="C4390"/>
      <c r="D4390"/>
    </row>
    <row r="4391" spans="3:4" x14ac:dyDescent="0.25">
      <c r="C4391"/>
      <c r="D4391"/>
    </row>
    <row r="4392" spans="3:4" x14ac:dyDescent="0.25">
      <c r="C4392"/>
      <c r="D4392"/>
    </row>
    <row r="4393" spans="3:4" x14ac:dyDescent="0.25">
      <c r="C4393"/>
      <c r="D4393"/>
    </row>
    <row r="4394" spans="3:4" x14ac:dyDescent="0.25">
      <c r="C4394"/>
      <c r="D4394"/>
    </row>
    <row r="4395" spans="3:4" x14ac:dyDescent="0.25">
      <c r="C4395"/>
      <c r="D4395"/>
    </row>
    <row r="4396" spans="3:4" x14ac:dyDescent="0.25">
      <c r="C4396"/>
      <c r="D4396"/>
    </row>
    <row r="4397" spans="3:4" x14ac:dyDescent="0.25">
      <c r="C4397"/>
      <c r="D4397"/>
    </row>
    <row r="4398" spans="3:4" x14ac:dyDescent="0.25">
      <c r="C4398"/>
      <c r="D4398"/>
    </row>
    <row r="4399" spans="3:4" x14ac:dyDescent="0.25">
      <c r="C4399"/>
      <c r="D4399"/>
    </row>
    <row r="4400" spans="3:4" x14ac:dyDescent="0.25">
      <c r="C4400"/>
      <c r="D4400"/>
    </row>
    <row r="4401" spans="3:4" x14ac:dyDescent="0.25">
      <c r="C4401"/>
      <c r="D4401"/>
    </row>
    <row r="4402" spans="3:4" x14ac:dyDescent="0.25">
      <c r="C4402"/>
      <c r="D4402"/>
    </row>
    <row r="4403" spans="3:4" x14ac:dyDescent="0.25">
      <c r="C4403"/>
      <c r="D4403"/>
    </row>
    <row r="4404" spans="3:4" x14ac:dyDescent="0.25">
      <c r="C4404"/>
      <c r="D4404"/>
    </row>
    <row r="4405" spans="3:4" x14ac:dyDescent="0.25">
      <c r="C4405"/>
      <c r="D4405"/>
    </row>
    <row r="4406" spans="3:4" x14ac:dyDescent="0.25">
      <c r="C4406"/>
      <c r="D4406"/>
    </row>
    <row r="4407" spans="3:4" x14ac:dyDescent="0.25">
      <c r="C4407"/>
      <c r="D4407"/>
    </row>
    <row r="4408" spans="3:4" x14ac:dyDescent="0.25">
      <c r="C4408"/>
      <c r="D4408"/>
    </row>
    <row r="4409" spans="3:4" x14ac:dyDescent="0.25">
      <c r="C4409"/>
      <c r="D4409"/>
    </row>
    <row r="4410" spans="3:4" x14ac:dyDescent="0.25">
      <c r="C4410"/>
      <c r="D4410"/>
    </row>
    <row r="4411" spans="3:4" x14ac:dyDescent="0.25">
      <c r="C4411"/>
      <c r="D4411"/>
    </row>
    <row r="4412" spans="3:4" x14ac:dyDescent="0.25">
      <c r="C4412"/>
      <c r="D4412"/>
    </row>
    <row r="4413" spans="3:4" x14ac:dyDescent="0.25">
      <c r="C4413"/>
      <c r="D4413"/>
    </row>
    <row r="4414" spans="3:4" x14ac:dyDescent="0.25">
      <c r="C4414"/>
      <c r="D4414"/>
    </row>
    <row r="4415" spans="3:4" x14ac:dyDescent="0.25">
      <c r="C4415"/>
      <c r="D4415"/>
    </row>
    <row r="4416" spans="3:4" x14ac:dyDescent="0.25">
      <c r="C4416"/>
      <c r="D4416"/>
    </row>
    <row r="4417" spans="3:4" x14ac:dyDescent="0.25">
      <c r="C4417"/>
      <c r="D4417"/>
    </row>
    <row r="4418" spans="3:4" x14ac:dyDescent="0.25">
      <c r="C4418"/>
      <c r="D4418"/>
    </row>
    <row r="4419" spans="3:4" x14ac:dyDescent="0.25">
      <c r="C4419"/>
      <c r="D4419"/>
    </row>
    <row r="4420" spans="3:4" x14ac:dyDescent="0.25">
      <c r="C4420"/>
      <c r="D4420"/>
    </row>
    <row r="4421" spans="3:4" x14ac:dyDescent="0.25">
      <c r="C4421"/>
      <c r="D4421"/>
    </row>
    <row r="4422" spans="3:4" x14ac:dyDescent="0.25">
      <c r="C4422"/>
      <c r="D4422"/>
    </row>
    <row r="4423" spans="3:4" x14ac:dyDescent="0.25">
      <c r="C4423"/>
      <c r="D4423"/>
    </row>
    <row r="4424" spans="3:4" x14ac:dyDescent="0.25">
      <c r="C4424"/>
      <c r="D4424"/>
    </row>
    <row r="4425" spans="3:4" x14ac:dyDescent="0.25">
      <c r="C4425"/>
      <c r="D4425"/>
    </row>
    <row r="4426" spans="3:4" x14ac:dyDescent="0.25">
      <c r="C4426"/>
      <c r="D4426"/>
    </row>
    <row r="4427" spans="3:4" x14ac:dyDescent="0.25">
      <c r="C4427"/>
      <c r="D4427"/>
    </row>
    <row r="4428" spans="3:4" x14ac:dyDescent="0.25">
      <c r="C4428"/>
      <c r="D4428"/>
    </row>
    <row r="4429" spans="3:4" x14ac:dyDescent="0.25">
      <c r="C4429"/>
      <c r="D4429"/>
    </row>
    <row r="4430" spans="3:4" x14ac:dyDescent="0.25">
      <c r="C4430"/>
      <c r="D4430"/>
    </row>
    <row r="4431" spans="3:4" x14ac:dyDescent="0.25">
      <c r="C4431"/>
      <c r="D4431"/>
    </row>
    <row r="4432" spans="3:4" x14ac:dyDescent="0.25">
      <c r="C4432"/>
      <c r="D4432"/>
    </row>
    <row r="4433" spans="3:4" x14ac:dyDescent="0.25">
      <c r="C4433"/>
      <c r="D4433"/>
    </row>
    <row r="4434" spans="3:4" x14ac:dyDescent="0.25">
      <c r="C4434"/>
      <c r="D4434"/>
    </row>
    <row r="4435" spans="3:4" x14ac:dyDescent="0.25">
      <c r="C4435"/>
      <c r="D4435"/>
    </row>
    <row r="4436" spans="3:4" x14ac:dyDescent="0.25">
      <c r="C4436"/>
      <c r="D4436"/>
    </row>
    <row r="4437" spans="3:4" x14ac:dyDescent="0.25">
      <c r="C4437"/>
      <c r="D4437"/>
    </row>
    <row r="4438" spans="3:4" x14ac:dyDescent="0.25">
      <c r="C4438"/>
      <c r="D4438"/>
    </row>
    <row r="4439" spans="3:4" x14ac:dyDescent="0.25">
      <c r="C4439"/>
      <c r="D4439"/>
    </row>
    <row r="4440" spans="3:4" x14ac:dyDescent="0.25">
      <c r="C4440"/>
      <c r="D4440"/>
    </row>
    <row r="4441" spans="3:4" x14ac:dyDescent="0.25">
      <c r="C4441"/>
      <c r="D4441"/>
    </row>
    <row r="4442" spans="3:4" x14ac:dyDescent="0.25">
      <c r="C4442"/>
      <c r="D4442"/>
    </row>
    <row r="4443" spans="3:4" x14ac:dyDescent="0.25">
      <c r="C4443"/>
      <c r="D4443"/>
    </row>
    <row r="4444" spans="3:4" x14ac:dyDescent="0.25">
      <c r="C4444"/>
      <c r="D4444"/>
    </row>
    <row r="4445" spans="3:4" x14ac:dyDescent="0.25">
      <c r="C4445"/>
      <c r="D4445"/>
    </row>
    <row r="4446" spans="3:4" x14ac:dyDescent="0.25">
      <c r="C4446"/>
      <c r="D4446"/>
    </row>
    <row r="4447" spans="3:4" x14ac:dyDescent="0.25">
      <c r="C4447"/>
      <c r="D4447"/>
    </row>
    <row r="4448" spans="3:4" x14ac:dyDescent="0.25">
      <c r="C4448"/>
      <c r="D4448"/>
    </row>
    <row r="4449" spans="3:4" x14ac:dyDescent="0.25">
      <c r="C4449"/>
      <c r="D4449"/>
    </row>
    <row r="4450" spans="3:4" x14ac:dyDescent="0.25">
      <c r="C4450"/>
      <c r="D4450"/>
    </row>
    <row r="4451" spans="3:4" x14ac:dyDescent="0.25">
      <c r="C4451"/>
      <c r="D4451"/>
    </row>
    <row r="4452" spans="3:4" x14ac:dyDescent="0.25">
      <c r="C4452"/>
      <c r="D4452"/>
    </row>
    <row r="4453" spans="3:4" x14ac:dyDescent="0.25">
      <c r="C4453"/>
      <c r="D4453"/>
    </row>
    <row r="4454" spans="3:4" x14ac:dyDescent="0.25">
      <c r="C4454"/>
      <c r="D4454"/>
    </row>
    <row r="4455" spans="3:4" x14ac:dyDescent="0.25">
      <c r="C4455"/>
      <c r="D4455"/>
    </row>
    <row r="4456" spans="3:4" x14ac:dyDescent="0.25">
      <c r="C4456"/>
      <c r="D4456"/>
    </row>
    <row r="4457" spans="3:4" x14ac:dyDescent="0.25">
      <c r="C4457"/>
      <c r="D4457"/>
    </row>
    <row r="4458" spans="3:4" x14ac:dyDescent="0.25">
      <c r="C4458"/>
      <c r="D4458"/>
    </row>
    <row r="4459" spans="3:4" x14ac:dyDescent="0.25">
      <c r="C4459"/>
      <c r="D4459"/>
    </row>
    <row r="4460" spans="3:4" x14ac:dyDescent="0.25">
      <c r="C4460"/>
      <c r="D4460"/>
    </row>
    <row r="4461" spans="3:4" x14ac:dyDescent="0.25">
      <c r="C4461"/>
      <c r="D4461"/>
    </row>
    <row r="4462" spans="3:4" x14ac:dyDescent="0.25">
      <c r="C4462"/>
      <c r="D4462"/>
    </row>
    <row r="4463" spans="3:4" x14ac:dyDescent="0.25">
      <c r="C4463"/>
      <c r="D4463"/>
    </row>
    <row r="4464" spans="3:4" x14ac:dyDescent="0.25">
      <c r="C4464"/>
      <c r="D4464"/>
    </row>
    <row r="4465" spans="3:4" x14ac:dyDescent="0.25">
      <c r="C4465"/>
      <c r="D4465"/>
    </row>
    <row r="4466" spans="3:4" x14ac:dyDescent="0.25">
      <c r="C4466"/>
      <c r="D4466"/>
    </row>
    <row r="4467" spans="3:4" x14ac:dyDescent="0.25">
      <c r="C4467"/>
      <c r="D4467"/>
    </row>
    <row r="4468" spans="3:4" x14ac:dyDescent="0.25">
      <c r="C4468"/>
      <c r="D4468"/>
    </row>
    <row r="4469" spans="3:4" x14ac:dyDescent="0.25">
      <c r="C4469"/>
      <c r="D4469"/>
    </row>
    <row r="4470" spans="3:4" x14ac:dyDescent="0.25">
      <c r="C4470"/>
      <c r="D4470"/>
    </row>
    <row r="4471" spans="3:4" x14ac:dyDescent="0.25">
      <c r="C4471"/>
      <c r="D4471"/>
    </row>
    <row r="4472" spans="3:4" x14ac:dyDescent="0.25">
      <c r="C4472"/>
      <c r="D4472"/>
    </row>
    <row r="4473" spans="3:4" x14ac:dyDescent="0.25">
      <c r="C4473"/>
      <c r="D4473"/>
    </row>
    <row r="4474" spans="3:4" x14ac:dyDescent="0.25">
      <c r="C4474"/>
      <c r="D4474"/>
    </row>
    <row r="4475" spans="3:4" x14ac:dyDescent="0.25">
      <c r="C4475"/>
      <c r="D4475"/>
    </row>
    <row r="4476" spans="3:4" x14ac:dyDescent="0.25">
      <c r="C4476"/>
      <c r="D4476"/>
    </row>
    <row r="4477" spans="3:4" x14ac:dyDescent="0.25">
      <c r="C4477"/>
      <c r="D4477"/>
    </row>
    <row r="4478" spans="3:4" x14ac:dyDescent="0.25">
      <c r="C4478"/>
      <c r="D4478"/>
    </row>
    <row r="4479" spans="3:4" x14ac:dyDescent="0.25">
      <c r="C4479"/>
      <c r="D4479"/>
    </row>
    <row r="4480" spans="3:4" x14ac:dyDescent="0.25">
      <c r="C4480"/>
      <c r="D4480"/>
    </row>
    <row r="4481" spans="3:4" x14ac:dyDescent="0.25">
      <c r="C4481"/>
      <c r="D4481"/>
    </row>
    <row r="4482" spans="3:4" x14ac:dyDescent="0.25">
      <c r="C4482"/>
      <c r="D4482"/>
    </row>
    <row r="4483" spans="3:4" x14ac:dyDescent="0.25">
      <c r="C4483"/>
      <c r="D4483"/>
    </row>
    <row r="4484" spans="3:4" x14ac:dyDescent="0.25">
      <c r="C4484"/>
      <c r="D4484"/>
    </row>
    <row r="4485" spans="3:4" x14ac:dyDescent="0.25">
      <c r="C4485"/>
      <c r="D4485"/>
    </row>
    <row r="4486" spans="3:4" x14ac:dyDescent="0.25">
      <c r="C4486"/>
      <c r="D4486"/>
    </row>
    <row r="4487" spans="3:4" x14ac:dyDescent="0.25">
      <c r="C4487"/>
      <c r="D4487"/>
    </row>
    <row r="4488" spans="3:4" x14ac:dyDescent="0.25">
      <c r="C4488"/>
      <c r="D4488"/>
    </row>
    <row r="4489" spans="3:4" x14ac:dyDescent="0.25">
      <c r="C4489"/>
      <c r="D4489"/>
    </row>
    <row r="4490" spans="3:4" x14ac:dyDescent="0.25">
      <c r="C4490"/>
      <c r="D4490"/>
    </row>
    <row r="4491" spans="3:4" x14ac:dyDescent="0.25">
      <c r="C4491"/>
      <c r="D4491"/>
    </row>
    <row r="4492" spans="3:4" x14ac:dyDescent="0.25">
      <c r="C4492"/>
      <c r="D4492"/>
    </row>
    <row r="4493" spans="3:4" x14ac:dyDescent="0.25">
      <c r="C4493"/>
      <c r="D4493"/>
    </row>
    <row r="4494" spans="3:4" x14ac:dyDescent="0.25">
      <c r="C4494"/>
      <c r="D4494"/>
    </row>
    <row r="4495" spans="3:4" x14ac:dyDescent="0.25">
      <c r="C4495"/>
      <c r="D4495"/>
    </row>
    <row r="4496" spans="3:4" x14ac:dyDescent="0.25">
      <c r="C4496"/>
      <c r="D4496"/>
    </row>
    <row r="4497" spans="3:4" x14ac:dyDescent="0.25">
      <c r="C4497"/>
      <c r="D4497"/>
    </row>
    <row r="4498" spans="3:4" x14ac:dyDescent="0.25">
      <c r="C4498"/>
      <c r="D4498"/>
    </row>
    <row r="4499" spans="3:4" x14ac:dyDescent="0.25">
      <c r="C4499"/>
      <c r="D4499"/>
    </row>
    <row r="4500" spans="3:4" x14ac:dyDescent="0.25">
      <c r="C4500"/>
      <c r="D4500"/>
    </row>
    <row r="4501" spans="3:4" x14ac:dyDescent="0.25">
      <c r="C4501"/>
      <c r="D4501"/>
    </row>
    <row r="4502" spans="3:4" x14ac:dyDescent="0.25">
      <c r="C4502"/>
      <c r="D4502"/>
    </row>
    <row r="4503" spans="3:4" x14ac:dyDescent="0.25">
      <c r="C4503"/>
      <c r="D4503"/>
    </row>
    <row r="4504" spans="3:4" x14ac:dyDescent="0.25">
      <c r="C4504"/>
      <c r="D4504"/>
    </row>
    <row r="4505" spans="3:4" x14ac:dyDescent="0.25">
      <c r="C4505"/>
      <c r="D4505"/>
    </row>
    <row r="4506" spans="3:4" x14ac:dyDescent="0.25">
      <c r="C4506"/>
      <c r="D4506"/>
    </row>
    <row r="4507" spans="3:4" x14ac:dyDescent="0.25">
      <c r="C4507"/>
      <c r="D4507"/>
    </row>
    <row r="4508" spans="3:4" x14ac:dyDescent="0.25">
      <c r="C4508"/>
      <c r="D4508"/>
    </row>
    <row r="4509" spans="3:4" x14ac:dyDescent="0.25">
      <c r="C4509"/>
      <c r="D4509"/>
    </row>
    <row r="4510" spans="3:4" x14ac:dyDescent="0.25">
      <c r="C4510"/>
      <c r="D4510"/>
    </row>
    <row r="4511" spans="3:4" x14ac:dyDescent="0.25">
      <c r="C4511"/>
      <c r="D4511"/>
    </row>
    <row r="4512" spans="3:4" x14ac:dyDescent="0.25">
      <c r="C4512"/>
      <c r="D4512"/>
    </row>
    <row r="4513" spans="3:4" x14ac:dyDescent="0.25">
      <c r="C4513"/>
      <c r="D4513"/>
    </row>
    <row r="4514" spans="3:4" x14ac:dyDescent="0.25">
      <c r="C4514"/>
      <c r="D4514"/>
    </row>
    <row r="4515" spans="3:4" x14ac:dyDescent="0.25">
      <c r="C4515"/>
      <c r="D4515"/>
    </row>
    <row r="4516" spans="3:4" x14ac:dyDescent="0.25">
      <c r="C4516"/>
      <c r="D4516"/>
    </row>
    <row r="4517" spans="3:4" x14ac:dyDescent="0.25">
      <c r="C4517"/>
      <c r="D4517"/>
    </row>
    <row r="4518" spans="3:4" x14ac:dyDescent="0.25">
      <c r="C4518"/>
      <c r="D4518"/>
    </row>
    <row r="4519" spans="3:4" x14ac:dyDescent="0.25">
      <c r="C4519"/>
      <c r="D4519"/>
    </row>
    <row r="4520" spans="3:4" x14ac:dyDescent="0.25">
      <c r="C4520"/>
      <c r="D4520"/>
    </row>
    <row r="4521" spans="3:4" x14ac:dyDescent="0.25">
      <c r="C4521"/>
      <c r="D4521"/>
    </row>
    <row r="4522" spans="3:4" x14ac:dyDescent="0.25">
      <c r="C4522"/>
      <c r="D4522"/>
    </row>
    <row r="4523" spans="3:4" x14ac:dyDescent="0.25">
      <c r="C4523"/>
      <c r="D4523"/>
    </row>
    <row r="4524" spans="3:4" x14ac:dyDescent="0.25">
      <c r="C4524"/>
      <c r="D4524"/>
    </row>
    <row r="4525" spans="3:4" x14ac:dyDescent="0.25">
      <c r="C4525"/>
      <c r="D4525"/>
    </row>
    <row r="4526" spans="3:4" x14ac:dyDescent="0.25">
      <c r="C4526"/>
      <c r="D4526"/>
    </row>
    <row r="4527" spans="3:4" x14ac:dyDescent="0.25">
      <c r="C4527"/>
      <c r="D4527"/>
    </row>
    <row r="4528" spans="3:4" x14ac:dyDescent="0.25">
      <c r="C4528"/>
      <c r="D4528"/>
    </row>
    <row r="4529" spans="3:4" x14ac:dyDescent="0.25">
      <c r="C4529"/>
      <c r="D4529"/>
    </row>
    <row r="4530" spans="3:4" x14ac:dyDescent="0.25">
      <c r="C4530"/>
      <c r="D4530"/>
    </row>
    <row r="4531" spans="3:4" x14ac:dyDescent="0.25">
      <c r="C4531"/>
      <c r="D4531"/>
    </row>
    <row r="4532" spans="3:4" x14ac:dyDescent="0.25">
      <c r="C4532"/>
      <c r="D4532"/>
    </row>
    <row r="4533" spans="3:4" x14ac:dyDescent="0.25">
      <c r="C4533"/>
      <c r="D4533"/>
    </row>
    <row r="4534" spans="3:4" x14ac:dyDescent="0.25">
      <c r="C4534"/>
      <c r="D4534"/>
    </row>
    <row r="4535" spans="3:4" x14ac:dyDescent="0.25">
      <c r="C4535"/>
      <c r="D4535"/>
    </row>
    <row r="4536" spans="3:4" x14ac:dyDescent="0.25">
      <c r="C4536"/>
      <c r="D4536"/>
    </row>
    <row r="4537" spans="3:4" x14ac:dyDescent="0.25">
      <c r="C4537"/>
      <c r="D4537"/>
    </row>
    <row r="4538" spans="3:4" x14ac:dyDescent="0.25">
      <c r="C4538"/>
      <c r="D4538"/>
    </row>
    <row r="4539" spans="3:4" x14ac:dyDescent="0.25">
      <c r="C4539"/>
      <c r="D4539"/>
    </row>
    <row r="4540" spans="3:4" x14ac:dyDescent="0.25">
      <c r="C4540"/>
      <c r="D4540"/>
    </row>
    <row r="4541" spans="3:4" x14ac:dyDescent="0.25">
      <c r="C4541"/>
      <c r="D4541"/>
    </row>
    <row r="4542" spans="3:4" x14ac:dyDescent="0.25">
      <c r="C4542"/>
      <c r="D4542"/>
    </row>
    <row r="4543" spans="3:4" x14ac:dyDescent="0.25">
      <c r="C4543"/>
      <c r="D4543"/>
    </row>
    <row r="4544" spans="3:4" x14ac:dyDescent="0.25">
      <c r="C4544"/>
      <c r="D4544"/>
    </row>
    <row r="4545" spans="3:4" x14ac:dyDescent="0.25">
      <c r="C4545"/>
      <c r="D4545"/>
    </row>
    <row r="4546" spans="3:4" x14ac:dyDescent="0.25">
      <c r="C4546"/>
      <c r="D4546"/>
    </row>
    <row r="4547" spans="3:4" x14ac:dyDescent="0.25">
      <c r="C4547"/>
      <c r="D4547"/>
    </row>
    <row r="4548" spans="3:4" x14ac:dyDescent="0.25">
      <c r="C4548"/>
      <c r="D4548"/>
    </row>
    <row r="4549" spans="3:4" x14ac:dyDescent="0.25">
      <c r="C4549"/>
      <c r="D4549"/>
    </row>
    <row r="4550" spans="3:4" x14ac:dyDescent="0.25">
      <c r="C4550"/>
      <c r="D4550"/>
    </row>
    <row r="4551" spans="3:4" x14ac:dyDescent="0.25">
      <c r="C4551"/>
      <c r="D4551"/>
    </row>
    <row r="4552" spans="3:4" x14ac:dyDescent="0.25">
      <c r="C4552"/>
      <c r="D4552"/>
    </row>
    <row r="4553" spans="3:4" x14ac:dyDescent="0.25">
      <c r="C4553"/>
      <c r="D4553"/>
    </row>
    <row r="4554" spans="3:4" x14ac:dyDescent="0.25">
      <c r="C4554"/>
      <c r="D4554"/>
    </row>
    <row r="4555" spans="3:4" x14ac:dyDescent="0.25">
      <c r="C4555"/>
      <c r="D4555"/>
    </row>
    <row r="4556" spans="3:4" x14ac:dyDescent="0.25">
      <c r="C4556"/>
      <c r="D4556"/>
    </row>
    <row r="4557" spans="3:4" x14ac:dyDescent="0.25">
      <c r="C4557"/>
      <c r="D4557"/>
    </row>
    <row r="4558" spans="3:4" x14ac:dyDescent="0.25">
      <c r="C4558"/>
      <c r="D4558"/>
    </row>
    <row r="4559" spans="3:4" x14ac:dyDescent="0.25">
      <c r="C4559"/>
      <c r="D4559"/>
    </row>
    <row r="4560" spans="3:4" x14ac:dyDescent="0.25">
      <c r="C4560"/>
      <c r="D4560"/>
    </row>
    <row r="4561" spans="3:4" x14ac:dyDescent="0.25">
      <c r="C4561"/>
      <c r="D4561"/>
    </row>
    <row r="4562" spans="3:4" x14ac:dyDescent="0.25">
      <c r="C4562"/>
      <c r="D4562"/>
    </row>
    <row r="4563" spans="3:4" x14ac:dyDescent="0.25">
      <c r="C4563"/>
      <c r="D4563"/>
    </row>
    <row r="4564" spans="3:4" x14ac:dyDescent="0.25">
      <c r="C4564"/>
      <c r="D4564"/>
    </row>
    <row r="4565" spans="3:4" x14ac:dyDescent="0.25">
      <c r="C4565"/>
      <c r="D4565"/>
    </row>
    <row r="4566" spans="3:4" x14ac:dyDescent="0.25">
      <c r="C4566"/>
      <c r="D4566"/>
    </row>
    <row r="4567" spans="3:4" x14ac:dyDescent="0.25">
      <c r="C4567"/>
      <c r="D4567"/>
    </row>
    <row r="4568" spans="3:4" x14ac:dyDescent="0.25">
      <c r="C4568"/>
      <c r="D4568"/>
    </row>
    <row r="4569" spans="3:4" x14ac:dyDescent="0.25">
      <c r="C4569"/>
      <c r="D4569"/>
    </row>
    <row r="4570" spans="3:4" x14ac:dyDescent="0.25">
      <c r="C4570"/>
      <c r="D4570"/>
    </row>
    <row r="4571" spans="3:4" x14ac:dyDescent="0.25">
      <c r="C4571"/>
      <c r="D4571"/>
    </row>
    <row r="4572" spans="3:4" x14ac:dyDescent="0.25">
      <c r="C4572"/>
      <c r="D4572"/>
    </row>
    <row r="4573" spans="3:4" x14ac:dyDescent="0.25">
      <c r="C4573"/>
      <c r="D4573"/>
    </row>
    <row r="4574" spans="3:4" x14ac:dyDescent="0.25">
      <c r="C4574"/>
      <c r="D4574"/>
    </row>
    <row r="4575" spans="3:4" x14ac:dyDescent="0.25">
      <c r="C4575"/>
      <c r="D4575"/>
    </row>
    <row r="4576" spans="3:4" x14ac:dyDescent="0.25">
      <c r="C4576"/>
      <c r="D4576"/>
    </row>
    <row r="4577" spans="3:4" x14ac:dyDescent="0.25">
      <c r="C4577"/>
      <c r="D4577"/>
    </row>
    <row r="4578" spans="3:4" x14ac:dyDescent="0.25">
      <c r="C4578"/>
      <c r="D4578"/>
    </row>
    <row r="4579" spans="3:4" x14ac:dyDescent="0.25">
      <c r="C4579"/>
      <c r="D4579"/>
    </row>
    <row r="4580" spans="3:4" x14ac:dyDescent="0.25">
      <c r="C4580"/>
      <c r="D4580"/>
    </row>
    <row r="4581" spans="3:4" x14ac:dyDescent="0.25">
      <c r="C4581"/>
      <c r="D4581"/>
    </row>
    <row r="4582" spans="3:4" x14ac:dyDescent="0.25">
      <c r="C4582"/>
      <c r="D4582"/>
    </row>
    <row r="4583" spans="3:4" x14ac:dyDescent="0.25">
      <c r="C4583"/>
      <c r="D4583"/>
    </row>
    <row r="4584" spans="3:4" x14ac:dyDescent="0.25">
      <c r="C4584"/>
      <c r="D4584"/>
    </row>
    <row r="4585" spans="3:4" x14ac:dyDescent="0.25">
      <c r="C4585"/>
      <c r="D4585"/>
    </row>
    <row r="4586" spans="3:4" x14ac:dyDescent="0.25">
      <c r="C4586"/>
      <c r="D4586"/>
    </row>
    <row r="4587" spans="3:4" x14ac:dyDescent="0.25">
      <c r="C4587"/>
      <c r="D4587"/>
    </row>
    <row r="4588" spans="3:4" x14ac:dyDescent="0.25">
      <c r="C4588"/>
      <c r="D4588"/>
    </row>
    <row r="4589" spans="3:4" x14ac:dyDescent="0.25">
      <c r="C4589"/>
      <c r="D4589"/>
    </row>
    <row r="4590" spans="3:4" x14ac:dyDescent="0.25">
      <c r="C4590"/>
      <c r="D4590"/>
    </row>
    <row r="4591" spans="3:4" x14ac:dyDescent="0.25">
      <c r="C4591"/>
      <c r="D4591"/>
    </row>
    <row r="4592" spans="3:4" x14ac:dyDescent="0.25">
      <c r="C4592"/>
      <c r="D4592"/>
    </row>
    <row r="4593" spans="3:4" x14ac:dyDescent="0.25">
      <c r="C4593"/>
      <c r="D4593"/>
    </row>
    <row r="4594" spans="3:4" x14ac:dyDescent="0.25">
      <c r="C4594"/>
      <c r="D4594"/>
    </row>
    <row r="4595" spans="3:4" x14ac:dyDescent="0.25">
      <c r="C4595"/>
      <c r="D4595"/>
    </row>
    <row r="4596" spans="3:4" x14ac:dyDescent="0.25">
      <c r="C4596"/>
      <c r="D4596"/>
    </row>
    <row r="4597" spans="3:4" x14ac:dyDescent="0.25">
      <c r="C4597"/>
      <c r="D4597"/>
    </row>
    <row r="4598" spans="3:4" x14ac:dyDescent="0.25">
      <c r="C4598"/>
      <c r="D4598"/>
    </row>
    <row r="4599" spans="3:4" x14ac:dyDescent="0.25">
      <c r="C4599"/>
      <c r="D4599"/>
    </row>
    <row r="4600" spans="3:4" x14ac:dyDescent="0.25">
      <c r="C4600"/>
      <c r="D4600"/>
    </row>
    <row r="4601" spans="3:4" x14ac:dyDescent="0.25">
      <c r="C4601"/>
      <c r="D4601"/>
    </row>
    <row r="4602" spans="3:4" x14ac:dyDescent="0.25">
      <c r="C4602"/>
      <c r="D4602"/>
    </row>
    <row r="4603" spans="3:4" x14ac:dyDescent="0.25">
      <c r="C4603"/>
      <c r="D4603"/>
    </row>
    <row r="4604" spans="3:4" x14ac:dyDescent="0.25">
      <c r="C4604"/>
      <c r="D4604"/>
    </row>
    <row r="4605" spans="3:4" x14ac:dyDescent="0.25">
      <c r="C4605"/>
      <c r="D4605"/>
    </row>
    <row r="4606" spans="3:4" x14ac:dyDescent="0.25">
      <c r="C4606"/>
      <c r="D4606"/>
    </row>
    <row r="4607" spans="3:4" x14ac:dyDescent="0.25">
      <c r="C4607"/>
      <c r="D4607"/>
    </row>
    <row r="4608" spans="3:4" x14ac:dyDescent="0.25">
      <c r="C4608"/>
      <c r="D4608"/>
    </row>
    <row r="4609" spans="3:4" x14ac:dyDescent="0.25">
      <c r="C4609"/>
      <c r="D4609"/>
    </row>
    <row r="4610" spans="3:4" x14ac:dyDescent="0.25">
      <c r="C4610"/>
      <c r="D4610"/>
    </row>
    <row r="4611" spans="3:4" x14ac:dyDescent="0.25">
      <c r="C4611"/>
      <c r="D4611"/>
    </row>
    <row r="4612" spans="3:4" x14ac:dyDescent="0.25">
      <c r="C4612"/>
      <c r="D4612"/>
    </row>
    <row r="4613" spans="3:4" x14ac:dyDescent="0.25">
      <c r="C4613"/>
      <c r="D4613"/>
    </row>
    <row r="4614" spans="3:4" x14ac:dyDescent="0.25">
      <c r="C4614"/>
      <c r="D4614"/>
    </row>
    <row r="4615" spans="3:4" x14ac:dyDescent="0.25">
      <c r="C4615"/>
      <c r="D4615"/>
    </row>
    <row r="4616" spans="3:4" x14ac:dyDescent="0.25">
      <c r="C4616"/>
      <c r="D4616"/>
    </row>
    <row r="4617" spans="3:4" x14ac:dyDescent="0.25">
      <c r="C4617"/>
      <c r="D4617"/>
    </row>
    <row r="4618" spans="3:4" x14ac:dyDescent="0.25">
      <c r="C4618"/>
      <c r="D4618"/>
    </row>
    <row r="4619" spans="3:4" x14ac:dyDescent="0.25">
      <c r="C4619"/>
      <c r="D4619"/>
    </row>
    <row r="4620" spans="3:4" x14ac:dyDescent="0.25">
      <c r="C4620"/>
      <c r="D4620"/>
    </row>
    <row r="4621" spans="3:4" x14ac:dyDescent="0.25">
      <c r="C4621"/>
      <c r="D4621"/>
    </row>
    <row r="4622" spans="3:4" x14ac:dyDescent="0.25">
      <c r="C4622"/>
      <c r="D4622"/>
    </row>
    <row r="4623" spans="3:4" x14ac:dyDescent="0.25">
      <c r="C4623"/>
      <c r="D4623"/>
    </row>
    <row r="4624" spans="3:4" x14ac:dyDescent="0.25">
      <c r="C4624"/>
      <c r="D4624"/>
    </row>
    <row r="4625" spans="3:4" x14ac:dyDescent="0.25">
      <c r="C4625"/>
      <c r="D4625"/>
    </row>
    <row r="4626" spans="3:4" x14ac:dyDescent="0.25">
      <c r="C4626"/>
      <c r="D4626"/>
    </row>
    <row r="4627" spans="3:4" x14ac:dyDescent="0.25">
      <c r="C4627"/>
      <c r="D4627"/>
    </row>
    <row r="4628" spans="3:4" x14ac:dyDescent="0.25">
      <c r="C4628"/>
      <c r="D4628"/>
    </row>
    <row r="4629" spans="3:4" x14ac:dyDescent="0.25">
      <c r="C4629"/>
      <c r="D4629"/>
    </row>
    <row r="4630" spans="3:4" x14ac:dyDescent="0.25">
      <c r="C4630"/>
      <c r="D4630"/>
    </row>
    <row r="4631" spans="3:4" x14ac:dyDescent="0.25">
      <c r="C4631"/>
      <c r="D4631"/>
    </row>
    <row r="4632" spans="3:4" x14ac:dyDescent="0.25">
      <c r="C4632"/>
      <c r="D4632"/>
    </row>
    <row r="4633" spans="3:4" x14ac:dyDescent="0.25">
      <c r="C4633"/>
      <c r="D4633"/>
    </row>
    <row r="4634" spans="3:4" x14ac:dyDescent="0.25">
      <c r="C4634"/>
      <c r="D4634"/>
    </row>
    <row r="4635" spans="3:4" x14ac:dyDescent="0.25">
      <c r="C4635"/>
      <c r="D4635"/>
    </row>
    <row r="4636" spans="3:4" x14ac:dyDescent="0.25">
      <c r="C4636"/>
      <c r="D4636"/>
    </row>
    <row r="4637" spans="3:4" x14ac:dyDescent="0.25">
      <c r="C4637"/>
      <c r="D4637"/>
    </row>
    <row r="4638" spans="3:4" x14ac:dyDescent="0.25">
      <c r="C4638"/>
      <c r="D4638"/>
    </row>
    <row r="4639" spans="3:4" x14ac:dyDescent="0.25">
      <c r="C4639"/>
      <c r="D4639"/>
    </row>
    <row r="4640" spans="3:4" x14ac:dyDescent="0.25">
      <c r="C4640"/>
      <c r="D4640"/>
    </row>
    <row r="4641" spans="3:4" x14ac:dyDescent="0.25">
      <c r="C4641"/>
      <c r="D4641"/>
    </row>
    <row r="4642" spans="3:4" x14ac:dyDescent="0.25">
      <c r="C4642"/>
      <c r="D4642"/>
    </row>
    <row r="4643" spans="3:4" x14ac:dyDescent="0.25">
      <c r="C4643"/>
      <c r="D4643"/>
    </row>
    <row r="4644" spans="3:4" x14ac:dyDescent="0.25">
      <c r="C4644"/>
      <c r="D4644"/>
    </row>
    <row r="4645" spans="3:4" x14ac:dyDescent="0.25">
      <c r="C4645"/>
      <c r="D4645"/>
    </row>
    <row r="4646" spans="3:4" x14ac:dyDescent="0.25">
      <c r="C4646"/>
      <c r="D4646"/>
    </row>
    <row r="4647" spans="3:4" x14ac:dyDescent="0.25">
      <c r="C4647"/>
      <c r="D4647"/>
    </row>
    <row r="4648" spans="3:4" x14ac:dyDescent="0.25">
      <c r="C4648"/>
      <c r="D4648"/>
    </row>
    <row r="4649" spans="3:4" x14ac:dyDescent="0.25">
      <c r="C4649"/>
      <c r="D4649"/>
    </row>
    <row r="4650" spans="3:4" x14ac:dyDescent="0.25">
      <c r="C4650"/>
      <c r="D4650"/>
    </row>
    <row r="4651" spans="3:4" x14ac:dyDescent="0.25">
      <c r="C4651"/>
      <c r="D4651"/>
    </row>
    <row r="4652" spans="3:4" x14ac:dyDescent="0.25">
      <c r="C4652"/>
      <c r="D4652"/>
    </row>
    <row r="4653" spans="3:4" x14ac:dyDescent="0.25">
      <c r="C4653"/>
      <c r="D4653"/>
    </row>
    <row r="4654" spans="3:4" x14ac:dyDescent="0.25">
      <c r="C4654"/>
      <c r="D4654"/>
    </row>
    <row r="4655" spans="3:4" x14ac:dyDescent="0.25">
      <c r="C4655"/>
      <c r="D4655"/>
    </row>
    <row r="4656" spans="3:4" x14ac:dyDescent="0.25">
      <c r="C4656"/>
      <c r="D4656"/>
    </row>
    <row r="4657" spans="3:4" x14ac:dyDescent="0.25">
      <c r="C4657"/>
      <c r="D4657"/>
    </row>
    <row r="4658" spans="3:4" x14ac:dyDescent="0.25">
      <c r="C4658"/>
      <c r="D4658"/>
    </row>
    <row r="4659" spans="3:4" x14ac:dyDescent="0.25">
      <c r="C4659"/>
      <c r="D4659"/>
    </row>
    <row r="4660" spans="3:4" x14ac:dyDescent="0.25">
      <c r="C4660"/>
      <c r="D4660"/>
    </row>
    <row r="4661" spans="3:4" x14ac:dyDescent="0.25">
      <c r="C4661"/>
      <c r="D4661"/>
    </row>
    <row r="4662" spans="3:4" x14ac:dyDescent="0.25">
      <c r="C4662"/>
      <c r="D4662"/>
    </row>
    <row r="4663" spans="3:4" x14ac:dyDescent="0.25">
      <c r="C4663"/>
      <c r="D4663"/>
    </row>
    <row r="4664" spans="3:4" x14ac:dyDescent="0.25">
      <c r="C4664"/>
      <c r="D4664"/>
    </row>
    <row r="4665" spans="3:4" x14ac:dyDescent="0.25">
      <c r="C4665"/>
      <c r="D4665"/>
    </row>
    <row r="4666" spans="3:4" x14ac:dyDescent="0.25">
      <c r="C4666"/>
      <c r="D4666"/>
    </row>
    <row r="4667" spans="3:4" x14ac:dyDescent="0.25">
      <c r="C4667"/>
      <c r="D4667"/>
    </row>
    <row r="4668" spans="3:4" x14ac:dyDescent="0.25">
      <c r="C4668"/>
      <c r="D4668"/>
    </row>
    <row r="4669" spans="3:4" x14ac:dyDescent="0.25">
      <c r="C4669"/>
      <c r="D4669"/>
    </row>
    <row r="4670" spans="3:4" x14ac:dyDescent="0.25">
      <c r="C4670"/>
      <c r="D4670"/>
    </row>
    <row r="4671" spans="3:4" x14ac:dyDescent="0.25">
      <c r="C4671"/>
      <c r="D4671"/>
    </row>
    <row r="4672" spans="3:4" x14ac:dyDescent="0.25">
      <c r="C4672"/>
      <c r="D4672"/>
    </row>
    <row r="4673" spans="3:4" x14ac:dyDescent="0.25">
      <c r="C4673"/>
      <c r="D4673"/>
    </row>
    <row r="4674" spans="3:4" x14ac:dyDescent="0.25">
      <c r="C4674"/>
      <c r="D4674"/>
    </row>
    <row r="4675" spans="3:4" x14ac:dyDescent="0.25">
      <c r="C4675"/>
      <c r="D4675"/>
    </row>
    <row r="4676" spans="3:4" x14ac:dyDescent="0.25">
      <c r="C4676"/>
      <c r="D4676"/>
    </row>
    <row r="4677" spans="3:4" x14ac:dyDescent="0.25">
      <c r="C4677"/>
      <c r="D4677"/>
    </row>
    <row r="4678" spans="3:4" x14ac:dyDescent="0.25">
      <c r="C4678"/>
      <c r="D4678"/>
    </row>
    <row r="4679" spans="3:4" x14ac:dyDescent="0.25">
      <c r="C4679"/>
      <c r="D4679"/>
    </row>
    <row r="4680" spans="3:4" x14ac:dyDescent="0.25">
      <c r="C4680"/>
      <c r="D4680"/>
    </row>
    <row r="4681" spans="3:4" x14ac:dyDescent="0.25">
      <c r="C4681"/>
      <c r="D4681"/>
    </row>
    <row r="4682" spans="3:4" x14ac:dyDescent="0.25">
      <c r="C4682"/>
      <c r="D4682"/>
    </row>
    <row r="4683" spans="3:4" x14ac:dyDescent="0.25">
      <c r="C4683"/>
      <c r="D4683"/>
    </row>
    <row r="4684" spans="3:4" x14ac:dyDescent="0.25">
      <c r="C4684"/>
      <c r="D4684"/>
    </row>
    <row r="4685" spans="3:4" x14ac:dyDescent="0.25">
      <c r="C4685"/>
      <c r="D4685"/>
    </row>
    <row r="4686" spans="3:4" x14ac:dyDescent="0.25">
      <c r="C4686"/>
      <c r="D4686"/>
    </row>
    <row r="4687" spans="3:4" x14ac:dyDescent="0.25">
      <c r="C4687"/>
      <c r="D4687"/>
    </row>
    <row r="4688" spans="3:4" x14ac:dyDescent="0.25">
      <c r="C4688"/>
      <c r="D4688"/>
    </row>
    <row r="4689" spans="3:4" x14ac:dyDescent="0.25">
      <c r="C4689"/>
      <c r="D4689"/>
    </row>
    <row r="4690" spans="3:4" x14ac:dyDescent="0.25">
      <c r="C4690"/>
      <c r="D4690"/>
    </row>
    <row r="4691" spans="3:4" x14ac:dyDescent="0.25">
      <c r="C4691"/>
      <c r="D4691"/>
    </row>
    <row r="4692" spans="3:4" x14ac:dyDescent="0.25">
      <c r="C4692"/>
      <c r="D4692"/>
    </row>
    <row r="4693" spans="3:4" x14ac:dyDescent="0.25">
      <c r="C4693"/>
      <c r="D4693"/>
    </row>
    <row r="4694" spans="3:4" x14ac:dyDescent="0.25">
      <c r="C4694"/>
      <c r="D4694"/>
    </row>
    <row r="4695" spans="3:4" x14ac:dyDescent="0.25">
      <c r="C4695"/>
      <c r="D4695"/>
    </row>
    <row r="4696" spans="3:4" x14ac:dyDescent="0.25">
      <c r="C4696"/>
      <c r="D4696"/>
    </row>
    <row r="4697" spans="3:4" x14ac:dyDescent="0.25">
      <c r="C4697"/>
      <c r="D4697"/>
    </row>
    <row r="4698" spans="3:4" x14ac:dyDescent="0.25">
      <c r="C4698"/>
      <c r="D4698"/>
    </row>
    <row r="4699" spans="3:4" x14ac:dyDescent="0.25">
      <c r="C4699"/>
      <c r="D4699"/>
    </row>
    <row r="4700" spans="3:4" x14ac:dyDescent="0.25">
      <c r="C4700"/>
      <c r="D4700"/>
    </row>
    <row r="4701" spans="3:4" x14ac:dyDescent="0.25">
      <c r="C4701"/>
      <c r="D4701"/>
    </row>
    <row r="4702" spans="3:4" x14ac:dyDescent="0.25">
      <c r="C4702"/>
      <c r="D4702"/>
    </row>
    <row r="4703" spans="3:4" x14ac:dyDescent="0.25">
      <c r="C4703"/>
      <c r="D4703"/>
    </row>
    <row r="4704" spans="3:4" x14ac:dyDescent="0.25">
      <c r="C4704"/>
      <c r="D4704"/>
    </row>
    <row r="4705" spans="3:4" x14ac:dyDescent="0.25">
      <c r="C4705"/>
      <c r="D4705"/>
    </row>
    <row r="4706" spans="3:4" x14ac:dyDescent="0.25">
      <c r="C4706"/>
      <c r="D4706"/>
    </row>
    <row r="4707" spans="3:4" x14ac:dyDescent="0.25">
      <c r="C4707"/>
      <c r="D4707"/>
    </row>
    <row r="4708" spans="3:4" x14ac:dyDescent="0.25">
      <c r="C4708"/>
      <c r="D4708"/>
    </row>
    <row r="4709" spans="3:4" x14ac:dyDescent="0.25">
      <c r="C4709"/>
      <c r="D4709"/>
    </row>
    <row r="4710" spans="3:4" x14ac:dyDescent="0.25">
      <c r="C4710"/>
      <c r="D4710"/>
    </row>
    <row r="4711" spans="3:4" x14ac:dyDescent="0.25">
      <c r="C4711"/>
      <c r="D4711"/>
    </row>
    <row r="4712" spans="3:4" x14ac:dyDescent="0.25">
      <c r="C4712"/>
      <c r="D4712"/>
    </row>
    <row r="4713" spans="3:4" x14ac:dyDescent="0.25">
      <c r="C4713"/>
      <c r="D4713"/>
    </row>
    <row r="4714" spans="3:4" x14ac:dyDescent="0.25">
      <c r="C4714"/>
      <c r="D4714"/>
    </row>
    <row r="4715" spans="3:4" x14ac:dyDescent="0.25">
      <c r="C4715"/>
      <c r="D4715"/>
    </row>
    <row r="4716" spans="3:4" x14ac:dyDescent="0.25">
      <c r="C4716"/>
      <c r="D4716"/>
    </row>
    <row r="4717" spans="3:4" x14ac:dyDescent="0.25">
      <c r="C4717"/>
      <c r="D4717"/>
    </row>
    <row r="4718" spans="3:4" x14ac:dyDescent="0.25">
      <c r="C4718"/>
      <c r="D4718"/>
    </row>
    <row r="4719" spans="3:4" x14ac:dyDescent="0.25">
      <c r="C4719"/>
      <c r="D4719"/>
    </row>
    <row r="4720" spans="3:4" x14ac:dyDescent="0.25">
      <c r="C4720"/>
      <c r="D4720"/>
    </row>
    <row r="4721" spans="3:4" x14ac:dyDescent="0.25">
      <c r="C4721"/>
      <c r="D4721"/>
    </row>
    <row r="4722" spans="3:4" x14ac:dyDescent="0.25">
      <c r="C4722"/>
      <c r="D4722"/>
    </row>
    <row r="4723" spans="3:4" x14ac:dyDescent="0.25">
      <c r="C4723"/>
      <c r="D4723"/>
    </row>
    <row r="4724" spans="3:4" x14ac:dyDescent="0.25">
      <c r="C4724"/>
      <c r="D4724"/>
    </row>
    <row r="4725" spans="3:4" x14ac:dyDescent="0.25">
      <c r="C4725"/>
      <c r="D4725"/>
    </row>
    <row r="4726" spans="3:4" x14ac:dyDescent="0.25">
      <c r="C4726"/>
      <c r="D4726"/>
    </row>
    <row r="4727" spans="3:4" x14ac:dyDescent="0.25">
      <c r="C4727"/>
      <c r="D4727"/>
    </row>
    <row r="4728" spans="3:4" x14ac:dyDescent="0.25">
      <c r="C4728"/>
      <c r="D4728"/>
    </row>
    <row r="4729" spans="3:4" x14ac:dyDescent="0.25">
      <c r="C4729"/>
      <c r="D4729"/>
    </row>
    <row r="4730" spans="3:4" x14ac:dyDescent="0.25">
      <c r="C4730"/>
      <c r="D4730"/>
    </row>
    <row r="4731" spans="3:4" x14ac:dyDescent="0.25">
      <c r="C4731"/>
      <c r="D4731"/>
    </row>
    <row r="4732" spans="3:4" x14ac:dyDescent="0.25">
      <c r="C4732"/>
      <c r="D4732"/>
    </row>
    <row r="4733" spans="3:4" x14ac:dyDescent="0.25">
      <c r="C4733"/>
      <c r="D4733"/>
    </row>
    <row r="4734" spans="3:4" x14ac:dyDescent="0.25">
      <c r="C4734"/>
      <c r="D4734"/>
    </row>
    <row r="4735" spans="3:4" x14ac:dyDescent="0.25">
      <c r="C4735"/>
      <c r="D4735"/>
    </row>
    <row r="4736" spans="3:4" x14ac:dyDescent="0.25">
      <c r="C4736"/>
      <c r="D4736"/>
    </row>
    <row r="4737" spans="3:4" x14ac:dyDescent="0.25">
      <c r="C4737"/>
      <c r="D4737"/>
    </row>
    <row r="4738" spans="3:4" x14ac:dyDescent="0.25">
      <c r="C4738"/>
      <c r="D4738"/>
    </row>
    <row r="4739" spans="3:4" x14ac:dyDescent="0.25">
      <c r="C4739"/>
      <c r="D4739"/>
    </row>
    <row r="4740" spans="3:4" x14ac:dyDescent="0.25">
      <c r="C4740"/>
      <c r="D4740"/>
    </row>
    <row r="4741" spans="3:4" x14ac:dyDescent="0.25">
      <c r="C4741"/>
      <c r="D4741"/>
    </row>
    <row r="4742" spans="3:4" x14ac:dyDescent="0.25">
      <c r="C4742"/>
      <c r="D4742"/>
    </row>
    <row r="4743" spans="3:4" x14ac:dyDescent="0.25">
      <c r="C4743"/>
      <c r="D4743"/>
    </row>
    <row r="4744" spans="3:4" x14ac:dyDescent="0.25">
      <c r="C4744"/>
      <c r="D4744"/>
    </row>
    <row r="4745" spans="3:4" x14ac:dyDescent="0.25">
      <c r="C4745"/>
      <c r="D4745"/>
    </row>
    <row r="4746" spans="3:4" x14ac:dyDescent="0.25">
      <c r="C4746"/>
      <c r="D4746"/>
    </row>
    <row r="4747" spans="3:4" x14ac:dyDescent="0.25">
      <c r="C4747"/>
      <c r="D4747"/>
    </row>
    <row r="4748" spans="3:4" x14ac:dyDescent="0.25">
      <c r="C4748"/>
      <c r="D4748"/>
    </row>
    <row r="4749" spans="3:4" x14ac:dyDescent="0.25">
      <c r="C4749"/>
      <c r="D4749"/>
    </row>
    <row r="4750" spans="3:4" x14ac:dyDescent="0.25">
      <c r="C4750"/>
      <c r="D4750"/>
    </row>
    <row r="4751" spans="3:4" x14ac:dyDescent="0.25">
      <c r="C4751"/>
      <c r="D4751"/>
    </row>
    <row r="4752" spans="3:4" x14ac:dyDescent="0.25">
      <c r="C4752"/>
      <c r="D4752"/>
    </row>
    <row r="4753" spans="3:4" x14ac:dyDescent="0.25">
      <c r="C4753"/>
      <c r="D4753"/>
    </row>
    <row r="4754" spans="3:4" x14ac:dyDescent="0.25">
      <c r="C4754"/>
      <c r="D4754"/>
    </row>
    <row r="4755" spans="3:4" x14ac:dyDescent="0.25">
      <c r="C4755"/>
      <c r="D4755"/>
    </row>
    <row r="4756" spans="3:4" x14ac:dyDescent="0.25">
      <c r="C4756"/>
      <c r="D4756"/>
    </row>
    <row r="4757" spans="3:4" x14ac:dyDescent="0.25">
      <c r="C4757"/>
      <c r="D4757"/>
    </row>
    <row r="4758" spans="3:4" x14ac:dyDescent="0.25">
      <c r="C4758"/>
      <c r="D4758"/>
    </row>
    <row r="4759" spans="3:4" x14ac:dyDescent="0.25">
      <c r="C4759"/>
      <c r="D4759"/>
    </row>
    <row r="4760" spans="3:4" x14ac:dyDescent="0.25">
      <c r="C4760"/>
      <c r="D4760"/>
    </row>
    <row r="4761" spans="3:4" x14ac:dyDescent="0.25">
      <c r="C4761"/>
      <c r="D4761"/>
    </row>
    <row r="4762" spans="3:4" x14ac:dyDescent="0.25">
      <c r="C4762"/>
      <c r="D4762"/>
    </row>
    <row r="4763" spans="3:4" x14ac:dyDescent="0.25">
      <c r="C4763"/>
      <c r="D4763"/>
    </row>
    <row r="4764" spans="3:4" x14ac:dyDescent="0.25">
      <c r="C4764"/>
      <c r="D4764"/>
    </row>
    <row r="4765" spans="3:4" x14ac:dyDescent="0.25">
      <c r="C4765"/>
      <c r="D4765"/>
    </row>
    <row r="4766" spans="3:4" x14ac:dyDescent="0.25">
      <c r="C4766"/>
      <c r="D4766"/>
    </row>
    <row r="4767" spans="3:4" x14ac:dyDescent="0.25">
      <c r="C4767"/>
      <c r="D4767"/>
    </row>
    <row r="4768" spans="3:4" x14ac:dyDescent="0.25">
      <c r="C4768"/>
      <c r="D4768"/>
    </row>
    <row r="4769" spans="3:4" x14ac:dyDescent="0.25">
      <c r="C4769"/>
      <c r="D4769"/>
    </row>
    <row r="4770" spans="3:4" x14ac:dyDescent="0.25">
      <c r="C4770"/>
      <c r="D4770"/>
    </row>
    <row r="4771" spans="3:4" x14ac:dyDescent="0.25">
      <c r="C4771"/>
      <c r="D4771"/>
    </row>
    <row r="4772" spans="3:4" x14ac:dyDescent="0.25">
      <c r="C4772"/>
      <c r="D4772"/>
    </row>
    <row r="4773" spans="3:4" x14ac:dyDescent="0.25">
      <c r="C4773"/>
      <c r="D4773"/>
    </row>
    <row r="4774" spans="3:4" x14ac:dyDescent="0.25">
      <c r="C4774"/>
      <c r="D4774"/>
    </row>
    <row r="4775" spans="3:4" x14ac:dyDescent="0.25">
      <c r="C4775"/>
      <c r="D4775"/>
    </row>
    <row r="4776" spans="3:4" x14ac:dyDescent="0.25">
      <c r="C4776"/>
      <c r="D4776"/>
    </row>
    <row r="4777" spans="3:4" x14ac:dyDescent="0.25">
      <c r="C4777"/>
      <c r="D4777"/>
    </row>
    <row r="4778" spans="3:4" x14ac:dyDescent="0.25">
      <c r="C4778"/>
      <c r="D4778"/>
    </row>
    <row r="4779" spans="3:4" x14ac:dyDescent="0.25">
      <c r="C4779"/>
      <c r="D4779"/>
    </row>
    <row r="4780" spans="3:4" x14ac:dyDescent="0.25">
      <c r="C4780"/>
      <c r="D4780"/>
    </row>
    <row r="4781" spans="3:4" x14ac:dyDescent="0.25">
      <c r="C4781"/>
      <c r="D4781"/>
    </row>
    <row r="4782" spans="3:4" x14ac:dyDescent="0.25">
      <c r="C4782"/>
      <c r="D4782"/>
    </row>
    <row r="4783" spans="3:4" x14ac:dyDescent="0.25">
      <c r="C4783"/>
      <c r="D4783"/>
    </row>
    <row r="4784" spans="3:4" x14ac:dyDescent="0.25">
      <c r="C4784"/>
      <c r="D4784"/>
    </row>
    <row r="4785" spans="3:4" x14ac:dyDescent="0.25">
      <c r="C4785"/>
      <c r="D4785"/>
    </row>
    <row r="4786" spans="3:4" x14ac:dyDescent="0.25">
      <c r="C4786"/>
      <c r="D4786"/>
    </row>
    <row r="4787" spans="3:4" x14ac:dyDescent="0.25">
      <c r="C4787"/>
      <c r="D4787"/>
    </row>
    <row r="4788" spans="3:4" x14ac:dyDescent="0.25">
      <c r="C4788"/>
      <c r="D4788"/>
    </row>
    <row r="4789" spans="3:4" x14ac:dyDescent="0.25">
      <c r="C4789"/>
      <c r="D4789"/>
    </row>
    <row r="4790" spans="3:4" x14ac:dyDescent="0.25">
      <c r="C4790"/>
      <c r="D4790"/>
    </row>
    <row r="4791" spans="3:4" x14ac:dyDescent="0.25">
      <c r="C4791"/>
      <c r="D4791"/>
    </row>
    <row r="4792" spans="3:4" x14ac:dyDescent="0.25">
      <c r="C4792"/>
      <c r="D4792"/>
    </row>
    <row r="4793" spans="3:4" x14ac:dyDescent="0.25">
      <c r="C4793"/>
      <c r="D4793"/>
    </row>
    <row r="4794" spans="3:4" x14ac:dyDescent="0.25">
      <c r="C4794"/>
      <c r="D4794"/>
    </row>
    <row r="4795" spans="3:4" x14ac:dyDescent="0.25">
      <c r="C4795"/>
      <c r="D4795"/>
    </row>
    <row r="4796" spans="3:4" x14ac:dyDescent="0.25">
      <c r="C4796"/>
      <c r="D4796"/>
    </row>
    <row r="4797" spans="3:4" x14ac:dyDescent="0.25">
      <c r="C4797"/>
      <c r="D4797"/>
    </row>
    <row r="4798" spans="3:4" x14ac:dyDescent="0.25">
      <c r="C4798"/>
      <c r="D4798"/>
    </row>
    <row r="4799" spans="3:4" x14ac:dyDescent="0.25">
      <c r="C4799"/>
      <c r="D4799"/>
    </row>
    <row r="4800" spans="3:4" x14ac:dyDescent="0.25">
      <c r="C4800"/>
      <c r="D4800"/>
    </row>
    <row r="4801" spans="3:4" x14ac:dyDescent="0.25">
      <c r="C4801"/>
      <c r="D4801"/>
    </row>
    <row r="4802" spans="3:4" x14ac:dyDescent="0.25">
      <c r="C4802"/>
      <c r="D4802"/>
    </row>
    <row r="4803" spans="3:4" x14ac:dyDescent="0.25">
      <c r="C4803"/>
      <c r="D4803"/>
    </row>
    <row r="4804" spans="3:4" x14ac:dyDescent="0.25">
      <c r="C4804"/>
      <c r="D4804"/>
    </row>
    <row r="4805" spans="3:4" x14ac:dyDescent="0.25">
      <c r="C4805"/>
      <c r="D4805"/>
    </row>
    <row r="4806" spans="3:4" x14ac:dyDescent="0.25">
      <c r="C4806"/>
      <c r="D4806"/>
    </row>
    <row r="4807" spans="3:4" x14ac:dyDescent="0.25">
      <c r="C4807"/>
      <c r="D4807"/>
    </row>
    <row r="4808" spans="3:4" x14ac:dyDescent="0.25">
      <c r="C4808"/>
      <c r="D4808"/>
    </row>
    <row r="4809" spans="3:4" x14ac:dyDescent="0.25">
      <c r="C4809"/>
      <c r="D4809"/>
    </row>
    <row r="4810" spans="3:4" x14ac:dyDescent="0.25">
      <c r="C4810"/>
      <c r="D4810"/>
    </row>
    <row r="4811" spans="3:4" x14ac:dyDescent="0.25">
      <c r="C4811"/>
      <c r="D4811"/>
    </row>
    <row r="4812" spans="3:4" x14ac:dyDescent="0.25">
      <c r="C4812"/>
      <c r="D4812"/>
    </row>
    <row r="4813" spans="3:4" x14ac:dyDescent="0.25">
      <c r="C4813"/>
      <c r="D4813"/>
    </row>
    <row r="4814" spans="3:4" x14ac:dyDescent="0.25">
      <c r="C4814"/>
      <c r="D4814"/>
    </row>
    <row r="4815" spans="3:4" x14ac:dyDescent="0.25">
      <c r="C4815"/>
      <c r="D4815"/>
    </row>
    <row r="4816" spans="3:4" x14ac:dyDescent="0.25">
      <c r="C4816"/>
      <c r="D4816"/>
    </row>
    <row r="4817" spans="3:4" x14ac:dyDescent="0.25">
      <c r="C4817"/>
      <c r="D4817"/>
    </row>
    <row r="4818" spans="3:4" x14ac:dyDescent="0.25">
      <c r="C4818"/>
      <c r="D4818"/>
    </row>
    <row r="4819" spans="3:4" x14ac:dyDescent="0.25">
      <c r="C4819"/>
      <c r="D4819"/>
    </row>
    <row r="4820" spans="3:4" x14ac:dyDescent="0.25">
      <c r="C4820"/>
      <c r="D4820"/>
    </row>
    <row r="4821" spans="3:4" x14ac:dyDescent="0.25">
      <c r="C4821"/>
      <c r="D4821"/>
    </row>
    <row r="4822" spans="3:4" x14ac:dyDescent="0.25">
      <c r="C4822"/>
      <c r="D4822"/>
    </row>
    <row r="4823" spans="3:4" x14ac:dyDescent="0.25">
      <c r="C4823"/>
      <c r="D4823"/>
    </row>
    <row r="4824" spans="3:4" x14ac:dyDescent="0.25">
      <c r="C4824"/>
      <c r="D4824"/>
    </row>
    <row r="4825" spans="3:4" x14ac:dyDescent="0.25">
      <c r="C4825"/>
      <c r="D4825"/>
    </row>
    <row r="4826" spans="3:4" x14ac:dyDescent="0.25">
      <c r="C4826"/>
      <c r="D4826"/>
    </row>
    <row r="4827" spans="3:4" x14ac:dyDescent="0.25">
      <c r="C4827"/>
      <c r="D4827"/>
    </row>
    <row r="4828" spans="3:4" x14ac:dyDescent="0.25">
      <c r="C4828"/>
      <c r="D4828"/>
    </row>
    <row r="4829" spans="3:4" x14ac:dyDescent="0.25">
      <c r="C4829"/>
      <c r="D4829"/>
    </row>
    <row r="4830" spans="3:4" x14ac:dyDescent="0.25">
      <c r="C4830"/>
      <c r="D4830"/>
    </row>
    <row r="4831" spans="3:4" x14ac:dyDescent="0.25">
      <c r="C4831"/>
      <c r="D4831"/>
    </row>
    <row r="4832" spans="3:4" x14ac:dyDescent="0.25">
      <c r="C4832"/>
      <c r="D4832"/>
    </row>
    <row r="4833" spans="3:4" x14ac:dyDescent="0.25">
      <c r="C4833"/>
      <c r="D4833"/>
    </row>
    <row r="4834" spans="3:4" x14ac:dyDescent="0.25">
      <c r="C4834"/>
      <c r="D4834"/>
    </row>
    <row r="4835" spans="3:4" x14ac:dyDescent="0.25">
      <c r="C4835"/>
      <c r="D4835"/>
    </row>
    <row r="4836" spans="3:4" x14ac:dyDescent="0.25">
      <c r="C4836"/>
      <c r="D4836"/>
    </row>
    <row r="4837" spans="3:4" x14ac:dyDescent="0.25">
      <c r="C4837"/>
      <c r="D4837"/>
    </row>
    <row r="4838" spans="3:4" x14ac:dyDescent="0.25">
      <c r="C4838"/>
      <c r="D4838"/>
    </row>
    <row r="4839" spans="3:4" x14ac:dyDescent="0.25">
      <c r="C4839"/>
      <c r="D4839"/>
    </row>
    <row r="4840" spans="3:4" x14ac:dyDescent="0.25">
      <c r="C4840"/>
      <c r="D4840"/>
    </row>
    <row r="4841" spans="3:4" x14ac:dyDescent="0.25">
      <c r="C4841"/>
      <c r="D4841"/>
    </row>
    <row r="4842" spans="3:4" x14ac:dyDescent="0.25">
      <c r="C4842"/>
      <c r="D4842"/>
    </row>
    <row r="4843" spans="3:4" x14ac:dyDescent="0.25">
      <c r="C4843"/>
      <c r="D4843"/>
    </row>
    <row r="4844" spans="3:4" x14ac:dyDescent="0.25">
      <c r="C4844"/>
      <c r="D4844"/>
    </row>
    <row r="4845" spans="3:4" x14ac:dyDescent="0.25">
      <c r="C4845"/>
      <c r="D4845"/>
    </row>
    <row r="4846" spans="3:4" x14ac:dyDescent="0.25">
      <c r="C4846"/>
      <c r="D4846"/>
    </row>
    <row r="4847" spans="3:4" x14ac:dyDescent="0.25">
      <c r="C4847"/>
      <c r="D4847"/>
    </row>
    <row r="4848" spans="3:4" x14ac:dyDescent="0.25">
      <c r="C4848"/>
      <c r="D4848"/>
    </row>
    <row r="4849" spans="3:4" x14ac:dyDescent="0.25">
      <c r="C4849"/>
      <c r="D4849"/>
    </row>
    <row r="4850" spans="3:4" x14ac:dyDescent="0.25">
      <c r="C4850"/>
      <c r="D4850"/>
    </row>
    <row r="4851" spans="3:4" x14ac:dyDescent="0.25">
      <c r="C4851"/>
      <c r="D4851"/>
    </row>
    <row r="4852" spans="3:4" x14ac:dyDescent="0.25">
      <c r="C4852"/>
      <c r="D4852"/>
    </row>
    <row r="4853" spans="3:4" x14ac:dyDescent="0.25">
      <c r="C4853"/>
      <c r="D4853"/>
    </row>
    <row r="4854" spans="3:4" x14ac:dyDescent="0.25">
      <c r="C4854"/>
      <c r="D4854"/>
    </row>
    <row r="4855" spans="3:4" x14ac:dyDescent="0.25">
      <c r="C4855"/>
      <c r="D4855"/>
    </row>
    <row r="4856" spans="3:4" x14ac:dyDescent="0.25">
      <c r="C4856"/>
      <c r="D4856"/>
    </row>
    <row r="4857" spans="3:4" x14ac:dyDescent="0.25">
      <c r="C4857"/>
      <c r="D4857"/>
    </row>
    <row r="4858" spans="3:4" x14ac:dyDescent="0.25">
      <c r="C4858"/>
      <c r="D4858"/>
    </row>
    <row r="4859" spans="3:4" x14ac:dyDescent="0.25">
      <c r="C4859"/>
      <c r="D4859"/>
    </row>
    <row r="4860" spans="3:4" x14ac:dyDescent="0.25">
      <c r="C4860"/>
      <c r="D4860"/>
    </row>
    <row r="4861" spans="3:4" x14ac:dyDescent="0.25">
      <c r="C4861"/>
      <c r="D4861"/>
    </row>
    <row r="4862" spans="3:4" x14ac:dyDescent="0.25">
      <c r="C4862"/>
      <c r="D4862"/>
    </row>
    <row r="4863" spans="3:4" x14ac:dyDescent="0.25">
      <c r="C4863"/>
      <c r="D4863"/>
    </row>
    <row r="4864" spans="3:4" x14ac:dyDescent="0.25">
      <c r="C4864"/>
      <c r="D4864"/>
    </row>
    <row r="4865" spans="3:4" x14ac:dyDescent="0.25">
      <c r="C4865"/>
      <c r="D4865"/>
    </row>
    <row r="4866" spans="3:4" x14ac:dyDescent="0.25">
      <c r="C4866"/>
      <c r="D4866"/>
    </row>
    <row r="4867" spans="3:4" x14ac:dyDescent="0.25">
      <c r="C4867"/>
      <c r="D4867"/>
    </row>
    <row r="4868" spans="3:4" x14ac:dyDescent="0.25">
      <c r="C4868"/>
      <c r="D4868"/>
    </row>
    <row r="4869" spans="3:4" x14ac:dyDescent="0.25">
      <c r="C4869"/>
      <c r="D4869"/>
    </row>
    <row r="4870" spans="3:4" x14ac:dyDescent="0.25">
      <c r="C4870"/>
      <c r="D4870"/>
    </row>
    <row r="4871" spans="3:4" x14ac:dyDescent="0.25">
      <c r="C4871"/>
      <c r="D4871"/>
    </row>
    <row r="4872" spans="3:4" x14ac:dyDescent="0.25">
      <c r="C4872"/>
      <c r="D4872"/>
    </row>
    <row r="4873" spans="3:4" x14ac:dyDescent="0.25">
      <c r="C4873"/>
      <c r="D4873"/>
    </row>
    <row r="4874" spans="3:4" x14ac:dyDescent="0.25">
      <c r="C4874"/>
      <c r="D4874"/>
    </row>
    <row r="4875" spans="3:4" x14ac:dyDescent="0.25">
      <c r="C4875"/>
      <c r="D4875"/>
    </row>
    <row r="4876" spans="3:4" x14ac:dyDescent="0.25">
      <c r="C4876"/>
      <c r="D4876"/>
    </row>
    <row r="4877" spans="3:4" x14ac:dyDescent="0.25">
      <c r="C4877"/>
      <c r="D4877"/>
    </row>
    <row r="4878" spans="3:4" x14ac:dyDescent="0.25">
      <c r="C4878"/>
      <c r="D4878"/>
    </row>
    <row r="4879" spans="3:4" x14ac:dyDescent="0.25">
      <c r="C4879"/>
      <c r="D4879"/>
    </row>
    <row r="4880" spans="3:4" x14ac:dyDescent="0.25">
      <c r="C4880"/>
      <c r="D4880"/>
    </row>
    <row r="4881" spans="3:4" x14ac:dyDescent="0.25">
      <c r="C4881"/>
      <c r="D4881"/>
    </row>
    <row r="4882" spans="3:4" x14ac:dyDescent="0.25">
      <c r="C4882"/>
      <c r="D4882"/>
    </row>
    <row r="4883" spans="3:4" x14ac:dyDescent="0.25">
      <c r="C4883"/>
      <c r="D4883"/>
    </row>
    <row r="4884" spans="3:4" x14ac:dyDescent="0.25">
      <c r="C4884"/>
      <c r="D4884"/>
    </row>
    <row r="4885" spans="3:4" x14ac:dyDescent="0.25">
      <c r="C4885"/>
      <c r="D4885"/>
    </row>
    <row r="4886" spans="3:4" x14ac:dyDescent="0.25">
      <c r="C4886"/>
      <c r="D4886"/>
    </row>
    <row r="4887" spans="3:4" x14ac:dyDescent="0.25">
      <c r="C4887"/>
      <c r="D4887"/>
    </row>
    <row r="4888" spans="3:4" x14ac:dyDescent="0.25">
      <c r="C4888"/>
      <c r="D4888"/>
    </row>
    <row r="4889" spans="3:4" x14ac:dyDescent="0.25">
      <c r="C4889"/>
      <c r="D4889"/>
    </row>
    <row r="4890" spans="3:4" x14ac:dyDescent="0.25">
      <c r="C4890"/>
      <c r="D4890"/>
    </row>
    <row r="4891" spans="3:4" x14ac:dyDescent="0.25">
      <c r="C4891"/>
      <c r="D4891"/>
    </row>
    <row r="4892" spans="3:4" x14ac:dyDescent="0.25">
      <c r="C4892"/>
      <c r="D4892"/>
    </row>
    <row r="4893" spans="3:4" x14ac:dyDescent="0.25">
      <c r="C4893"/>
      <c r="D4893"/>
    </row>
    <row r="4894" spans="3:4" x14ac:dyDescent="0.25">
      <c r="C4894"/>
      <c r="D4894"/>
    </row>
    <row r="4895" spans="3:4" x14ac:dyDescent="0.25">
      <c r="C4895"/>
      <c r="D4895"/>
    </row>
    <row r="4896" spans="3:4" x14ac:dyDescent="0.25">
      <c r="C4896"/>
      <c r="D4896"/>
    </row>
    <row r="4897" spans="3:4" x14ac:dyDescent="0.25">
      <c r="C4897"/>
      <c r="D4897"/>
    </row>
    <row r="4898" spans="3:4" x14ac:dyDescent="0.25">
      <c r="C4898"/>
      <c r="D4898"/>
    </row>
    <row r="4899" spans="3:4" x14ac:dyDescent="0.25">
      <c r="C4899"/>
      <c r="D4899"/>
    </row>
    <row r="4900" spans="3:4" x14ac:dyDescent="0.25">
      <c r="C4900"/>
      <c r="D4900"/>
    </row>
    <row r="4901" spans="3:4" x14ac:dyDescent="0.25">
      <c r="C4901"/>
      <c r="D4901"/>
    </row>
    <row r="4902" spans="3:4" x14ac:dyDescent="0.25">
      <c r="C4902"/>
      <c r="D4902"/>
    </row>
    <row r="4903" spans="3:4" x14ac:dyDescent="0.25">
      <c r="C4903"/>
      <c r="D4903"/>
    </row>
    <row r="4904" spans="3:4" x14ac:dyDescent="0.25">
      <c r="C4904"/>
      <c r="D4904"/>
    </row>
    <row r="4905" spans="3:4" x14ac:dyDescent="0.25">
      <c r="C4905"/>
      <c r="D4905"/>
    </row>
    <row r="4906" spans="3:4" x14ac:dyDescent="0.25">
      <c r="C4906"/>
      <c r="D4906"/>
    </row>
    <row r="4907" spans="3:4" x14ac:dyDescent="0.25">
      <c r="C4907"/>
      <c r="D4907"/>
    </row>
    <row r="4908" spans="3:4" x14ac:dyDescent="0.25">
      <c r="C4908"/>
      <c r="D4908"/>
    </row>
    <row r="4909" spans="3:4" x14ac:dyDescent="0.25">
      <c r="C4909"/>
      <c r="D4909"/>
    </row>
    <row r="4910" spans="3:4" x14ac:dyDescent="0.25">
      <c r="C4910"/>
      <c r="D4910"/>
    </row>
    <row r="4911" spans="3:4" x14ac:dyDescent="0.25">
      <c r="C4911"/>
      <c r="D4911"/>
    </row>
    <row r="4912" spans="3:4" x14ac:dyDescent="0.25">
      <c r="C4912"/>
      <c r="D4912"/>
    </row>
    <row r="4913" spans="3:4" x14ac:dyDescent="0.25">
      <c r="C4913"/>
      <c r="D4913"/>
    </row>
    <row r="4914" spans="3:4" x14ac:dyDescent="0.25">
      <c r="C4914"/>
      <c r="D4914"/>
    </row>
    <row r="4915" spans="3:4" x14ac:dyDescent="0.25">
      <c r="C4915"/>
      <c r="D4915"/>
    </row>
    <row r="4916" spans="3:4" x14ac:dyDescent="0.25">
      <c r="C4916"/>
      <c r="D4916"/>
    </row>
    <row r="4917" spans="3:4" x14ac:dyDescent="0.25">
      <c r="C4917"/>
      <c r="D4917"/>
    </row>
    <row r="4918" spans="3:4" x14ac:dyDescent="0.25">
      <c r="C4918"/>
      <c r="D4918"/>
    </row>
    <row r="4919" spans="3:4" x14ac:dyDescent="0.25">
      <c r="C4919"/>
      <c r="D4919"/>
    </row>
    <row r="4920" spans="3:4" x14ac:dyDescent="0.25">
      <c r="C4920"/>
      <c r="D4920"/>
    </row>
    <row r="4921" spans="3:4" x14ac:dyDescent="0.25">
      <c r="C4921"/>
      <c r="D4921"/>
    </row>
    <row r="4922" spans="3:4" x14ac:dyDescent="0.25">
      <c r="C4922"/>
      <c r="D4922"/>
    </row>
    <row r="4923" spans="3:4" x14ac:dyDescent="0.25">
      <c r="C4923"/>
      <c r="D4923"/>
    </row>
    <row r="4924" spans="3:4" x14ac:dyDescent="0.25">
      <c r="C4924"/>
      <c r="D4924"/>
    </row>
    <row r="4925" spans="3:4" x14ac:dyDescent="0.25">
      <c r="C4925"/>
      <c r="D4925"/>
    </row>
    <row r="4926" spans="3:4" x14ac:dyDescent="0.25">
      <c r="C4926"/>
      <c r="D4926"/>
    </row>
    <row r="4927" spans="3:4" x14ac:dyDescent="0.25">
      <c r="C4927"/>
      <c r="D4927"/>
    </row>
    <row r="4928" spans="3:4" x14ac:dyDescent="0.25">
      <c r="C4928"/>
      <c r="D4928"/>
    </row>
    <row r="4929" spans="3:4" x14ac:dyDescent="0.25">
      <c r="C4929"/>
      <c r="D4929"/>
    </row>
    <row r="4930" spans="3:4" x14ac:dyDescent="0.25">
      <c r="C4930"/>
      <c r="D4930"/>
    </row>
    <row r="4931" spans="3:4" x14ac:dyDescent="0.25">
      <c r="C4931"/>
      <c r="D4931"/>
    </row>
    <row r="4932" spans="3:4" x14ac:dyDescent="0.25">
      <c r="C4932"/>
      <c r="D4932"/>
    </row>
    <row r="4933" spans="3:4" x14ac:dyDescent="0.25">
      <c r="C4933"/>
      <c r="D4933"/>
    </row>
    <row r="4934" spans="3:4" x14ac:dyDescent="0.25">
      <c r="C4934"/>
      <c r="D4934"/>
    </row>
    <row r="4935" spans="3:4" x14ac:dyDescent="0.25">
      <c r="C4935"/>
      <c r="D4935"/>
    </row>
    <row r="4936" spans="3:4" x14ac:dyDescent="0.25">
      <c r="C4936"/>
      <c r="D4936"/>
    </row>
    <row r="4937" spans="3:4" x14ac:dyDescent="0.25">
      <c r="C4937"/>
      <c r="D4937"/>
    </row>
    <row r="4938" spans="3:4" x14ac:dyDescent="0.25">
      <c r="C4938"/>
      <c r="D4938"/>
    </row>
    <row r="4939" spans="3:4" x14ac:dyDescent="0.25">
      <c r="C4939"/>
      <c r="D4939"/>
    </row>
    <row r="4940" spans="3:4" x14ac:dyDescent="0.25">
      <c r="C4940"/>
      <c r="D4940"/>
    </row>
    <row r="4941" spans="3:4" x14ac:dyDescent="0.25">
      <c r="C4941"/>
      <c r="D4941"/>
    </row>
    <row r="4942" spans="3:4" x14ac:dyDescent="0.25">
      <c r="C4942"/>
      <c r="D4942"/>
    </row>
    <row r="4943" spans="3:4" x14ac:dyDescent="0.25">
      <c r="C4943"/>
      <c r="D4943"/>
    </row>
    <row r="4944" spans="3:4" x14ac:dyDescent="0.25">
      <c r="C4944"/>
      <c r="D4944"/>
    </row>
    <row r="4945" spans="3:4" x14ac:dyDescent="0.25">
      <c r="C4945"/>
      <c r="D4945"/>
    </row>
    <row r="4946" spans="3:4" x14ac:dyDescent="0.25">
      <c r="C4946"/>
      <c r="D4946"/>
    </row>
    <row r="4947" spans="3:4" x14ac:dyDescent="0.25">
      <c r="C4947"/>
      <c r="D4947"/>
    </row>
    <row r="4948" spans="3:4" x14ac:dyDescent="0.25">
      <c r="C4948"/>
      <c r="D4948"/>
    </row>
    <row r="4949" spans="3:4" x14ac:dyDescent="0.25">
      <c r="C4949"/>
      <c r="D4949"/>
    </row>
    <row r="4950" spans="3:4" x14ac:dyDescent="0.25">
      <c r="C4950"/>
      <c r="D4950"/>
    </row>
    <row r="4951" spans="3:4" x14ac:dyDescent="0.25">
      <c r="C4951"/>
      <c r="D4951"/>
    </row>
    <row r="4952" spans="3:4" x14ac:dyDescent="0.25">
      <c r="C4952"/>
      <c r="D4952"/>
    </row>
    <row r="4953" spans="3:4" x14ac:dyDescent="0.25">
      <c r="C4953"/>
      <c r="D4953"/>
    </row>
    <row r="4954" spans="3:4" x14ac:dyDescent="0.25">
      <c r="C4954"/>
      <c r="D4954"/>
    </row>
    <row r="4955" spans="3:4" x14ac:dyDescent="0.25">
      <c r="C4955"/>
      <c r="D4955"/>
    </row>
    <row r="4956" spans="3:4" x14ac:dyDescent="0.25">
      <c r="C4956"/>
      <c r="D4956"/>
    </row>
    <row r="4957" spans="3:4" x14ac:dyDescent="0.25">
      <c r="C4957"/>
      <c r="D4957"/>
    </row>
    <row r="4958" spans="3:4" x14ac:dyDescent="0.25">
      <c r="C4958"/>
      <c r="D4958"/>
    </row>
    <row r="4959" spans="3:4" x14ac:dyDescent="0.25">
      <c r="C4959"/>
      <c r="D4959"/>
    </row>
    <row r="4960" spans="3:4" x14ac:dyDescent="0.25">
      <c r="C4960"/>
      <c r="D4960"/>
    </row>
    <row r="4961" spans="3:4" x14ac:dyDescent="0.25">
      <c r="C4961"/>
      <c r="D4961"/>
    </row>
    <row r="4962" spans="3:4" x14ac:dyDescent="0.25">
      <c r="C4962"/>
      <c r="D4962"/>
    </row>
    <row r="4963" spans="3:4" x14ac:dyDescent="0.25">
      <c r="C4963"/>
      <c r="D4963"/>
    </row>
    <row r="4964" spans="3:4" x14ac:dyDescent="0.25">
      <c r="C4964"/>
      <c r="D4964"/>
    </row>
    <row r="4965" spans="3:4" x14ac:dyDescent="0.25">
      <c r="C4965"/>
      <c r="D4965"/>
    </row>
    <row r="4966" spans="3:4" x14ac:dyDescent="0.25">
      <c r="C4966"/>
      <c r="D4966"/>
    </row>
    <row r="4967" spans="3:4" x14ac:dyDescent="0.25">
      <c r="C4967"/>
      <c r="D4967"/>
    </row>
    <row r="4968" spans="3:4" x14ac:dyDescent="0.25">
      <c r="C4968"/>
      <c r="D4968"/>
    </row>
    <row r="4969" spans="3:4" x14ac:dyDescent="0.25">
      <c r="C4969"/>
      <c r="D4969"/>
    </row>
    <row r="4970" spans="3:4" x14ac:dyDescent="0.25">
      <c r="C4970"/>
      <c r="D4970"/>
    </row>
    <row r="4971" spans="3:4" x14ac:dyDescent="0.25">
      <c r="C4971"/>
      <c r="D4971"/>
    </row>
    <row r="4972" spans="3:4" x14ac:dyDescent="0.25">
      <c r="C4972"/>
      <c r="D4972"/>
    </row>
    <row r="4973" spans="3:4" x14ac:dyDescent="0.25">
      <c r="C4973"/>
      <c r="D4973"/>
    </row>
    <row r="4974" spans="3:4" x14ac:dyDescent="0.25">
      <c r="C4974"/>
      <c r="D4974"/>
    </row>
    <row r="4975" spans="3:4" x14ac:dyDescent="0.25">
      <c r="C4975"/>
      <c r="D4975"/>
    </row>
    <row r="4976" spans="3:4" x14ac:dyDescent="0.25">
      <c r="C4976"/>
      <c r="D4976"/>
    </row>
    <row r="4977" spans="3:4" x14ac:dyDescent="0.25">
      <c r="C4977"/>
      <c r="D4977"/>
    </row>
    <row r="4978" spans="3:4" x14ac:dyDescent="0.25">
      <c r="C4978"/>
      <c r="D4978"/>
    </row>
    <row r="4979" spans="3:4" x14ac:dyDescent="0.25">
      <c r="C4979"/>
      <c r="D4979"/>
    </row>
    <row r="4980" spans="3:4" x14ac:dyDescent="0.25">
      <c r="C4980"/>
      <c r="D4980"/>
    </row>
    <row r="4981" spans="3:4" x14ac:dyDescent="0.25">
      <c r="C4981"/>
      <c r="D4981"/>
    </row>
    <row r="4982" spans="3:4" x14ac:dyDescent="0.25">
      <c r="C4982"/>
      <c r="D4982"/>
    </row>
    <row r="4983" spans="3:4" x14ac:dyDescent="0.25">
      <c r="C4983"/>
      <c r="D4983"/>
    </row>
    <row r="4984" spans="3:4" x14ac:dyDescent="0.25">
      <c r="C4984"/>
      <c r="D4984"/>
    </row>
    <row r="4985" spans="3:4" x14ac:dyDescent="0.25">
      <c r="C4985"/>
      <c r="D4985"/>
    </row>
    <row r="4986" spans="3:4" x14ac:dyDescent="0.25">
      <c r="C4986"/>
      <c r="D4986"/>
    </row>
    <row r="4987" spans="3:4" x14ac:dyDescent="0.25">
      <c r="C4987"/>
      <c r="D4987"/>
    </row>
    <row r="4988" spans="3:4" x14ac:dyDescent="0.25">
      <c r="C4988"/>
      <c r="D4988"/>
    </row>
    <row r="4989" spans="3:4" x14ac:dyDescent="0.25">
      <c r="C4989"/>
      <c r="D4989"/>
    </row>
    <row r="4990" spans="3:4" x14ac:dyDescent="0.25">
      <c r="C4990"/>
      <c r="D4990"/>
    </row>
    <row r="4991" spans="3:4" x14ac:dyDescent="0.25">
      <c r="C4991"/>
      <c r="D4991"/>
    </row>
    <row r="4992" spans="3:4" x14ac:dyDescent="0.25">
      <c r="C4992"/>
      <c r="D4992"/>
    </row>
    <row r="4993" spans="3:4" x14ac:dyDescent="0.25">
      <c r="C4993"/>
      <c r="D4993"/>
    </row>
    <row r="4994" spans="3:4" x14ac:dyDescent="0.25">
      <c r="C4994"/>
      <c r="D4994"/>
    </row>
    <row r="4995" spans="3:4" x14ac:dyDescent="0.25">
      <c r="C4995"/>
      <c r="D4995"/>
    </row>
    <row r="4996" spans="3:4" x14ac:dyDescent="0.25">
      <c r="C4996"/>
      <c r="D4996"/>
    </row>
    <row r="4997" spans="3:4" x14ac:dyDescent="0.25">
      <c r="C4997"/>
      <c r="D4997"/>
    </row>
    <row r="4998" spans="3:4" x14ac:dyDescent="0.25">
      <c r="C4998"/>
      <c r="D4998"/>
    </row>
    <row r="4999" spans="3:4" x14ac:dyDescent="0.25">
      <c r="C4999"/>
      <c r="D4999"/>
    </row>
    <row r="5000" spans="3:4" x14ac:dyDescent="0.25">
      <c r="C5000"/>
      <c r="D5000"/>
    </row>
    <row r="5001" spans="3:4" x14ac:dyDescent="0.25">
      <c r="C5001"/>
      <c r="D5001"/>
    </row>
    <row r="5002" spans="3:4" x14ac:dyDescent="0.25">
      <c r="C5002"/>
      <c r="D5002"/>
    </row>
    <row r="5003" spans="3:4" x14ac:dyDescent="0.25">
      <c r="C5003"/>
      <c r="D5003"/>
    </row>
    <row r="5004" spans="3:4" x14ac:dyDescent="0.25">
      <c r="C5004"/>
      <c r="D5004"/>
    </row>
    <row r="5005" spans="3:4" x14ac:dyDescent="0.25">
      <c r="C5005"/>
      <c r="D5005"/>
    </row>
    <row r="5006" spans="3:4" x14ac:dyDescent="0.25">
      <c r="C5006"/>
      <c r="D5006"/>
    </row>
    <row r="5007" spans="3:4" x14ac:dyDescent="0.25">
      <c r="C5007"/>
      <c r="D5007"/>
    </row>
    <row r="5008" spans="3:4" x14ac:dyDescent="0.25">
      <c r="C5008"/>
      <c r="D5008"/>
    </row>
    <row r="5009" spans="3:4" x14ac:dyDescent="0.25">
      <c r="C5009"/>
      <c r="D5009"/>
    </row>
    <row r="5010" spans="3:4" x14ac:dyDescent="0.25">
      <c r="C5010"/>
      <c r="D5010"/>
    </row>
    <row r="5011" spans="3:4" x14ac:dyDescent="0.25">
      <c r="C5011"/>
      <c r="D5011"/>
    </row>
    <row r="5012" spans="3:4" x14ac:dyDescent="0.25">
      <c r="C5012"/>
      <c r="D5012"/>
    </row>
    <row r="5013" spans="3:4" x14ac:dyDescent="0.25">
      <c r="C5013"/>
      <c r="D5013"/>
    </row>
    <row r="5014" spans="3:4" x14ac:dyDescent="0.25">
      <c r="C5014"/>
      <c r="D5014"/>
    </row>
    <row r="5015" spans="3:4" x14ac:dyDescent="0.25">
      <c r="C5015"/>
      <c r="D5015"/>
    </row>
    <row r="5016" spans="3:4" x14ac:dyDescent="0.25">
      <c r="C5016"/>
      <c r="D5016"/>
    </row>
    <row r="5017" spans="3:4" x14ac:dyDescent="0.25">
      <c r="C5017"/>
      <c r="D5017"/>
    </row>
    <row r="5018" spans="3:4" x14ac:dyDescent="0.25">
      <c r="C5018"/>
      <c r="D5018"/>
    </row>
    <row r="5019" spans="3:4" x14ac:dyDescent="0.25">
      <c r="C5019"/>
      <c r="D5019"/>
    </row>
    <row r="5020" spans="3:4" x14ac:dyDescent="0.25">
      <c r="C5020"/>
      <c r="D5020"/>
    </row>
    <row r="5021" spans="3:4" x14ac:dyDescent="0.25">
      <c r="C5021"/>
      <c r="D5021"/>
    </row>
    <row r="5022" spans="3:4" x14ac:dyDescent="0.25">
      <c r="C5022"/>
      <c r="D5022"/>
    </row>
    <row r="5023" spans="3:4" x14ac:dyDescent="0.25">
      <c r="C5023"/>
      <c r="D5023"/>
    </row>
    <row r="5024" spans="3:4" x14ac:dyDescent="0.25">
      <c r="C5024"/>
      <c r="D5024"/>
    </row>
    <row r="5025" spans="3:4" x14ac:dyDescent="0.25">
      <c r="C5025"/>
      <c r="D5025"/>
    </row>
    <row r="5026" spans="3:4" x14ac:dyDescent="0.25">
      <c r="C5026"/>
      <c r="D5026"/>
    </row>
    <row r="5027" spans="3:4" x14ac:dyDescent="0.25">
      <c r="C5027"/>
      <c r="D5027"/>
    </row>
    <row r="5028" spans="3:4" x14ac:dyDescent="0.25">
      <c r="C5028"/>
      <c r="D5028"/>
    </row>
    <row r="5029" spans="3:4" x14ac:dyDescent="0.25">
      <c r="C5029"/>
      <c r="D5029"/>
    </row>
    <row r="5030" spans="3:4" x14ac:dyDescent="0.25">
      <c r="C5030"/>
      <c r="D5030"/>
    </row>
    <row r="5031" spans="3:4" x14ac:dyDescent="0.25">
      <c r="C5031"/>
      <c r="D5031"/>
    </row>
    <row r="5032" spans="3:4" x14ac:dyDescent="0.25">
      <c r="C5032"/>
      <c r="D5032"/>
    </row>
    <row r="5033" spans="3:4" x14ac:dyDescent="0.25">
      <c r="C5033"/>
      <c r="D5033"/>
    </row>
    <row r="5034" spans="3:4" x14ac:dyDescent="0.25">
      <c r="C5034"/>
      <c r="D5034"/>
    </row>
    <row r="5035" spans="3:4" x14ac:dyDescent="0.25">
      <c r="C5035"/>
      <c r="D5035"/>
    </row>
    <row r="5036" spans="3:4" x14ac:dyDescent="0.25">
      <c r="C5036"/>
      <c r="D5036"/>
    </row>
    <row r="5037" spans="3:4" x14ac:dyDescent="0.25">
      <c r="C5037"/>
      <c r="D5037"/>
    </row>
    <row r="5038" spans="3:4" x14ac:dyDescent="0.25">
      <c r="C5038"/>
      <c r="D5038"/>
    </row>
    <row r="5039" spans="3:4" x14ac:dyDescent="0.25">
      <c r="C5039"/>
      <c r="D5039"/>
    </row>
    <row r="5040" spans="3:4" x14ac:dyDescent="0.25">
      <c r="C5040"/>
      <c r="D5040"/>
    </row>
    <row r="5041" spans="3:4" x14ac:dyDescent="0.25">
      <c r="C5041"/>
      <c r="D5041"/>
    </row>
    <row r="5042" spans="3:4" x14ac:dyDescent="0.25">
      <c r="C5042"/>
      <c r="D5042"/>
    </row>
    <row r="5043" spans="3:4" x14ac:dyDescent="0.25">
      <c r="C5043"/>
      <c r="D5043"/>
    </row>
    <row r="5044" spans="3:4" x14ac:dyDescent="0.25">
      <c r="C5044"/>
      <c r="D5044"/>
    </row>
    <row r="5045" spans="3:4" x14ac:dyDescent="0.25">
      <c r="C5045"/>
      <c r="D5045"/>
    </row>
    <row r="5046" spans="3:4" x14ac:dyDescent="0.25">
      <c r="C5046"/>
      <c r="D5046"/>
    </row>
    <row r="5047" spans="3:4" x14ac:dyDescent="0.25">
      <c r="C5047"/>
      <c r="D5047"/>
    </row>
    <row r="5048" spans="3:4" x14ac:dyDescent="0.25">
      <c r="C5048"/>
      <c r="D5048"/>
    </row>
    <row r="5049" spans="3:4" x14ac:dyDescent="0.25">
      <c r="C5049"/>
      <c r="D5049"/>
    </row>
    <row r="5050" spans="3:4" x14ac:dyDescent="0.25">
      <c r="C5050"/>
      <c r="D5050"/>
    </row>
    <row r="5051" spans="3:4" x14ac:dyDescent="0.25">
      <c r="C5051"/>
      <c r="D5051"/>
    </row>
    <row r="5052" spans="3:4" x14ac:dyDescent="0.25">
      <c r="C5052"/>
      <c r="D5052"/>
    </row>
    <row r="5053" spans="3:4" x14ac:dyDescent="0.25">
      <c r="C5053"/>
      <c r="D5053"/>
    </row>
    <row r="5054" spans="3:4" x14ac:dyDescent="0.25">
      <c r="C5054"/>
      <c r="D5054"/>
    </row>
    <row r="5055" spans="3:4" x14ac:dyDescent="0.25">
      <c r="C5055"/>
      <c r="D5055"/>
    </row>
    <row r="5056" spans="3:4" x14ac:dyDescent="0.25">
      <c r="C5056"/>
      <c r="D5056"/>
    </row>
    <row r="5057" spans="3:4" x14ac:dyDescent="0.25">
      <c r="C5057"/>
      <c r="D5057"/>
    </row>
    <row r="5058" spans="3:4" x14ac:dyDescent="0.25">
      <c r="C5058"/>
      <c r="D5058"/>
    </row>
    <row r="5059" spans="3:4" x14ac:dyDescent="0.25">
      <c r="C5059"/>
      <c r="D5059"/>
    </row>
    <row r="5060" spans="3:4" x14ac:dyDescent="0.25">
      <c r="C5060"/>
      <c r="D5060"/>
    </row>
    <row r="5061" spans="3:4" x14ac:dyDescent="0.25">
      <c r="C5061"/>
      <c r="D5061"/>
    </row>
    <row r="5062" spans="3:4" x14ac:dyDescent="0.25">
      <c r="C5062"/>
      <c r="D5062"/>
    </row>
    <row r="5063" spans="3:4" x14ac:dyDescent="0.25">
      <c r="C5063"/>
      <c r="D5063"/>
    </row>
    <row r="5064" spans="3:4" x14ac:dyDescent="0.25">
      <c r="C5064"/>
      <c r="D5064"/>
    </row>
    <row r="5065" spans="3:4" x14ac:dyDescent="0.25">
      <c r="C5065"/>
      <c r="D5065"/>
    </row>
    <row r="5066" spans="3:4" x14ac:dyDescent="0.25">
      <c r="C5066"/>
      <c r="D5066"/>
    </row>
    <row r="5067" spans="3:4" x14ac:dyDescent="0.25">
      <c r="C5067"/>
      <c r="D5067"/>
    </row>
    <row r="5068" spans="3:4" x14ac:dyDescent="0.25">
      <c r="C5068"/>
      <c r="D5068"/>
    </row>
    <row r="5069" spans="3:4" x14ac:dyDescent="0.25">
      <c r="C5069"/>
      <c r="D5069"/>
    </row>
    <row r="5070" spans="3:4" x14ac:dyDescent="0.25">
      <c r="C5070"/>
      <c r="D5070"/>
    </row>
    <row r="5071" spans="3:4" x14ac:dyDescent="0.25">
      <c r="C5071"/>
      <c r="D5071"/>
    </row>
    <row r="5072" spans="3:4" x14ac:dyDescent="0.25">
      <c r="C5072"/>
      <c r="D5072"/>
    </row>
    <row r="5073" spans="3:4" x14ac:dyDescent="0.25">
      <c r="C5073"/>
      <c r="D5073"/>
    </row>
    <row r="5074" spans="3:4" x14ac:dyDescent="0.25">
      <c r="C5074"/>
      <c r="D5074"/>
    </row>
    <row r="5075" spans="3:4" x14ac:dyDescent="0.25">
      <c r="C5075"/>
      <c r="D5075"/>
    </row>
    <row r="5076" spans="3:4" x14ac:dyDescent="0.25">
      <c r="C5076"/>
      <c r="D5076"/>
    </row>
    <row r="5077" spans="3:4" x14ac:dyDescent="0.25">
      <c r="C5077"/>
      <c r="D5077"/>
    </row>
    <row r="5078" spans="3:4" x14ac:dyDescent="0.25">
      <c r="C5078"/>
      <c r="D5078"/>
    </row>
    <row r="5079" spans="3:4" x14ac:dyDescent="0.25">
      <c r="C5079"/>
      <c r="D5079"/>
    </row>
    <row r="5080" spans="3:4" x14ac:dyDescent="0.25">
      <c r="C5080"/>
      <c r="D5080"/>
    </row>
    <row r="5081" spans="3:4" x14ac:dyDescent="0.25">
      <c r="C5081"/>
      <c r="D5081"/>
    </row>
    <row r="5082" spans="3:4" x14ac:dyDescent="0.25">
      <c r="C5082"/>
      <c r="D5082"/>
    </row>
    <row r="5083" spans="3:4" x14ac:dyDescent="0.25">
      <c r="C5083"/>
      <c r="D5083"/>
    </row>
    <row r="5084" spans="3:4" x14ac:dyDescent="0.25">
      <c r="C5084"/>
      <c r="D5084"/>
    </row>
    <row r="5085" spans="3:4" x14ac:dyDescent="0.25">
      <c r="C5085"/>
      <c r="D5085"/>
    </row>
    <row r="5086" spans="3:4" x14ac:dyDescent="0.25">
      <c r="C5086"/>
      <c r="D5086"/>
    </row>
    <row r="5087" spans="3:4" x14ac:dyDescent="0.25">
      <c r="C5087"/>
      <c r="D5087"/>
    </row>
    <row r="5088" spans="3:4" x14ac:dyDescent="0.25">
      <c r="C5088"/>
      <c r="D5088"/>
    </row>
    <row r="5089" spans="3:4" x14ac:dyDescent="0.25">
      <c r="C5089"/>
      <c r="D5089"/>
    </row>
    <row r="5090" spans="3:4" x14ac:dyDescent="0.25">
      <c r="C5090"/>
      <c r="D5090"/>
    </row>
    <row r="5091" spans="3:4" x14ac:dyDescent="0.25">
      <c r="C5091"/>
      <c r="D5091"/>
    </row>
    <row r="5092" spans="3:4" x14ac:dyDescent="0.25">
      <c r="C5092"/>
      <c r="D5092"/>
    </row>
    <row r="5093" spans="3:4" x14ac:dyDescent="0.25">
      <c r="C5093"/>
      <c r="D5093"/>
    </row>
    <row r="5094" spans="3:4" x14ac:dyDescent="0.25">
      <c r="C5094"/>
      <c r="D5094"/>
    </row>
    <row r="5095" spans="3:4" x14ac:dyDescent="0.25">
      <c r="C5095"/>
      <c r="D5095"/>
    </row>
    <row r="5096" spans="3:4" x14ac:dyDescent="0.25">
      <c r="C5096"/>
      <c r="D5096"/>
    </row>
    <row r="5097" spans="3:4" x14ac:dyDescent="0.25">
      <c r="C5097"/>
      <c r="D5097"/>
    </row>
    <row r="5098" spans="3:4" x14ac:dyDescent="0.25">
      <c r="C5098"/>
      <c r="D5098"/>
    </row>
    <row r="5099" spans="3:4" x14ac:dyDescent="0.25">
      <c r="C5099"/>
      <c r="D5099"/>
    </row>
    <row r="5100" spans="3:4" x14ac:dyDescent="0.25">
      <c r="C5100"/>
      <c r="D5100"/>
    </row>
    <row r="5101" spans="3:4" x14ac:dyDescent="0.25">
      <c r="C5101"/>
      <c r="D5101"/>
    </row>
    <row r="5102" spans="3:4" x14ac:dyDescent="0.25">
      <c r="C5102"/>
      <c r="D5102"/>
    </row>
    <row r="5103" spans="3:4" x14ac:dyDescent="0.25">
      <c r="C5103"/>
      <c r="D5103"/>
    </row>
    <row r="5104" spans="3:4" x14ac:dyDescent="0.25">
      <c r="C5104"/>
      <c r="D5104"/>
    </row>
    <row r="5105" spans="3:4" x14ac:dyDescent="0.25">
      <c r="C5105"/>
      <c r="D5105"/>
    </row>
    <row r="5106" spans="3:4" x14ac:dyDescent="0.25">
      <c r="C5106"/>
      <c r="D5106"/>
    </row>
    <row r="5107" spans="3:4" x14ac:dyDescent="0.25">
      <c r="C5107"/>
      <c r="D5107"/>
    </row>
    <row r="5108" spans="3:4" x14ac:dyDescent="0.25">
      <c r="C5108"/>
      <c r="D5108"/>
    </row>
    <row r="5109" spans="3:4" x14ac:dyDescent="0.25">
      <c r="C5109"/>
      <c r="D5109"/>
    </row>
    <row r="5110" spans="3:4" x14ac:dyDescent="0.25">
      <c r="C5110"/>
      <c r="D5110"/>
    </row>
    <row r="5111" spans="3:4" x14ac:dyDescent="0.25">
      <c r="C5111"/>
      <c r="D5111"/>
    </row>
    <row r="5112" spans="3:4" x14ac:dyDescent="0.25">
      <c r="C5112"/>
      <c r="D5112"/>
    </row>
    <row r="5113" spans="3:4" x14ac:dyDescent="0.25">
      <c r="C5113"/>
      <c r="D5113"/>
    </row>
    <row r="5114" spans="3:4" x14ac:dyDescent="0.25">
      <c r="C5114"/>
      <c r="D5114"/>
    </row>
    <row r="5115" spans="3:4" x14ac:dyDescent="0.25">
      <c r="C5115"/>
      <c r="D5115"/>
    </row>
    <row r="5116" spans="3:4" x14ac:dyDescent="0.25">
      <c r="C5116"/>
      <c r="D5116"/>
    </row>
    <row r="5117" spans="3:4" x14ac:dyDescent="0.25">
      <c r="C5117"/>
      <c r="D5117"/>
    </row>
    <row r="5118" spans="3:4" x14ac:dyDescent="0.25">
      <c r="C5118"/>
      <c r="D5118"/>
    </row>
    <row r="5119" spans="3:4" x14ac:dyDescent="0.25">
      <c r="C5119"/>
      <c r="D5119"/>
    </row>
    <row r="5120" spans="3:4" x14ac:dyDescent="0.25">
      <c r="C5120"/>
      <c r="D5120"/>
    </row>
    <row r="5121" spans="3:4" x14ac:dyDescent="0.25">
      <c r="C5121"/>
      <c r="D5121"/>
    </row>
    <row r="5122" spans="3:4" x14ac:dyDescent="0.25">
      <c r="C5122"/>
      <c r="D5122"/>
    </row>
    <row r="5123" spans="3:4" x14ac:dyDescent="0.25">
      <c r="C5123"/>
      <c r="D5123"/>
    </row>
    <row r="5124" spans="3:4" x14ac:dyDescent="0.25">
      <c r="C5124"/>
      <c r="D5124"/>
    </row>
    <row r="5125" spans="3:4" x14ac:dyDescent="0.25">
      <c r="C5125"/>
      <c r="D5125"/>
    </row>
    <row r="5126" spans="3:4" x14ac:dyDescent="0.25">
      <c r="C5126"/>
      <c r="D5126"/>
    </row>
    <row r="5127" spans="3:4" x14ac:dyDescent="0.25">
      <c r="C5127"/>
      <c r="D5127"/>
    </row>
    <row r="5128" spans="3:4" x14ac:dyDescent="0.25">
      <c r="C5128"/>
      <c r="D5128"/>
    </row>
    <row r="5129" spans="3:4" x14ac:dyDescent="0.25">
      <c r="C5129"/>
      <c r="D5129"/>
    </row>
    <row r="5130" spans="3:4" x14ac:dyDescent="0.25">
      <c r="C5130"/>
      <c r="D5130"/>
    </row>
    <row r="5131" spans="3:4" x14ac:dyDescent="0.25">
      <c r="C5131"/>
      <c r="D5131"/>
    </row>
    <row r="5132" spans="3:4" x14ac:dyDescent="0.25">
      <c r="C5132"/>
      <c r="D5132"/>
    </row>
    <row r="5133" spans="3:4" x14ac:dyDescent="0.25">
      <c r="C5133"/>
      <c r="D5133"/>
    </row>
    <row r="5134" spans="3:4" x14ac:dyDescent="0.25">
      <c r="C5134"/>
      <c r="D5134"/>
    </row>
    <row r="5135" spans="3:4" x14ac:dyDescent="0.25">
      <c r="C5135"/>
      <c r="D5135"/>
    </row>
    <row r="5136" spans="3:4" x14ac:dyDescent="0.25">
      <c r="C5136"/>
      <c r="D5136"/>
    </row>
    <row r="5137" spans="3:4" x14ac:dyDescent="0.25">
      <c r="C5137"/>
      <c r="D5137"/>
    </row>
    <row r="5138" spans="3:4" x14ac:dyDescent="0.25">
      <c r="C5138"/>
      <c r="D5138"/>
    </row>
    <row r="5139" spans="3:4" x14ac:dyDescent="0.25">
      <c r="C5139"/>
      <c r="D5139"/>
    </row>
    <row r="5140" spans="3:4" x14ac:dyDescent="0.25">
      <c r="C5140"/>
      <c r="D5140"/>
    </row>
    <row r="5141" spans="3:4" x14ac:dyDescent="0.25">
      <c r="C5141"/>
      <c r="D5141"/>
    </row>
    <row r="5142" spans="3:4" x14ac:dyDescent="0.25">
      <c r="C5142"/>
      <c r="D5142"/>
    </row>
    <row r="5143" spans="3:4" x14ac:dyDescent="0.25">
      <c r="C5143"/>
      <c r="D5143"/>
    </row>
    <row r="5144" spans="3:4" x14ac:dyDescent="0.25">
      <c r="C5144"/>
      <c r="D5144"/>
    </row>
    <row r="5145" spans="3:4" x14ac:dyDescent="0.25">
      <c r="C5145"/>
      <c r="D5145"/>
    </row>
    <row r="5146" spans="3:4" x14ac:dyDescent="0.25">
      <c r="C5146"/>
      <c r="D5146"/>
    </row>
    <row r="5147" spans="3:4" x14ac:dyDescent="0.25">
      <c r="C5147"/>
      <c r="D5147"/>
    </row>
    <row r="5148" spans="3:4" x14ac:dyDescent="0.25">
      <c r="C5148"/>
      <c r="D5148"/>
    </row>
    <row r="5149" spans="3:4" x14ac:dyDescent="0.25">
      <c r="C5149"/>
      <c r="D5149"/>
    </row>
    <row r="5150" spans="3:4" x14ac:dyDescent="0.25">
      <c r="C5150"/>
      <c r="D5150"/>
    </row>
    <row r="5151" spans="3:4" x14ac:dyDescent="0.25">
      <c r="C5151"/>
      <c r="D5151"/>
    </row>
    <row r="5152" spans="3:4" x14ac:dyDescent="0.25">
      <c r="C5152"/>
      <c r="D5152"/>
    </row>
    <row r="5153" spans="3:4" x14ac:dyDescent="0.25">
      <c r="C5153"/>
      <c r="D5153"/>
    </row>
    <row r="5154" spans="3:4" x14ac:dyDescent="0.25">
      <c r="C5154"/>
      <c r="D5154"/>
    </row>
    <row r="5155" spans="3:4" x14ac:dyDescent="0.25">
      <c r="C5155"/>
      <c r="D5155"/>
    </row>
    <row r="5156" spans="3:4" x14ac:dyDescent="0.25">
      <c r="C5156"/>
      <c r="D5156"/>
    </row>
    <row r="5157" spans="3:4" x14ac:dyDescent="0.25">
      <c r="C5157"/>
      <c r="D5157"/>
    </row>
    <row r="5158" spans="3:4" x14ac:dyDescent="0.25">
      <c r="C5158"/>
      <c r="D5158"/>
    </row>
    <row r="5159" spans="3:4" x14ac:dyDescent="0.25">
      <c r="C5159"/>
      <c r="D5159"/>
    </row>
    <row r="5160" spans="3:4" x14ac:dyDescent="0.25">
      <c r="C5160"/>
      <c r="D5160"/>
    </row>
    <row r="5161" spans="3:4" x14ac:dyDescent="0.25">
      <c r="C5161"/>
      <c r="D5161"/>
    </row>
    <row r="5162" spans="3:4" x14ac:dyDescent="0.25">
      <c r="C5162"/>
      <c r="D5162"/>
    </row>
    <row r="5163" spans="3:4" x14ac:dyDescent="0.25">
      <c r="C5163"/>
      <c r="D5163"/>
    </row>
    <row r="5164" spans="3:4" x14ac:dyDescent="0.25">
      <c r="C5164"/>
      <c r="D5164"/>
    </row>
    <row r="5165" spans="3:4" x14ac:dyDescent="0.25">
      <c r="C5165"/>
      <c r="D5165"/>
    </row>
    <row r="5166" spans="3:4" x14ac:dyDescent="0.25">
      <c r="C5166"/>
      <c r="D5166"/>
    </row>
    <row r="5167" spans="3:4" x14ac:dyDescent="0.25">
      <c r="C5167"/>
      <c r="D5167"/>
    </row>
    <row r="5168" spans="3:4" x14ac:dyDescent="0.25">
      <c r="C5168"/>
      <c r="D5168"/>
    </row>
    <row r="5169" spans="3:4" x14ac:dyDescent="0.25">
      <c r="C5169"/>
      <c r="D5169"/>
    </row>
    <row r="5170" spans="3:4" x14ac:dyDescent="0.25">
      <c r="C5170"/>
      <c r="D5170"/>
    </row>
    <row r="5171" spans="3:4" x14ac:dyDescent="0.25">
      <c r="C5171"/>
      <c r="D5171"/>
    </row>
    <row r="5172" spans="3:4" x14ac:dyDescent="0.25">
      <c r="C5172"/>
      <c r="D5172"/>
    </row>
    <row r="5173" spans="3:4" x14ac:dyDescent="0.25">
      <c r="C5173"/>
      <c r="D5173"/>
    </row>
    <row r="5174" spans="3:4" x14ac:dyDescent="0.25">
      <c r="C5174"/>
      <c r="D5174"/>
    </row>
    <row r="5175" spans="3:4" x14ac:dyDescent="0.25">
      <c r="C5175"/>
      <c r="D5175"/>
    </row>
    <row r="5176" spans="3:4" x14ac:dyDescent="0.25">
      <c r="C5176"/>
      <c r="D5176"/>
    </row>
    <row r="5177" spans="3:4" x14ac:dyDescent="0.25">
      <c r="C5177"/>
      <c r="D5177"/>
    </row>
    <row r="5178" spans="3:4" x14ac:dyDescent="0.25">
      <c r="C5178"/>
      <c r="D5178"/>
    </row>
    <row r="5179" spans="3:4" x14ac:dyDescent="0.25">
      <c r="C5179"/>
      <c r="D5179"/>
    </row>
    <row r="5180" spans="3:4" x14ac:dyDescent="0.25">
      <c r="C5180"/>
      <c r="D5180"/>
    </row>
    <row r="5181" spans="3:4" x14ac:dyDescent="0.25">
      <c r="C5181"/>
      <c r="D5181"/>
    </row>
    <row r="5182" spans="3:4" x14ac:dyDescent="0.25">
      <c r="C5182"/>
      <c r="D5182"/>
    </row>
    <row r="5183" spans="3:4" x14ac:dyDescent="0.25">
      <c r="C5183"/>
      <c r="D5183"/>
    </row>
    <row r="5184" spans="3:4" x14ac:dyDescent="0.25">
      <c r="C5184"/>
      <c r="D5184"/>
    </row>
    <row r="5185" spans="3:4" x14ac:dyDescent="0.25">
      <c r="C5185"/>
      <c r="D5185"/>
    </row>
    <row r="5186" spans="3:4" x14ac:dyDescent="0.25">
      <c r="C5186"/>
      <c r="D5186"/>
    </row>
    <row r="5187" spans="3:4" x14ac:dyDescent="0.25">
      <c r="C5187"/>
      <c r="D5187"/>
    </row>
    <row r="5188" spans="3:4" x14ac:dyDescent="0.25">
      <c r="C5188"/>
      <c r="D5188"/>
    </row>
    <row r="5189" spans="3:4" x14ac:dyDescent="0.25">
      <c r="C5189"/>
      <c r="D5189"/>
    </row>
    <row r="5190" spans="3:4" x14ac:dyDescent="0.25">
      <c r="C5190"/>
      <c r="D5190"/>
    </row>
    <row r="5191" spans="3:4" x14ac:dyDescent="0.25">
      <c r="C5191"/>
      <c r="D5191"/>
    </row>
    <row r="5192" spans="3:4" x14ac:dyDescent="0.25">
      <c r="C5192"/>
      <c r="D5192"/>
    </row>
    <row r="5193" spans="3:4" x14ac:dyDescent="0.25">
      <c r="C5193"/>
      <c r="D5193"/>
    </row>
    <row r="5194" spans="3:4" x14ac:dyDescent="0.25">
      <c r="C5194"/>
      <c r="D5194"/>
    </row>
    <row r="5195" spans="3:4" x14ac:dyDescent="0.25">
      <c r="C5195"/>
      <c r="D5195"/>
    </row>
    <row r="5196" spans="3:4" x14ac:dyDescent="0.25">
      <c r="C5196"/>
      <c r="D5196"/>
    </row>
    <row r="5197" spans="3:4" x14ac:dyDescent="0.25">
      <c r="C5197"/>
      <c r="D5197"/>
    </row>
    <row r="5198" spans="3:4" x14ac:dyDescent="0.25">
      <c r="C5198"/>
      <c r="D5198"/>
    </row>
    <row r="5199" spans="3:4" x14ac:dyDescent="0.25">
      <c r="C5199"/>
      <c r="D5199"/>
    </row>
    <row r="5200" spans="3:4" x14ac:dyDescent="0.25">
      <c r="C5200"/>
      <c r="D5200"/>
    </row>
    <row r="5201" spans="3:4" x14ac:dyDescent="0.25">
      <c r="C5201"/>
      <c r="D5201"/>
    </row>
    <row r="5202" spans="3:4" x14ac:dyDescent="0.25">
      <c r="C5202"/>
      <c r="D5202"/>
    </row>
    <row r="5203" spans="3:4" x14ac:dyDescent="0.25">
      <c r="C5203"/>
      <c r="D5203"/>
    </row>
    <row r="5204" spans="3:4" x14ac:dyDescent="0.25">
      <c r="C5204"/>
      <c r="D5204"/>
    </row>
    <row r="5205" spans="3:4" x14ac:dyDescent="0.25">
      <c r="C5205"/>
      <c r="D5205"/>
    </row>
    <row r="5206" spans="3:4" x14ac:dyDescent="0.25">
      <c r="C5206"/>
      <c r="D5206"/>
    </row>
    <row r="5207" spans="3:4" x14ac:dyDescent="0.25">
      <c r="C5207"/>
      <c r="D5207"/>
    </row>
    <row r="5208" spans="3:4" x14ac:dyDescent="0.25">
      <c r="C5208"/>
      <c r="D5208"/>
    </row>
    <row r="5209" spans="3:4" x14ac:dyDescent="0.25">
      <c r="C5209"/>
      <c r="D5209"/>
    </row>
    <row r="5210" spans="3:4" x14ac:dyDescent="0.25">
      <c r="C5210"/>
      <c r="D5210"/>
    </row>
    <row r="5211" spans="3:4" x14ac:dyDescent="0.25">
      <c r="C5211"/>
      <c r="D5211"/>
    </row>
    <row r="5212" spans="3:4" x14ac:dyDescent="0.25">
      <c r="C5212"/>
      <c r="D5212"/>
    </row>
    <row r="5213" spans="3:4" x14ac:dyDescent="0.25">
      <c r="C5213"/>
      <c r="D5213"/>
    </row>
    <row r="5214" spans="3:4" x14ac:dyDescent="0.25">
      <c r="C5214"/>
      <c r="D5214"/>
    </row>
    <row r="5215" spans="3:4" x14ac:dyDescent="0.25">
      <c r="C5215"/>
      <c r="D5215"/>
    </row>
    <row r="5216" spans="3:4" x14ac:dyDescent="0.25">
      <c r="C5216"/>
      <c r="D5216"/>
    </row>
    <row r="5217" spans="3:4" x14ac:dyDescent="0.25">
      <c r="C5217"/>
      <c r="D5217"/>
    </row>
    <row r="5218" spans="3:4" x14ac:dyDescent="0.25">
      <c r="C5218"/>
      <c r="D5218"/>
    </row>
    <row r="5219" spans="3:4" x14ac:dyDescent="0.25">
      <c r="C5219"/>
      <c r="D5219"/>
    </row>
    <row r="5220" spans="3:4" x14ac:dyDescent="0.25">
      <c r="C5220"/>
      <c r="D5220"/>
    </row>
    <row r="5221" spans="3:4" x14ac:dyDescent="0.25">
      <c r="C5221"/>
      <c r="D5221"/>
    </row>
    <row r="5222" spans="3:4" x14ac:dyDescent="0.25">
      <c r="C5222"/>
      <c r="D5222"/>
    </row>
    <row r="5223" spans="3:4" x14ac:dyDescent="0.25">
      <c r="C5223"/>
      <c r="D5223"/>
    </row>
    <row r="5224" spans="3:4" x14ac:dyDescent="0.25">
      <c r="C5224"/>
      <c r="D5224"/>
    </row>
    <row r="5225" spans="3:4" x14ac:dyDescent="0.25">
      <c r="C5225"/>
      <c r="D5225"/>
    </row>
    <row r="5226" spans="3:4" x14ac:dyDescent="0.25">
      <c r="C5226"/>
      <c r="D5226"/>
    </row>
    <row r="5227" spans="3:4" x14ac:dyDescent="0.25">
      <c r="C5227"/>
      <c r="D5227"/>
    </row>
    <row r="5228" spans="3:4" x14ac:dyDescent="0.25">
      <c r="C5228"/>
      <c r="D5228"/>
    </row>
    <row r="5229" spans="3:4" x14ac:dyDescent="0.25">
      <c r="C5229"/>
      <c r="D5229"/>
    </row>
    <row r="5230" spans="3:4" x14ac:dyDescent="0.25">
      <c r="C5230"/>
      <c r="D5230"/>
    </row>
    <row r="5231" spans="3:4" x14ac:dyDescent="0.25">
      <c r="C5231"/>
      <c r="D5231"/>
    </row>
    <row r="5232" spans="3:4" x14ac:dyDescent="0.25">
      <c r="C5232"/>
      <c r="D5232"/>
    </row>
    <row r="5233" spans="3:4" x14ac:dyDescent="0.25">
      <c r="C5233"/>
      <c r="D5233"/>
    </row>
    <row r="5234" spans="3:4" x14ac:dyDescent="0.25">
      <c r="C5234"/>
      <c r="D5234"/>
    </row>
    <row r="5235" spans="3:4" x14ac:dyDescent="0.25">
      <c r="C5235"/>
      <c r="D5235"/>
    </row>
    <row r="5236" spans="3:4" x14ac:dyDescent="0.25">
      <c r="C5236"/>
      <c r="D5236"/>
    </row>
    <row r="5237" spans="3:4" x14ac:dyDescent="0.25">
      <c r="C5237"/>
      <c r="D5237"/>
    </row>
    <row r="5238" spans="3:4" x14ac:dyDescent="0.25">
      <c r="C5238"/>
      <c r="D5238"/>
    </row>
    <row r="5239" spans="3:4" x14ac:dyDescent="0.25">
      <c r="C5239"/>
      <c r="D5239"/>
    </row>
    <row r="5240" spans="3:4" x14ac:dyDescent="0.25">
      <c r="C5240"/>
      <c r="D5240"/>
    </row>
    <row r="5241" spans="3:4" x14ac:dyDescent="0.25">
      <c r="C5241"/>
      <c r="D5241"/>
    </row>
    <row r="5242" spans="3:4" x14ac:dyDescent="0.25">
      <c r="C5242"/>
      <c r="D5242"/>
    </row>
    <row r="5243" spans="3:4" x14ac:dyDescent="0.25">
      <c r="C5243"/>
      <c r="D5243"/>
    </row>
    <row r="5244" spans="3:4" x14ac:dyDescent="0.25">
      <c r="C5244"/>
      <c r="D5244"/>
    </row>
    <row r="5245" spans="3:4" x14ac:dyDescent="0.25">
      <c r="C5245"/>
      <c r="D5245"/>
    </row>
    <row r="5246" spans="3:4" x14ac:dyDescent="0.25">
      <c r="C5246"/>
      <c r="D5246"/>
    </row>
    <row r="5247" spans="3:4" x14ac:dyDescent="0.25">
      <c r="C5247"/>
      <c r="D5247"/>
    </row>
    <row r="5248" spans="3:4" x14ac:dyDescent="0.25">
      <c r="C5248"/>
      <c r="D5248"/>
    </row>
    <row r="5249" spans="3:4" x14ac:dyDescent="0.25">
      <c r="C5249"/>
      <c r="D5249"/>
    </row>
    <row r="5250" spans="3:4" x14ac:dyDescent="0.25">
      <c r="C5250"/>
      <c r="D5250"/>
    </row>
    <row r="5251" spans="3:4" x14ac:dyDescent="0.25">
      <c r="C5251"/>
      <c r="D5251"/>
    </row>
    <row r="5252" spans="3:4" x14ac:dyDescent="0.25">
      <c r="C5252"/>
      <c r="D5252"/>
    </row>
    <row r="5253" spans="3:4" x14ac:dyDescent="0.25">
      <c r="C5253"/>
      <c r="D5253"/>
    </row>
    <row r="5254" spans="3:4" x14ac:dyDescent="0.25">
      <c r="C5254"/>
      <c r="D5254"/>
    </row>
    <row r="5255" spans="3:4" x14ac:dyDescent="0.25">
      <c r="C5255"/>
      <c r="D5255"/>
    </row>
    <row r="5256" spans="3:4" x14ac:dyDescent="0.25">
      <c r="C5256"/>
      <c r="D5256"/>
    </row>
    <row r="5257" spans="3:4" x14ac:dyDescent="0.25">
      <c r="C5257"/>
      <c r="D5257"/>
    </row>
    <row r="5258" spans="3:4" x14ac:dyDescent="0.25">
      <c r="C5258"/>
      <c r="D5258"/>
    </row>
    <row r="5259" spans="3:4" x14ac:dyDescent="0.25">
      <c r="C5259"/>
      <c r="D5259"/>
    </row>
    <row r="5260" spans="3:4" x14ac:dyDescent="0.25">
      <c r="C5260"/>
      <c r="D5260"/>
    </row>
    <row r="5261" spans="3:4" x14ac:dyDescent="0.25">
      <c r="C5261"/>
      <c r="D5261"/>
    </row>
    <row r="5262" spans="3:4" x14ac:dyDescent="0.25">
      <c r="C5262"/>
      <c r="D5262"/>
    </row>
    <row r="5263" spans="3:4" x14ac:dyDescent="0.25">
      <c r="C5263"/>
      <c r="D5263"/>
    </row>
    <row r="5264" spans="3:4" x14ac:dyDescent="0.25">
      <c r="C5264"/>
      <c r="D5264"/>
    </row>
    <row r="5265" spans="3:4" x14ac:dyDescent="0.25">
      <c r="C5265"/>
      <c r="D5265"/>
    </row>
    <row r="5266" spans="3:4" x14ac:dyDescent="0.25">
      <c r="C5266"/>
      <c r="D5266"/>
    </row>
    <row r="5267" spans="3:4" x14ac:dyDescent="0.25">
      <c r="C5267"/>
      <c r="D5267"/>
    </row>
    <row r="5268" spans="3:4" x14ac:dyDescent="0.25">
      <c r="C5268"/>
      <c r="D5268"/>
    </row>
    <row r="5269" spans="3:4" x14ac:dyDescent="0.25">
      <c r="C5269"/>
      <c r="D5269"/>
    </row>
    <row r="5270" spans="3:4" x14ac:dyDescent="0.25">
      <c r="C5270"/>
      <c r="D5270"/>
    </row>
    <row r="5271" spans="3:4" x14ac:dyDescent="0.25">
      <c r="C5271"/>
      <c r="D5271"/>
    </row>
    <row r="5272" spans="3:4" x14ac:dyDescent="0.25">
      <c r="C5272"/>
      <c r="D5272"/>
    </row>
    <row r="5273" spans="3:4" x14ac:dyDescent="0.25">
      <c r="C5273"/>
      <c r="D5273"/>
    </row>
    <row r="5274" spans="3:4" x14ac:dyDescent="0.25">
      <c r="C5274"/>
      <c r="D5274"/>
    </row>
    <row r="5275" spans="3:4" x14ac:dyDescent="0.25">
      <c r="C5275"/>
      <c r="D5275"/>
    </row>
    <row r="5276" spans="3:4" x14ac:dyDescent="0.25">
      <c r="C5276"/>
      <c r="D5276"/>
    </row>
    <row r="5277" spans="3:4" x14ac:dyDescent="0.25">
      <c r="C5277"/>
      <c r="D5277"/>
    </row>
    <row r="5278" spans="3:4" x14ac:dyDescent="0.25">
      <c r="C5278"/>
      <c r="D5278"/>
    </row>
    <row r="5279" spans="3:4" x14ac:dyDescent="0.25">
      <c r="C5279"/>
      <c r="D5279"/>
    </row>
    <row r="5280" spans="3:4" x14ac:dyDescent="0.25">
      <c r="C5280"/>
      <c r="D5280"/>
    </row>
    <row r="5281" spans="3:4" x14ac:dyDescent="0.25">
      <c r="C5281"/>
      <c r="D5281"/>
    </row>
    <row r="5282" spans="3:4" x14ac:dyDescent="0.25">
      <c r="C5282"/>
      <c r="D5282"/>
    </row>
    <row r="5283" spans="3:4" x14ac:dyDescent="0.25">
      <c r="C5283"/>
      <c r="D5283"/>
    </row>
    <row r="5284" spans="3:4" x14ac:dyDescent="0.25">
      <c r="C5284"/>
      <c r="D5284"/>
    </row>
    <row r="5285" spans="3:4" x14ac:dyDescent="0.25">
      <c r="C5285"/>
      <c r="D5285"/>
    </row>
    <row r="5286" spans="3:4" x14ac:dyDescent="0.25">
      <c r="C5286"/>
      <c r="D5286"/>
    </row>
    <row r="5287" spans="3:4" x14ac:dyDescent="0.25">
      <c r="C5287"/>
      <c r="D5287"/>
    </row>
    <row r="5288" spans="3:4" x14ac:dyDescent="0.25">
      <c r="C5288"/>
      <c r="D5288"/>
    </row>
    <row r="5289" spans="3:4" x14ac:dyDescent="0.25">
      <c r="C5289"/>
      <c r="D5289"/>
    </row>
    <row r="5290" spans="3:4" x14ac:dyDescent="0.25">
      <c r="C5290"/>
      <c r="D5290"/>
    </row>
    <row r="5291" spans="3:4" x14ac:dyDescent="0.25">
      <c r="C5291"/>
      <c r="D5291"/>
    </row>
    <row r="5292" spans="3:4" x14ac:dyDescent="0.25">
      <c r="C5292"/>
      <c r="D5292"/>
    </row>
    <row r="5293" spans="3:4" x14ac:dyDescent="0.25">
      <c r="C5293"/>
      <c r="D5293"/>
    </row>
    <row r="5294" spans="3:4" x14ac:dyDescent="0.25">
      <c r="C5294"/>
      <c r="D5294"/>
    </row>
    <row r="5295" spans="3:4" x14ac:dyDescent="0.25">
      <c r="C5295"/>
      <c r="D5295"/>
    </row>
    <row r="5296" spans="3:4" x14ac:dyDescent="0.25">
      <c r="C5296"/>
      <c r="D5296"/>
    </row>
    <row r="5297" spans="3:4" x14ac:dyDescent="0.25">
      <c r="C5297"/>
      <c r="D5297"/>
    </row>
    <row r="5298" spans="3:4" x14ac:dyDescent="0.25">
      <c r="C5298"/>
      <c r="D5298"/>
    </row>
    <row r="5299" spans="3:4" x14ac:dyDescent="0.25">
      <c r="C5299"/>
      <c r="D5299"/>
    </row>
    <row r="5300" spans="3:4" x14ac:dyDescent="0.25">
      <c r="C5300"/>
      <c r="D5300"/>
    </row>
    <row r="5301" spans="3:4" x14ac:dyDescent="0.25">
      <c r="C5301"/>
      <c r="D5301"/>
    </row>
    <row r="5302" spans="3:4" x14ac:dyDescent="0.25">
      <c r="C5302"/>
      <c r="D5302"/>
    </row>
    <row r="5303" spans="3:4" x14ac:dyDescent="0.25">
      <c r="C5303"/>
      <c r="D5303"/>
    </row>
    <row r="5304" spans="3:4" x14ac:dyDescent="0.25">
      <c r="C5304"/>
      <c r="D5304"/>
    </row>
    <row r="5305" spans="3:4" x14ac:dyDescent="0.25">
      <c r="C5305"/>
      <c r="D5305"/>
    </row>
    <row r="5306" spans="3:4" x14ac:dyDescent="0.25">
      <c r="C5306"/>
      <c r="D5306"/>
    </row>
    <row r="5307" spans="3:4" x14ac:dyDescent="0.25">
      <c r="C5307"/>
      <c r="D5307"/>
    </row>
    <row r="5308" spans="3:4" x14ac:dyDescent="0.25">
      <c r="C5308"/>
      <c r="D5308"/>
    </row>
    <row r="5309" spans="3:4" x14ac:dyDescent="0.25">
      <c r="C5309"/>
      <c r="D5309"/>
    </row>
    <row r="5310" spans="3:4" x14ac:dyDescent="0.25">
      <c r="C5310"/>
      <c r="D5310"/>
    </row>
    <row r="5311" spans="3:4" x14ac:dyDescent="0.25">
      <c r="C5311"/>
      <c r="D5311"/>
    </row>
    <row r="5312" spans="3:4" x14ac:dyDescent="0.25">
      <c r="C5312"/>
      <c r="D5312"/>
    </row>
    <row r="5313" spans="3:4" x14ac:dyDescent="0.25">
      <c r="C5313"/>
      <c r="D5313"/>
    </row>
    <row r="5314" spans="3:4" x14ac:dyDescent="0.25">
      <c r="C5314"/>
      <c r="D5314"/>
    </row>
    <row r="5315" spans="3:4" x14ac:dyDescent="0.25">
      <c r="C5315"/>
      <c r="D5315"/>
    </row>
    <row r="5316" spans="3:4" x14ac:dyDescent="0.25">
      <c r="C5316"/>
      <c r="D5316"/>
    </row>
    <row r="5317" spans="3:4" x14ac:dyDescent="0.25">
      <c r="C5317"/>
      <c r="D5317"/>
    </row>
    <row r="5318" spans="3:4" x14ac:dyDescent="0.25">
      <c r="C5318"/>
      <c r="D5318"/>
    </row>
    <row r="5319" spans="3:4" x14ac:dyDescent="0.25">
      <c r="C5319"/>
      <c r="D5319"/>
    </row>
    <row r="5320" spans="3:4" x14ac:dyDescent="0.25">
      <c r="C5320"/>
      <c r="D5320"/>
    </row>
    <row r="5321" spans="3:4" x14ac:dyDescent="0.25">
      <c r="C5321"/>
      <c r="D5321"/>
    </row>
    <row r="5322" spans="3:4" x14ac:dyDescent="0.25">
      <c r="C5322"/>
      <c r="D5322"/>
    </row>
    <row r="5323" spans="3:4" x14ac:dyDescent="0.25">
      <c r="C5323"/>
      <c r="D5323"/>
    </row>
    <row r="5324" spans="3:4" x14ac:dyDescent="0.25">
      <c r="C5324"/>
      <c r="D5324"/>
    </row>
    <row r="5325" spans="3:4" x14ac:dyDescent="0.25">
      <c r="C5325"/>
      <c r="D5325"/>
    </row>
    <row r="5326" spans="3:4" x14ac:dyDescent="0.25">
      <c r="C5326"/>
      <c r="D5326"/>
    </row>
    <row r="5327" spans="3:4" x14ac:dyDescent="0.25">
      <c r="C5327"/>
      <c r="D5327"/>
    </row>
    <row r="5328" spans="3:4" x14ac:dyDescent="0.25">
      <c r="C5328"/>
      <c r="D5328"/>
    </row>
    <row r="5329" spans="3:4" x14ac:dyDescent="0.25">
      <c r="C5329"/>
      <c r="D5329"/>
    </row>
    <row r="5330" spans="3:4" x14ac:dyDescent="0.25">
      <c r="C5330"/>
      <c r="D5330"/>
    </row>
    <row r="5331" spans="3:4" x14ac:dyDescent="0.25">
      <c r="C5331"/>
      <c r="D5331"/>
    </row>
    <row r="5332" spans="3:4" x14ac:dyDescent="0.25">
      <c r="C5332"/>
      <c r="D5332"/>
    </row>
    <row r="5333" spans="3:4" x14ac:dyDescent="0.25">
      <c r="C5333"/>
      <c r="D5333"/>
    </row>
    <row r="5334" spans="3:4" x14ac:dyDescent="0.25">
      <c r="C5334"/>
      <c r="D5334"/>
    </row>
    <row r="5335" spans="3:4" x14ac:dyDescent="0.25">
      <c r="C5335"/>
      <c r="D5335"/>
    </row>
    <row r="5336" spans="3:4" x14ac:dyDescent="0.25">
      <c r="C5336"/>
      <c r="D5336"/>
    </row>
    <row r="5337" spans="3:4" x14ac:dyDescent="0.25">
      <c r="C5337"/>
      <c r="D5337"/>
    </row>
    <row r="5338" spans="3:4" x14ac:dyDescent="0.25">
      <c r="C5338"/>
      <c r="D5338"/>
    </row>
    <row r="5339" spans="3:4" x14ac:dyDescent="0.25">
      <c r="C5339"/>
      <c r="D5339"/>
    </row>
    <row r="5340" spans="3:4" x14ac:dyDescent="0.25">
      <c r="C5340"/>
      <c r="D5340"/>
    </row>
    <row r="5341" spans="3:4" x14ac:dyDescent="0.25">
      <c r="C5341"/>
      <c r="D5341"/>
    </row>
    <row r="5342" spans="3:4" x14ac:dyDescent="0.25">
      <c r="C5342"/>
      <c r="D5342"/>
    </row>
    <row r="5343" spans="3:4" x14ac:dyDescent="0.25">
      <c r="C5343"/>
      <c r="D5343"/>
    </row>
    <row r="5344" spans="3:4" x14ac:dyDescent="0.25">
      <c r="C5344"/>
      <c r="D5344"/>
    </row>
    <row r="5345" spans="3:4" x14ac:dyDescent="0.25">
      <c r="C5345"/>
      <c r="D5345"/>
    </row>
    <row r="5346" spans="3:4" x14ac:dyDescent="0.25">
      <c r="C5346"/>
      <c r="D5346"/>
    </row>
    <row r="5347" spans="3:4" x14ac:dyDescent="0.25">
      <c r="C5347"/>
      <c r="D5347"/>
    </row>
    <row r="5348" spans="3:4" x14ac:dyDescent="0.25">
      <c r="C5348"/>
      <c r="D5348"/>
    </row>
    <row r="5349" spans="3:4" x14ac:dyDescent="0.25">
      <c r="C5349"/>
      <c r="D5349"/>
    </row>
    <row r="5350" spans="3:4" x14ac:dyDescent="0.25">
      <c r="C5350"/>
      <c r="D5350"/>
    </row>
    <row r="5351" spans="3:4" x14ac:dyDescent="0.25">
      <c r="C5351"/>
      <c r="D5351"/>
    </row>
    <row r="5352" spans="3:4" x14ac:dyDescent="0.25">
      <c r="C5352"/>
      <c r="D5352"/>
    </row>
    <row r="5353" spans="3:4" x14ac:dyDescent="0.25">
      <c r="C5353"/>
      <c r="D5353"/>
    </row>
    <row r="5354" spans="3:4" x14ac:dyDescent="0.25">
      <c r="C5354"/>
      <c r="D5354"/>
    </row>
    <row r="5355" spans="3:4" x14ac:dyDescent="0.25">
      <c r="C5355"/>
      <c r="D5355"/>
    </row>
    <row r="5356" spans="3:4" x14ac:dyDescent="0.25">
      <c r="C5356"/>
      <c r="D5356"/>
    </row>
    <row r="5357" spans="3:4" x14ac:dyDescent="0.25">
      <c r="C5357"/>
      <c r="D5357"/>
    </row>
    <row r="5358" spans="3:4" x14ac:dyDescent="0.25">
      <c r="C5358"/>
      <c r="D5358"/>
    </row>
    <row r="5359" spans="3:4" x14ac:dyDescent="0.25">
      <c r="C5359"/>
      <c r="D5359"/>
    </row>
    <row r="5360" spans="3:4" x14ac:dyDescent="0.25">
      <c r="C5360"/>
      <c r="D5360"/>
    </row>
    <row r="5361" spans="3:4" x14ac:dyDescent="0.25">
      <c r="C5361"/>
      <c r="D5361"/>
    </row>
    <row r="5362" spans="3:4" x14ac:dyDescent="0.25">
      <c r="C5362"/>
      <c r="D5362"/>
    </row>
    <row r="5363" spans="3:4" x14ac:dyDescent="0.25">
      <c r="C5363"/>
      <c r="D5363"/>
    </row>
    <row r="5364" spans="3:4" x14ac:dyDescent="0.25">
      <c r="C5364"/>
      <c r="D5364"/>
    </row>
    <row r="5365" spans="3:4" x14ac:dyDescent="0.25">
      <c r="C5365"/>
      <c r="D5365"/>
    </row>
    <row r="5366" spans="3:4" x14ac:dyDescent="0.25">
      <c r="C5366"/>
      <c r="D5366"/>
    </row>
    <row r="5367" spans="3:4" x14ac:dyDescent="0.25">
      <c r="C5367"/>
      <c r="D5367"/>
    </row>
    <row r="5368" spans="3:4" x14ac:dyDescent="0.25">
      <c r="C5368"/>
      <c r="D5368"/>
    </row>
    <row r="5369" spans="3:4" x14ac:dyDescent="0.25">
      <c r="C5369"/>
      <c r="D5369"/>
    </row>
    <row r="5370" spans="3:4" x14ac:dyDescent="0.25">
      <c r="C5370"/>
      <c r="D5370"/>
    </row>
    <row r="5371" spans="3:4" x14ac:dyDescent="0.25">
      <c r="C5371"/>
      <c r="D5371"/>
    </row>
    <row r="5372" spans="3:4" x14ac:dyDescent="0.25">
      <c r="C5372"/>
      <c r="D5372"/>
    </row>
    <row r="5373" spans="3:4" x14ac:dyDescent="0.25">
      <c r="C5373"/>
      <c r="D5373"/>
    </row>
    <row r="5374" spans="3:4" x14ac:dyDescent="0.25">
      <c r="C5374"/>
      <c r="D5374"/>
    </row>
    <row r="5375" spans="3:4" x14ac:dyDescent="0.25">
      <c r="C5375"/>
      <c r="D5375"/>
    </row>
    <row r="5376" spans="3:4" x14ac:dyDescent="0.25">
      <c r="C5376"/>
      <c r="D5376"/>
    </row>
    <row r="5377" spans="3:4" x14ac:dyDescent="0.25">
      <c r="C5377"/>
      <c r="D5377"/>
    </row>
    <row r="5378" spans="3:4" x14ac:dyDescent="0.25">
      <c r="C5378"/>
      <c r="D5378"/>
    </row>
    <row r="5379" spans="3:4" x14ac:dyDescent="0.25">
      <c r="C5379"/>
      <c r="D5379"/>
    </row>
    <row r="5380" spans="3:4" x14ac:dyDescent="0.25">
      <c r="C5380"/>
      <c r="D5380"/>
    </row>
    <row r="5381" spans="3:4" x14ac:dyDescent="0.25">
      <c r="C5381"/>
      <c r="D5381"/>
    </row>
    <row r="5382" spans="3:4" x14ac:dyDescent="0.25">
      <c r="C5382"/>
      <c r="D5382"/>
    </row>
    <row r="5383" spans="3:4" x14ac:dyDescent="0.25">
      <c r="C5383"/>
      <c r="D5383"/>
    </row>
    <row r="5384" spans="3:4" x14ac:dyDescent="0.25">
      <c r="C5384"/>
      <c r="D5384"/>
    </row>
    <row r="5385" spans="3:4" x14ac:dyDescent="0.25">
      <c r="C5385"/>
      <c r="D5385"/>
    </row>
    <row r="5386" spans="3:4" x14ac:dyDescent="0.25">
      <c r="C5386"/>
      <c r="D5386"/>
    </row>
    <row r="5387" spans="3:4" x14ac:dyDescent="0.25">
      <c r="C5387"/>
      <c r="D5387"/>
    </row>
    <row r="5388" spans="3:4" x14ac:dyDescent="0.25">
      <c r="C5388"/>
      <c r="D5388"/>
    </row>
    <row r="5389" spans="3:4" x14ac:dyDescent="0.25">
      <c r="C5389"/>
      <c r="D5389"/>
    </row>
    <row r="5390" spans="3:4" x14ac:dyDescent="0.25">
      <c r="C5390"/>
      <c r="D5390"/>
    </row>
    <row r="5391" spans="3:4" x14ac:dyDescent="0.25">
      <c r="C5391"/>
      <c r="D5391"/>
    </row>
    <row r="5392" spans="3:4" x14ac:dyDescent="0.25">
      <c r="C5392"/>
      <c r="D5392"/>
    </row>
    <row r="5393" spans="3:4" x14ac:dyDescent="0.25">
      <c r="C5393"/>
      <c r="D5393"/>
    </row>
    <row r="5394" spans="3:4" x14ac:dyDescent="0.25">
      <c r="C5394"/>
      <c r="D5394"/>
    </row>
    <row r="5395" spans="3:4" x14ac:dyDescent="0.25">
      <c r="C5395"/>
      <c r="D5395"/>
    </row>
    <row r="5396" spans="3:4" x14ac:dyDescent="0.25">
      <c r="C5396"/>
      <c r="D5396"/>
    </row>
    <row r="5397" spans="3:4" x14ac:dyDescent="0.25">
      <c r="C5397"/>
      <c r="D5397"/>
    </row>
    <row r="5398" spans="3:4" x14ac:dyDescent="0.25">
      <c r="C5398"/>
      <c r="D5398"/>
    </row>
    <row r="5399" spans="3:4" x14ac:dyDescent="0.25">
      <c r="C5399"/>
      <c r="D5399"/>
    </row>
    <row r="5400" spans="3:4" x14ac:dyDescent="0.25">
      <c r="C5400"/>
      <c r="D5400"/>
    </row>
    <row r="5401" spans="3:4" x14ac:dyDescent="0.25">
      <c r="C5401"/>
      <c r="D5401"/>
    </row>
    <row r="5402" spans="3:4" x14ac:dyDescent="0.25">
      <c r="C5402"/>
      <c r="D5402"/>
    </row>
    <row r="5403" spans="3:4" x14ac:dyDescent="0.25">
      <c r="C5403"/>
      <c r="D5403"/>
    </row>
    <row r="5404" spans="3:4" x14ac:dyDescent="0.25">
      <c r="C5404"/>
      <c r="D5404"/>
    </row>
    <row r="5405" spans="3:4" x14ac:dyDescent="0.25">
      <c r="C5405"/>
      <c r="D5405"/>
    </row>
    <row r="5406" spans="3:4" x14ac:dyDescent="0.25">
      <c r="C5406"/>
      <c r="D5406"/>
    </row>
    <row r="5407" spans="3:4" x14ac:dyDescent="0.25">
      <c r="C5407"/>
      <c r="D5407"/>
    </row>
    <row r="5408" spans="3:4" x14ac:dyDescent="0.25">
      <c r="C5408"/>
      <c r="D5408"/>
    </row>
    <row r="5409" spans="3:4" x14ac:dyDescent="0.25">
      <c r="C5409"/>
      <c r="D5409"/>
    </row>
    <row r="5410" spans="3:4" x14ac:dyDescent="0.25">
      <c r="C5410"/>
      <c r="D5410"/>
    </row>
    <row r="5411" spans="3:4" x14ac:dyDescent="0.25">
      <c r="C5411"/>
      <c r="D5411"/>
    </row>
    <row r="5412" spans="3:4" x14ac:dyDescent="0.25">
      <c r="C5412"/>
      <c r="D5412"/>
    </row>
    <row r="5413" spans="3:4" x14ac:dyDescent="0.25">
      <c r="C5413"/>
      <c r="D5413"/>
    </row>
    <row r="5414" spans="3:4" x14ac:dyDescent="0.25">
      <c r="C5414"/>
      <c r="D5414"/>
    </row>
    <row r="5415" spans="3:4" x14ac:dyDescent="0.25">
      <c r="C5415"/>
      <c r="D5415"/>
    </row>
    <row r="5416" spans="3:4" x14ac:dyDescent="0.25">
      <c r="C5416"/>
      <c r="D5416"/>
    </row>
    <row r="5417" spans="3:4" x14ac:dyDescent="0.25">
      <c r="C5417"/>
      <c r="D5417"/>
    </row>
    <row r="5418" spans="3:4" x14ac:dyDescent="0.25">
      <c r="C5418"/>
      <c r="D5418"/>
    </row>
    <row r="5419" spans="3:4" x14ac:dyDescent="0.25">
      <c r="C5419"/>
      <c r="D5419"/>
    </row>
    <row r="5420" spans="3:4" x14ac:dyDescent="0.25">
      <c r="C5420"/>
      <c r="D5420"/>
    </row>
    <row r="5421" spans="3:4" x14ac:dyDescent="0.25">
      <c r="C5421"/>
      <c r="D5421"/>
    </row>
    <row r="5422" spans="3:4" x14ac:dyDescent="0.25">
      <c r="C5422"/>
      <c r="D5422"/>
    </row>
    <row r="5423" spans="3:4" x14ac:dyDescent="0.25">
      <c r="C5423"/>
      <c r="D5423"/>
    </row>
    <row r="5424" spans="3:4" x14ac:dyDescent="0.25">
      <c r="C5424"/>
      <c r="D5424"/>
    </row>
    <row r="5425" spans="3:4" x14ac:dyDescent="0.25">
      <c r="C5425"/>
      <c r="D5425"/>
    </row>
    <row r="5426" spans="3:4" x14ac:dyDescent="0.25">
      <c r="C5426"/>
      <c r="D5426"/>
    </row>
    <row r="5427" spans="3:4" x14ac:dyDescent="0.25">
      <c r="C5427"/>
      <c r="D5427"/>
    </row>
    <row r="5428" spans="3:4" x14ac:dyDescent="0.25">
      <c r="C5428"/>
      <c r="D5428"/>
    </row>
    <row r="5429" spans="3:4" x14ac:dyDescent="0.25">
      <c r="C5429"/>
      <c r="D5429"/>
    </row>
    <row r="5430" spans="3:4" x14ac:dyDescent="0.25">
      <c r="C5430"/>
      <c r="D5430"/>
    </row>
    <row r="5431" spans="3:4" x14ac:dyDescent="0.25">
      <c r="C5431"/>
      <c r="D5431"/>
    </row>
    <row r="5432" spans="3:4" x14ac:dyDescent="0.25">
      <c r="C5432"/>
      <c r="D5432"/>
    </row>
    <row r="5433" spans="3:4" x14ac:dyDescent="0.25">
      <c r="C5433"/>
      <c r="D5433"/>
    </row>
    <row r="5434" spans="3:4" x14ac:dyDescent="0.25">
      <c r="C5434"/>
      <c r="D5434"/>
    </row>
    <row r="5435" spans="3:4" x14ac:dyDescent="0.25">
      <c r="C5435"/>
      <c r="D5435"/>
    </row>
    <row r="5436" spans="3:4" x14ac:dyDescent="0.25">
      <c r="C5436"/>
      <c r="D5436"/>
    </row>
    <row r="5437" spans="3:4" x14ac:dyDescent="0.25">
      <c r="C5437"/>
      <c r="D5437"/>
    </row>
    <row r="5438" spans="3:4" x14ac:dyDescent="0.25">
      <c r="C5438"/>
      <c r="D5438"/>
    </row>
    <row r="5439" spans="3:4" x14ac:dyDescent="0.25">
      <c r="C5439"/>
      <c r="D5439"/>
    </row>
    <row r="5440" spans="3:4" x14ac:dyDescent="0.25">
      <c r="C5440"/>
      <c r="D5440"/>
    </row>
    <row r="5441" spans="3:4" x14ac:dyDescent="0.25">
      <c r="C5441"/>
      <c r="D5441"/>
    </row>
    <row r="5442" spans="3:4" x14ac:dyDescent="0.25">
      <c r="C5442"/>
      <c r="D5442"/>
    </row>
    <row r="5443" spans="3:4" x14ac:dyDescent="0.25">
      <c r="C5443"/>
      <c r="D5443"/>
    </row>
    <row r="5444" spans="3:4" x14ac:dyDescent="0.25">
      <c r="C5444"/>
      <c r="D5444"/>
    </row>
    <row r="5445" spans="3:4" x14ac:dyDescent="0.25">
      <c r="C5445"/>
      <c r="D5445"/>
    </row>
    <row r="5446" spans="3:4" x14ac:dyDescent="0.25">
      <c r="C5446"/>
      <c r="D5446"/>
    </row>
    <row r="5447" spans="3:4" x14ac:dyDescent="0.25">
      <c r="C5447"/>
      <c r="D5447"/>
    </row>
    <row r="5448" spans="3:4" x14ac:dyDescent="0.25">
      <c r="C5448"/>
      <c r="D5448"/>
    </row>
    <row r="5449" spans="3:4" x14ac:dyDescent="0.25">
      <c r="C5449"/>
      <c r="D5449"/>
    </row>
    <row r="5450" spans="3:4" x14ac:dyDescent="0.25">
      <c r="C5450"/>
      <c r="D5450"/>
    </row>
    <row r="5451" spans="3:4" x14ac:dyDescent="0.25">
      <c r="C5451"/>
      <c r="D5451"/>
    </row>
    <row r="5452" spans="3:4" x14ac:dyDescent="0.25">
      <c r="C5452"/>
      <c r="D5452"/>
    </row>
    <row r="5453" spans="3:4" x14ac:dyDescent="0.25">
      <c r="C5453"/>
      <c r="D5453"/>
    </row>
    <row r="5454" spans="3:4" x14ac:dyDescent="0.25">
      <c r="C5454"/>
      <c r="D5454"/>
    </row>
    <row r="5455" spans="3:4" x14ac:dyDescent="0.25">
      <c r="C5455"/>
      <c r="D5455"/>
    </row>
    <row r="5456" spans="3:4" x14ac:dyDescent="0.25">
      <c r="C5456"/>
      <c r="D5456"/>
    </row>
    <row r="5457" spans="3:4" x14ac:dyDescent="0.25">
      <c r="C5457"/>
      <c r="D5457"/>
    </row>
    <row r="5458" spans="3:4" x14ac:dyDescent="0.25">
      <c r="C5458"/>
      <c r="D5458"/>
    </row>
    <row r="5459" spans="3:4" x14ac:dyDescent="0.25">
      <c r="C5459"/>
      <c r="D5459"/>
    </row>
    <row r="5460" spans="3:4" x14ac:dyDescent="0.25">
      <c r="C5460"/>
      <c r="D5460"/>
    </row>
    <row r="5461" spans="3:4" x14ac:dyDescent="0.25">
      <c r="C5461"/>
      <c r="D5461"/>
    </row>
    <row r="5462" spans="3:4" x14ac:dyDescent="0.25">
      <c r="C5462"/>
      <c r="D5462"/>
    </row>
    <row r="5463" spans="3:4" x14ac:dyDescent="0.25">
      <c r="C5463"/>
      <c r="D5463"/>
    </row>
    <row r="5464" spans="3:4" x14ac:dyDescent="0.25">
      <c r="C5464"/>
      <c r="D5464"/>
    </row>
    <row r="5465" spans="3:4" x14ac:dyDescent="0.25">
      <c r="C5465"/>
      <c r="D5465"/>
    </row>
    <row r="5466" spans="3:4" x14ac:dyDescent="0.25">
      <c r="C5466"/>
      <c r="D5466"/>
    </row>
    <row r="5467" spans="3:4" x14ac:dyDescent="0.25">
      <c r="C5467"/>
      <c r="D5467"/>
    </row>
    <row r="5468" spans="3:4" x14ac:dyDescent="0.25">
      <c r="C5468"/>
      <c r="D5468"/>
    </row>
    <row r="5469" spans="3:4" x14ac:dyDescent="0.25">
      <c r="C5469"/>
      <c r="D5469"/>
    </row>
    <row r="5470" spans="3:4" x14ac:dyDescent="0.25">
      <c r="C5470"/>
      <c r="D5470"/>
    </row>
    <row r="5471" spans="3:4" x14ac:dyDescent="0.25">
      <c r="C5471"/>
      <c r="D5471"/>
    </row>
    <row r="5472" spans="3:4" x14ac:dyDescent="0.25">
      <c r="C5472"/>
      <c r="D5472"/>
    </row>
    <row r="5473" spans="3:4" x14ac:dyDescent="0.25">
      <c r="C5473"/>
      <c r="D5473"/>
    </row>
    <row r="5474" spans="3:4" x14ac:dyDescent="0.25">
      <c r="C5474"/>
      <c r="D5474"/>
    </row>
    <row r="5475" spans="3:4" x14ac:dyDescent="0.25">
      <c r="C5475"/>
      <c r="D5475"/>
    </row>
    <row r="5476" spans="3:4" x14ac:dyDescent="0.25">
      <c r="C5476"/>
      <c r="D5476"/>
    </row>
    <row r="5477" spans="3:4" x14ac:dyDescent="0.25">
      <c r="C5477"/>
      <c r="D5477"/>
    </row>
    <row r="5478" spans="3:4" x14ac:dyDescent="0.25">
      <c r="C5478"/>
      <c r="D5478"/>
    </row>
    <row r="5479" spans="3:4" x14ac:dyDescent="0.25">
      <c r="C5479"/>
      <c r="D5479"/>
    </row>
    <row r="5480" spans="3:4" x14ac:dyDescent="0.25">
      <c r="C5480"/>
      <c r="D5480"/>
    </row>
    <row r="5481" spans="3:4" x14ac:dyDescent="0.25">
      <c r="C5481"/>
      <c r="D5481"/>
    </row>
    <row r="5482" spans="3:4" x14ac:dyDescent="0.25">
      <c r="C5482"/>
      <c r="D5482"/>
    </row>
    <row r="5483" spans="3:4" x14ac:dyDescent="0.25">
      <c r="C5483"/>
      <c r="D5483"/>
    </row>
    <row r="5484" spans="3:4" x14ac:dyDescent="0.25">
      <c r="C5484"/>
      <c r="D5484"/>
    </row>
    <row r="5485" spans="3:4" x14ac:dyDescent="0.25">
      <c r="C5485"/>
      <c r="D5485"/>
    </row>
    <row r="5486" spans="3:4" x14ac:dyDescent="0.25">
      <c r="C5486"/>
      <c r="D5486"/>
    </row>
    <row r="5487" spans="3:4" x14ac:dyDescent="0.25">
      <c r="C5487"/>
      <c r="D5487"/>
    </row>
    <row r="5488" spans="3:4" x14ac:dyDescent="0.25">
      <c r="C5488"/>
      <c r="D5488"/>
    </row>
    <row r="5489" spans="3:4" x14ac:dyDescent="0.25">
      <c r="C5489"/>
      <c r="D5489"/>
    </row>
    <row r="5490" spans="3:4" x14ac:dyDescent="0.25">
      <c r="C5490"/>
      <c r="D5490"/>
    </row>
    <row r="5491" spans="3:4" x14ac:dyDescent="0.25">
      <c r="C5491"/>
      <c r="D5491"/>
    </row>
    <row r="5492" spans="3:4" x14ac:dyDescent="0.25">
      <c r="C5492"/>
      <c r="D5492"/>
    </row>
    <row r="5493" spans="3:4" x14ac:dyDescent="0.25">
      <c r="C5493"/>
      <c r="D5493"/>
    </row>
    <row r="5494" spans="3:4" x14ac:dyDescent="0.25">
      <c r="C5494"/>
      <c r="D5494"/>
    </row>
    <row r="5495" spans="3:4" x14ac:dyDescent="0.25">
      <c r="C5495"/>
      <c r="D5495"/>
    </row>
    <row r="5496" spans="3:4" x14ac:dyDescent="0.25">
      <c r="C5496"/>
      <c r="D5496"/>
    </row>
    <row r="5497" spans="3:4" x14ac:dyDescent="0.25">
      <c r="C5497"/>
      <c r="D5497"/>
    </row>
    <row r="5498" spans="3:4" x14ac:dyDescent="0.25">
      <c r="C5498"/>
      <c r="D5498"/>
    </row>
    <row r="5499" spans="3:4" x14ac:dyDescent="0.25">
      <c r="C5499"/>
      <c r="D5499"/>
    </row>
    <row r="5500" spans="3:4" x14ac:dyDescent="0.25">
      <c r="C5500"/>
      <c r="D5500"/>
    </row>
    <row r="5501" spans="3:4" x14ac:dyDescent="0.25">
      <c r="C5501"/>
      <c r="D5501"/>
    </row>
    <row r="5502" spans="3:4" x14ac:dyDescent="0.25">
      <c r="C5502"/>
      <c r="D5502"/>
    </row>
    <row r="5503" spans="3:4" x14ac:dyDescent="0.25">
      <c r="C5503"/>
      <c r="D5503"/>
    </row>
    <row r="5504" spans="3:4" x14ac:dyDescent="0.25">
      <c r="C5504"/>
      <c r="D5504"/>
    </row>
    <row r="5505" spans="3:4" x14ac:dyDescent="0.25">
      <c r="C5505"/>
      <c r="D5505"/>
    </row>
    <row r="5506" spans="3:4" x14ac:dyDescent="0.25">
      <c r="C5506"/>
      <c r="D5506"/>
    </row>
    <row r="5507" spans="3:4" x14ac:dyDescent="0.25">
      <c r="C5507"/>
      <c r="D5507"/>
    </row>
    <row r="5508" spans="3:4" x14ac:dyDescent="0.25">
      <c r="C5508"/>
      <c r="D5508"/>
    </row>
    <row r="5509" spans="3:4" x14ac:dyDescent="0.25">
      <c r="C5509"/>
      <c r="D5509"/>
    </row>
    <row r="5510" spans="3:4" x14ac:dyDescent="0.25">
      <c r="C5510"/>
      <c r="D5510"/>
    </row>
    <row r="5511" spans="3:4" x14ac:dyDescent="0.25">
      <c r="C5511"/>
      <c r="D5511"/>
    </row>
    <row r="5512" spans="3:4" x14ac:dyDescent="0.25">
      <c r="C5512"/>
      <c r="D5512"/>
    </row>
    <row r="5513" spans="3:4" x14ac:dyDescent="0.25">
      <c r="C5513"/>
      <c r="D5513"/>
    </row>
    <row r="5514" spans="3:4" x14ac:dyDescent="0.25">
      <c r="C5514"/>
      <c r="D5514"/>
    </row>
    <row r="5515" spans="3:4" x14ac:dyDescent="0.25">
      <c r="C5515"/>
      <c r="D5515"/>
    </row>
    <row r="5516" spans="3:4" x14ac:dyDescent="0.25">
      <c r="C5516"/>
      <c r="D5516"/>
    </row>
    <row r="5517" spans="3:4" x14ac:dyDescent="0.25">
      <c r="C5517"/>
      <c r="D5517"/>
    </row>
    <row r="5518" spans="3:4" x14ac:dyDescent="0.25">
      <c r="C5518"/>
      <c r="D5518"/>
    </row>
    <row r="5519" spans="3:4" x14ac:dyDescent="0.25">
      <c r="C5519"/>
      <c r="D5519"/>
    </row>
    <row r="5520" spans="3:4" x14ac:dyDescent="0.25">
      <c r="C5520"/>
      <c r="D5520"/>
    </row>
    <row r="5521" spans="3:4" x14ac:dyDescent="0.25">
      <c r="C5521"/>
      <c r="D5521"/>
    </row>
    <row r="5522" spans="3:4" x14ac:dyDescent="0.25">
      <c r="C5522"/>
      <c r="D5522"/>
    </row>
    <row r="5523" spans="3:4" x14ac:dyDescent="0.25">
      <c r="C5523"/>
      <c r="D5523"/>
    </row>
    <row r="5524" spans="3:4" x14ac:dyDescent="0.25">
      <c r="C5524"/>
      <c r="D5524"/>
    </row>
    <row r="5525" spans="3:4" x14ac:dyDescent="0.25">
      <c r="C5525"/>
      <c r="D5525"/>
    </row>
    <row r="5526" spans="3:4" x14ac:dyDescent="0.25">
      <c r="C5526"/>
      <c r="D5526"/>
    </row>
    <row r="5527" spans="3:4" x14ac:dyDescent="0.25">
      <c r="C5527"/>
      <c r="D5527"/>
    </row>
    <row r="5528" spans="3:4" x14ac:dyDescent="0.25">
      <c r="C5528"/>
      <c r="D5528"/>
    </row>
    <row r="5529" spans="3:4" x14ac:dyDescent="0.25">
      <c r="C5529"/>
      <c r="D5529"/>
    </row>
    <row r="5530" spans="3:4" x14ac:dyDescent="0.25">
      <c r="C5530"/>
      <c r="D5530"/>
    </row>
    <row r="5531" spans="3:4" x14ac:dyDescent="0.25">
      <c r="C5531"/>
      <c r="D5531"/>
    </row>
    <row r="5532" spans="3:4" x14ac:dyDescent="0.25">
      <c r="C5532"/>
      <c r="D5532"/>
    </row>
    <row r="5533" spans="3:4" x14ac:dyDescent="0.25">
      <c r="C5533"/>
      <c r="D5533"/>
    </row>
    <row r="5534" spans="3:4" x14ac:dyDescent="0.25">
      <c r="C5534"/>
      <c r="D5534"/>
    </row>
    <row r="5535" spans="3:4" x14ac:dyDescent="0.25">
      <c r="C5535"/>
      <c r="D5535"/>
    </row>
    <row r="5536" spans="3:4" x14ac:dyDescent="0.25">
      <c r="C5536"/>
      <c r="D5536"/>
    </row>
    <row r="5537" spans="3:4" x14ac:dyDescent="0.25">
      <c r="C5537"/>
      <c r="D5537"/>
    </row>
    <row r="5538" spans="3:4" x14ac:dyDescent="0.25">
      <c r="C5538"/>
      <c r="D5538"/>
    </row>
    <row r="5539" spans="3:4" x14ac:dyDescent="0.25">
      <c r="C5539"/>
      <c r="D5539"/>
    </row>
    <row r="5540" spans="3:4" x14ac:dyDescent="0.25">
      <c r="C5540"/>
      <c r="D5540"/>
    </row>
    <row r="5541" spans="3:4" x14ac:dyDescent="0.25">
      <c r="C5541"/>
      <c r="D5541"/>
    </row>
    <row r="5542" spans="3:4" x14ac:dyDescent="0.25">
      <c r="C5542"/>
      <c r="D5542"/>
    </row>
    <row r="5543" spans="3:4" x14ac:dyDescent="0.25">
      <c r="C5543"/>
      <c r="D5543"/>
    </row>
    <row r="5544" spans="3:4" x14ac:dyDescent="0.25">
      <c r="C5544"/>
      <c r="D5544"/>
    </row>
    <row r="5545" spans="3:4" x14ac:dyDescent="0.25">
      <c r="C5545"/>
      <c r="D5545"/>
    </row>
    <row r="5546" spans="3:4" x14ac:dyDescent="0.25">
      <c r="C5546"/>
      <c r="D5546"/>
    </row>
    <row r="5547" spans="3:4" x14ac:dyDescent="0.25">
      <c r="C5547"/>
      <c r="D5547"/>
    </row>
    <row r="5548" spans="3:4" x14ac:dyDescent="0.25">
      <c r="C5548"/>
      <c r="D5548"/>
    </row>
    <row r="5549" spans="3:4" x14ac:dyDescent="0.25">
      <c r="C5549"/>
      <c r="D5549"/>
    </row>
    <row r="5550" spans="3:4" x14ac:dyDescent="0.25">
      <c r="C5550"/>
      <c r="D5550"/>
    </row>
    <row r="5551" spans="3:4" x14ac:dyDescent="0.25">
      <c r="C5551"/>
      <c r="D5551"/>
    </row>
    <row r="5552" spans="3:4" x14ac:dyDescent="0.25">
      <c r="C5552"/>
      <c r="D5552"/>
    </row>
    <row r="5553" spans="3:4" x14ac:dyDescent="0.25">
      <c r="C5553"/>
      <c r="D5553"/>
    </row>
    <row r="5554" spans="3:4" x14ac:dyDescent="0.25">
      <c r="C5554"/>
      <c r="D5554"/>
    </row>
    <row r="5555" spans="3:4" x14ac:dyDescent="0.25">
      <c r="C5555"/>
      <c r="D5555"/>
    </row>
    <row r="5556" spans="3:4" x14ac:dyDescent="0.25">
      <c r="C5556"/>
      <c r="D5556"/>
    </row>
    <row r="5557" spans="3:4" x14ac:dyDescent="0.25">
      <c r="C5557"/>
      <c r="D5557"/>
    </row>
    <row r="5558" spans="3:4" x14ac:dyDescent="0.25">
      <c r="C5558"/>
      <c r="D5558"/>
    </row>
    <row r="5559" spans="3:4" x14ac:dyDescent="0.25">
      <c r="C5559"/>
      <c r="D5559"/>
    </row>
    <row r="5560" spans="3:4" x14ac:dyDescent="0.25">
      <c r="C5560"/>
      <c r="D5560"/>
    </row>
    <row r="5561" spans="3:4" x14ac:dyDescent="0.25">
      <c r="C5561"/>
      <c r="D5561"/>
    </row>
    <row r="5562" spans="3:4" x14ac:dyDescent="0.25">
      <c r="C5562"/>
      <c r="D5562"/>
    </row>
    <row r="5563" spans="3:4" x14ac:dyDescent="0.25">
      <c r="C5563"/>
      <c r="D5563"/>
    </row>
    <row r="5564" spans="3:4" x14ac:dyDescent="0.25">
      <c r="C5564"/>
      <c r="D5564"/>
    </row>
    <row r="5565" spans="3:4" x14ac:dyDescent="0.25">
      <c r="C5565"/>
      <c r="D5565"/>
    </row>
    <row r="5566" spans="3:4" x14ac:dyDescent="0.25">
      <c r="C5566"/>
      <c r="D5566"/>
    </row>
    <row r="5567" spans="3:4" x14ac:dyDescent="0.25">
      <c r="C5567"/>
      <c r="D5567"/>
    </row>
    <row r="5568" spans="3:4" x14ac:dyDescent="0.25">
      <c r="C5568"/>
      <c r="D5568"/>
    </row>
    <row r="5569" spans="3:4" x14ac:dyDescent="0.25">
      <c r="C5569"/>
      <c r="D5569"/>
    </row>
    <row r="5570" spans="3:4" x14ac:dyDescent="0.25">
      <c r="C5570"/>
      <c r="D5570"/>
    </row>
    <row r="5571" spans="3:4" x14ac:dyDescent="0.25">
      <c r="C5571"/>
      <c r="D5571"/>
    </row>
    <row r="5572" spans="3:4" x14ac:dyDescent="0.25">
      <c r="C5572"/>
      <c r="D5572"/>
    </row>
    <row r="5573" spans="3:4" x14ac:dyDescent="0.25">
      <c r="C5573"/>
      <c r="D5573"/>
    </row>
    <row r="5574" spans="3:4" x14ac:dyDescent="0.25">
      <c r="C5574"/>
      <c r="D5574"/>
    </row>
    <row r="5575" spans="3:4" x14ac:dyDescent="0.25">
      <c r="C5575"/>
      <c r="D5575"/>
    </row>
    <row r="5576" spans="3:4" x14ac:dyDescent="0.25">
      <c r="C5576"/>
      <c r="D5576"/>
    </row>
    <row r="5577" spans="3:4" x14ac:dyDescent="0.25">
      <c r="C5577"/>
      <c r="D5577"/>
    </row>
    <row r="5578" spans="3:4" x14ac:dyDescent="0.25">
      <c r="C5578"/>
      <c r="D5578"/>
    </row>
    <row r="5579" spans="3:4" x14ac:dyDescent="0.25">
      <c r="C5579"/>
      <c r="D5579"/>
    </row>
    <row r="5580" spans="3:4" x14ac:dyDescent="0.25">
      <c r="C5580"/>
      <c r="D5580"/>
    </row>
    <row r="5581" spans="3:4" x14ac:dyDescent="0.25">
      <c r="C5581"/>
      <c r="D5581"/>
    </row>
    <row r="5582" spans="3:4" x14ac:dyDescent="0.25">
      <c r="C5582"/>
      <c r="D5582"/>
    </row>
    <row r="5583" spans="3:4" x14ac:dyDescent="0.25">
      <c r="C5583"/>
      <c r="D5583"/>
    </row>
    <row r="5584" spans="3:4" x14ac:dyDescent="0.25">
      <c r="C5584"/>
      <c r="D5584"/>
    </row>
    <row r="5585" spans="3:4" x14ac:dyDescent="0.25">
      <c r="C5585"/>
      <c r="D5585"/>
    </row>
    <row r="5586" spans="3:4" x14ac:dyDescent="0.25">
      <c r="C5586"/>
      <c r="D5586"/>
    </row>
    <row r="5587" spans="3:4" x14ac:dyDescent="0.25">
      <c r="C5587"/>
      <c r="D5587"/>
    </row>
    <row r="5588" spans="3:4" x14ac:dyDescent="0.25">
      <c r="C5588"/>
      <c r="D5588"/>
    </row>
    <row r="5589" spans="3:4" x14ac:dyDescent="0.25">
      <c r="C5589"/>
      <c r="D5589"/>
    </row>
    <row r="5590" spans="3:4" x14ac:dyDescent="0.25">
      <c r="C5590"/>
      <c r="D5590"/>
    </row>
    <row r="5591" spans="3:4" x14ac:dyDescent="0.25">
      <c r="C5591"/>
      <c r="D5591"/>
    </row>
    <row r="5592" spans="3:4" x14ac:dyDescent="0.25">
      <c r="C5592"/>
      <c r="D5592"/>
    </row>
    <row r="5593" spans="3:4" x14ac:dyDescent="0.25">
      <c r="C5593"/>
      <c r="D5593"/>
    </row>
    <row r="5594" spans="3:4" x14ac:dyDescent="0.25">
      <c r="C5594"/>
      <c r="D5594"/>
    </row>
    <row r="5595" spans="3:4" x14ac:dyDescent="0.25">
      <c r="C5595"/>
      <c r="D5595"/>
    </row>
    <row r="5596" spans="3:4" x14ac:dyDescent="0.25">
      <c r="C5596"/>
      <c r="D5596"/>
    </row>
    <row r="5597" spans="3:4" x14ac:dyDescent="0.25">
      <c r="C5597"/>
      <c r="D5597"/>
    </row>
    <row r="5598" spans="3:4" x14ac:dyDescent="0.25">
      <c r="C5598"/>
      <c r="D5598"/>
    </row>
    <row r="5599" spans="3:4" x14ac:dyDescent="0.25">
      <c r="C5599"/>
      <c r="D5599"/>
    </row>
    <row r="5600" spans="3:4" x14ac:dyDescent="0.25">
      <c r="C5600"/>
      <c r="D5600"/>
    </row>
    <row r="5601" spans="3:4" x14ac:dyDescent="0.25">
      <c r="C5601"/>
      <c r="D5601"/>
    </row>
    <row r="5602" spans="3:4" x14ac:dyDescent="0.25">
      <c r="C5602"/>
      <c r="D5602"/>
    </row>
    <row r="5603" spans="3:4" x14ac:dyDescent="0.25">
      <c r="C5603"/>
      <c r="D5603"/>
    </row>
    <row r="5604" spans="3:4" x14ac:dyDescent="0.25">
      <c r="C5604"/>
      <c r="D5604"/>
    </row>
    <row r="5605" spans="3:4" x14ac:dyDescent="0.25">
      <c r="C5605"/>
      <c r="D5605"/>
    </row>
    <row r="5606" spans="3:4" x14ac:dyDescent="0.25">
      <c r="C5606"/>
      <c r="D5606"/>
    </row>
    <row r="5607" spans="3:4" x14ac:dyDescent="0.25">
      <c r="C5607"/>
      <c r="D5607"/>
    </row>
    <row r="5608" spans="3:4" x14ac:dyDescent="0.25">
      <c r="C5608"/>
      <c r="D5608"/>
    </row>
    <row r="5609" spans="3:4" x14ac:dyDescent="0.25">
      <c r="C5609"/>
      <c r="D5609"/>
    </row>
    <row r="5610" spans="3:4" x14ac:dyDescent="0.25">
      <c r="C5610"/>
      <c r="D5610"/>
    </row>
    <row r="5611" spans="3:4" x14ac:dyDescent="0.25">
      <c r="C5611"/>
      <c r="D5611"/>
    </row>
    <row r="5612" spans="3:4" x14ac:dyDescent="0.25">
      <c r="C5612"/>
      <c r="D5612"/>
    </row>
    <row r="5613" spans="3:4" x14ac:dyDescent="0.25">
      <c r="C5613"/>
      <c r="D5613"/>
    </row>
    <row r="5614" spans="3:4" x14ac:dyDescent="0.25">
      <c r="C5614"/>
      <c r="D5614"/>
    </row>
    <row r="5615" spans="3:4" x14ac:dyDescent="0.25">
      <c r="C5615"/>
      <c r="D5615"/>
    </row>
    <row r="5616" spans="3:4" x14ac:dyDescent="0.25">
      <c r="C5616"/>
      <c r="D5616"/>
    </row>
    <row r="5617" spans="3:4" x14ac:dyDescent="0.25">
      <c r="C5617"/>
      <c r="D5617"/>
    </row>
    <row r="5618" spans="3:4" x14ac:dyDescent="0.25">
      <c r="C5618"/>
      <c r="D5618"/>
    </row>
    <row r="5619" spans="3:4" x14ac:dyDescent="0.25">
      <c r="C5619"/>
      <c r="D5619"/>
    </row>
    <row r="5620" spans="3:4" x14ac:dyDescent="0.25">
      <c r="C5620"/>
      <c r="D5620"/>
    </row>
    <row r="5621" spans="3:4" x14ac:dyDescent="0.25">
      <c r="C5621"/>
      <c r="D5621"/>
    </row>
    <row r="5622" spans="3:4" x14ac:dyDescent="0.25">
      <c r="C5622"/>
      <c r="D5622"/>
    </row>
    <row r="5623" spans="3:4" x14ac:dyDescent="0.25">
      <c r="C5623"/>
      <c r="D5623"/>
    </row>
    <row r="5624" spans="3:4" x14ac:dyDescent="0.25">
      <c r="C5624"/>
      <c r="D5624"/>
    </row>
    <row r="5625" spans="3:4" x14ac:dyDescent="0.25">
      <c r="C5625"/>
      <c r="D5625"/>
    </row>
    <row r="5626" spans="3:4" x14ac:dyDescent="0.25">
      <c r="C5626"/>
      <c r="D5626"/>
    </row>
    <row r="5627" spans="3:4" x14ac:dyDescent="0.25">
      <c r="C5627"/>
      <c r="D5627"/>
    </row>
    <row r="5628" spans="3:4" x14ac:dyDescent="0.25">
      <c r="C5628"/>
      <c r="D5628"/>
    </row>
    <row r="5629" spans="3:4" x14ac:dyDescent="0.25">
      <c r="C5629"/>
      <c r="D5629"/>
    </row>
    <row r="5630" spans="3:4" x14ac:dyDescent="0.25">
      <c r="C5630"/>
      <c r="D5630"/>
    </row>
    <row r="5631" spans="3:4" x14ac:dyDescent="0.25">
      <c r="C5631"/>
      <c r="D5631"/>
    </row>
    <row r="5632" spans="3:4" x14ac:dyDescent="0.25">
      <c r="C5632"/>
      <c r="D5632"/>
    </row>
    <row r="5633" spans="3:4" x14ac:dyDescent="0.25">
      <c r="C5633"/>
      <c r="D5633"/>
    </row>
    <row r="5634" spans="3:4" x14ac:dyDescent="0.25">
      <c r="C5634"/>
      <c r="D5634"/>
    </row>
    <row r="5635" spans="3:4" x14ac:dyDescent="0.25">
      <c r="C5635"/>
      <c r="D5635"/>
    </row>
    <row r="5636" spans="3:4" x14ac:dyDescent="0.25">
      <c r="C5636"/>
      <c r="D5636"/>
    </row>
    <row r="5637" spans="3:4" x14ac:dyDescent="0.25">
      <c r="C5637"/>
      <c r="D5637"/>
    </row>
    <row r="5638" spans="3:4" x14ac:dyDescent="0.25">
      <c r="C5638"/>
      <c r="D5638"/>
    </row>
    <row r="5639" spans="3:4" x14ac:dyDescent="0.25">
      <c r="C5639"/>
      <c r="D5639"/>
    </row>
    <row r="5640" spans="3:4" x14ac:dyDescent="0.25">
      <c r="C5640"/>
      <c r="D5640"/>
    </row>
    <row r="5641" spans="3:4" x14ac:dyDescent="0.25">
      <c r="C5641"/>
      <c r="D5641"/>
    </row>
    <row r="5642" spans="3:4" x14ac:dyDescent="0.25">
      <c r="C5642"/>
      <c r="D5642"/>
    </row>
    <row r="5643" spans="3:4" x14ac:dyDescent="0.25">
      <c r="C5643"/>
      <c r="D5643"/>
    </row>
    <row r="5644" spans="3:4" x14ac:dyDescent="0.25">
      <c r="C5644"/>
      <c r="D5644"/>
    </row>
    <row r="5645" spans="3:4" x14ac:dyDescent="0.25">
      <c r="C5645"/>
      <c r="D5645"/>
    </row>
    <row r="5646" spans="3:4" x14ac:dyDescent="0.25">
      <c r="C5646"/>
      <c r="D5646"/>
    </row>
    <row r="5647" spans="3:4" x14ac:dyDescent="0.25">
      <c r="C5647"/>
      <c r="D5647"/>
    </row>
    <row r="5648" spans="3:4" x14ac:dyDescent="0.25">
      <c r="C5648"/>
      <c r="D5648"/>
    </row>
    <row r="5649" spans="3:4" x14ac:dyDescent="0.25">
      <c r="C5649"/>
      <c r="D5649"/>
    </row>
    <row r="5650" spans="3:4" x14ac:dyDescent="0.25">
      <c r="C5650"/>
      <c r="D5650"/>
    </row>
    <row r="5651" spans="3:4" x14ac:dyDescent="0.25">
      <c r="C5651"/>
      <c r="D5651"/>
    </row>
    <row r="5652" spans="3:4" x14ac:dyDescent="0.25">
      <c r="C5652"/>
      <c r="D5652"/>
    </row>
    <row r="5653" spans="3:4" x14ac:dyDescent="0.25">
      <c r="C5653"/>
      <c r="D5653"/>
    </row>
    <row r="5654" spans="3:4" x14ac:dyDescent="0.25">
      <c r="C5654"/>
      <c r="D5654"/>
    </row>
    <row r="5655" spans="3:4" x14ac:dyDescent="0.25">
      <c r="C5655"/>
      <c r="D5655"/>
    </row>
    <row r="5656" spans="3:4" x14ac:dyDescent="0.25">
      <c r="C5656"/>
      <c r="D5656"/>
    </row>
    <row r="5657" spans="3:4" x14ac:dyDescent="0.25">
      <c r="C5657"/>
      <c r="D5657"/>
    </row>
    <row r="5658" spans="3:4" x14ac:dyDescent="0.25">
      <c r="C5658"/>
      <c r="D5658"/>
    </row>
    <row r="5659" spans="3:4" x14ac:dyDescent="0.25">
      <c r="C5659"/>
      <c r="D5659"/>
    </row>
    <row r="5660" spans="3:4" x14ac:dyDescent="0.25">
      <c r="C5660"/>
      <c r="D5660"/>
    </row>
    <row r="5661" spans="3:4" x14ac:dyDescent="0.25">
      <c r="C5661"/>
      <c r="D5661"/>
    </row>
    <row r="5662" spans="3:4" x14ac:dyDescent="0.25">
      <c r="C5662"/>
      <c r="D5662"/>
    </row>
    <row r="5663" spans="3:4" x14ac:dyDescent="0.25">
      <c r="C5663"/>
      <c r="D5663"/>
    </row>
    <row r="5664" spans="3:4" x14ac:dyDescent="0.25">
      <c r="C5664"/>
      <c r="D5664"/>
    </row>
    <row r="5665" spans="3:4" x14ac:dyDescent="0.25">
      <c r="C5665"/>
      <c r="D5665"/>
    </row>
    <row r="5666" spans="3:4" x14ac:dyDescent="0.25">
      <c r="C5666"/>
      <c r="D5666"/>
    </row>
    <row r="5667" spans="3:4" x14ac:dyDescent="0.25">
      <c r="C5667"/>
      <c r="D5667"/>
    </row>
    <row r="5668" spans="3:4" x14ac:dyDescent="0.25">
      <c r="C5668"/>
      <c r="D5668"/>
    </row>
    <row r="5669" spans="3:4" x14ac:dyDescent="0.25">
      <c r="C5669"/>
      <c r="D5669"/>
    </row>
    <row r="5670" spans="3:4" x14ac:dyDescent="0.25">
      <c r="C5670"/>
      <c r="D5670"/>
    </row>
    <row r="5671" spans="3:4" x14ac:dyDescent="0.25">
      <c r="C5671"/>
      <c r="D5671"/>
    </row>
    <row r="5672" spans="3:4" x14ac:dyDescent="0.25">
      <c r="C5672"/>
      <c r="D5672"/>
    </row>
    <row r="5673" spans="3:4" x14ac:dyDescent="0.25">
      <c r="C5673"/>
      <c r="D5673"/>
    </row>
    <row r="5674" spans="3:4" x14ac:dyDescent="0.25">
      <c r="C5674"/>
      <c r="D5674"/>
    </row>
    <row r="5675" spans="3:4" x14ac:dyDescent="0.25">
      <c r="C5675"/>
      <c r="D5675"/>
    </row>
    <row r="5676" spans="3:4" x14ac:dyDescent="0.25">
      <c r="C5676"/>
      <c r="D5676"/>
    </row>
    <row r="5677" spans="3:4" x14ac:dyDescent="0.25">
      <c r="C5677"/>
      <c r="D5677"/>
    </row>
    <row r="5678" spans="3:4" x14ac:dyDescent="0.25">
      <c r="C5678"/>
      <c r="D5678"/>
    </row>
    <row r="5679" spans="3:4" x14ac:dyDescent="0.25">
      <c r="C5679"/>
      <c r="D5679"/>
    </row>
    <row r="5680" spans="3:4" x14ac:dyDescent="0.25">
      <c r="C5680"/>
      <c r="D5680"/>
    </row>
    <row r="5681" spans="3:4" x14ac:dyDescent="0.25">
      <c r="C5681"/>
      <c r="D5681"/>
    </row>
    <row r="5682" spans="3:4" x14ac:dyDescent="0.25">
      <c r="C5682"/>
      <c r="D5682"/>
    </row>
    <row r="5683" spans="3:4" x14ac:dyDescent="0.25">
      <c r="C5683"/>
      <c r="D5683"/>
    </row>
    <row r="5684" spans="3:4" x14ac:dyDescent="0.25">
      <c r="C5684"/>
      <c r="D5684"/>
    </row>
    <row r="5685" spans="3:4" x14ac:dyDescent="0.25">
      <c r="C5685"/>
      <c r="D5685"/>
    </row>
    <row r="5686" spans="3:4" x14ac:dyDescent="0.25">
      <c r="C5686"/>
      <c r="D5686"/>
    </row>
    <row r="5687" spans="3:4" x14ac:dyDescent="0.25">
      <c r="C5687"/>
      <c r="D5687"/>
    </row>
    <row r="5688" spans="3:4" x14ac:dyDescent="0.25">
      <c r="C5688"/>
      <c r="D5688"/>
    </row>
    <row r="5689" spans="3:4" x14ac:dyDescent="0.25">
      <c r="C5689"/>
      <c r="D5689"/>
    </row>
    <row r="5690" spans="3:4" x14ac:dyDescent="0.25">
      <c r="C5690"/>
      <c r="D5690"/>
    </row>
    <row r="5691" spans="3:4" x14ac:dyDescent="0.25">
      <c r="C5691"/>
      <c r="D5691"/>
    </row>
    <row r="5692" spans="3:4" x14ac:dyDescent="0.25">
      <c r="C5692"/>
      <c r="D5692"/>
    </row>
    <row r="5693" spans="3:4" x14ac:dyDescent="0.25">
      <c r="C5693"/>
      <c r="D5693"/>
    </row>
    <row r="5694" spans="3:4" x14ac:dyDescent="0.25">
      <c r="C5694"/>
      <c r="D5694"/>
    </row>
    <row r="5695" spans="3:4" x14ac:dyDescent="0.25">
      <c r="C5695"/>
      <c r="D5695"/>
    </row>
    <row r="5696" spans="3:4" x14ac:dyDescent="0.25">
      <c r="C5696"/>
      <c r="D5696"/>
    </row>
    <row r="5697" spans="3:4" x14ac:dyDescent="0.25">
      <c r="C5697"/>
      <c r="D5697"/>
    </row>
    <row r="5698" spans="3:4" x14ac:dyDescent="0.25">
      <c r="C5698"/>
      <c r="D5698"/>
    </row>
    <row r="5699" spans="3:4" x14ac:dyDescent="0.25">
      <c r="C5699"/>
      <c r="D5699"/>
    </row>
    <row r="5700" spans="3:4" x14ac:dyDescent="0.25">
      <c r="C5700"/>
      <c r="D5700"/>
    </row>
    <row r="5701" spans="3:4" x14ac:dyDescent="0.25">
      <c r="C5701"/>
      <c r="D5701"/>
    </row>
    <row r="5702" spans="3:4" x14ac:dyDescent="0.25">
      <c r="C5702"/>
      <c r="D5702"/>
    </row>
    <row r="5703" spans="3:4" x14ac:dyDescent="0.25">
      <c r="C5703"/>
      <c r="D5703"/>
    </row>
    <row r="5704" spans="3:4" x14ac:dyDescent="0.25">
      <c r="C5704"/>
      <c r="D5704"/>
    </row>
    <row r="5705" spans="3:4" x14ac:dyDescent="0.25">
      <c r="C5705"/>
      <c r="D5705"/>
    </row>
    <row r="5706" spans="3:4" x14ac:dyDescent="0.25">
      <c r="C5706"/>
      <c r="D5706"/>
    </row>
    <row r="5707" spans="3:4" x14ac:dyDescent="0.25">
      <c r="C5707"/>
      <c r="D5707"/>
    </row>
    <row r="5708" spans="3:4" x14ac:dyDescent="0.25">
      <c r="C5708"/>
      <c r="D5708"/>
    </row>
    <row r="5709" spans="3:4" x14ac:dyDescent="0.25">
      <c r="C5709"/>
      <c r="D5709"/>
    </row>
    <row r="5710" spans="3:4" x14ac:dyDescent="0.25">
      <c r="C5710"/>
      <c r="D5710"/>
    </row>
    <row r="5711" spans="3:4" x14ac:dyDescent="0.25">
      <c r="C5711"/>
      <c r="D5711"/>
    </row>
    <row r="5712" spans="3:4" x14ac:dyDescent="0.25">
      <c r="C5712"/>
      <c r="D5712"/>
    </row>
    <row r="5713" spans="3:4" x14ac:dyDescent="0.25">
      <c r="C5713"/>
      <c r="D5713"/>
    </row>
    <row r="5714" spans="3:4" x14ac:dyDescent="0.25">
      <c r="C5714"/>
      <c r="D5714"/>
    </row>
    <row r="5715" spans="3:4" x14ac:dyDescent="0.25">
      <c r="C5715"/>
      <c r="D5715"/>
    </row>
    <row r="5716" spans="3:4" x14ac:dyDescent="0.25">
      <c r="C5716"/>
      <c r="D5716"/>
    </row>
    <row r="5717" spans="3:4" x14ac:dyDescent="0.25">
      <c r="C5717"/>
      <c r="D5717"/>
    </row>
    <row r="5718" spans="3:4" x14ac:dyDescent="0.25">
      <c r="C5718"/>
      <c r="D5718"/>
    </row>
    <row r="5719" spans="3:4" x14ac:dyDescent="0.25">
      <c r="C5719"/>
      <c r="D5719"/>
    </row>
    <row r="5720" spans="3:4" x14ac:dyDescent="0.25">
      <c r="C5720"/>
      <c r="D5720"/>
    </row>
    <row r="5721" spans="3:4" x14ac:dyDescent="0.25">
      <c r="C5721"/>
      <c r="D5721"/>
    </row>
    <row r="5722" spans="3:4" x14ac:dyDescent="0.25">
      <c r="C5722"/>
      <c r="D5722"/>
    </row>
    <row r="5723" spans="3:4" x14ac:dyDescent="0.25">
      <c r="C5723"/>
      <c r="D5723"/>
    </row>
    <row r="5724" spans="3:4" x14ac:dyDescent="0.25">
      <c r="C5724"/>
      <c r="D5724"/>
    </row>
    <row r="5725" spans="3:4" x14ac:dyDescent="0.25">
      <c r="C5725"/>
      <c r="D5725"/>
    </row>
    <row r="5726" spans="3:4" x14ac:dyDescent="0.25">
      <c r="C5726"/>
      <c r="D5726"/>
    </row>
    <row r="5727" spans="3:4" x14ac:dyDescent="0.25">
      <c r="C5727"/>
      <c r="D5727"/>
    </row>
    <row r="5728" spans="3:4" x14ac:dyDescent="0.25">
      <c r="C5728"/>
      <c r="D5728"/>
    </row>
    <row r="5729" spans="3:4" x14ac:dyDescent="0.25">
      <c r="C5729"/>
      <c r="D5729"/>
    </row>
    <row r="5730" spans="3:4" x14ac:dyDescent="0.25">
      <c r="C5730"/>
      <c r="D5730"/>
    </row>
    <row r="5731" spans="3:4" x14ac:dyDescent="0.25">
      <c r="C5731"/>
      <c r="D5731"/>
    </row>
    <row r="5732" spans="3:4" x14ac:dyDescent="0.25">
      <c r="C5732"/>
      <c r="D5732"/>
    </row>
    <row r="5733" spans="3:4" x14ac:dyDescent="0.25">
      <c r="C5733"/>
      <c r="D5733"/>
    </row>
    <row r="5734" spans="3:4" x14ac:dyDescent="0.25">
      <c r="C5734"/>
      <c r="D5734"/>
    </row>
    <row r="5735" spans="3:4" x14ac:dyDescent="0.25">
      <c r="C5735"/>
      <c r="D5735"/>
    </row>
    <row r="5736" spans="3:4" x14ac:dyDescent="0.25">
      <c r="C5736"/>
      <c r="D5736"/>
    </row>
    <row r="5737" spans="3:4" x14ac:dyDescent="0.25">
      <c r="C5737"/>
      <c r="D5737"/>
    </row>
    <row r="5738" spans="3:4" x14ac:dyDescent="0.25">
      <c r="C5738"/>
      <c r="D5738"/>
    </row>
    <row r="5739" spans="3:4" x14ac:dyDescent="0.25">
      <c r="C5739"/>
      <c r="D5739"/>
    </row>
    <row r="5740" spans="3:4" x14ac:dyDescent="0.25">
      <c r="C5740"/>
      <c r="D5740"/>
    </row>
    <row r="5741" spans="3:4" x14ac:dyDescent="0.25">
      <c r="C5741"/>
      <c r="D5741"/>
    </row>
    <row r="5742" spans="3:4" x14ac:dyDescent="0.25">
      <c r="C5742"/>
      <c r="D5742"/>
    </row>
    <row r="5743" spans="3:4" x14ac:dyDescent="0.25">
      <c r="C5743"/>
      <c r="D5743"/>
    </row>
    <row r="5744" spans="3:4" x14ac:dyDescent="0.25">
      <c r="C5744"/>
      <c r="D5744"/>
    </row>
    <row r="5745" spans="3:4" x14ac:dyDescent="0.25">
      <c r="C5745"/>
      <c r="D5745"/>
    </row>
    <row r="5746" spans="3:4" x14ac:dyDescent="0.25">
      <c r="C5746"/>
      <c r="D5746"/>
    </row>
    <row r="5747" spans="3:4" x14ac:dyDescent="0.25">
      <c r="C5747"/>
      <c r="D5747"/>
    </row>
    <row r="5748" spans="3:4" x14ac:dyDescent="0.25">
      <c r="C5748"/>
      <c r="D5748"/>
    </row>
    <row r="5749" spans="3:4" x14ac:dyDescent="0.25">
      <c r="C5749"/>
      <c r="D5749"/>
    </row>
    <row r="5750" spans="3:4" x14ac:dyDescent="0.25">
      <c r="C5750"/>
      <c r="D5750"/>
    </row>
    <row r="5751" spans="3:4" x14ac:dyDescent="0.25">
      <c r="C5751"/>
      <c r="D5751"/>
    </row>
    <row r="5752" spans="3:4" x14ac:dyDescent="0.25">
      <c r="C5752"/>
      <c r="D5752"/>
    </row>
    <row r="5753" spans="3:4" x14ac:dyDescent="0.25">
      <c r="C5753"/>
      <c r="D5753"/>
    </row>
    <row r="5754" spans="3:4" x14ac:dyDescent="0.25">
      <c r="C5754"/>
      <c r="D5754"/>
    </row>
    <row r="5755" spans="3:4" x14ac:dyDescent="0.25">
      <c r="C5755"/>
      <c r="D5755"/>
    </row>
    <row r="5756" spans="3:4" x14ac:dyDescent="0.25">
      <c r="C5756"/>
      <c r="D5756"/>
    </row>
    <row r="5757" spans="3:4" x14ac:dyDescent="0.25">
      <c r="C5757"/>
      <c r="D5757"/>
    </row>
    <row r="5758" spans="3:4" x14ac:dyDescent="0.25">
      <c r="C5758"/>
      <c r="D5758"/>
    </row>
    <row r="5759" spans="3:4" x14ac:dyDescent="0.25">
      <c r="C5759"/>
      <c r="D5759"/>
    </row>
    <row r="5760" spans="3:4" x14ac:dyDescent="0.25">
      <c r="C5760"/>
      <c r="D5760"/>
    </row>
    <row r="5761" spans="3:4" x14ac:dyDescent="0.25">
      <c r="C5761"/>
      <c r="D5761"/>
    </row>
    <row r="5762" spans="3:4" x14ac:dyDescent="0.25">
      <c r="C5762"/>
      <c r="D5762"/>
    </row>
    <row r="5763" spans="3:4" x14ac:dyDescent="0.25">
      <c r="C5763"/>
      <c r="D5763"/>
    </row>
    <row r="5764" spans="3:4" x14ac:dyDescent="0.25">
      <c r="C5764"/>
      <c r="D5764"/>
    </row>
    <row r="5765" spans="3:4" x14ac:dyDescent="0.25">
      <c r="C5765"/>
      <c r="D5765"/>
    </row>
    <row r="5766" spans="3:4" x14ac:dyDescent="0.25">
      <c r="C5766"/>
      <c r="D5766"/>
    </row>
    <row r="5767" spans="3:4" x14ac:dyDescent="0.25">
      <c r="C5767"/>
      <c r="D5767"/>
    </row>
    <row r="5768" spans="3:4" x14ac:dyDescent="0.25">
      <c r="C5768"/>
      <c r="D5768"/>
    </row>
    <row r="5769" spans="3:4" x14ac:dyDescent="0.25">
      <c r="C5769"/>
      <c r="D5769"/>
    </row>
    <row r="5770" spans="3:4" x14ac:dyDescent="0.25">
      <c r="C5770"/>
      <c r="D5770"/>
    </row>
    <row r="5771" spans="3:4" x14ac:dyDescent="0.25">
      <c r="C5771"/>
      <c r="D5771"/>
    </row>
    <row r="5772" spans="3:4" x14ac:dyDescent="0.25">
      <c r="C5772"/>
      <c r="D5772"/>
    </row>
    <row r="5773" spans="3:4" x14ac:dyDescent="0.25">
      <c r="C5773"/>
      <c r="D5773"/>
    </row>
    <row r="5774" spans="3:4" x14ac:dyDescent="0.25">
      <c r="C5774"/>
      <c r="D5774"/>
    </row>
    <row r="5775" spans="3:4" x14ac:dyDescent="0.25">
      <c r="C5775"/>
      <c r="D5775"/>
    </row>
    <row r="5776" spans="3:4" x14ac:dyDescent="0.25">
      <c r="C5776"/>
      <c r="D5776"/>
    </row>
    <row r="5777" spans="3:4" x14ac:dyDescent="0.25">
      <c r="C5777"/>
      <c r="D5777"/>
    </row>
    <row r="5778" spans="3:4" x14ac:dyDescent="0.25">
      <c r="C5778"/>
      <c r="D5778"/>
    </row>
    <row r="5779" spans="3:4" x14ac:dyDescent="0.25">
      <c r="C5779"/>
      <c r="D5779"/>
    </row>
    <row r="5780" spans="3:4" x14ac:dyDescent="0.25">
      <c r="C5780"/>
      <c r="D5780"/>
    </row>
    <row r="5781" spans="3:4" x14ac:dyDescent="0.25">
      <c r="C5781"/>
      <c r="D5781"/>
    </row>
    <row r="5782" spans="3:4" x14ac:dyDescent="0.25">
      <c r="C5782"/>
      <c r="D5782"/>
    </row>
    <row r="5783" spans="3:4" x14ac:dyDescent="0.25">
      <c r="C5783"/>
      <c r="D5783"/>
    </row>
    <row r="5784" spans="3:4" x14ac:dyDescent="0.25">
      <c r="C5784"/>
      <c r="D5784"/>
    </row>
    <row r="5785" spans="3:4" x14ac:dyDescent="0.25">
      <c r="C5785"/>
      <c r="D5785"/>
    </row>
    <row r="5786" spans="3:4" x14ac:dyDescent="0.25">
      <c r="C5786"/>
      <c r="D5786"/>
    </row>
    <row r="5787" spans="3:4" x14ac:dyDescent="0.25">
      <c r="C5787"/>
      <c r="D5787"/>
    </row>
    <row r="5788" spans="3:4" x14ac:dyDescent="0.25">
      <c r="C5788"/>
      <c r="D5788"/>
    </row>
    <row r="5789" spans="3:4" x14ac:dyDescent="0.25">
      <c r="C5789"/>
      <c r="D5789"/>
    </row>
    <row r="5790" spans="3:4" x14ac:dyDescent="0.25">
      <c r="C5790"/>
      <c r="D5790"/>
    </row>
    <row r="5791" spans="3:4" x14ac:dyDescent="0.25">
      <c r="C5791"/>
      <c r="D5791"/>
    </row>
    <row r="5792" spans="3:4" x14ac:dyDescent="0.25">
      <c r="C5792"/>
      <c r="D5792"/>
    </row>
    <row r="5793" spans="3:4" x14ac:dyDescent="0.25">
      <c r="C5793"/>
      <c r="D5793"/>
    </row>
    <row r="5794" spans="3:4" x14ac:dyDescent="0.25">
      <c r="C5794"/>
      <c r="D5794"/>
    </row>
    <row r="5795" spans="3:4" x14ac:dyDescent="0.25">
      <c r="C5795"/>
      <c r="D5795"/>
    </row>
    <row r="5796" spans="3:4" x14ac:dyDescent="0.25">
      <c r="C5796"/>
      <c r="D5796"/>
    </row>
    <row r="5797" spans="3:4" x14ac:dyDescent="0.25">
      <c r="C5797"/>
      <c r="D5797"/>
    </row>
    <row r="5798" spans="3:4" x14ac:dyDescent="0.25">
      <c r="C5798"/>
      <c r="D5798"/>
    </row>
    <row r="5799" spans="3:4" x14ac:dyDescent="0.25">
      <c r="C5799"/>
      <c r="D5799"/>
    </row>
    <row r="5800" spans="3:4" x14ac:dyDescent="0.25">
      <c r="C5800"/>
      <c r="D5800"/>
    </row>
    <row r="5801" spans="3:4" x14ac:dyDescent="0.25">
      <c r="C5801"/>
      <c r="D5801"/>
    </row>
    <row r="5802" spans="3:4" x14ac:dyDescent="0.25">
      <c r="C5802"/>
      <c r="D5802"/>
    </row>
    <row r="5803" spans="3:4" x14ac:dyDescent="0.25">
      <c r="C5803"/>
      <c r="D5803"/>
    </row>
    <row r="5804" spans="3:4" x14ac:dyDescent="0.25">
      <c r="C5804"/>
      <c r="D5804"/>
    </row>
    <row r="5805" spans="3:4" x14ac:dyDescent="0.25">
      <c r="C5805"/>
      <c r="D5805"/>
    </row>
    <row r="5806" spans="3:4" x14ac:dyDescent="0.25">
      <c r="C5806"/>
      <c r="D5806"/>
    </row>
    <row r="5807" spans="3:4" x14ac:dyDescent="0.25">
      <c r="C5807"/>
      <c r="D5807"/>
    </row>
    <row r="5808" spans="3:4" x14ac:dyDescent="0.25">
      <c r="C5808"/>
      <c r="D5808"/>
    </row>
    <row r="5809" spans="3:4" x14ac:dyDescent="0.25">
      <c r="C5809"/>
      <c r="D5809"/>
    </row>
    <row r="5810" spans="3:4" x14ac:dyDescent="0.25">
      <c r="C5810"/>
      <c r="D5810"/>
    </row>
    <row r="5811" spans="3:4" x14ac:dyDescent="0.25">
      <c r="C5811"/>
      <c r="D5811"/>
    </row>
    <row r="5812" spans="3:4" x14ac:dyDescent="0.25">
      <c r="C5812"/>
      <c r="D5812"/>
    </row>
    <row r="5813" spans="3:4" x14ac:dyDescent="0.25">
      <c r="C5813"/>
      <c r="D5813"/>
    </row>
    <row r="5814" spans="3:4" x14ac:dyDescent="0.25">
      <c r="C5814"/>
      <c r="D5814"/>
    </row>
    <row r="5815" spans="3:4" x14ac:dyDescent="0.25">
      <c r="C5815"/>
      <c r="D5815"/>
    </row>
    <row r="5816" spans="3:4" x14ac:dyDescent="0.25">
      <c r="C5816"/>
      <c r="D5816"/>
    </row>
    <row r="5817" spans="3:4" x14ac:dyDescent="0.25">
      <c r="C5817"/>
      <c r="D5817"/>
    </row>
    <row r="5818" spans="3:4" x14ac:dyDescent="0.25">
      <c r="C5818"/>
      <c r="D5818"/>
    </row>
    <row r="5819" spans="3:4" x14ac:dyDescent="0.25">
      <c r="C5819"/>
      <c r="D5819"/>
    </row>
    <row r="5820" spans="3:4" x14ac:dyDescent="0.25">
      <c r="C5820"/>
      <c r="D5820"/>
    </row>
    <row r="5821" spans="3:4" x14ac:dyDescent="0.25">
      <c r="C5821"/>
      <c r="D5821"/>
    </row>
    <row r="5822" spans="3:4" x14ac:dyDescent="0.25">
      <c r="C5822"/>
      <c r="D5822"/>
    </row>
    <row r="5823" spans="3:4" x14ac:dyDescent="0.25">
      <c r="C5823"/>
      <c r="D5823"/>
    </row>
    <row r="5824" spans="3:4" x14ac:dyDescent="0.25">
      <c r="C5824"/>
      <c r="D5824"/>
    </row>
    <row r="5825" spans="3:4" x14ac:dyDescent="0.25">
      <c r="C5825"/>
      <c r="D5825"/>
    </row>
    <row r="5826" spans="3:4" x14ac:dyDescent="0.25">
      <c r="C5826"/>
      <c r="D5826"/>
    </row>
    <row r="5827" spans="3:4" x14ac:dyDescent="0.25">
      <c r="C5827"/>
      <c r="D5827"/>
    </row>
    <row r="5828" spans="3:4" x14ac:dyDescent="0.25">
      <c r="C5828"/>
      <c r="D5828"/>
    </row>
    <row r="5829" spans="3:4" x14ac:dyDescent="0.25">
      <c r="C5829"/>
      <c r="D5829"/>
    </row>
    <row r="5830" spans="3:4" x14ac:dyDescent="0.25">
      <c r="C5830"/>
      <c r="D5830"/>
    </row>
    <row r="5831" spans="3:4" x14ac:dyDescent="0.25">
      <c r="C5831"/>
      <c r="D5831"/>
    </row>
    <row r="5832" spans="3:4" x14ac:dyDescent="0.25">
      <c r="C5832"/>
      <c r="D5832"/>
    </row>
    <row r="5833" spans="3:4" x14ac:dyDescent="0.25">
      <c r="C5833"/>
      <c r="D5833"/>
    </row>
    <row r="5834" spans="3:4" x14ac:dyDescent="0.25">
      <c r="C5834"/>
      <c r="D5834"/>
    </row>
    <row r="5835" spans="3:4" x14ac:dyDescent="0.25">
      <c r="C5835"/>
      <c r="D5835"/>
    </row>
    <row r="5836" spans="3:4" x14ac:dyDescent="0.25">
      <c r="C5836"/>
      <c r="D5836"/>
    </row>
    <row r="5837" spans="3:4" x14ac:dyDescent="0.25">
      <c r="C5837"/>
      <c r="D5837"/>
    </row>
    <row r="5838" spans="3:4" x14ac:dyDescent="0.25">
      <c r="C5838"/>
      <c r="D5838"/>
    </row>
    <row r="5839" spans="3:4" x14ac:dyDescent="0.25">
      <c r="C5839"/>
      <c r="D5839"/>
    </row>
    <row r="5840" spans="3:4" x14ac:dyDescent="0.25">
      <c r="C5840"/>
      <c r="D5840"/>
    </row>
    <row r="5841" spans="3:4" x14ac:dyDescent="0.25">
      <c r="C5841"/>
      <c r="D5841"/>
    </row>
    <row r="5842" spans="3:4" x14ac:dyDescent="0.25">
      <c r="C5842"/>
      <c r="D5842"/>
    </row>
    <row r="5843" spans="3:4" x14ac:dyDescent="0.25">
      <c r="C5843"/>
      <c r="D5843"/>
    </row>
    <row r="5844" spans="3:4" x14ac:dyDescent="0.25">
      <c r="C5844"/>
      <c r="D5844"/>
    </row>
    <row r="5845" spans="3:4" x14ac:dyDescent="0.25">
      <c r="C5845"/>
      <c r="D5845"/>
    </row>
    <row r="5846" spans="3:4" x14ac:dyDescent="0.25">
      <c r="C5846"/>
      <c r="D5846"/>
    </row>
    <row r="5847" spans="3:4" x14ac:dyDescent="0.25">
      <c r="C5847"/>
      <c r="D5847"/>
    </row>
    <row r="5848" spans="3:4" x14ac:dyDescent="0.25">
      <c r="C5848"/>
      <c r="D5848"/>
    </row>
    <row r="5849" spans="3:4" x14ac:dyDescent="0.25">
      <c r="C5849"/>
      <c r="D5849"/>
    </row>
    <row r="5850" spans="3:4" x14ac:dyDescent="0.25">
      <c r="C5850"/>
      <c r="D5850"/>
    </row>
    <row r="5851" spans="3:4" x14ac:dyDescent="0.25">
      <c r="C5851"/>
      <c r="D5851"/>
    </row>
    <row r="5852" spans="3:4" x14ac:dyDescent="0.25">
      <c r="C5852"/>
      <c r="D5852"/>
    </row>
    <row r="5853" spans="3:4" x14ac:dyDescent="0.25">
      <c r="C5853"/>
      <c r="D5853"/>
    </row>
    <row r="5854" spans="3:4" x14ac:dyDescent="0.25">
      <c r="C5854"/>
      <c r="D5854"/>
    </row>
    <row r="5855" spans="3:4" x14ac:dyDescent="0.25">
      <c r="C5855"/>
      <c r="D5855"/>
    </row>
    <row r="5856" spans="3:4" x14ac:dyDescent="0.25">
      <c r="C5856"/>
      <c r="D5856"/>
    </row>
    <row r="5857" spans="3:4" x14ac:dyDescent="0.25">
      <c r="C5857"/>
      <c r="D5857"/>
    </row>
    <row r="5858" spans="3:4" x14ac:dyDescent="0.25">
      <c r="C5858"/>
      <c r="D5858"/>
    </row>
    <row r="5859" spans="3:4" x14ac:dyDescent="0.25">
      <c r="C5859"/>
      <c r="D5859"/>
    </row>
    <row r="5860" spans="3:4" x14ac:dyDescent="0.25">
      <c r="C5860"/>
      <c r="D5860"/>
    </row>
    <row r="5861" spans="3:4" x14ac:dyDescent="0.25">
      <c r="C5861"/>
      <c r="D5861"/>
    </row>
    <row r="5862" spans="3:4" x14ac:dyDescent="0.25">
      <c r="C5862"/>
      <c r="D5862"/>
    </row>
    <row r="5863" spans="3:4" x14ac:dyDescent="0.25">
      <c r="C5863"/>
      <c r="D5863"/>
    </row>
    <row r="5864" spans="3:4" x14ac:dyDescent="0.25">
      <c r="C5864"/>
      <c r="D5864"/>
    </row>
    <row r="5865" spans="3:4" x14ac:dyDescent="0.25">
      <c r="C5865"/>
      <c r="D5865"/>
    </row>
    <row r="5866" spans="3:4" x14ac:dyDescent="0.25">
      <c r="C5866"/>
      <c r="D5866"/>
    </row>
    <row r="5867" spans="3:4" x14ac:dyDescent="0.25">
      <c r="C5867"/>
      <c r="D5867"/>
    </row>
    <row r="5868" spans="3:4" x14ac:dyDescent="0.25">
      <c r="C5868"/>
      <c r="D5868"/>
    </row>
    <row r="5869" spans="3:4" x14ac:dyDescent="0.25">
      <c r="C5869"/>
      <c r="D5869"/>
    </row>
    <row r="5870" spans="3:4" x14ac:dyDescent="0.25">
      <c r="C5870"/>
      <c r="D5870"/>
    </row>
    <row r="5871" spans="3:4" x14ac:dyDescent="0.25">
      <c r="C5871"/>
      <c r="D5871"/>
    </row>
    <row r="5872" spans="3:4" x14ac:dyDescent="0.25">
      <c r="C5872"/>
      <c r="D5872"/>
    </row>
    <row r="5873" spans="3:4" x14ac:dyDescent="0.25">
      <c r="C5873"/>
      <c r="D5873"/>
    </row>
    <row r="5874" spans="3:4" x14ac:dyDescent="0.25">
      <c r="C5874"/>
      <c r="D5874"/>
    </row>
    <row r="5875" spans="3:4" x14ac:dyDescent="0.25">
      <c r="C5875"/>
      <c r="D5875"/>
    </row>
    <row r="5876" spans="3:4" x14ac:dyDescent="0.25">
      <c r="C5876"/>
      <c r="D5876"/>
    </row>
    <row r="5877" spans="3:4" x14ac:dyDescent="0.25">
      <c r="C5877"/>
      <c r="D5877"/>
    </row>
    <row r="5878" spans="3:4" x14ac:dyDescent="0.25">
      <c r="C5878"/>
      <c r="D5878"/>
    </row>
    <row r="5879" spans="3:4" x14ac:dyDescent="0.25">
      <c r="C5879"/>
      <c r="D5879"/>
    </row>
    <row r="5880" spans="3:4" x14ac:dyDescent="0.25">
      <c r="C5880"/>
      <c r="D5880"/>
    </row>
    <row r="5881" spans="3:4" x14ac:dyDescent="0.25">
      <c r="C5881"/>
      <c r="D5881"/>
    </row>
    <row r="5882" spans="3:4" x14ac:dyDescent="0.25">
      <c r="C5882"/>
      <c r="D5882"/>
    </row>
    <row r="5883" spans="3:4" x14ac:dyDescent="0.25">
      <c r="C5883"/>
      <c r="D5883"/>
    </row>
    <row r="5884" spans="3:4" x14ac:dyDescent="0.25">
      <c r="C5884"/>
      <c r="D5884"/>
    </row>
    <row r="5885" spans="3:4" x14ac:dyDescent="0.25">
      <c r="C5885"/>
      <c r="D5885"/>
    </row>
    <row r="5886" spans="3:4" x14ac:dyDescent="0.25">
      <c r="C5886"/>
      <c r="D5886"/>
    </row>
    <row r="5887" spans="3:4" x14ac:dyDescent="0.25">
      <c r="C5887"/>
      <c r="D5887"/>
    </row>
    <row r="5888" spans="3:4" x14ac:dyDescent="0.25">
      <c r="C5888"/>
      <c r="D5888"/>
    </row>
    <row r="5889" spans="3:4" x14ac:dyDescent="0.25">
      <c r="C5889"/>
      <c r="D5889"/>
    </row>
    <row r="5890" spans="3:4" x14ac:dyDescent="0.25">
      <c r="C5890"/>
      <c r="D5890"/>
    </row>
    <row r="5891" spans="3:4" x14ac:dyDescent="0.25">
      <c r="C5891"/>
      <c r="D5891"/>
    </row>
    <row r="5892" spans="3:4" x14ac:dyDescent="0.25">
      <c r="C5892"/>
      <c r="D5892"/>
    </row>
    <row r="5893" spans="3:4" x14ac:dyDescent="0.25">
      <c r="C5893"/>
      <c r="D5893"/>
    </row>
    <row r="5894" spans="3:4" x14ac:dyDescent="0.25">
      <c r="C5894"/>
      <c r="D5894"/>
    </row>
    <row r="5895" spans="3:4" x14ac:dyDescent="0.25">
      <c r="C5895"/>
      <c r="D5895"/>
    </row>
    <row r="5896" spans="3:4" x14ac:dyDescent="0.25">
      <c r="C5896"/>
      <c r="D5896"/>
    </row>
    <row r="5897" spans="3:4" x14ac:dyDescent="0.25">
      <c r="C5897"/>
      <c r="D5897"/>
    </row>
    <row r="5898" spans="3:4" x14ac:dyDescent="0.25">
      <c r="C5898"/>
      <c r="D5898"/>
    </row>
    <row r="5899" spans="3:4" x14ac:dyDescent="0.25">
      <c r="C5899"/>
      <c r="D5899"/>
    </row>
    <row r="5900" spans="3:4" x14ac:dyDescent="0.25">
      <c r="C5900"/>
      <c r="D5900"/>
    </row>
    <row r="5901" spans="3:4" x14ac:dyDescent="0.25">
      <c r="C5901"/>
      <c r="D5901"/>
    </row>
    <row r="5902" spans="3:4" x14ac:dyDescent="0.25">
      <c r="C5902"/>
      <c r="D5902"/>
    </row>
    <row r="5903" spans="3:4" x14ac:dyDescent="0.25">
      <c r="C5903"/>
      <c r="D5903"/>
    </row>
    <row r="5904" spans="3:4" x14ac:dyDescent="0.25">
      <c r="C5904"/>
      <c r="D5904"/>
    </row>
    <row r="5905" spans="3:4" x14ac:dyDescent="0.25">
      <c r="C5905"/>
      <c r="D5905"/>
    </row>
    <row r="5906" spans="3:4" x14ac:dyDescent="0.25">
      <c r="C5906"/>
      <c r="D5906"/>
    </row>
    <row r="5907" spans="3:4" x14ac:dyDescent="0.25">
      <c r="C5907"/>
      <c r="D5907"/>
    </row>
    <row r="5908" spans="3:4" x14ac:dyDescent="0.25">
      <c r="C5908"/>
      <c r="D5908"/>
    </row>
    <row r="5909" spans="3:4" x14ac:dyDescent="0.25">
      <c r="C5909"/>
      <c r="D5909"/>
    </row>
    <row r="5910" spans="3:4" x14ac:dyDescent="0.25">
      <c r="C5910"/>
      <c r="D5910"/>
    </row>
    <row r="5911" spans="3:4" x14ac:dyDescent="0.25">
      <c r="C5911"/>
      <c r="D5911"/>
    </row>
    <row r="5912" spans="3:4" x14ac:dyDescent="0.25">
      <c r="C5912"/>
      <c r="D5912"/>
    </row>
    <row r="5913" spans="3:4" x14ac:dyDescent="0.25">
      <c r="C5913"/>
      <c r="D5913"/>
    </row>
    <row r="5914" spans="3:4" x14ac:dyDescent="0.25">
      <c r="C5914"/>
      <c r="D5914"/>
    </row>
    <row r="5915" spans="3:4" x14ac:dyDescent="0.25">
      <c r="C5915"/>
      <c r="D5915"/>
    </row>
    <row r="5916" spans="3:4" x14ac:dyDescent="0.25">
      <c r="C5916"/>
      <c r="D5916"/>
    </row>
    <row r="5917" spans="3:4" x14ac:dyDescent="0.25">
      <c r="C5917"/>
      <c r="D5917"/>
    </row>
    <row r="5918" spans="3:4" x14ac:dyDescent="0.25">
      <c r="C5918"/>
      <c r="D5918"/>
    </row>
    <row r="5919" spans="3:4" x14ac:dyDescent="0.25">
      <c r="C5919"/>
      <c r="D5919"/>
    </row>
    <row r="5920" spans="3:4" x14ac:dyDescent="0.25">
      <c r="C5920"/>
      <c r="D5920"/>
    </row>
    <row r="5921" spans="3:4" x14ac:dyDescent="0.25">
      <c r="C5921"/>
      <c r="D5921"/>
    </row>
    <row r="5922" spans="3:4" x14ac:dyDescent="0.25">
      <c r="C5922"/>
      <c r="D5922"/>
    </row>
    <row r="5923" spans="3:4" x14ac:dyDescent="0.25">
      <c r="C5923"/>
      <c r="D5923"/>
    </row>
    <row r="5924" spans="3:4" x14ac:dyDescent="0.25">
      <c r="C5924"/>
      <c r="D5924"/>
    </row>
    <row r="5925" spans="3:4" x14ac:dyDescent="0.25">
      <c r="C5925"/>
      <c r="D5925"/>
    </row>
    <row r="5926" spans="3:4" x14ac:dyDescent="0.25">
      <c r="C5926"/>
      <c r="D5926"/>
    </row>
    <row r="5927" spans="3:4" x14ac:dyDescent="0.25">
      <c r="C5927"/>
      <c r="D5927"/>
    </row>
    <row r="5928" spans="3:4" x14ac:dyDescent="0.25">
      <c r="C5928"/>
      <c r="D5928"/>
    </row>
    <row r="5929" spans="3:4" x14ac:dyDescent="0.25">
      <c r="C5929"/>
      <c r="D5929"/>
    </row>
    <row r="5930" spans="3:4" x14ac:dyDescent="0.25">
      <c r="C5930"/>
      <c r="D5930"/>
    </row>
    <row r="5931" spans="3:4" x14ac:dyDescent="0.25">
      <c r="C5931"/>
      <c r="D5931"/>
    </row>
    <row r="5932" spans="3:4" x14ac:dyDescent="0.25">
      <c r="C5932"/>
      <c r="D5932"/>
    </row>
    <row r="5933" spans="3:4" x14ac:dyDescent="0.25">
      <c r="C5933"/>
      <c r="D5933"/>
    </row>
    <row r="5934" spans="3:4" x14ac:dyDescent="0.25">
      <c r="C5934"/>
      <c r="D5934"/>
    </row>
    <row r="5935" spans="3:4" x14ac:dyDescent="0.25">
      <c r="C5935"/>
      <c r="D5935"/>
    </row>
    <row r="5936" spans="3:4" x14ac:dyDescent="0.25">
      <c r="C5936"/>
      <c r="D5936"/>
    </row>
    <row r="5937" spans="3:4" x14ac:dyDescent="0.25">
      <c r="C5937"/>
      <c r="D5937"/>
    </row>
    <row r="5938" spans="3:4" x14ac:dyDescent="0.25">
      <c r="C5938"/>
      <c r="D5938"/>
    </row>
    <row r="5939" spans="3:4" x14ac:dyDescent="0.25">
      <c r="C5939"/>
      <c r="D5939"/>
    </row>
    <row r="5940" spans="3:4" x14ac:dyDescent="0.25">
      <c r="C5940"/>
      <c r="D5940"/>
    </row>
    <row r="5941" spans="3:4" x14ac:dyDescent="0.25">
      <c r="C5941"/>
      <c r="D5941"/>
    </row>
    <row r="5942" spans="3:4" x14ac:dyDescent="0.25">
      <c r="C5942"/>
      <c r="D5942"/>
    </row>
    <row r="5943" spans="3:4" x14ac:dyDescent="0.25">
      <c r="C5943"/>
      <c r="D5943"/>
    </row>
    <row r="5944" spans="3:4" x14ac:dyDescent="0.25">
      <c r="C5944"/>
      <c r="D5944"/>
    </row>
    <row r="5945" spans="3:4" x14ac:dyDescent="0.25">
      <c r="C5945"/>
      <c r="D5945"/>
    </row>
    <row r="5946" spans="3:4" x14ac:dyDescent="0.25">
      <c r="C5946"/>
      <c r="D5946"/>
    </row>
    <row r="5947" spans="3:4" x14ac:dyDescent="0.25">
      <c r="C5947"/>
      <c r="D5947"/>
    </row>
    <row r="5948" spans="3:4" x14ac:dyDescent="0.25">
      <c r="C5948"/>
      <c r="D5948"/>
    </row>
    <row r="5949" spans="3:4" x14ac:dyDescent="0.25">
      <c r="C5949"/>
      <c r="D5949"/>
    </row>
    <row r="5950" spans="3:4" x14ac:dyDescent="0.25">
      <c r="C5950"/>
      <c r="D5950"/>
    </row>
    <row r="5951" spans="3:4" x14ac:dyDescent="0.25">
      <c r="C5951"/>
      <c r="D5951"/>
    </row>
    <row r="5952" spans="3:4" x14ac:dyDescent="0.25">
      <c r="C5952"/>
      <c r="D5952"/>
    </row>
    <row r="5953" spans="3:4" x14ac:dyDescent="0.25">
      <c r="C5953"/>
      <c r="D5953"/>
    </row>
    <row r="5954" spans="3:4" x14ac:dyDescent="0.25">
      <c r="C5954"/>
      <c r="D5954"/>
    </row>
    <row r="5955" spans="3:4" x14ac:dyDescent="0.25">
      <c r="C5955"/>
      <c r="D5955"/>
    </row>
    <row r="5956" spans="3:4" x14ac:dyDescent="0.25">
      <c r="C5956"/>
      <c r="D5956"/>
    </row>
    <row r="5957" spans="3:4" x14ac:dyDescent="0.25">
      <c r="C5957"/>
      <c r="D5957"/>
    </row>
    <row r="5958" spans="3:4" x14ac:dyDescent="0.25">
      <c r="C5958"/>
      <c r="D5958"/>
    </row>
    <row r="5959" spans="3:4" x14ac:dyDescent="0.25">
      <c r="C5959"/>
      <c r="D5959"/>
    </row>
    <row r="5960" spans="3:4" x14ac:dyDescent="0.25">
      <c r="C5960"/>
      <c r="D5960"/>
    </row>
    <row r="5961" spans="3:4" x14ac:dyDescent="0.25">
      <c r="C5961"/>
      <c r="D5961"/>
    </row>
    <row r="5962" spans="3:4" x14ac:dyDescent="0.25">
      <c r="C5962"/>
      <c r="D5962"/>
    </row>
    <row r="5963" spans="3:4" x14ac:dyDescent="0.25">
      <c r="C5963"/>
      <c r="D5963"/>
    </row>
    <row r="5964" spans="3:4" x14ac:dyDescent="0.25">
      <c r="C5964"/>
      <c r="D5964"/>
    </row>
    <row r="5965" spans="3:4" x14ac:dyDescent="0.25">
      <c r="C5965"/>
      <c r="D5965"/>
    </row>
    <row r="5966" spans="3:4" x14ac:dyDescent="0.25">
      <c r="C5966"/>
      <c r="D5966"/>
    </row>
    <row r="5967" spans="3:4" x14ac:dyDescent="0.25">
      <c r="C5967"/>
      <c r="D5967"/>
    </row>
    <row r="5968" spans="3:4" x14ac:dyDescent="0.25">
      <c r="C5968"/>
      <c r="D5968"/>
    </row>
    <row r="5969" spans="3:4" x14ac:dyDescent="0.25">
      <c r="C5969"/>
      <c r="D5969"/>
    </row>
    <row r="5970" spans="3:4" x14ac:dyDescent="0.25">
      <c r="C5970"/>
      <c r="D5970"/>
    </row>
    <row r="5971" spans="3:4" x14ac:dyDescent="0.25">
      <c r="C5971"/>
      <c r="D5971"/>
    </row>
    <row r="5972" spans="3:4" x14ac:dyDescent="0.25">
      <c r="C5972"/>
      <c r="D5972"/>
    </row>
    <row r="5973" spans="3:4" x14ac:dyDescent="0.25">
      <c r="C5973"/>
      <c r="D5973"/>
    </row>
    <row r="5974" spans="3:4" x14ac:dyDescent="0.25">
      <c r="C5974"/>
      <c r="D5974"/>
    </row>
    <row r="5975" spans="3:4" x14ac:dyDescent="0.25">
      <c r="C5975"/>
      <c r="D5975"/>
    </row>
    <row r="5976" spans="3:4" x14ac:dyDescent="0.25">
      <c r="C5976"/>
      <c r="D5976"/>
    </row>
    <row r="5977" spans="3:4" x14ac:dyDescent="0.25">
      <c r="C5977"/>
      <c r="D5977"/>
    </row>
    <row r="5978" spans="3:4" x14ac:dyDescent="0.25">
      <c r="C5978"/>
      <c r="D5978"/>
    </row>
    <row r="5979" spans="3:4" x14ac:dyDescent="0.25">
      <c r="C5979"/>
      <c r="D5979"/>
    </row>
    <row r="5980" spans="3:4" x14ac:dyDescent="0.25">
      <c r="C5980"/>
      <c r="D5980"/>
    </row>
    <row r="5981" spans="3:4" x14ac:dyDescent="0.25">
      <c r="C5981"/>
      <c r="D5981"/>
    </row>
    <row r="5982" spans="3:4" x14ac:dyDescent="0.25">
      <c r="C5982"/>
      <c r="D5982"/>
    </row>
    <row r="5983" spans="3:4" x14ac:dyDescent="0.25">
      <c r="C5983"/>
      <c r="D5983"/>
    </row>
    <row r="5984" spans="3:4" x14ac:dyDescent="0.25">
      <c r="C5984"/>
      <c r="D5984"/>
    </row>
    <row r="5985" spans="3:4" x14ac:dyDescent="0.25">
      <c r="C5985"/>
      <c r="D5985"/>
    </row>
    <row r="5986" spans="3:4" x14ac:dyDescent="0.25">
      <c r="C5986"/>
      <c r="D5986"/>
    </row>
    <row r="5987" spans="3:4" x14ac:dyDescent="0.25">
      <c r="C5987"/>
      <c r="D5987"/>
    </row>
    <row r="5988" spans="3:4" x14ac:dyDescent="0.25">
      <c r="C5988"/>
      <c r="D5988"/>
    </row>
    <row r="5989" spans="3:4" x14ac:dyDescent="0.25">
      <c r="C5989"/>
      <c r="D5989"/>
    </row>
    <row r="5990" spans="3:4" x14ac:dyDescent="0.25">
      <c r="C5990"/>
      <c r="D5990"/>
    </row>
    <row r="5991" spans="3:4" x14ac:dyDescent="0.25">
      <c r="C5991"/>
      <c r="D5991"/>
    </row>
    <row r="5992" spans="3:4" x14ac:dyDescent="0.25">
      <c r="C5992"/>
      <c r="D5992"/>
    </row>
    <row r="5993" spans="3:4" x14ac:dyDescent="0.25">
      <c r="C5993"/>
      <c r="D5993"/>
    </row>
    <row r="5994" spans="3:4" x14ac:dyDescent="0.25">
      <c r="C5994"/>
      <c r="D5994"/>
    </row>
    <row r="5995" spans="3:4" x14ac:dyDescent="0.25">
      <c r="C5995"/>
      <c r="D5995"/>
    </row>
    <row r="5996" spans="3:4" x14ac:dyDescent="0.25">
      <c r="C5996"/>
      <c r="D5996"/>
    </row>
    <row r="5997" spans="3:4" x14ac:dyDescent="0.25">
      <c r="C5997"/>
      <c r="D5997"/>
    </row>
    <row r="5998" spans="3:4" x14ac:dyDescent="0.25">
      <c r="C5998"/>
      <c r="D5998"/>
    </row>
    <row r="5999" spans="3:4" x14ac:dyDescent="0.25">
      <c r="C5999"/>
      <c r="D5999"/>
    </row>
    <row r="6000" spans="3:4" x14ac:dyDescent="0.25">
      <c r="C6000"/>
      <c r="D6000"/>
    </row>
    <row r="6001" spans="3:4" x14ac:dyDescent="0.25">
      <c r="C6001"/>
      <c r="D6001"/>
    </row>
    <row r="6002" spans="3:4" x14ac:dyDescent="0.25">
      <c r="C6002"/>
      <c r="D6002"/>
    </row>
    <row r="6003" spans="3:4" x14ac:dyDescent="0.25">
      <c r="C6003"/>
      <c r="D6003"/>
    </row>
    <row r="6004" spans="3:4" x14ac:dyDescent="0.25">
      <c r="C6004"/>
      <c r="D6004"/>
    </row>
    <row r="6005" spans="3:4" x14ac:dyDescent="0.25">
      <c r="C6005"/>
      <c r="D6005"/>
    </row>
    <row r="6006" spans="3:4" x14ac:dyDescent="0.25">
      <c r="C6006"/>
      <c r="D6006"/>
    </row>
    <row r="6007" spans="3:4" x14ac:dyDescent="0.25">
      <c r="C6007"/>
      <c r="D6007"/>
    </row>
    <row r="6008" spans="3:4" x14ac:dyDescent="0.25">
      <c r="C6008"/>
      <c r="D6008"/>
    </row>
    <row r="6009" spans="3:4" x14ac:dyDescent="0.25">
      <c r="C6009"/>
      <c r="D6009"/>
    </row>
    <row r="6010" spans="3:4" x14ac:dyDescent="0.25">
      <c r="C6010"/>
      <c r="D6010"/>
    </row>
    <row r="6011" spans="3:4" x14ac:dyDescent="0.25">
      <c r="C6011"/>
      <c r="D6011"/>
    </row>
    <row r="6012" spans="3:4" x14ac:dyDescent="0.25">
      <c r="C6012"/>
      <c r="D6012"/>
    </row>
    <row r="6013" spans="3:4" x14ac:dyDescent="0.25">
      <c r="C6013"/>
      <c r="D6013"/>
    </row>
    <row r="6014" spans="3:4" x14ac:dyDescent="0.25">
      <c r="C6014"/>
      <c r="D6014"/>
    </row>
    <row r="6015" spans="3:4" x14ac:dyDescent="0.25">
      <c r="C6015"/>
      <c r="D6015"/>
    </row>
    <row r="6016" spans="3:4" x14ac:dyDescent="0.25">
      <c r="C6016"/>
      <c r="D6016"/>
    </row>
    <row r="6017" spans="3:4" x14ac:dyDescent="0.25">
      <c r="C6017"/>
      <c r="D6017"/>
    </row>
    <row r="6018" spans="3:4" x14ac:dyDescent="0.25">
      <c r="C6018"/>
      <c r="D6018"/>
    </row>
    <row r="6019" spans="3:4" x14ac:dyDescent="0.25">
      <c r="C6019"/>
      <c r="D6019"/>
    </row>
    <row r="6020" spans="3:4" x14ac:dyDescent="0.25">
      <c r="C6020"/>
      <c r="D6020"/>
    </row>
    <row r="6021" spans="3:4" x14ac:dyDescent="0.25">
      <c r="C6021"/>
      <c r="D6021"/>
    </row>
    <row r="6022" spans="3:4" x14ac:dyDescent="0.25">
      <c r="C6022"/>
      <c r="D6022"/>
    </row>
    <row r="6023" spans="3:4" x14ac:dyDescent="0.25">
      <c r="C6023"/>
      <c r="D6023"/>
    </row>
    <row r="6024" spans="3:4" x14ac:dyDescent="0.25">
      <c r="C6024"/>
      <c r="D6024"/>
    </row>
    <row r="6025" spans="3:4" x14ac:dyDescent="0.25">
      <c r="C6025"/>
      <c r="D6025"/>
    </row>
    <row r="6026" spans="3:4" x14ac:dyDescent="0.25">
      <c r="C6026"/>
      <c r="D6026"/>
    </row>
    <row r="6027" spans="3:4" x14ac:dyDescent="0.25">
      <c r="C6027"/>
      <c r="D6027"/>
    </row>
    <row r="6028" spans="3:4" x14ac:dyDescent="0.25">
      <c r="C6028"/>
      <c r="D6028"/>
    </row>
    <row r="6029" spans="3:4" x14ac:dyDescent="0.25">
      <c r="C6029"/>
      <c r="D6029"/>
    </row>
    <row r="6030" spans="3:4" x14ac:dyDescent="0.25">
      <c r="C6030"/>
      <c r="D6030"/>
    </row>
    <row r="6031" spans="3:4" x14ac:dyDescent="0.25">
      <c r="C6031"/>
      <c r="D6031"/>
    </row>
    <row r="6032" spans="3:4" x14ac:dyDescent="0.25">
      <c r="C6032"/>
      <c r="D6032"/>
    </row>
    <row r="6033" spans="3:4" x14ac:dyDescent="0.25">
      <c r="C6033"/>
      <c r="D6033"/>
    </row>
    <row r="6034" spans="3:4" x14ac:dyDescent="0.25">
      <c r="C6034"/>
      <c r="D6034"/>
    </row>
    <row r="6035" spans="3:4" x14ac:dyDescent="0.25">
      <c r="C6035"/>
      <c r="D6035"/>
    </row>
    <row r="6036" spans="3:4" x14ac:dyDescent="0.25">
      <c r="C6036"/>
      <c r="D6036"/>
    </row>
    <row r="6037" spans="3:4" x14ac:dyDescent="0.25">
      <c r="C6037"/>
      <c r="D6037"/>
    </row>
    <row r="6038" spans="3:4" x14ac:dyDescent="0.25">
      <c r="C6038"/>
      <c r="D6038"/>
    </row>
    <row r="6039" spans="3:4" x14ac:dyDescent="0.25">
      <c r="C6039"/>
      <c r="D6039"/>
    </row>
    <row r="6040" spans="3:4" x14ac:dyDescent="0.25">
      <c r="C6040"/>
      <c r="D6040"/>
    </row>
    <row r="6041" spans="3:4" x14ac:dyDescent="0.25">
      <c r="C6041"/>
      <c r="D6041"/>
    </row>
    <row r="6042" spans="3:4" x14ac:dyDescent="0.25">
      <c r="C6042"/>
      <c r="D6042"/>
    </row>
    <row r="6043" spans="3:4" x14ac:dyDescent="0.25">
      <c r="C6043"/>
      <c r="D6043"/>
    </row>
    <row r="6044" spans="3:4" x14ac:dyDescent="0.25">
      <c r="C6044"/>
      <c r="D6044"/>
    </row>
    <row r="6045" spans="3:4" x14ac:dyDescent="0.25">
      <c r="C6045"/>
      <c r="D6045"/>
    </row>
    <row r="6046" spans="3:4" x14ac:dyDescent="0.25">
      <c r="C6046"/>
      <c r="D6046"/>
    </row>
    <row r="6047" spans="3:4" x14ac:dyDescent="0.25">
      <c r="C6047"/>
      <c r="D6047"/>
    </row>
    <row r="6048" spans="3:4" x14ac:dyDescent="0.25">
      <c r="C6048"/>
      <c r="D6048"/>
    </row>
    <row r="6049" spans="3:4" x14ac:dyDescent="0.25">
      <c r="C6049"/>
      <c r="D6049"/>
    </row>
    <row r="6050" spans="3:4" x14ac:dyDescent="0.25">
      <c r="C6050"/>
      <c r="D6050"/>
    </row>
    <row r="6051" spans="3:4" x14ac:dyDescent="0.25">
      <c r="C6051"/>
      <c r="D6051"/>
    </row>
    <row r="6052" spans="3:4" x14ac:dyDescent="0.25">
      <c r="C6052"/>
      <c r="D6052"/>
    </row>
    <row r="6053" spans="3:4" x14ac:dyDescent="0.25">
      <c r="C6053"/>
      <c r="D6053"/>
    </row>
    <row r="6054" spans="3:4" x14ac:dyDescent="0.25">
      <c r="C6054"/>
      <c r="D6054"/>
    </row>
    <row r="6055" spans="3:4" x14ac:dyDescent="0.25">
      <c r="C6055"/>
      <c r="D6055"/>
    </row>
    <row r="6056" spans="3:4" x14ac:dyDescent="0.25">
      <c r="C6056"/>
      <c r="D6056"/>
    </row>
    <row r="6057" spans="3:4" x14ac:dyDescent="0.25">
      <c r="C6057"/>
      <c r="D6057"/>
    </row>
    <row r="6058" spans="3:4" x14ac:dyDescent="0.25">
      <c r="C6058"/>
      <c r="D6058"/>
    </row>
    <row r="6059" spans="3:4" x14ac:dyDescent="0.25">
      <c r="C6059"/>
      <c r="D6059"/>
    </row>
    <row r="6060" spans="3:4" x14ac:dyDescent="0.25">
      <c r="C6060"/>
      <c r="D6060"/>
    </row>
    <row r="6061" spans="3:4" x14ac:dyDescent="0.25">
      <c r="C6061"/>
      <c r="D6061"/>
    </row>
    <row r="6062" spans="3:4" x14ac:dyDescent="0.25">
      <c r="C6062"/>
      <c r="D6062"/>
    </row>
    <row r="6063" spans="3:4" x14ac:dyDescent="0.25">
      <c r="C6063"/>
      <c r="D6063"/>
    </row>
    <row r="6064" spans="3:4" x14ac:dyDescent="0.25">
      <c r="C6064"/>
      <c r="D6064"/>
    </row>
    <row r="6065" spans="3:4" x14ac:dyDescent="0.25">
      <c r="C6065"/>
      <c r="D6065"/>
    </row>
    <row r="6066" spans="3:4" x14ac:dyDescent="0.25">
      <c r="C6066"/>
      <c r="D6066"/>
    </row>
    <row r="6067" spans="3:4" x14ac:dyDescent="0.25">
      <c r="C6067"/>
      <c r="D6067"/>
    </row>
    <row r="6068" spans="3:4" x14ac:dyDescent="0.25">
      <c r="C6068"/>
      <c r="D6068"/>
    </row>
    <row r="6069" spans="3:4" x14ac:dyDescent="0.25">
      <c r="C6069"/>
      <c r="D6069"/>
    </row>
    <row r="6070" spans="3:4" x14ac:dyDescent="0.25">
      <c r="C6070"/>
      <c r="D6070"/>
    </row>
    <row r="6071" spans="3:4" x14ac:dyDescent="0.25">
      <c r="C6071"/>
      <c r="D6071"/>
    </row>
    <row r="6072" spans="3:4" x14ac:dyDescent="0.25">
      <c r="C6072"/>
      <c r="D6072"/>
    </row>
    <row r="6073" spans="3:4" x14ac:dyDescent="0.25">
      <c r="C6073"/>
      <c r="D6073"/>
    </row>
    <row r="6074" spans="3:4" x14ac:dyDescent="0.25">
      <c r="C6074"/>
      <c r="D6074"/>
    </row>
    <row r="6075" spans="3:4" x14ac:dyDescent="0.25">
      <c r="C6075"/>
      <c r="D6075"/>
    </row>
    <row r="6076" spans="3:4" x14ac:dyDescent="0.25">
      <c r="C6076"/>
      <c r="D6076"/>
    </row>
    <row r="6077" spans="3:4" x14ac:dyDescent="0.25">
      <c r="C6077"/>
      <c r="D6077"/>
    </row>
    <row r="6078" spans="3:4" x14ac:dyDescent="0.25">
      <c r="C6078"/>
      <c r="D6078"/>
    </row>
    <row r="6079" spans="3:4" x14ac:dyDescent="0.25">
      <c r="C6079"/>
      <c r="D6079"/>
    </row>
    <row r="6080" spans="3:4" x14ac:dyDescent="0.25">
      <c r="C6080"/>
      <c r="D6080"/>
    </row>
    <row r="6081" spans="3:4" x14ac:dyDescent="0.25">
      <c r="C6081"/>
      <c r="D6081"/>
    </row>
    <row r="6082" spans="3:4" x14ac:dyDescent="0.25">
      <c r="C6082"/>
      <c r="D6082"/>
    </row>
    <row r="6083" spans="3:4" x14ac:dyDescent="0.25">
      <c r="C6083"/>
      <c r="D6083"/>
    </row>
    <row r="6084" spans="3:4" x14ac:dyDescent="0.25">
      <c r="C6084"/>
      <c r="D6084"/>
    </row>
    <row r="6085" spans="3:4" x14ac:dyDescent="0.25">
      <c r="C6085"/>
      <c r="D6085"/>
    </row>
    <row r="6086" spans="3:4" x14ac:dyDescent="0.25">
      <c r="C6086"/>
      <c r="D6086"/>
    </row>
    <row r="6087" spans="3:4" x14ac:dyDescent="0.25">
      <c r="C6087"/>
      <c r="D6087"/>
    </row>
    <row r="6088" spans="3:4" x14ac:dyDescent="0.25">
      <c r="C6088"/>
      <c r="D6088"/>
    </row>
    <row r="6089" spans="3:4" x14ac:dyDescent="0.25">
      <c r="C6089"/>
      <c r="D6089"/>
    </row>
    <row r="6090" spans="3:4" x14ac:dyDescent="0.25">
      <c r="C6090"/>
      <c r="D6090"/>
    </row>
    <row r="6091" spans="3:4" x14ac:dyDescent="0.25">
      <c r="C6091"/>
      <c r="D6091"/>
    </row>
    <row r="6092" spans="3:4" x14ac:dyDescent="0.25">
      <c r="C6092"/>
      <c r="D6092"/>
    </row>
    <row r="6093" spans="3:4" x14ac:dyDescent="0.25">
      <c r="C6093"/>
      <c r="D6093"/>
    </row>
    <row r="6094" spans="3:4" x14ac:dyDescent="0.25">
      <c r="C6094"/>
      <c r="D6094"/>
    </row>
    <row r="6095" spans="3:4" x14ac:dyDescent="0.25">
      <c r="C6095"/>
      <c r="D6095"/>
    </row>
    <row r="6096" spans="3:4" x14ac:dyDescent="0.25">
      <c r="C6096"/>
      <c r="D6096"/>
    </row>
    <row r="6097" spans="3:4" x14ac:dyDescent="0.25">
      <c r="C6097"/>
      <c r="D6097"/>
    </row>
    <row r="6098" spans="3:4" x14ac:dyDescent="0.25">
      <c r="C6098"/>
      <c r="D6098"/>
    </row>
    <row r="6099" spans="3:4" x14ac:dyDescent="0.25">
      <c r="C6099"/>
      <c r="D6099"/>
    </row>
    <row r="6100" spans="3:4" x14ac:dyDescent="0.25">
      <c r="C6100"/>
      <c r="D6100"/>
    </row>
    <row r="6101" spans="3:4" x14ac:dyDescent="0.25">
      <c r="C6101"/>
      <c r="D6101"/>
    </row>
    <row r="6102" spans="3:4" x14ac:dyDescent="0.25">
      <c r="C6102"/>
      <c r="D6102"/>
    </row>
    <row r="6103" spans="3:4" x14ac:dyDescent="0.25">
      <c r="C6103"/>
      <c r="D6103"/>
    </row>
    <row r="6104" spans="3:4" x14ac:dyDescent="0.25">
      <c r="C6104"/>
      <c r="D6104"/>
    </row>
    <row r="6105" spans="3:4" x14ac:dyDescent="0.25">
      <c r="C6105"/>
      <c r="D6105"/>
    </row>
    <row r="6106" spans="3:4" x14ac:dyDescent="0.25">
      <c r="C6106"/>
      <c r="D6106"/>
    </row>
    <row r="6107" spans="3:4" x14ac:dyDescent="0.25">
      <c r="C6107"/>
      <c r="D6107"/>
    </row>
    <row r="6108" spans="3:4" x14ac:dyDescent="0.25">
      <c r="C6108"/>
      <c r="D6108"/>
    </row>
    <row r="6109" spans="3:4" x14ac:dyDescent="0.25">
      <c r="C6109"/>
      <c r="D6109"/>
    </row>
    <row r="6110" spans="3:4" x14ac:dyDescent="0.25">
      <c r="C6110"/>
      <c r="D6110"/>
    </row>
    <row r="6111" spans="3:4" x14ac:dyDescent="0.25">
      <c r="C6111"/>
      <c r="D6111"/>
    </row>
    <row r="6112" spans="3:4" x14ac:dyDescent="0.25">
      <c r="C6112"/>
      <c r="D6112"/>
    </row>
    <row r="6113" spans="3:4" x14ac:dyDescent="0.25">
      <c r="C6113"/>
      <c r="D6113"/>
    </row>
    <row r="6114" spans="3:4" x14ac:dyDescent="0.25">
      <c r="C6114"/>
      <c r="D6114"/>
    </row>
    <row r="6115" spans="3:4" x14ac:dyDescent="0.25">
      <c r="C6115"/>
      <c r="D6115"/>
    </row>
    <row r="6116" spans="3:4" x14ac:dyDescent="0.25">
      <c r="C6116"/>
      <c r="D6116"/>
    </row>
    <row r="6117" spans="3:4" x14ac:dyDescent="0.25">
      <c r="C6117"/>
      <c r="D6117"/>
    </row>
    <row r="6118" spans="3:4" x14ac:dyDescent="0.25">
      <c r="C6118"/>
      <c r="D6118"/>
    </row>
    <row r="6119" spans="3:4" x14ac:dyDescent="0.25">
      <c r="C6119"/>
      <c r="D6119"/>
    </row>
    <row r="6120" spans="3:4" x14ac:dyDescent="0.25">
      <c r="C6120"/>
      <c r="D6120"/>
    </row>
    <row r="6121" spans="3:4" x14ac:dyDescent="0.25">
      <c r="C6121"/>
      <c r="D6121"/>
    </row>
    <row r="6122" spans="3:4" x14ac:dyDescent="0.25">
      <c r="C6122"/>
      <c r="D6122"/>
    </row>
    <row r="6123" spans="3:4" x14ac:dyDescent="0.25">
      <c r="C6123"/>
      <c r="D6123"/>
    </row>
    <row r="6124" spans="3:4" x14ac:dyDescent="0.25">
      <c r="C6124"/>
      <c r="D6124"/>
    </row>
    <row r="6125" spans="3:4" x14ac:dyDescent="0.25">
      <c r="C6125"/>
      <c r="D6125"/>
    </row>
    <row r="6126" spans="3:4" x14ac:dyDescent="0.25">
      <c r="C6126"/>
      <c r="D6126"/>
    </row>
    <row r="6127" spans="3:4" x14ac:dyDescent="0.25">
      <c r="C6127"/>
      <c r="D6127"/>
    </row>
    <row r="6128" spans="3:4" x14ac:dyDescent="0.25">
      <c r="C6128"/>
      <c r="D6128"/>
    </row>
    <row r="6129" spans="3:4" x14ac:dyDescent="0.25">
      <c r="C6129"/>
      <c r="D6129"/>
    </row>
    <row r="6130" spans="3:4" x14ac:dyDescent="0.25">
      <c r="C6130"/>
      <c r="D6130"/>
    </row>
    <row r="6131" spans="3:4" x14ac:dyDescent="0.25">
      <c r="C6131"/>
      <c r="D6131"/>
    </row>
    <row r="6132" spans="3:4" x14ac:dyDescent="0.25">
      <c r="C6132"/>
      <c r="D6132"/>
    </row>
    <row r="6133" spans="3:4" x14ac:dyDescent="0.25">
      <c r="C6133"/>
      <c r="D6133"/>
    </row>
    <row r="6134" spans="3:4" x14ac:dyDescent="0.25">
      <c r="C6134"/>
      <c r="D6134"/>
    </row>
    <row r="6135" spans="3:4" x14ac:dyDescent="0.25">
      <c r="C6135"/>
      <c r="D6135"/>
    </row>
    <row r="6136" spans="3:4" x14ac:dyDescent="0.25">
      <c r="C6136"/>
      <c r="D6136"/>
    </row>
    <row r="6137" spans="3:4" x14ac:dyDescent="0.25">
      <c r="C6137"/>
      <c r="D6137"/>
    </row>
    <row r="6138" spans="3:4" x14ac:dyDescent="0.25">
      <c r="C6138"/>
      <c r="D6138"/>
    </row>
    <row r="6139" spans="3:4" x14ac:dyDescent="0.25">
      <c r="C6139"/>
      <c r="D6139"/>
    </row>
    <row r="6140" spans="3:4" x14ac:dyDescent="0.25">
      <c r="C6140"/>
      <c r="D6140"/>
    </row>
    <row r="6141" spans="3:4" x14ac:dyDescent="0.25">
      <c r="C6141"/>
      <c r="D6141"/>
    </row>
    <row r="6142" spans="3:4" x14ac:dyDescent="0.25">
      <c r="C6142"/>
      <c r="D6142"/>
    </row>
    <row r="6143" spans="3:4" x14ac:dyDescent="0.25">
      <c r="C6143"/>
      <c r="D6143"/>
    </row>
    <row r="6144" spans="3:4" x14ac:dyDescent="0.25">
      <c r="C6144"/>
      <c r="D6144"/>
    </row>
    <row r="6145" spans="3:4" x14ac:dyDescent="0.25">
      <c r="C6145"/>
      <c r="D6145"/>
    </row>
    <row r="6146" spans="3:4" x14ac:dyDescent="0.25">
      <c r="C6146"/>
      <c r="D6146"/>
    </row>
    <row r="6147" spans="3:4" x14ac:dyDescent="0.25">
      <c r="C6147"/>
      <c r="D6147"/>
    </row>
    <row r="6148" spans="3:4" x14ac:dyDescent="0.25">
      <c r="C6148"/>
      <c r="D6148"/>
    </row>
    <row r="6149" spans="3:4" x14ac:dyDescent="0.25">
      <c r="C6149"/>
      <c r="D6149"/>
    </row>
    <row r="6150" spans="3:4" x14ac:dyDescent="0.25">
      <c r="C6150"/>
      <c r="D6150"/>
    </row>
    <row r="6151" spans="3:4" x14ac:dyDescent="0.25">
      <c r="C6151"/>
      <c r="D6151"/>
    </row>
    <row r="6152" spans="3:4" x14ac:dyDescent="0.25">
      <c r="C6152"/>
      <c r="D6152"/>
    </row>
    <row r="6153" spans="3:4" x14ac:dyDescent="0.25">
      <c r="C6153"/>
      <c r="D6153"/>
    </row>
    <row r="6154" spans="3:4" x14ac:dyDescent="0.25">
      <c r="C6154"/>
      <c r="D6154"/>
    </row>
    <row r="6155" spans="3:4" x14ac:dyDescent="0.25">
      <c r="C6155"/>
      <c r="D6155"/>
    </row>
    <row r="6156" spans="3:4" x14ac:dyDescent="0.25">
      <c r="C6156"/>
      <c r="D6156"/>
    </row>
    <row r="6157" spans="3:4" x14ac:dyDescent="0.25">
      <c r="C6157"/>
      <c r="D6157"/>
    </row>
    <row r="6158" spans="3:4" x14ac:dyDescent="0.25">
      <c r="C6158"/>
      <c r="D6158"/>
    </row>
    <row r="6159" spans="3:4" x14ac:dyDescent="0.25">
      <c r="C6159"/>
      <c r="D6159"/>
    </row>
    <row r="6160" spans="3:4" x14ac:dyDescent="0.25">
      <c r="C6160"/>
      <c r="D6160"/>
    </row>
    <row r="6161" spans="3:4" x14ac:dyDescent="0.25">
      <c r="C6161"/>
      <c r="D6161"/>
    </row>
    <row r="6162" spans="3:4" x14ac:dyDescent="0.25">
      <c r="C6162"/>
      <c r="D6162"/>
    </row>
    <row r="6163" spans="3:4" x14ac:dyDescent="0.25">
      <c r="C6163"/>
      <c r="D6163"/>
    </row>
    <row r="6164" spans="3:4" x14ac:dyDescent="0.25">
      <c r="C6164"/>
      <c r="D6164"/>
    </row>
    <row r="6165" spans="3:4" x14ac:dyDescent="0.25">
      <c r="C6165"/>
      <c r="D6165"/>
    </row>
    <row r="6166" spans="3:4" x14ac:dyDescent="0.25">
      <c r="C6166"/>
      <c r="D6166"/>
    </row>
    <row r="6167" spans="3:4" x14ac:dyDescent="0.25">
      <c r="C6167"/>
      <c r="D6167"/>
    </row>
    <row r="6168" spans="3:4" x14ac:dyDescent="0.25">
      <c r="C6168"/>
      <c r="D6168"/>
    </row>
    <row r="6169" spans="3:4" x14ac:dyDescent="0.25">
      <c r="C6169"/>
      <c r="D6169"/>
    </row>
    <row r="6170" spans="3:4" x14ac:dyDescent="0.25">
      <c r="C6170"/>
      <c r="D6170"/>
    </row>
    <row r="6171" spans="3:4" x14ac:dyDescent="0.25">
      <c r="C6171"/>
      <c r="D6171"/>
    </row>
    <row r="6172" spans="3:4" x14ac:dyDescent="0.25">
      <c r="C6172"/>
      <c r="D6172"/>
    </row>
    <row r="6173" spans="3:4" x14ac:dyDescent="0.25">
      <c r="C6173"/>
      <c r="D6173"/>
    </row>
    <row r="6174" spans="3:4" x14ac:dyDescent="0.25">
      <c r="C6174"/>
      <c r="D6174"/>
    </row>
    <row r="6175" spans="3:4" x14ac:dyDescent="0.25">
      <c r="C6175"/>
      <c r="D6175"/>
    </row>
    <row r="6176" spans="3:4" x14ac:dyDescent="0.25">
      <c r="C6176"/>
      <c r="D6176"/>
    </row>
    <row r="6177" spans="3:4" x14ac:dyDescent="0.25">
      <c r="C6177"/>
      <c r="D6177"/>
    </row>
    <row r="6178" spans="3:4" x14ac:dyDescent="0.25">
      <c r="C6178"/>
      <c r="D6178"/>
    </row>
    <row r="6179" spans="3:4" x14ac:dyDescent="0.25">
      <c r="C6179"/>
      <c r="D6179"/>
    </row>
    <row r="6180" spans="3:4" x14ac:dyDescent="0.25">
      <c r="C6180"/>
      <c r="D6180"/>
    </row>
    <row r="6181" spans="3:4" x14ac:dyDescent="0.25">
      <c r="C6181"/>
      <c r="D6181"/>
    </row>
    <row r="6182" spans="3:4" x14ac:dyDescent="0.25">
      <c r="C6182"/>
      <c r="D6182"/>
    </row>
    <row r="6183" spans="3:4" x14ac:dyDescent="0.25">
      <c r="C6183"/>
      <c r="D6183"/>
    </row>
    <row r="6184" spans="3:4" x14ac:dyDescent="0.25">
      <c r="C6184"/>
      <c r="D6184"/>
    </row>
    <row r="6185" spans="3:4" x14ac:dyDescent="0.25">
      <c r="C6185"/>
      <c r="D6185"/>
    </row>
    <row r="6186" spans="3:4" x14ac:dyDescent="0.25">
      <c r="C6186"/>
      <c r="D6186"/>
    </row>
    <row r="6187" spans="3:4" x14ac:dyDescent="0.25">
      <c r="C6187"/>
      <c r="D6187"/>
    </row>
    <row r="6188" spans="3:4" x14ac:dyDescent="0.25">
      <c r="C6188"/>
      <c r="D6188"/>
    </row>
    <row r="6189" spans="3:4" x14ac:dyDescent="0.25">
      <c r="C6189"/>
      <c r="D6189"/>
    </row>
    <row r="6190" spans="3:4" x14ac:dyDescent="0.25">
      <c r="C6190"/>
      <c r="D6190"/>
    </row>
    <row r="6191" spans="3:4" x14ac:dyDescent="0.25">
      <c r="C6191"/>
      <c r="D6191"/>
    </row>
    <row r="6192" spans="3:4" x14ac:dyDescent="0.25">
      <c r="C6192"/>
      <c r="D6192"/>
    </row>
    <row r="6193" spans="3:4" x14ac:dyDescent="0.25">
      <c r="C6193"/>
      <c r="D6193"/>
    </row>
    <row r="6194" spans="3:4" x14ac:dyDescent="0.25">
      <c r="C6194"/>
      <c r="D6194"/>
    </row>
    <row r="6195" spans="3:4" x14ac:dyDescent="0.25">
      <c r="C6195"/>
      <c r="D6195"/>
    </row>
    <row r="6196" spans="3:4" x14ac:dyDescent="0.25">
      <c r="C6196"/>
      <c r="D6196"/>
    </row>
    <row r="6197" spans="3:4" x14ac:dyDescent="0.25">
      <c r="C6197"/>
      <c r="D6197"/>
    </row>
    <row r="6198" spans="3:4" x14ac:dyDescent="0.25">
      <c r="C6198"/>
      <c r="D6198"/>
    </row>
    <row r="6199" spans="3:4" x14ac:dyDescent="0.25">
      <c r="C6199"/>
      <c r="D6199"/>
    </row>
    <row r="6200" spans="3:4" x14ac:dyDescent="0.25">
      <c r="C6200"/>
      <c r="D6200"/>
    </row>
    <row r="6201" spans="3:4" x14ac:dyDescent="0.25">
      <c r="C6201"/>
      <c r="D6201"/>
    </row>
    <row r="6202" spans="3:4" x14ac:dyDescent="0.25">
      <c r="C6202"/>
      <c r="D6202"/>
    </row>
    <row r="6203" spans="3:4" x14ac:dyDescent="0.25">
      <c r="C6203"/>
      <c r="D6203"/>
    </row>
    <row r="6204" spans="3:4" x14ac:dyDescent="0.25">
      <c r="C6204"/>
      <c r="D6204"/>
    </row>
    <row r="6205" spans="3:4" x14ac:dyDescent="0.25">
      <c r="C6205"/>
      <c r="D6205"/>
    </row>
    <row r="6206" spans="3:4" x14ac:dyDescent="0.25">
      <c r="C6206"/>
      <c r="D6206"/>
    </row>
    <row r="6207" spans="3:4" x14ac:dyDescent="0.25">
      <c r="C6207"/>
      <c r="D6207"/>
    </row>
    <row r="6208" spans="3:4" x14ac:dyDescent="0.25">
      <c r="C6208"/>
      <c r="D6208"/>
    </row>
    <row r="6209" spans="3:4" x14ac:dyDescent="0.25">
      <c r="C6209"/>
      <c r="D6209"/>
    </row>
    <row r="6210" spans="3:4" x14ac:dyDescent="0.25">
      <c r="C6210"/>
      <c r="D6210"/>
    </row>
    <row r="6211" spans="3:4" x14ac:dyDescent="0.25">
      <c r="C6211"/>
      <c r="D6211"/>
    </row>
    <row r="6212" spans="3:4" x14ac:dyDescent="0.25">
      <c r="C6212"/>
      <c r="D6212"/>
    </row>
    <row r="6213" spans="3:4" x14ac:dyDescent="0.25">
      <c r="C6213"/>
      <c r="D6213"/>
    </row>
    <row r="6214" spans="3:4" x14ac:dyDescent="0.25">
      <c r="C6214"/>
      <c r="D6214"/>
    </row>
    <row r="6215" spans="3:4" x14ac:dyDescent="0.25">
      <c r="C6215"/>
      <c r="D6215"/>
    </row>
    <row r="6216" spans="3:4" x14ac:dyDescent="0.25">
      <c r="C6216"/>
      <c r="D6216"/>
    </row>
    <row r="6217" spans="3:4" x14ac:dyDescent="0.25">
      <c r="C6217"/>
      <c r="D6217"/>
    </row>
    <row r="6218" spans="3:4" x14ac:dyDescent="0.25">
      <c r="C6218"/>
      <c r="D6218"/>
    </row>
    <row r="6219" spans="3:4" x14ac:dyDescent="0.25">
      <c r="C6219"/>
      <c r="D6219"/>
    </row>
    <row r="6220" spans="3:4" x14ac:dyDescent="0.25">
      <c r="C6220"/>
      <c r="D6220"/>
    </row>
    <row r="6221" spans="3:4" x14ac:dyDescent="0.25">
      <c r="C6221"/>
      <c r="D6221"/>
    </row>
    <row r="6222" spans="3:4" x14ac:dyDescent="0.25">
      <c r="C6222"/>
      <c r="D6222"/>
    </row>
    <row r="6223" spans="3:4" x14ac:dyDescent="0.25">
      <c r="C6223"/>
      <c r="D6223"/>
    </row>
    <row r="6224" spans="3:4" x14ac:dyDescent="0.25">
      <c r="C6224"/>
      <c r="D6224"/>
    </row>
    <row r="6225" spans="3:4" x14ac:dyDescent="0.25">
      <c r="C6225"/>
      <c r="D6225"/>
    </row>
    <row r="6226" spans="3:4" x14ac:dyDescent="0.25">
      <c r="C6226"/>
      <c r="D6226"/>
    </row>
    <row r="6227" spans="3:4" x14ac:dyDescent="0.25">
      <c r="C6227"/>
      <c r="D6227"/>
    </row>
    <row r="6228" spans="3:4" x14ac:dyDescent="0.25">
      <c r="C6228"/>
      <c r="D6228"/>
    </row>
    <row r="6229" spans="3:4" x14ac:dyDescent="0.25">
      <c r="C6229"/>
      <c r="D6229"/>
    </row>
    <row r="6230" spans="3:4" x14ac:dyDescent="0.25">
      <c r="C6230"/>
      <c r="D6230"/>
    </row>
    <row r="6231" spans="3:4" x14ac:dyDescent="0.25">
      <c r="C6231"/>
      <c r="D6231"/>
    </row>
    <row r="6232" spans="3:4" x14ac:dyDescent="0.25">
      <c r="C6232"/>
      <c r="D6232"/>
    </row>
    <row r="6233" spans="3:4" x14ac:dyDescent="0.25">
      <c r="C6233"/>
      <c r="D6233"/>
    </row>
    <row r="6234" spans="3:4" x14ac:dyDescent="0.25">
      <c r="C6234"/>
      <c r="D6234"/>
    </row>
    <row r="6235" spans="3:4" x14ac:dyDescent="0.25">
      <c r="C6235"/>
      <c r="D6235"/>
    </row>
    <row r="6236" spans="3:4" x14ac:dyDescent="0.25">
      <c r="C6236"/>
      <c r="D6236"/>
    </row>
    <row r="6237" spans="3:4" x14ac:dyDescent="0.25">
      <c r="C6237"/>
      <c r="D6237"/>
    </row>
    <row r="6238" spans="3:4" x14ac:dyDescent="0.25">
      <c r="C6238"/>
      <c r="D6238"/>
    </row>
    <row r="6239" spans="3:4" x14ac:dyDescent="0.25">
      <c r="C6239"/>
      <c r="D6239"/>
    </row>
    <row r="6240" spans="3:4" x14ac:dyDescent="0.25">
      <c r="C6240"/>
      <c r="D6240"/>
    </row>
    <row r="6241" spans="3:4" x14ac:dyDescent="0.25">
      <c r="C6241"/>
      <c r="D6241"/>
    </row>
    <row r="6242" spans="3:4" x14ac:dyDescent="0.25">
      <c r="C6242"/>
      <c r="D6242"/>
    </row>
    <row r="6243" spans="3:4" x14ac:dyDescent="0.25">
      <c r="C6243"/>
      <c r="D6243"/>
    </row>
    <row r="6244" spans="3:4" x14ac:dyDescent="0.25">
      <c r="C6244"/>
      <c r="D6244"/>
    </row>
    <row r="6245" spans="3:4" x14ac:dyDescent="0.25">
      <c r="C6245"/>
      <c r="D6245"/>
    </row>
    <row r="6246" spans="3:4" x14ac:dyDescent="0.25">
      <c r="C6246"/>
      <c r="D6246"/>
    </row>
    <row r="6247" spans="3:4" x14ac:dyDescent="0.25">
      <c r="C6247"/>
      <c r="D6247"/>
    </row>
    <row r="6248" spans="3:4" x14ac:dyDescent="0.25">
      <c r="C6248"/>
      <c r="D6248"/>
    </row>
    <row r="6249" spans="3:4" x14ac:dyDescent="0.25">
      <c r="C6249"/>
      <c r="D6249"/>
    </row>
    <row r="6250" spans="3:4" x14ac:dyDescent="0.25">
      <c r="C6250"/>
      <c r="D6250"/>
    </row>
    <row r="6251" spans="3:4" x14ac:dyDescent="0.25">
      <c r="C6251"/>
      <c r="D6251"/>
    </row>
    <row r="6252" spans="3:4" x14ac:dyDescent="0.25">
      <c r="C6252"/>
      <c r="D6252"/>
    </row>
    <row r="6253" spans="3:4" x14ac:dyDescent="0.25">
      <c r="C6253"/>
      <c r="D6253"/>
    </row>
    <row r="6254" spans="3:4" x14ac:dyDescent="0.25">
      <c r="C6254"/>
      <c r="D6254"/>
    </row>
    <row r="6255" spans="3:4" x14ac:dyDescent="0.25">
      <c r="C6255"/>
      <c r="D6255"/>
    </row>
    <row r="6256" spans="3:4" x14ac:dyDescent="0.25">
      <c r="C6256"/>
      <c r="D6256"/>
    </row>
    <row r="6257" spans="3:4" x14ac:dyDescent="0.25">
      <c r="C6257"/>
      <c r="D6257"/>
    </row>
    <row r="6258" spans="3:4" x14ac:dyDescent="0.25">
      <c r="C6258"/>
      <c r="D6258"/>
    </row>
    <row r="6259" spans="3:4" x14ac:dyDescent="0.25">
      <c r="C6259"/>
      <c r="D6259"/>
    </row>
    <row r="6260" spans="3:4" x14ac:dyDescent="0.25">
      <c r="C6260"/>
      <c r="D6260"/>
    </row>
    <row r="6261" spans="3:4" x14ac:dyDescent="0.25">
      <c r="C6261"/>
      <c r="D6261"/>
    </row>
    <row r="6262" spans="3:4" x14ac:dyDescent="0.25">
      <c r="C6262"/>
      <c r="D6262"/>
    </row>
    <row r="6263" spans="3:4" x14ac:dyDescent="0.25">
      <c r="C6263"/>
      <c r="D6263"/>
    </row>
    <row r="6264" spans="3:4" x14ac:dyDescent="0.25">
      <c r="C6264"/>
      <c r="D6264"/>
    </row>
    <row r="6265" spans="3:4" x14ac:dyDescent="0.25">
      <c r="C6265"/>
      <c r="D6265"/>
    </row>
    <row r="6266" spans="3:4" x14ac:dyDescent="0.25">
      <c r="C6266"/>
      <c r="D6266"/>
    </row>
    <row r="6267" spans="3:4" x14ac:dyDescent="0.25">
      <c r="C6267"/>
      <c r="D6267"/>
    </row>
    <row r="6268" spans="3:4" x14ac:dyDescent="0.25">
      <c r="C6268"/>
      <c r="D6268"/>
    </row>
    <row r="6269" spans="3:4" x14ac:dyDescent="0.25">
      <c r="C6269"/>
      <c r="D6269"/>
    </row>
    <row r="6270" spans="3:4" x14ac:dyDescent="0.25">
      <c r="C6270"/>
      <c r="D6270"/>
    </row>
    <row r="6271" spans="3:4" x14ac:dyDescent="0.25">
      <c r="C6271"/>
      <c r="D6271"/>
    </row>
    <row r="6272" spans="3:4" x14ac:dyDescent="0.25">
      <c r="C6272"/>
      <c r="D6272"/>
    </row>
    <row r="6273" spans="3:4" x14ac:dyDescent="0.25">
      <c r="C6273"/>
      <c r="D6273"/>
    </row>
    <row r="6274" spans="3:4" x14ac:dyDescent="0.25">
      <c r="C6274"/>
      <c r="D6274"/>
    </row>
    <row r="6275" spans="3:4" x14ac:dyDescent="0.25">
      <c r="C6275"/>
      <c r="D6275"/>
    </row>
    <row r="6276" spans="3:4" x14ac:dyDescent="0.25">
      <c r="C6276"/>
      <c r="D6276"/>
    </row>
    <row r="6277" spans="3:4" x14ac:dyDescent="0.25">
      <c r="C6277"/>
      <c r="D6277"/>
    </row>
    <row r="6278" spans="3:4" x14ac:dyDescent="0.25">
      <c r="C6278"/>
      <c r="D6278"/>
    </row>
    <row r="6279" spans="3:4" x14ac:dyDescent="0.25">
      <c r="C6279"/>
      <c r="D6279"/>
    </row>
    <row r="6280" spans="3:4" x14ac:dyDescent="0.25">
      <c r="C6280"/>
      <c r="D6280"/>
    </row>
    <row r="6281" spans="3:4" x14ac:dyDescent="0.25">
      <c r="C6281"/>
      <c r="D6281"/>
    </row>
    <row r="6282" spans="3:4" x14ac:dyDescent="0.25">
      <c r="C6282"/>
      <c r="D6282"/>
    </row>
    <row r="6283" spans="3:4" x14ac:dyDescent="0.25">
      <c r="C6283"/>
      <c r="D6283"/>
    </row>
    <row r="6284" spans="3:4" x14ac:dyDescent="0.25">
      <c r="C6284"/>
      <c r="D6284"/>
    </row>
    <row r="6285" spans="3:4" x14ac:dyDescent="0.25">
      <c r="C6285"/>
      <c r="D6285"/>
    </row>
    <row r="6286" spans="3:4" x14ac:dyDescent="0.25">
      <c r="C6286"/>
      <c r="D6286"/>
    </row>
    <row r="6287" spans="3:4" x14ac:dyDescent="0.25">
      <c r="C6287"/>
      <c r="D6287"/>
    </row>
    <row r="6288" spans="3:4" x14ac:dyDescent="0.25">
      <c r="C6288"/>
      <c r="D6288"/>
    </row>
    <row r="6289" spans="3:4" x14ac:dyDescent="0.25">
      <c r="C6289"/>
      <c r="D6289"/>
    </row>
    <row r="6290" spans="3:4" x14ac:dyDescent="0.25">
      <c r="C6290"/>
      <c r="D6290"/>
    </row>
    <row r="6291" spans="3:4" x14ac:dyDescent="0.25">
      <c r="C6291"/>
      <c r="D6291"/>
    </row>
    <row r="6292" spans="3:4" x14ac:dyDescent="0.25">
      <c r="C6292"/>
      <c r="D6292"/>
    </row>
    <row r="6293" spans="3:4" x14ac:dyDescent="0.25">
      <c r="C6293"/>
      <c r="D6293"/>
    </row>
    <row r="6294" spans="3:4" x14ac:dyDescent="0.25">
      <c r="C6294"/>
      <c r="D6294"/>
    </row>
    <row r="6295" spans="3:4" x14ac:dyDescent="0.25">
      <c r="C6295"/>
      <c r="D6295"/>
    </row>
    <row r="6296" spans="3:4" x14ac:dyDescent="0.25">
      <c r="C6296"/>
      <c r="D6296"/>
    </row>
    <row r="6297" spans="3:4" x14ac:dyDescent="0.25">
      <c r="C6297"/>
      <c r="D6297"/>
    </row>
    <row r="6298" spans="3:4" x14ac:dyDescent="0.25">
      <c r="C6298"/>
      <c r="D6298"/>
    </row>
    <row r="6299" spans="3:4" x14ac:dyDescent="0.25">
      <c r="C6299"/>
      <c r="D6299"/>
    </row>
    <row r="6300" spans="3:4" x14ac:dyDescent="0.25">
      <c r="C6300"/>
      <c r="D6300"/>
    </row>
    <row r="6301" spans="3:4" x14ac:dyDescent="0.25">
      <c r="C6301"/>
      <c r="D6301"/>
    </row>
    <row r="6302" spans="3:4" x14ac:dyDescent="0.25">
      <c r="C6302"/>
      <c r="D6302"/>
    </row>
    <row r="6303" spans="3:4" x14ac:dyDescent="0.25">
      <c r="C6303"/>
      <c r="D6303"/>
    </row>
    <row r="6304" spans="3:4" x14ac:dyDescent="0.25">
      <c r="C6304"/>
      <c r="D6304"/>
    </row>
    <row r="6305" spans="3:4" x14ac:dyDescent="0.25">
      <c r="C6305"/>
      <c r="D6305"/>
    </row>
    <row r="6306" spans="3:4" x14ac:dyDescent="0.25">
      <c r="C6306"/>
      <c r="D6306"/>
    </row>
    <row r="6307" spans="3:4" x14ac:dyDescent="0.25">
      <c r="C6307"/>
      <c r="D6307"/>
    </row>
    <row r="6308" spans="3:4" x14ac:dyDescent="0.25">
      <c r="C6308"/>
      <c r="D6308"/>
    </row>
    <row r="6309" spans="3:4" x14ac:dyDescent="0.25">
      <c r="C6309"/>
      <c r="D6309"/>
    </row>
    <row r="6310" spans="3:4" x14ac:dyDescent="0.25">
      <c r="C6310"/>
      <c r="D6310"/>
    </row>
    <row r="6311" spans="3:4" x14ac:dyDescent="0.25">
      <c r="C6311"/>
      <c r="D6311"/>
    </row>
    <row r="6312" spans="3:4" x14ac:dyDescent="0.25">
      <c r="C6312"/>
      <c r="D6312"/>
    </row>
    <row r="6313" spans="3:4" x14ac:dyDescent="0.25">
      <c r="C6313"/>
      <c r="D6313"/>
    </row>
    <row r="6314" spans="3:4" x14ac:dyDescent="0.25">
      <c r="C6314"/>
      <c r="D6314"/>
    </row>
    <row r="6315" spans="3:4" x14ac:dyDescent="0.25">
      <c r="C6315"/>
      <c r="D6315"/>
    </row>
    <row r="6316" spans="3:4" x14ac:dyDescent="0.25">
      <c r="C6316"/>
      <c r="D6316"/>
    </row>
    <row r="6317" spans="3:4" x14ac:dyDescent="0.25">
      <c r="C6317"/>
      <c r="D6317"/>
    </row>
    <row r="6318" spans="3:4" x14ac:dyDescent="0.25">
      <c r="C6318"/>
      <c r="D6318"/>
    </row>
    <row r="6319" spans="3:4" x14ac:dyDescent="0.25">
      <c r="C6319"/>
      <c r="D6319"/>
    </row>
    <row r="6320" spans="3:4" x14ac:dyDescent="0.25">
      <c r="C6320"/>
      <c r="D6320"/>
    </row>
    <row r="6321" spans="3:4" x14ac:dyDescent="0.25">
      <c r="C6321"/>
      <c r="D6321"/>
    </row>
    <row r="6322" spans="3:4" x14ac:dyDescent="0.25">
      <c r="C6322"/>
      <c r="D6322"/>
    </row>
    <row r="6323" spans="3:4" x14ac:dyDescent="0.25">
      <c r="C6323"/>
      <c r="D6323"/>
    </row>
    <row r="6324" spans="3:4" x14ac:dyDescent="0.25">
      <c r="C6324"/>
      <c r="D6324"/>
    </row>
    <row r="6325" spans="3:4" x14ac:dyDescent="0.25">
      <c r="C6325"/>
      <c r="D6325"/>
    </row>
    <row r="6326" spans="3:4" x14ac:dyDescent="0.25">
      <c r="C6326"/>
      <c r="D6326"/>
    </row>
    <row r="6327" spans="3:4" x14ac:dyDescent="0.25">
      <c r="C6327"/>
      <c r="D6327"/>
    </row>
    <row r="6328" spans="3:4" x14ac:dyDescent="0.25">
      <c r="C6328"/>
      <c r="D6328"/>
    </row>
    <row r="6329" spans="3:4" x14ac:dyDescent="0.25">
      <c r="C6329"/>
      <c r="D6329"/>
    </row>
    <row r="6330" spans="3:4" x14ac:dyDescent="0.25">
      <c r="C6330"/>
      <c r="D6330"/>
    </row>
    <row r="6331" spans="3:4" x14ac:dyDescent="0.25">
      <c r="C6331"/>
      <c r="D6331"/>
    </row>
    <row r="6332" spans="3:4" x14ac:dyDescent="0.25">
      <c r="C6332"/>
      <c r="D6332"/>
    </row>
    <row r="6333" spans="3:4" x14ac:dyDescent="0.25">
      <c r="C6333"/>
      <c r="D6333"/>
    </row>
    <row r="6334" spans="3:4" x14ac:dyDescent="0.25">
      <c r="C6334"/>
      <c r="D6334"/>
    </row>
    <row r="6335" spans="3:4" x14ac:dyDescent="0.25">
      <c r="C6335"/>
      <c r="D6335"/>
    </row>
    <row r="6336" spans="3:4" x14ac:dyDescent="0.25">
      <c r="C6336"/>
      <c r="D6336"/>
    </row>
    <row r="6337" spans="3:4" x14ac:dyDescent="0.25">
      <c r="C6337"/>
      <c r="D6337"/>
    </row>
    <row r="6338" spans="3:4" x14ac:dyDescent="0.25">
      <c r="C6338"/>
      <c r="D6338"/>
    </row>
    <row r="6339" spans="3:4" x14ac:dyDescent="0.25">
      <c r="C6339"/>
      <c r="D6339"/>
    </row>
    <row r="6340" spans="3:4" x14ac:dyDescent="0.25">
      <c r="C6340"/>
      <c r="D6340"/>
    </row>
    <row r="6341" spans="3:4" x14ac:dyDescent="0.25">
      <c r="C6341"/>
      <c r="D6341"/>
    </row>
    <row r="6342" spans="3:4" x14ac:dyDescent="0.25">
      <c r="C6342"/>
      <c r="D6342"/>
    </row>
    <row r="6343" spans="3:4" x14ac:dyDescent="0.25">
      <c r="C6343"/>
      <c r="D6343"/>
    </row>
    <row r="6344" spans="3:4" x14ac:dyDescent="0.25">
      <c r="C6344"/>
      <c r="D6344"/>
    </row>
    <row r="6345" spans="3:4" x14ac:dyDescent="0.25">
      <c r="C6345"/>
      <c r="D6345"/>
    </row>
    <row r="6346" spans="3:4" x14ac:dyDescent="0.25">
      <c r="C6346"/>
      <c r="D6346"/>
    </row>
    <row r="6347" spans="3:4" x14ac:dyDescent="0.25">
      <c r="C6347"/>
      <c r="D6347"/>
    </row>
    <row r="6348" spans="3:4" x14ac:dyDescent="0.25">
      <c r="C6348"/>
      <c r="D6348"/>
    </row>
    <row r="6349" spans="3:4" x14ac:dyDescent="0.25">
      <c r="C6349"/>
      <c r="D6349"/>
    </row>
    <row r="6350" spans="3:4" x14ac:dyDescent="0.25">
      <c r="C6350"/>
      <c r="D6350"/>
    </row>
    <row r="6351" spans="3:4" x14ac:dyDescent="0.25">
      <c r="C6351"/>
      <c r="D6351"/>
    </row>
    <row r="6352" spans="3:4" x14ac:dyDescent="0.25">
      <c r="C6352"/>
      <c r="D6352"/>
    </row>
    <row r="6353" spans="3:4" x14ac:dyDescent="0.25">
      <c r="C6353"/>
      <c r="D6353"/>
    </row>
    <row r="6354" spans="3:4" x14ac:dyDescent="0.25">
      <c r="C6354"/>
      <c r="D6354"/>
    </row>
    <row r="6355" spans="3:4" x14ac:dyDescent="0.25">
      <c r="C6355"/>
      <c r="D6355"/>
    </row>
    <row r="6356" spans="3:4" x14ac:dyDescent="0.25">
      <c r="C6356"/>
      <c r="D6356"/>
    </row>
    <row r="6357" spans="3:4" x14ac:dyDescent="0.25">
      <c r="C6357"/>
      <c r="D6357"/>
    </row>
    <row r="6358" spans="3:4" x14ac:dyDescent="0.25">
      <c r="C6358"/>
      <c r="D6358"/>
    </row>
    <row r="6359" spans="3:4" x14ac:dyDescent="0.25">
      <c r="C6359"/>
      <c r="D6359"/>
    </row>
    <row r="6360" spans="3:4" x14ac:dyDescent="0.25">
      <c r="C6360"/>
      <c r="D6360"/>
    </row>
    <row r="6361" spans="3:4" x14ac:dyDescent="0.25">
      <c r="C6361"/>
      <c r="D6361"/>
    </row>
    <row r="6362" spans="3:4" x14ac:dyDescent="0.25">
      <c r="C6362"/>
      <c r="D6362"/>
    </row>
    <row r="6363" spans="3:4" x14ac:dyDescent="0.25">
      <c r="C6363"/>
      <c r="D6363"/>
    </row>
    <row r="6364" spans="3:4" x14ac:dyDescent="0.25">
      <c r="C6364"/>
      <c r="D6364"/>
    </row>
    <row r="6365" spans="3:4" x14ac:dyDescent="0.25">
      <c r="C6365"/>
      <c r="D6365"/>
    </row>
    <row r="6366" spans="3:4" x14ac:dyDescent="0.25">
      <c r="C6366"/>
      <c r="D6366"/>
    </row>
    <row r="6367" spans="3:4" x14ac:dyDescent="0.25">
      <c r="C6367"/>
      <c r="D6367"/>
    </row>
    <row r="6368" spans="3:4" x14ac:dyDescent="0.25">
      <c r="C6368"/>
      <c r="D6368"/>
    </row>
    <row r="6369" spans="3:4" x14ac:dyDescent="0.25">
      <c r="C6369"/>
      <c r="D6369"/>
    </row>
    <row r="6370" spans="3:4" x14ac:dyDescent="0.25">
      <c r="C6370"/>
      <c r="D6370"/>
    </row>
    <row r="6371" spans="3:4" x14ac:dyDescent="0.25">
      <c r="C6371"/>
      <c r="D6371"/>
    </row>
    <row r="6372" spans="3:4" x14ac:dyDescent="0.25">
      <c r="C6372"/>
      <c r="D6372"/>
    </row>
    <row r="6373" spans="3:4" x14ac:dyDescent="0.25">
      <c r="C6373"/>
      <c r="D6373"/>
    </row>
    <row r="6374" spans="3:4" x14ac:dyDescent="0.25">
      <c r="C6374"/>
      <c r="D6374"/>
    </row>
    <row r="6375" spans="3:4" x14ac:dyDescent="0.25">
      <c r="C6375"/>
      <c r="D6375"/>
    </row>
    <row r="6376" spans="3:4" x14ac:dyDescent="0.25">
      <c r="C6376"/>
      <c r="D6376"/>
    </row>
    <row r="6377" spans="3:4" x14ac:dyDescent="0.25">
      <c r="C6377"/>
      <c r="D6377"/>
    </row>
    <row r="6378" spans="3:4" x14ac:dyDescent="0.25">
      <c r="C6378"/>
      <c r="D6378"/>
    </row>
    <row r="6379" spans="3:4" x14ac:dyDescent="0.25">
      <c r="C6379"/>
      <c r="D6379"/>
    </row>
    <row r="6380" spans="3:4" x14ac:dyDescent="0.25">
      <c r="C6380"/>
      <c r="D6380"/>
    </row>
    <row r="6381" spans="3:4" x14ac:dyDescent="0.25">
      <c r="C6381"/>
      <c r="D6381"/>
    </row>
    <row r="6382" spans="3:4" x14ac:dyDescent="0.25">
      <c r="C6382"/>
      <c r="D6382"/>
    </row>
    <row r="6383" spans="3:4" x14ac:dyDescent="0.25">
      <c r="C6383"/>
      <c r="D6383"/>
    </row>
    <row r="6384" spans="3:4" x14ac:dyDescent="0.25">
      <c r="C6384"/>
      <c r="D6384"/>
    </row>
    <row r="6385" spans="3:4" x14ac:dyDescent="0.25">
      <c r="C6385"/>
      <c r="D6385"/>
    </row>
    <row r="6386" spans="3:4" x14ac:dyDescent="0.25">
      <c r="C6386"/>
      <c r="D6386"/>
    </row>
    <row r="6387" spans="3:4" x14ac:dyDescent="0.25">
      <c r="C6387"/>
      <c r="D6387"/>
    </row>
    <row r="6388" spans="3:4" x14ac:dyDescent="0.25">
      <c r="C6388"/>
      <c r="D6388"/>
    </row>
    <row r="6389" spans="3:4" x14ac:dyDescent="0.25">
      <c r="C6389"/>
      <c r="D6389"/>
    </row>
    <row r="6390" spans="3:4" x14ac:dyDescent="0.25">
      <c r="C6390"/>
      <c r="D6390"/>
    </row>
    <row r="6391" spans="3:4" x14ac:dyDescent="0.25">
      <c r="C6391"/>
      <c r="D6391"/>
    </row>
    <row r="6392" spans="3:4" x14ac:dyDescent="0.25">
      <c r="C6392"/>
      <c r="D6392"/>
    </row>
    <row r="6393" spans="3:4" x14ac:dyDescent="0.25">
      <c r="C6393"/>
      <c r="D6393"/>
    </row>
    <row r="6394" spans="3:4" x14ac:dyDescent="0.25">
      <c r="C6394"/>
      <c r="D6394"/>
    </row>
    <row r="6395" spans="3:4" x14ac:dyDescent="0.25">
      <c r="C6395"/>
      <c r="D6395"/>
    </row>
    <row r="6396" spans="3:4" x14ac:dyDescent="0.25">
      <c r="C6396"/>
      <c r="D6396"/>
    </row>
    <row r="6397" spans="3:4" x14ac:dyDescent="0.25">
      <c r="C6397"/>
      <c r="D6397"/>
    </row>
    <row r="6398" spans="3:4" x14ac:dyDescent="0.25">
      <c r="C6398"/>
      <c r="D6398"/>
    </row>
    <row r="6399" spans="3:4" x14ac:dyDescent="0.25">
      <c r="C6399"/>
      <c r="D6399"/>
    </row>
    <row r="6400" spans="3:4" x14ac:dyDescent="0.25">
      <c r="C6400"/>
      <c r="D6400"/>
    </row>
    <row r="6401" spans="3:4" x14ac:dyDescent="0.25">
      <c r="C6401"/>
      <c r="D6401"/>
    </row>
    <row r="6402" spans="3:4" x14ac:dyDescent="0.25">
      <c r="C6402"/>
      <c r="D6402"/>
    </row>
    <row r="6403" spans="3:4" x14ac:dyDescent="0.25">
      <c r="C6403"/>
      <c r="D6403"/>
    </row>
    <row r="6404" spans="3:4" x14ac:dyDescent="0.25">
      <c r="C6404"/>
      <c r="D6404"/>
    </row>
    <row r="6405" spans="3:4" x14ac:dyDescent="0.25">
      <c r="C6405"/>
      <c r="D6405"/>
    </row>
    <row r="6406" spans="3:4" x14ac:dyDescent="0.25">
      <c r="C6406"/>
      <c r="D6406"/>
    </row>
    <row r="6407" spans="3:4" x14ac:dyDescent="0.25">
      <c r="C6407"/>
      <c r="D6407"/>
    </row>
    <row r="6408" spans="3:4" x14ac:dyDescent="0.25">
      <c r="C6408"/>
      <c r="D6408"/>
    </row>
    <row r="6409" spans="3:4" x14ac:dyDescent="0.25">
      <c r="C6409"/>
      <c r="D6409"/>
    </row>
    <row r="6410" spans="3:4" x14ac:dyDescent="0.25">
      <c r="C6410"/>
      <c r="D6410"/>
    </row>
    <row r="6411" spans="3:4" x14ac:dyDescent="0.25">
      <c r="C6411"/>
      <c r="D6411"/>
    </row>
    <row r="6412" spans="3:4" x14ac:dyDescent="0.25">
      <c r="C6412"/>
      <c r="D6412"/>
    </row>
    <row r="6413" spans="3:4" x14ac:dyDescent="0.25">
      <c r="C6413"/>
      <c r="D6413"/>
    </row>
    <row r="6414" spans="3:4" x14ac:dyDescent="0.25">
      <c r="C6414"/>
      <c r="D6414"/>
    </row>
    <row r="6415" spans="3:4" x14ac:dyDescent="0.25">
      <c r="C6415"/>
      <c r="D6415"/>
    </row>
    <row r="6416" spans="3:4" x14ac:dyDescent="0.25">
      <c r="C6416"/>
      <c r="D6416"/>
    </row>
    <row r="6417" spans="3:4" x14ac:dyDescent="0.25">
      <c r="C6417"/>
      <c r="D6417"/>
    </row>
    <row r="6418" spans="3:4" x14ac:dyDescent="0.25">
      <c r="C6418"/>
      <c r="D6418"/>
    </row>
    <row r="6419" spans="3:4" x14ac:dyDescent="0.25">
      <c r="C6419"/>
      <c r="D6419"/>
    </row>
    <row r="6420" spans="3:4" x14ac:dyDescent="0.25">
      <c r="C6420"/>
      <c r="D6420"/>
    </row>
    <row r="6421" spans="3:4" x14ac:dyDescent="0.25">
      <c r="C6421"/>
      <c r="D6421"/>
    </row>
    <row r="6422" spans="3:4" x14ac:dyDescent="0.25">
      <c r="C6422"/>
      <c r="D6422"/>
    </row>
    <row r="6423" spans="3:4" x14ac:dyDescent="0.25">
      <c r="C6423"/>
      <c r="D6423"/>
    </row>
    <row r="6424" spans="3:4" x14ac:dyDescent="0.25">
      <c r="C6424"/>
      <c r="D6424"/>
    </row>
    <row r="6425" spans="3:4" x14ac:dyDescent="0.25">
      <c r="C6425"/>
      <c r="D6425"/>
    </row>
    <row r="6426" spans="3:4" x14ac:dyDescent="0.25">
      <c r="C6426"/>
      <c r="D6426"/>
    </row>
    <row r="6427" spans="3:4" x14ac:dyDescent="0.25">
      <c r="C6427"/>
      <c r="D6427"/>
    </row>
    <row r="6428" spans="3:4" x14ac:dyDescent="0.25">
      <c r="C6428"/>
      <c r="D6428"/>
    </row>
    <row r="6429" spans="3:4" x14ac:dyDescent="0.25">
      <c r="C6429"/>
      <c r="D6429"/>
    </row>
    <row r="6430" spans="3:4" x14ac:dyDescent="0.25">
      <c r="C6430"/>
      <c r="D6430"/>
    </row>
    <row r="6431" spans="3:4" x14ac:dyDescent="0.25">
      <c r="C6431"/>
      <c r="D6431"/>
    </row>
    <row r="6432" spans="3:4" x14ac:dyDescent="0.25">
      <c r="C6432"/>
      <c r="D6432"/>
    </row>
    <row r="6433" spans="3:4" x14ac:dyDescent="0.25">
      <c r="C6433"/>
      <c r="D6433"/>
    </row>
    <row r="6434" spans="3:4" x14ac:dyDescent="0.25">
      <c r="C6434"/>
      <c r="D6434"/>
    </row>
    <row r="6435" spans="3:4" x14ac:dyDescent="0.25">
      <c r="C6435"/>
      <c r="D6435"/>
    </row>
    <row r="6436" spans="3:4" x14ac:dyDescent="0.25">
      <c r="C6436"/>
      <c r="D6436"/>
    </row>
    <row r="6437" spans="3:4" x14ac:dyDescent="0.25">
      <c r="C6437"/>
      <c r="D6437"/>
    </row>
    <row r="6438" spans="3:4" x14ac:dyDescent="0.25">
      <c r="C6438"/>
      <c r="D6438"/>
    </row>
    <row r="6439" spans="3:4" x14ac:dyDescent="0.25">
      <c r="C6439"/>
      <c r="D6439"/>
    </row>
    <row r="6440" spans="3:4" x14ac:dyDescent="0.25">
      <c r="C6440"/>
      <c r="D6440"/>
    </row>
    <row r="6441" spans="3:4" x14ac:dyDescent="0.25">
      <c r="C6441"/>
      <c r="D6441"/>
    </row>
    <row r="6442" spans="3:4" x14ac:dyDescent="0.25">
      <c r="C6442"/>
      <c r="D6442"/>
    </row>
    <row r="6443" spans="3:4" x14ac:dyDescent="0.25">
      <c r="C6443"/>
      <c r="D6443"/>
    </row>
    <row r="6444" spans="3:4" x14ac:dyDescent="0.25">
      <c r="C6444"/>
      <c r="D6444"/>
    </row>
    <row r="6445" spans="3:4" x14ac:dyDescent="0.25">
      <c r="C6445"/>
      <c r="D6445"/>
    </row>
    <row r="6446" spans="3:4" x14ac:dyDescent="0.25">
      <c r="C6446"/>
      <c r="D6446"/>
    </row>
    <row r="6447" spans="3:4" x14ac:dyDescent="0.25">
      <c r="C6447"/>
      <c r="D6447"/>
    </row>
    <row r="6448" spans="3:4" x14ac:dyDescent="0.25">
      <c r="C6448"/>
      <c r="D6448"/>
    </row>
    <row r="6449" spans="3:4" x14ac:dyDescent="0.25">
      <c r="C6449"/>
      <c r="D6449"/>
    </row>
    <row r="6450" spans="3:4" x14ac:dyDescent="0.25">
      <c r="C6450"/>
      <c r="D6450"/>
    </row>
    <row r="6451" spans="3:4" x14ac:dyDescent="0.25">
      <c r="C6451"/>
      <c r="D6451"/>
    </row>
    <row r="6452" spans="3:4" x14ac:dyDescent="0.25">
      <c r="C6452"/>
      <c r="D6452"/>
    </row>
    <row r="6453" spans="3:4" x14ac:dyDescent="0.25">
      <c r="C6453"/>
      <c r="D6453"/>
    </row>
    <row r="6454" spans="3:4" x14ac:dyDescent="0.25">
      <c r="C6454"/>
      <c r="D6454"/>
    </row>
    <row r="6455" spans="3:4" x14ac:dyDescent="0.25">
      <c r="C6455"/>
      <c r="D6455"/>
    </row>
    <row r="6456" spans="3:4" x14ac:dyDescent="0.25">
      <c r="C6456"/>
      <c r="D6456"/>
    </row>
    <row r="6457" spans="3:4" x14ac:dyDescent="0.25">
      <c r="C6457"/>
      <c r="D6457"/>
    </row>
    <row r="6458" spans="3:4" x14ac:dyDescent="0.25">
      <c r="C6458"/>
      <c r="D6458"/>
    </row>
    <row r="6459" spans="3:4" x14ac:dyDescent="0.25">
      <c r="C6459"/>
      <c r="D6459"/>
    </row>
    <row r="6460" spans="3:4" x14ac:dyDescent="0.25">
      <c r="C6460"/>
      <c r="D6460"/>
    </row>
    <row r="6461" spans="3:4" x14ac:dyDescent="0.25">
      <c r="C6461"/>
      <c r="D6461"/>
    </row>
    <row r="6462" spans="3:4" x14ac:dyDescent="0.25">
      <c r="C6462"/>
      <c r="D6462"/>
    </row>
    <row r="6463" spans="3:4" x14ac:dyDescent="0.25">
      <c r="C6463"/>
      <c r="D6463"/>
    </row>
    <row r="6464" spans="3:4" x14ac:dyDescent="0.25">
      <c r="C6464"/>
      <c r="D6464"/>
    </row>
    <row r="6465" spans="3:4" x14ac:dyDescent="0.25">
      <c r="C6465"/>
      <c r="D6465"/>
    </row>
    <row r="6466" spans="3:4" x14ac:dyDescent="0.25">
      <c r="C6466"/>
      <c r="D6466"/>
    </row>
    <row r="6467" spans="3:4" x14ac:dyDescent="0.25">
      <c r="C6467"/>
      <c r="D6467"/>
    </row>
    <row r="6468" spans="3:4" x14ac:dyDescent="0.25">
      <c r="C6468"/>
      <c r="D6468"/>
    </row>
    <row r="6469" spans="3:4" x14ac:dyDescent="0.25">
      <c r="C6469"/>
      <c r="D6469"/>
    </row>
    <row r="6470" spans="3:4" x14ac:dyDescent="0.25">
      <c r="C6470"/>
      <c r="D6470"/>
    </row>
    <row r="6471" spans="3:4" x14ac:dyDescent="0.25">
      <c r="C6471"/>
      <c r="D6471"/>
    </row>
    <row r="6472" spans="3:4" x14ac:dyDescent="0.25">
      <c r="C6472"/>
      <c r="D6472"/>
    </row>
    <row r="6473" spans="3:4" x14ac:dyDescent="0.25">
      <c r="C6473"/>
      <c r="D6473"/>
    </row>
    <row r="6474" spans="3:4" x14ac:dyDescent="0.25">
      <c r="C6474"/>
      <c r="D6474"/>
    </row>
    <row r="6475" spans="3:4" x14ac:dyDescent="0.25">
      <c r="C6475"/>
      <c r="D6475"/>
    </row>
    <row r="6476" spans="3:4" x14ac:dyDescent="0.25">
      <c r="C6476"/>
      <c r="D6476"/>
    </row>
    <row r="6477" spans="3:4" x14ac:dyDescent="0.25">
      <c r="C6477"/>
      <c r="D6477"/>
    </row>
    <row r="6478" spans="3:4" x14ac:dyDescent="0.25">
      <c r="C6478"/>
      <c r="D6478"/>
    </row>
    <row r="6479" spans="3:4" x14ac:dyDescent="0.25">
      <c r="C6479"/>
      <c r="D6479"/>
    </row>
    <row r="6480" spans="3:4" x14ac:dyDescent="0.25">
      <c r="C6480"/>
      <c r="D6480"/>
    </row>
    <row r="6481" spans="3:4" x14ac:dyDescent="0.25">
      <c r="C6481"/>
      <c r="D6481"/>
    </row>
    <row r="6482" spans="3:4" x14ac:dyDescent="0.25">
      <c r="C6482"/>
      <c r="D6482"/>
    </row>
    <row r="6483" spans="3:4" x14ac:dyDescent="0.25">
      <c r="C6483"/>
      <c r="D6483"/>
    </row>
    <row r="6484" spans="3:4" x14ac:dyDescent="0.25">
      <c r="C6484"/>
      <c r="D6484"/>
    </row>
    <row r="6485" spans="3:4" x14ac:dyDescent="0.25">
      <c r="C6485"/>
      <c r="D6485"/>
    </row>
    <row r="6486" spans="3:4" x14ac:dyDescent="0.25">
      <c r="C6486"/>
      <c r="D6486"/>
    </row>
    <row r="6487" spans="3:4" x14ac:dyDescent="0.25">
      <c r="C6487"/>
      <c r="D6487"/>
    </row>
    <row r="6488" spans="3:4" x14ac:dyDescent="0.25">
      <c r="C6488"/>
      <c r="D6488"/>
    </row>
    <row r="6489" spans="3:4" x14ac:dyDescent="0.25">
      <c r="C6489"/>
      <c r="D6489"/>
    </row>
    <row r="6490" spans="3:4" x14ac:dyDescent="0.25">
      <c r="C6490"/>
      <c r="D6490"/>
    </row>
    <row r="6491" spans="3:4" x14ac:dyDescent="0.25">
      <c r="C6491"/>
      <c r="D6491"/>
    </row>
    <row r="6492" spans="3:4" x14ac:dyDescent="0.25">
      <c r="C6492"/>
      <c r="D6492"/>
    </row>
    <row r="6493" spans="3:4" x14ac:dyDescent="0.25">
      <c r="C6493"/>
      <c r="D6493"/>
    </row>
    <row r="6494" spans="3:4" x14ac:dyDescent="0.25">
      <c r="C6494"/>
      <c r="D6494"/>
    </row>
    <row r="6495" spans="3:4" x14ac:dyDescent="0.25">
      <c r="C6495"/>
      <c r="D6495"/>
    </row>
    <row r="6496" spans="3:4" x14ac:dyDescent="0.25">
      <c r="C6496"/>
      <c r="D6496"/>
    </row>
    <row r="6497" spans="3:4" x14ac:dyDescent="0.25">
      <c r="C6497"/>
      <c r="D6497"/>
    </row>
    <row r="6498" spans="3:4" x14ac:dyDescent="0.25">
      <c r="C6498"/>
      <c r="D6498"/>
    </row>
    <row r="6499" spans="3:4" x14ac:dyDescent="0.25">
      <c r="C6499"/>
      <c r="D6499"/>
    </row>
    <row r="6500" spans="3:4" x14ac:dyDescent="0.25">
      <c r="C6500"/>
      <c r="D6500"/>
    </row>
    <row r="6501" spans="3:4" x14ac:dyDescent="0.25">
      <c r="C6501"/>
      <c r="D6501"/>
    </row>
    <row r="6502" spans="3:4" x14ac:dyDescent="0.25">
      <c r="C6502"/>
      <c r="D6502"/>
    </row>
    <row r="6503" spans="3:4" x14ac:dyDescent="0.25">
      <c r="C6503"/>
      <c r="D6503"/>
    </row>
    <row r="6504" spans="3:4" x14ac:dyDescent="0.25">
      <c r="C6504"/>
      <c r="D6504"/>
    </row>
    <row r="6505" spans="3:4" x14ac:dyDescent="0.25">
      <c r="C6505"/>
      <c r="D6505"/>
    </row>
    <row r="6506" spans="3:4" x14ac:dyDescent="0.25">
      <c r="C6506"/>
      <c r="D6506"/>
    </row>
    <row r="6507" spans="3:4" x14ac:dyDescent="0.25">
      <c r="C6507"/>
      <c r="D6507"/>
    </row>
    <row r="6508" spans="3:4" x14ac:dyDescent="0.25">
      <c r="C6508"/>
      <c r="D6508"/>
    </row>
    <row r="6509" spans="3:4" x14ac:dyDescent="0.25">
      <c r="C6509"/>
      <c r="D6509"/>
    </row>
    <row r="6510" spans="3:4" x14ac:dyDescent="0.25">
      <c r="C6510"/>
      <c r="D6510"/>
    </row>
    <row r="6511" spans="3:4" x14ac:dyDescent="0.25">
      <c r="C6511"/>
      <c r="D6511"/>
    </row>
    <row r="6512" spans="3:4" x14ac:dyDescent="0.25">
      <c r="C6512"/>
      <c r="D6512"/>
    </row>
    <row r="6513" spans="3:4" x14ac:dyDescent="0.25">
      <c r="C6513"/>
      <c r="D6513"/>
    </row>
    <row r="6514" spans="3:4" x14ac:dyDescent="0.25">
      <c r="C6514"/>
      <c r="D6514"/>
    </row>
    <row r="6515" spans="3:4" x14ac:dyDescent="0.25">
      <c r="C6515"/>
      <c r="D6515"/>
    </row>
    <row r="6516" spans="3:4" x14ac:dyDescent="0.25">
      <c r="C6516"/>
      <c r="D6516"/>
    </row>
    <row r="6517" spans="3:4" x14ac:dyDescent="0.25">
      <c r="C6517"/>
      <c r="D6517"/>
    </row>
    <row r="6518" spans="3:4" x14ac:dyDescent="0.25">
      <c r="C6518"/>
      <c r="D6518"/>
    </row>
    <row r="6519" spans="3:4" x14ac:dyDescent="0.25">
      <c r="C6519"/>
      <c r="D6519"/>
    </row>
    <row r="6520" spans="3:4" x14ac:dyDescent="0.25">
      <c r="C6520"/>
      <c r="D6520"/>
    </row>
    <row r="6521" spans="3:4" x14ac:dyDescent="0.25">
      <c r="C6521"/>
      <c r="D6521"/>
    </row>
    <row r="6522" spans="3:4" x14ac:dyDescent="0.25">
      <c r="C6522"/>
      <c r="D6522"/>
    </row>
    <row r="6523" spans="3:4" x14ac:dyDescent="0.25">
      <c r="C6523"/>
      <c r="D6523"/>
    </row>
    <row r="6524" spans="3:4" x14ac:dyDescent="0.25">
      <c r="C6524"/>
      <c r="D6524"/>
    </row>
    <row r="6525" spans="3:4" x14ac:dyDescent="0.25">
      <c r="C6525"/>
      <c r="D6525"/>
    </row>
    <row r="6526" spans="3:4" x14ac:dyDescent="0.25">
      <c r="C6526"/>
      <c r="D6526"/>
    </row>
    <row r="6527" spans="3:4" x14ac:dyDescent="0.25">
      <c r="C6527"/>
      <c r="D6527"/>
    </row>
    <row r="6528" spans="3:4" x14ac:dyDescent="0.25">
      <c r="C6528"/>
      <c r="D6528"/>
    </row>
    <row r="6529" spans="3:4" x14ac:dyDescent="0.25">
      <c r="C6529"/>
      <c r="D6529"/>
    </row>
    <row r="6530" spans="3:4" x14ac:dyDescent="0.25">
      <c r="C6530"/>
      <c r="D6530"/>
    </row>
    <row r="6531" spans="3:4" x14ac:dyDescent="0.25">
      <c r="C6531"/>
      <c r="D6531"/>
    </row>
    <row r="6532" spans="3:4" x14ac:dyDescent="0.25">
      <c r="C6532"/>
      <c r="D6532"/>
    </row>
    <row r="6533" spans="3:4" x14ac:dyDescent="0.25">
      <c r="C6533"/>
      <c r="D6533"/>
    </row>
    <row r="6534" spans="3:4" x14ac:dyDescent="0.25">
      <c r="C6534"/>
      <c r="D6534"/>
    </row>
    <row r="6535" spans="3:4" x14ac:dyDescent="0.25">
      <c r="C6535"/>
      <c r="D6535"/>
    </row>
    <row r="6536" spans="3:4" x14ac:dyDescent="0.25">
      <c r="C6536"/>
      <c r="D6536"/>
    </row>
    <row r="6537" spans="3:4" x14ac:dyDescent="0.25">
      <c r="C6537"/>
      <c r="D6537"/>
    </row>
    <row r="6538" spans="3:4" x14ac:dyDescent="0.25">
      <c r="C6538"/>
      <c r="D6538"/>
    </row>
    <row r="6539" spans="3:4" x14ac:dyDescent="0.25">
      <c r="C6539"/>
      <c r="D6539"/>
    </row>
    <row r="6540" spans="3:4" x14ac:dyDescent="0.25">
      <c r="C6540"/>
      <c r="D6540"/>
    </row>
    <row r="6541" spans="3:4" x14ac:dyDescent="0.25">
      <c r="C6541"/>
      <c r="D6541"/>
    </row>
    <row r="6542" spans="3:4" x14ac:dyDescent="0.25">
      <c r="C6542"/>
      <c r="D6542"/>
    </row>
    <row r="6543" spans="3:4" x14ac:dyDescent="0.25">
      <c r="C6543"/>
      <c r="D6543"/>
    </row>
    <row r="6544" spans="3:4" x14ac:dyDescent="0.25">
      <c r="C6544"/>
      <c r="D6544"/>
    </row>
    <row r="6545" spans="3:4" x14ac:dyDescent="0.25">
      <c r="C6545"/>
      <c r="D6545"/>
    </row>
    <row r="6546" spans="3:4" x14ac:dyDescent="0.25">
      <c r="C6546"/>
      <c r="D6546"/>
    </row>
    <row r="6547" spans="3:4" x14ac:dyDescent="0.25">
      <c r="C6547"/>
      <c r="D6547"/>
    </row>
    <row r="6548" spans="3:4" x14ac:dyDescent="0.25">
      <c r="C6548"/>
      <c r="D6548"/>
    </row>
    <row r="6549" spans="3:4" x14ac:dyDescent="0.25">
      <c r="C6549"/>
      <c r="D6549"/>
    </row>
    <row r="6550" spans="3:4" x14ac:dyDescent="0.25">
      <c r="C6550"/>
      <c r="D6550"/>
    </row>
    <row r="6551" spans="3:4" x14ac:dyDescent="0.25">
      <c r="C6551"/>
      <c r="D6551"/>
    </row>
    <row r="6552" spans="3:4" x14ac:dyDescent="0.25">
      <c r="C6552"/>
      <c r="D6552"/>
    </row>
    <row r="6553" spans="3:4" x14ac:dyDescent="0.25">
      <c r="C6553"/>
      <c r="D6553"/>
    </row>
    <row r="6554" spans="3:4" x14ac:dyDescent="0.25">
      <c r="C6554"/>
      <c r="D6554"/>
    </row>
    <row r="6555" spans="3:4" x14ac:dyDescent="0.25">
      <c r="C6555"/>
      <c r="D6555"/>
    </row>
    <row r="6556" spans="3:4" x14ac:dyDescent="0.25">
      <c r="C6556"/>
      <c r="D6556"/>
    </row>
    <row r="6557" spans="3:4" x14ac:dyDescent="0.25">
      <c r="C6557"/>
      <c r="D6557"/>
    </row>
    <row r="6558" spans="3:4" x14ac:dyDescent="0.25">
      <c r="C6558"/>
      <c r="D6558"/>
    </row>
    <row r="6559" spans="3:4" x14ac:dyDescent="0.25">
      <c r="C6559"/>
      <c r="D6559"/>
    </row>
    <row r="6560" spans="3:4" x14ac:dyDescent="0.25">
      <c r="C6560"/>
      <c r="D6560"/>
    </row>
    <row r="6561" spans="3:4" x14ac:dyDescent="0.25">
      <c r="C6561"/>
      <c r="D6561"/>
    </row>
    <row r="6562" spans="3:4" x14ac:dyDescent="0.25">
      <c r="C6562"/>
      <c r="D6562"/>
    </row>
    <row r="6563" spans="3:4" x14ac:dyDescent="0.25">
      <c r="C6563"/>
      <c r="D6563"/>
    </row>
    <row r="6564" spans="3:4" x14ac:dyDescent="0.25">
      <c r="C6564"/>
      <c r="D6564"/>
    </row>
    <row r="6565" spans="3:4" x14ac:dyDescent="0.25">
      <c r="C6565"/>
      <c r="D6565"/>
    </row>
    <row r="6566" spans="3:4" x14ac:dyDescent="0.25">
      <c r="C6566"/>
      <c r="D6566"/>
    </row>
    <row r="6567" spans="3:4" x14ac:dyDescent="0.25">
      <c r="C6567"/>
      <c r="D6567"/>
    </row>
    <row r="6568" spans="3:4" x14ac:dyDescent="0.25">
      <c r="C6568"/>
      <c r="D6568"/>
    </row>
    <row r="6569" spans="3:4" x14ac:dyDescent="0.25">
      <c r="C6569"/>
      <c r="D6569"/>
    </row>
    <row r="6570" spans="3:4" x14ac:dyDescent="0.25">
      <c r="C6570"/>
      <c r="D6570"/>
    </row>
    <row r="6571" spans="3:4" x14ac:dyDescent="0.25">
      <c r="C6571"/>
      <c r="D6571"/>
    </row>
    <row r="6572" spans="3:4" x14ac:dyDescent="0.25">
      <c r="C6572"/>
      <c r="D6572"/>
    </row>
    <row r="6573" spans="3:4" x14ac:dyDescent="0.25">
      <c r="C6573"/>
      <c r="D6573"/>
    </row>
    <row r="6574" spans="3:4" x14ac:dyDescent="0.25">
      <c r="C6574"/>
      <c r="D6574"/>
    </row>
    <row r="6575" spans="3:4" x14ac:dyDescent="0.25">
      <c r="C6575"/>
      <c r="D6575"/>
    </row>
    <row r="6576" spans="3:4" x14ac:dyDescent="0.25">
      <c r="C6576"/>
      <c r="D6576"/>
    </row>
    <row r="6577" spans="3:4" x14ac:dyDescent="0.25">
      <c r="C6577"/>
      <c r="D6577"/>
    </row>
    <row r="6578" spans="3:4" x14ac:dyDescent="0.25">
      <c r="C6578"/>
      <c r="D6578"/>
    </row>
    <row r="6579" spans="3:4" x14ac:dyDescent="0.25">
      <c r="C6579"/>
      <c r="D6579"/>
    </row>
    <row r="6580" spans="3:4" x14ac:dyDescent="0.25">
      <c r="C6580"/>
      <c r="D6580"/>
    </row>
    <row r="6581" spans="3:4" x14ac:dyDescent="0.25">
      <c r="C6581"/>
      <c r="D6581"/>
    </row>
    <row r="6582" spans="3:4" x14ac:dyDescent="0.25">
      <c r="C6582"/>
      <c r="D6582"/>
    </row>
    <row r="6583" spans="3:4" x14ac:dyDescent="0.25">
      <c r="C6583"/>
      <c r="D6583"/>
    </row>
    <row r="6584" spans="3:4" x14ac:dyDescent="0.25">
      <c r="C6584"/>
      <c r="D6584"/>
    </row>
    <row r="6585" spans="3:4" x14ac:dyDescent="0.25">
      <c r="C6585"/>
      <c r="D6585"/>
    </row>
    <row r="6586" spans="3:4" x14ac:dyDescent="0.25">
      <c r="C6586"/>
      <c r="D6586"/>
    </row>
    <row r="6587" spans="3:4" x14ac:dyDescent="0.25">
      <c r="C6587"/>
      <c r="D6587"/>
    </row>
    <row r="6588" spans="3:4" x14ac:dyDescent="0.25">
      <c r="C6588"/>
      <c r="D6588"/>
    </row>
    <row r="6589" spans="3:4" x14ac:dyDescent="0.25">
      <c r="C6589"/>
      <c r="D6589"/>
    </row>
    <row r="6590" spans="3:4" x14ac:dyDescent="0.25">
      <c r="C6590"/>
      <c r="D6590"/>
    </row>
    <row r="6591" spans="3:4" x14ac:dyDescent="0.25">
      <c r="C6591"/>
      <c r="D6591"/>
    </row>
    <row r="6592" spans="3:4" x14ac:dyDescent="0.25">
      <c r="C6592"/>
      <c r="D6592"/>
    </row>
    <row r="6593" spans="3:4" x14ac:dyDescent="0.25">
      <c r="C6593"/>
      <c r="D6593"/>
    </row>
    <row r="6594" spans="3:4" x14ac:dyDescent="0.25">
      <c r="C6594"/>
      <c r="D6594"/>
    </row>
    <row r="6595" spans="3:4" x14ac:dyDescent="0.25">
      <c r="C6595"/>
      <c r="D6595"/>
    </row>
    <row r="6596" spans="3:4" x14ac:dyDescent="0.25">
      <c r="C6596"/>
      <c r="D6596"/>
    </row>
    <row r="6597" spans="3:4" x14ac:dyDescent="0.25">
      <c r="C6597"/>
      <c r="D6597"/>
    </row>
    <row r="6598" spans="3:4" x14ac:dyDescent="0.25">
      <c r="C6598"/>
      <c r="D6598"/>
    </row>
    <row r="6599" spans="3:4" x14ac:dyDescent="0.25">
      <c r="C6599"/>
      <c r="D6599"/>
    </row>
    <row r="6600" spans="3:4" x14ac:dyDescent="0.25">
      <c r="C6600"/>
      <c r="D6600"/>
    </row>
    <row r="6601" spans="3:4" x14ac:dyDescent="0.25">
      <c r="C6601"/>
      <c r="D6601"/>
    </row>
    <row r="6602" spans="3:4" x14ac:dyDescent="0.25">
      <c r="C6602"/>
      <c r="D6602"/>
    </row>
    <row r="6603" spans="3:4" x14ac:dyDescent="0.25">
      <c r="C6603"/>
      <c r="D6603"/>
    </row>
    <row r="6604" spans="3:4" x14ac:dyDescent="0.25">
      <c r="C6604"/>
      <c r="D6604"/>
    </row>
    <row r="6605" spans="3:4" x14ac:dyDescent="0.25">
      <c r="C6605"/>
      <c r="D6605"/>
    </row>
    <row r="6606" spans="3:4" x14ac:dyDescent="0.25">
      <c r="C6606"/>
      <c r="D6606"/>
    </row>
    <row r="6607" spans="3:4" x14ac:dyDescent="0.25">
      <c r="C6607"/>
      <c r="D6607"/>
    </row>
    <row r="6608" spans="3:4" x14ac:dyDescent="0.25">
      <c r="C6608"/>
      <c r="D6608"/>
    </row>
    <row r="6609" spans="3:4" x14ac:dyDescent="0.25">
      <c r="C6609"/>
      <c r="D6609"/>
    </row>
    <row r="6610" spans="3:4" x14ac:dyDescent="0.25">
      <c r="C6610"/>
      <c r="D6610"/>
    </row>
    <row r="6611" spans="3:4" x14ac:dyDescent="0.25">
      <c r="C6611"/>
      <c r="D6611"/>
    </row>
    <row r="6612" spans="3:4" x14ac:dyDescent="0.25">
      <c r="C6612"/>
      <c r="D6612"/>
    </row>
    <row r="6613" spans="3:4" x14ac:dyDescent="0.25">
      <c r="C6613"/>
      <c r="D6613"/>
    </row>
    <row r="6614" spans="3:4" x14ac:dyDescent="0.25">
      <c r="C6614"/>
      <c r="D6614"/>
    </row>
    <row r="6615" spans="3:4" x14ac:dyDescent="0.25">
      <c r="C6615"/>
      <c r="D6615"/>
    </row>
    <row r="6616" spans="3:4" x14ac:dyDescent="0.25">
      <c r="C6616"/>
      <c r="D6616"/>
    </row>
    <row r="6617" spans="3:4" x14ac:dyDescent="0.25">
      <c r="C6617"/>
      <c r="D6617"/>
    </row>
    <row r="6618" spans="3:4" x14ac:dyDescent="0.25">
      <c r="C6618"/>
      <c r="D6618"/>
    </row>
    <row r="6619" spans="3:4" x14ac:dyDescent="0.25">
      <c r="C6619"/>
      <c r="D6619"/>
    </row>
    <row r="6620" spans="3:4" x14ac:dyDescent="0.25">
      <c r="C6620"/>
      <c r="D6620"/>
    </row>
    <row r="6621" spans="3:4" x14ac:dyDescent="0.25">
      <c r="C6621"/>
      <c r="D6621"/>
    </row>
    <row r="6622" spans="3:4" x14ac:dyDescent="0.25">
      <c r="C6622"/>
      <c r="D6622"/>
    </row>
    <row r="6623" spans="3:4" x14ac:dyDescent="0.25">
      <c r="C6623"/>
      <c r="D6623"/>
    </row>
    <row r="6624" spans="3:4" x14ac:dyDescent="0.25">
      <c r="C6624"/>
      <c r="D6624"/>
    </row>
    <row r="6625" spans="3:4" x14ac:dyDescent="0.25">
      <c r="C6625"/>
      <c r="D6625"/>
    </row>
    <row r="6626" spans="3:4" x14ac:dyDescent="0.25">
      <c r="C6626"/>
      <c r="D6626"/>
    </row>
    <row r="6627" spans="3:4" x14ac:dyDescent="0.25">
      <c r="C6627"/>
      <c r="D6627"/>
    </row>
    <row r="6628" spans="3:4" x14ac:dyDescent="0.25">
      <c r="C6628"/>
      <c r="D6628"/>
    </row>
    <row r="6629" spans="3:4" x14ac:dyDescent="0.25">
      <c r="C6629"/>
      <c r="D6629"/>
    </row>
    <row r="6630" spans="3:4" x14ac:dyDescent="0.25">
      <c r="C6630"/>
      <c r="D6630"/>
    </row>
    <row r="6631" spans="3:4" x14ac:dyDescent="0.25">
      <c r="C6631"/>
      <c r="D6631"/>
    </row>
    <row r="6632" spans="3:4" x14ac:dyDescent="0.25">
      <c r="C6632"/>
      <c r="D6632"/>
    </row>
    <row r="6633" spans="3:4" x14ac:dyDescent="0.25">
      <c r="C6633"/>
      <c r="D6633"/>
    </row>
    <row r="6634" spans="3:4" x14ac:dyDescent="0.25">
      <c r="C6634"/>
      <c r="D6634"/>
    </row>
    <row r="6635" spans="3:4" x14ac:dyDescent="0.25">
      <c r="C6635"/>
      <c r="D6635"/>
    </row>
    <row r="6636" spans="3:4" x14ac:dyDescent="0.25">
      <c r="C6636"/>
      <c r="D6636"/>
    </row>
    <row r="6637" spans="3:4" x14ac:dyDescent="0.25">
      <c r="C6637"/>
      <c r="D6637"/>
    </row>
    <row r="6638" spans="3:4" x14ac:dyDescent="0.25">
      <c r="C6638"/>
      <c r="D6638"/>
    </row>
    <row r="6639" spans="3:4" x14ac:dyDescent="0.25">
      <c r="C6639"/>
      <c r="D6639"/>
    </row>
    <row r="6640" spans="3:4" x14ac:dyDescent="0.25">
      <c r="C6640"/>
      <c r="D6640"/>
    </row>
    <row r="6641" spans="3:4" x14ac:dyDescent="0.25">
      <c r="C6641"/>
      <c r="D6641"/>
    </row>
    <row r="6642" spans="3:4" x14ac:dyDescent="0.25">
      <c r="C6642"/>
      <c r="D6642"/>
    </row>
    <row r="6643" spans="3:4" x14ac:dyDescent="0.25">
      <c r="C6643"/>
      <c r="D6643"/>
    </row>
    <row r="6644" spans="3:4" x14ac:dyDescent="0.25">
      <c r="C6644"/>
      <c r="D6644"/>
    </row>
    <row r="6645" spans="3:4" x14ac:dyDescent="0.25">
      <c r="C6645"/>
      <c r="D6645"/>
    </row>
    <row r="6646" spans="3:4" x14ac:dyDescent="0.25">
      <c r="C6646"/>
      <c r="D6646"/>
    </row>
    <row r="6647" spans="3:4" x14ac:dyDescent="0.25">
      <c r="C6647"/>
      <c r="D6647"/>
    </row>
    <row r="6648" spans="3:4" x14ac:dyDescent="0.25">
      <c r="C6648"/>
      <c r="D6648"/>
    </row>
    <row r="6649" spans="3:4" x14ac:dyDescent="0.25">
      <c r="C6649"/>
      <c r="D6649"/>
    </row>
    <row r="6650" spans="3:4" x14ac:dyDescent="0.25">
      <c r="C6650"/>
      <c r="D6650"/>
    </row>
    <row r="6651" spans="3:4" x14ac:dyDescent="0.25">
      <c r="C6651"/>
      <c r="D6651"/>
    </row>
    <row r="6652" spans="3:4" x14ac:dyDescent="0.25">
      <c r="C6652"/>
      <c r="D6652"/>
    </row>
    <row r="6653" spans="3:4" x14ac:dyDescent="0.25">
      <c r="C6653"/>
      <c r="D6653"/>
    </row>
    <row r="6654" spans="3:4" x14ac:dyDescent="0.25">
      <c r="C6654"/>
      <c r="D6654"/>
    </row>
    <row r="6655" spans="3:4" x14ac:dyDescent="0.25">
      <c r="C6655"/>
      <c r="D6655"/>
    </row>
    <row r="6656" spans="3:4" x14ac:dyDescent="0.25">
      <c r="C6656"/>
      <c r="D6656"/>
    </row>
    <row r="6657" spans="3:4" x14ac:dyDescent="0.25">
      <c r="C6657"/>
      <c r="D6657"/>
    </row>
    <row r="6658" spans="3:4" x14ac:dyDescent="0.25">
      <c r="C6658"/>
      <c r="D6658"/>
    </row>
    <row r="6659" spans="3:4" x14ac:dyDescent="0.25">
      <c r="C6659"/>
      <c r="D6659"/>
    </row>
    <row r="6660" spans="3:4" x14ac:dyDescent="0.25">
      <c r="C6660"/>
      <c r="D6660"/>
    </row>
    <row r="6661" spans="3:4" x14ac:dyDescent="0.25">
      <c r="C6661"/>
      <c r="D6661"/>
    </row>
    <row r="6662" spans="3:4" x14ac:dyDescent="0.25">
      <c r="C6662"/>
      <c r="D6662"/>
    </row>
    <row r="6663" spans="3:4" x14ac:dyDescent="0.25">
      <c r="C6663"/>
      <c r="D6663"/>
    </row>
    <row r="6664" spans="3:4" x14ac:dyDescent="0.25">
      <c r="C6664"/>
      <c r="D6664"/>
    </row>
    <row r="6665" spans="3:4" x14ac:dyDescent="0.25">
      <c r="C6665"/>
      <c r="D6665"/>
    </row>
    <row r="6666" spans="3:4" x14ac:dyDescent="0.25">
      <c r="C6666"/>
      <c r="D6666"/>
    </row>
    <row r="6667" spans="3:4" x14ac:dyDescent="0.25">
      <c r="C6667"/>
      <c r="D6667"/>
    </row>
    <row r="6668" spans="3:4" x14ac:dyDescent="0.25">
      <c r="C6668"/>
      <c r="D6668"/>
    </row>
    <row r="6669" spans="3:4" x14ac:dyDescent="0.25">
      <c r="C6669"/>
      <c r="D6669"/>
    </row>
    <row r="6670" spans="3:4" x14ac:dyDescent="0.25">
      <c r="C6670"/>
      <c r="D6670"/>
    </row>
    <row r="6671" spans="3:4" x14ac:dyDescent="0.25">
      <c r="C6671"/>
      <c r="D6671"/>
    </row>
    <row r="6672" spans="3:4" x14ac:dyDescent="0.25">
      <c r="C6672"/>
      <c r="D6672"/>
    </row>
    <row r="6673" spans="3:4" x14ac:dyDescent="0.25">
      <c r="C6673"/>
      <c r="D6673"/>
    </row>
    <row r="6674" spans="3:4" x14ac:dyDescent="0.25">
      <c r="C6674"/>
      <c r="D6674"/>
    </row>
    <row r="6675" spans="3:4" x14ac:dyDescent="0.25">
      <c r="C6675"/>
      <c r="D6675"/>
    </row>
    <row r="6676" spans="3:4" x14ac:dyDescent="0.25">
      <c r="C6676"/>
      <c r="D6676"/>
    </row>
    <row r="6677" spans="3:4" x14ac:dyDescent="0.25">
      <c r="C6677"/>
      <c r="D6677"/>
    </row>
    <row r="6678" spans="3:4" x14ac:dyDescent="0.25">
      <c r="C6678"/>
      <c r="D6678"/>
    </row>
    <row r="6679" spans="3:4" x14ac:dyDescent="0.25">
      <c r="C6679"/>
      <c r="D6679"/>
    </row>
    <row r="6680" spans="3:4" x14ac:dyDescent="0.25">
      <c r="C6680"/>
      <c r="D6680"/>
    </row>
    <row r="6681" spans="3:4" x14ac:dyDescent="0.25">
      <c r="C6681"/>
      <c r="D6681"/>
    </row>
    <row r="6682" spans="3:4" x14ac:dyDescent="0.25">
      <c r="C6682"/>
      <c r="D6682"/>
    </row>
    <row r="6683" spans="3:4" x14ac:dyDescent="0.25">
      <c r="C6683"/>
      <c r="D6683"/>
    </row>
    <row r="6684" spans="3:4" x14ac:dyDescent="0.25">
      <c r="C6684"/>
      <c r="D6684"/>
    </row>
    <row r="6685" spans="3:4" x14ac:dyDescent="0.25">
      <c r="C6685"/>
      <c r="D6685"/>
    </row>
    <row r="6686" spans="3:4" x14ac:dyDescent="0.25">
      <c r="C6686"/>
      <c r="D6686"/>
    </row>
    <row r="6687" spans="3:4" x14ac:dyDescent="0.25">
      <c r="C6687"/>
      <c r="D6687"/>
    </row>
    <row r="6688" spans="3:4" x14ac:dyDescent="0.25">
      <c r="C6688"/>
      <c r="D6688"/>
    </row>
    <row r="6689" spans="3:4" x14ac:dyDescent="0.25">
      <c r="C6689"/>
      <c r="D6689"/>
    </row>
    <row r="6690" spans="3:4" x14ac:dyDescent="0.25">
      <c r="C6690"/>
      <c r="D6690"/>
    </row>
    <row r="6691" spans="3:4" x14ac:dyDescent="0.25">
      <c r="C6691"/>
      <c r="D6691"/>
    </row>
    <row r="6692" spans="3:4" x14ac:dyDescent="0.25">
      <c r="C6692"/>
      <c r="D6692"/>
    </row>
    <row r="6693" spans="3:4" x14ac:dyDescent="0.25">
      <c r="C6693"/>
      <c r="D6693"/>
    </row>
    <row r="6694" spans="3:4" x14ac:dyDescent="0.25">
      <c r="C6694"/>
      <c r="D6694"/>
    </row>
    <row r="6695" spans="3:4" x14ac:dyDescent="0.25">
      <c r="C6695"/>
      <c r="D6695"/>
    </row>
    <row r="6696" spans="3:4" x14ac:dyDescent="0.25">
      <c r="C6696"/>
      <c r="D6696"/>
    </row>
    <row r="6697" spans="3:4" x14ac:dyDescent="0.25">
      <c r="C6697"/>
      <c r="D6697"/>
    </row>
    <row r="6698" spans="3:4" x14ac:dyDescent="0.25">
      <c r="C6698"/>
      <c r="D6698"/>
    </row>
    <row r="6699" spans="3:4" x14ac:dyDescent="0.25">
      <c r="C6699"/>
      <c r="D6699"/>
    </row>
    <row r="6700" spans="3:4" x14ac:dyDescent="0.25">
      <c r="C6700"/>
      <c r="D6700"/>
    </row>
    <row r="6701" spans="3:4" x14ac:dyDescent="0.25">
      <c r="C6701"/>
      <c r="D6701"/>
    </row>
    <row r="6702" spans="3:4" x14ac:dyDescent="0.25">
      <c r="C6702"/>
      <c r="D6702"/>
    </row>
    <row r="6703" spans="3:4" x14ac:dyDescent="0.25">
      <c r="C6703"/>
      <c r="D6703"/>
    </row>
    <row r="6704" spans="3:4" x14ac:dyDescent="0.25">
      <c r="C6704"/>
      <c r="D6704"/>
    </row>
    <row r="6705" spans="3:4" x14ac:dyDescent="0.25">
      <c r="C6705"/>
      <c r="D6705"/>
    </row>
    <row r="6706" spans="3:4" x14ac:dyDescent="0.25">
      <c r="C6706"/>
      <c r="D6706"/>
    </row>
    <row r="6707" spans="3:4" x14ac:dyDescent="0.25">
      <c r="C6707"/>
      <c r="D6707"/>
    </row>
    <row r="6708" spans="3:4" x14ac:dyDescent="0.25">
      <c r="C6708"/>
      <c r="D6708"/>
    </row>
    <row r="6709" spans="3:4" x14ac:dyDescent="0.25">
      <c r="C6709"/>
      <c r="D6709"/>
    </row>
    <row r="6710" spans="3:4" x14ac:dyDescent="0.25">
      <c r="C6710"/>
      <c r="D6710"/>
    </row>
    <row r="6711" spans="3:4" x14ac:dyDescent="0.25">
      <c r="C6711"/>
      <c r="D6711"/>
    </row>
    <row r="6712" spans="3:4" x14ac:dyDescent="0.25">
      <c r="C6712"/>
      <c r="D6712"/>
    </row>
    <row r="6713" spans="3:4" x14ac:dyDescent="0.25">
      <c r="C6713"/>
      <c r="D6713"/>
    </row>
    <row r="6714" spans="3:4" x14ac:dyDescent="0.25">
      <c r="C6714"/>
      <c r="D6714"/>
    </row>
    <row r="6715" spans="3:4" x14ac:dyDescent="0.25">
      <c r="C6715"/>
      <c r="D6715"/>
    </row>
    <row r="6716" spans="3:4" x14ac:dyDescent="0.25">
      <c r="C6716"/>
      <c r="D6716"/>
    </row>
    <row r="6717" spans="3:4" x14ac:dyDescent="0.25">
      <c r="C6717"/>
      <c r="D6717"/>
    </row>
    <row r="6718" spans="3:4" x14ac:dyDescent="0.25">
      <c r="C6718"/>
      <c r="D6718"/>
    </row>
    <row r="6719" spans="3:4" x14ac:dyDescent="0.25">
      <c r="C6719"/>
      <c r="D6719"/>
    </row>
    <row r="6720" spans="3:4" x14ac:dyDescent="0.25">
      <c r="C6720"/>
      <c r="D6720"/>
    </row>
    <row r="6721" spans="3:4" x14ac:dyDescent="0.25">
      <c r="C6721"/>
      <c r="D6721"/>
    </row>
    <row r="6722" spans="3:4" x14ac:dyDescent="0.25">
      <c r="C6722"/>
      <c r="D6722"/>
    </row>
    <row r="6723" spans="3:4" x14ac:dyDescent="0.25">
      <c r="C6723"/>
      <c r="D6723"/>
    </row>
    <row r="6724" spans="3:4" x14ac:dyDescent="0.25">
      <c r="C6724"/>
      <c r="D6724"/>
    </row>
    <row r="6725" spans="3:4" x14ac:dyDescent="0.25">
      <c r="C6725"/>
      <c r="D6725"/>
    </row>
    <row r="6726" spans="3:4" x14ac:dyDescent="0.25">
      <c r="C6726"/>
      <c r="D6726"/>
    </row>
    <row r="6727" spans="3:4" x14ac:dyDescent="0.25">
      <c r="C6727"/>
      <c r="D6727"/>
    </row>
    <row r="6728" spans="3:4" x14ac:dyDescent="0.25">
      <c r="C6728"/>
      <c r="D6728"/>
    </row>
    <row r="6729" spans="3:4" x14ac:dyDescent="0.25">
      <c r="C6729"/>
      <c r="D6729"/>
    </row>
    <row r="6730" spans="3:4" x14ac:dyDescent="0.25">
      <c r="C6730"/>
      <c r="D6730"/>
    </row>
    <row r="6731" spans="3:4" x14ac:dyDescent="0.25">
      <c r="C6731"/>
      <c r="D6731"/>
    </row>
    <row r="6732" spans="3:4" x14ac:dyDescent="0.25">
      <c r="C6732"/>
      <c r="D6732"/>
    </row>
    <row r="6733" spans="3:4" x14ac:dyDescent="0.25">
      <c r="C6733"/>
      <c r="D6733"/>
    </row>
    <row r="6734" spans="3:4" x14ac:dyDescent="0.25">
      <c r="C6734"/>
      <c r="D6734"/>
    </row>
    <row r="6735" spans="3:4" x14ac:dyDescent="0.25">
      <c r="C6735"/>
      <c r="D6735"/>
    </row>
    <row r="6736" spans="3:4" x14ac:dyDescent="0.25">
      <c r="C6736"/>
      <c r="D6736"/>
    </row>
    <row r="6737" spans="3:4" x14ac:dyDescent="0.25">
      <c r="C6737"/>
      <c r="D6737"/>
    </row>
    <row r="6738" spans="3:4" x14ac:dyDescent="0.25">
      <c r="C6738"/>
      <c r="D6738"/>
    </row>
    <row r="6739" spans="3:4" x14ac:dyDescent="0.25">
      <c r="C6739"/>
      <c r="D6739"/>
    </row>
    <row r="6740" spans="3:4" x14ac:dyDescent="0.25">
      <c r="C6740"/>
      <c r="D6740"/>
    </row>
    <row r="6741" spans="3:4" x14ac:dyDescent="0.25">
      <c r="C6741"/>
      <c r="D6741"/>
    </row>
    <row r="6742" spans="3:4" x14ac:dyDescent="0.25">
      <c r="C6742"/>
      <c r="D6742"/>
    </row>
    <row r="6743" spans="3:4" x14ac:dyDescent="0.25">
      <c r="C6743"/>
      <c r="D6743"/>
    </row>
    <row r="6744" spans="3:4" x14ac:dyDescent="0.25">
      <c r="C6744"/>
      <c r="D6744"/>
    </row>
    <row r="6745" spans="3:4" x14ac:dyDescent="0.25">
      <c r="C6745"/>
      <c r="D6745"/>
    </row>
    <row r="6746" spans="3:4" x14ac:dyDescent="0.25">
      <c r="C6746"/>
      <c r="D6746"/>
    </row>
    <row r="6747" spans="3:4" x14ac:dyDescent="0.25">
      <c r="C6747"/>
      <c r="D6747"/>
    </row>
    <row r="6748" spans="3:4" x14ac:dyDescent="0.25">
      <c r="C6748"/>
      <c r="D6748"/>
    </row>
    <row r="6749" spans="3:4" x14ac:dyDescent="0.25">
      <c r="C6749"/>
      <c r="D6749"/>
    </row>
    <row r="6750" spans="3:4" x14ac:dyDescent="0.25">
      <c r="C6750"/>
      <c r="D6750"/>
    </row>
    <row r="6751" spans="3:4" x14ac:dyDescent="0.25">
      <c r="C6751"/>
      <c r="D6751"/>
    </row>
    <row r="6752" spans="3:4" x14ac:dyDescent="0.25">
      <c r="C6752"/>
      <c r="D6752"/>
    </row>
    <row r="6753" spans="3:4" x14ac:dyDescent="0.25">
      <c r="C6753"/>
      <c r="D6753"/>
    </row>
    <row r="6754" spans="3:4" x14ac:dyDescent="0.25">
      <c r="C6754"/>
      <c r="D6754"/>
    </row>
    <row r="6755" spans="3:4" x14ac:dyDescent="0.25">
      <c r="C6755"/>
      <c r="D6755"/>
    </row>
    <row r="6756" spans="3:4" x14ac:dyDescent="0.25">
      <c r="C6756"/>
      <c r="D6756"/>
    </row>
    <row r="6757" spans="3:4" x14ac:dyDescent="0.25">
      <c r="C6757"/>
      <c r="D6757"/>
    </row>
    <row r="6758" spans="3:4" x14ac:dyDescent="0.25">
      <c r="C6758"/>
      <c r="D6758"/>
    </row>
    <row r="6759" spans="3:4" x14ac:dyDescent="0.25">
      <c r="C6759"/>
      <c r="D6759"/>
    </row>
    <row r="6760" spans="3:4" x14ac:dyDescent="0.25">
      <c r="C6760"/>
      <c r="D6760"/>
    </row>
    <row r="6761" spans="3:4" x14ac:dyDescent="0.25">
      <c r="C6761"/>
      <c r="D6761"/>
    </row>
    <row r="6762" spans="3:4" x14ac:dyDescent="0.25">
      <c r="C6762"/>
      <c r="D6762"/>
    </row>
    <row r="6763" spans="3:4" x14ac:dyDescent="0.25">
      <c r="C6763"/>
      <c r="D6763"/>
    </row>
    <row r="6764" spans="3:4" x14ac:dyDescent="0.25">
      <c r="C6764"/>
      <c r="D6764"/>
    </row>
    <row r="6765" spans="3:4" x14ac:dyDescent="0.25">
      <c r="C6765"/>
      <c r="D6765"/>
    </row>
    <row r="6766" spans="3:4" x14ac:dyDescent="0.25">
      <c r="C6766"/>
      <c r="D6766"/>
    </row>
    <row r="6767" spans="3:4" x14ac:dyDescent="0.25">
      <c r="C6767"/>
      <c r="D6767"/>
    </row>
    <row r="6768" spans="3:4" x14ac:dyDescent="0.25">
      <c r="C6768"/>
      <c r="D6768"/>
    </row>
    <row r="6769" spans="3:4" x14ac:dyDescent="0.25">
      <c r="C6769"/>
      <c r="D6769"/>
    </row>
    <row r="6770" spans="3:4" x14ac:dyDescent="0.25">
      <c r="C6770"/>
      <c r="D6770"/>
    </row>
    <row r="6771" spans="3:4" x14ac:dyDescent="0.25">
      <c r="C6771"/>
      <c r="D6771"/>
    </row>
    <row r="6772" spans="3:4" x14ac:dyDescent="0.25">
      <c r="C6772"/>
      <c r="D6772"/>
    </row>
    <row r="6773" spans="3:4" x14ac:dyDescent="0.25">
      <c r="C6773"/>
      <c r="D6773"/>
    </row>
    <row r="6774" spans="3:4" x14ac:dyDescent="0.25">
      <c r="C6774"/>
      <c r="D6774"/>
    </row>
    <row r="6775" spans="3:4" x14ac:dyDescent="0.25">
      <c r="C6775"/>
      <c r="D6775"/>
    </row>
    <row r="6776" spans="3:4" x14ac:dyDescent="0.25">
      <c r="C6776"/>
      <c r="D6776"/>
    </row>
    <row r="6777" spans="3:4" x14ac:dyDescent="0.25">
      <c r="C6777"/>
      <c r="D6777"/>
    </row>
    <row r="6778" spans="3:4" x14ac:dyDescent="0.25">
      <c r="C6778"/>
      <c r="D6778"/>
    </row>
    <row r="6779" spans="3:4" x14ac:dyDescent="0.25">
      <c r="C6779"/>
      <c r="D6779"/>
    </row>
    <row r="6780" spans="3:4" x14ac:dyDescent="0.25">
      <c r="C6780"/>
      <c r="D6780"/>
    </row>
    <row r="6781" spans="3:4" x14ac:dyDescent="0.25">
      <c r="C6781"/>
      <c r="D6781"/>
    </row>
    <row r="6782" spans="3:4" x14ac:dyDescent="0.25">
      <c r="C6782"/>
      <c r="D6782"/>
    </row>
    <row r="6783" spans="3:4" x14ac:dyDescent="0.25">
      <c r="C6783"/>
      <c r="D6783"/>
    </row>
    <row r="6784" spans="3:4" x14ac:dyDescent="0.25">
      <c r="C6784"/>
      <c r="D6784"/>
    </row>
    <row r="6785" spans="3:4" x14ac:dyDescent="0.25">
      <c r="C6785"/>
      <c r="D6785"/>
    </row>
    <row r="6786" spans="3:4" x14ac:dyDescent="0.25">
      <c r="C6786"/>
      <c r="D6786"/>
    </row>
    <row r="6787" spans="3:4" x14ac:dyDescent="0.25">
      <c r="C6787"/>
      <c r="D6787"/>
    </row>
    <row r="6788" spans="3:4" x14ac:dyDescent="0.25">
      <c r="C6788"/>
      <c r="D6788"/>
    </row>
    <row r="6789" spans="3:4" x14ac:dyDescent="0.25">
      <c r="C6789"/>
      <c r="D6789"/>
    </row>
    <row r="6790" spans="3:4" x14ac:dyDescent="0.25">
      <c r="C6790"/>
      <c r="D6790"/>
    </row>
    <row r="6791" spans="3:4" x14ac:dyDescent="0.25">
      <c r="C6791"/>
      <c r="D6791"/>
    </row>
    <row r="6792" spans="3:4" x14ac:dyDescent="0.25">
      <c r="C6792"/>
      <c r="D6792"/>
    </row>
    <row r="6793" spans="3:4" x14ac:dyDescent="0.25">
      <c r="C6793"/>
      <c r="D6793"/>
    </row>
    <row r="6794" spans="3:4" x14ac:dyDescent="0.25">
      <c r="C6794"/>
      <c r="D6794"/>
    </row>
    <row r="6795" spans="3:4" x14ac:dyDescent="0.25">
      <c r="C6795"/>
      <c r="D6795"/>
    </row>
    <row r="6796" spans="3:4" x14ac:dyDescent="0.25">
      <c r="C6796"/>
      <c r="D6796"/>
    </row>
    <row r="6797" spans="3:4" x14ac:dyDescent="0.25">
      <c r="C6797"/>
      <c r="D6797"/>
    </row>
    <row r="6798" spans="3:4" x14ac:dyDescent="0.25">
      <c r="C6798"/>
      <c r="D6798"/>
    </row>
    <row r="6799" spans="3:4" x14ac:dyDescent="0.25">
      <c r="C6799"/>
      <c r="D6799"/>
    </row>
    <row r="6800" spans="3:4" x14ac:dyDescent="0.25">
      <c r="C6800"/>
      <c r="D6800"/>
    </row>
    <row r="6801" spans="3:4" x14ac:dyDescent="0.25">
      <c r="C6801"/>
      <c r="D6801"/>
    </row>
    <row r="6802" spans="3:4" x14ac:dyDescent="0.25">
      <c r="C6802"/>
      <c r="D6802"/>
    </row>
    <row r="6803" spans="3:4" x14ac:dyDescent="0.25">
      <c r="C6803"/>
      <c r="D6803"/>
    </row>
    <row r="6804" spans="3:4" x14ac:dyDescent="0.25">
      <c r="C6804"/>
      <c r="D6804"/>
    </row>
    <row r="6805" spans="3:4" x14ac:dyDescent="0.25">
      <c r="C6805"/>
      <c r="D6805"/>
    </row>
    <row r="6806" spans="3:4" x14ac:dyDescent="0.25">
      <c r="C6806"/>
      <c r="D6806"/>
    </row>
    <row r="6807" spans="3:4" x14ac:dyDescent="0.25">
      <c r="C6807"/>
      <c r="D6807"/>
    </row>
    <row r="6808" spans="3:4" x14ac:dyDescent="0.25">
      <c r="C6808"/>
      <c r="D6808"/>
    </row>
    <row r="6809" spans="3:4" x14ac:dyDescent="0.25">
      <c r="C6809"/>
      <c r="D6809"/>
    </row>
    <row r="6810" spans="3:4" x14ac:dyDescent="0.25">
      <c r="C6810"/>
      <c r="D6810"/>
    </row>
    <row r="6811" spans="3:4" x14ac:dyDescent="0.25">
      <c r="C6811"/>
      <c r="D6811"/>
    </row>
    <row r="6812" spans="3:4" x14ac:dyDescent="0.25">
      <c r="C6812"/>
      <c r="D6812"/>
    </row>
    <row r="6813" spans="3:4" x14ac:dyDescent="0.25">
      <c r="C6813"/>
      <c r="D6813"/>
    </row>
    <row r="6814" spans="3:4" x14ac:dyDescent="0.25">
      <c r="C6814"/>
      <c r="D6814"/>
    </row>
    <row r="6815" spans="3:4" x14ac:dyDescent="0.25">
      <c r="C6815"/>
      <c r="D6815"/>
    </row>
    <row r="6816" spans="3:4" x14ac:dyDescent="0.25">
      <c r="C6816"/>
      <c r="D6816"/>
    </row>
    <row r="6817" spans="3:4" x14ac:dyDescent="0.25">
      <c r="C6817"/>
      <c r="D6817"/>
    </row>
    <row r="6818" spans="3:4" x14ac:dyDescent="0.25">
      <c r="C6818"/>
      <c r="D6818"/>
    </row>
    <row r="6819" spans="3:4" x14ac:dyDescent="0.25">
      <c r="C6819"/>
      <c r="D6819"/>
    </row>
    <row r="6820" spans="3:4" x14ac:dyDescent="0.25">
      <c r="C6820"/>
      <c r="D6820"/>
    </row>
    <row r="6821" spans="3:4" x14ac:dyDescent="0.25">
      <c r="C6821"/>
      <c r="D6821"/>
    </row>
    <row r="6822" spans="3:4" x14ac:dyDescent="0.25">
      <c r="C6822"/>
      <c r="D6822"/>
    </row>
    <row r="6823" spans="3:4" x14ac:dyDescent="0.25">
      <c r="C6823"/>
      <c r="D6823"/>
    </row>
    <row r="6824" spans="3:4" x14ac:dyDescent="0.25">
      <c r="C6824"/>
      <c r="D6824"/>
    </row>
    <row r="6825" spans="3:4" x14ac:dyDescent="0.25">
      <c r="C6825"/>
      <c r="D6825"/>
    </row>
    <row r="6826" spans="3:4" x14ac:dyDescent="0.25">
      <c r="C6826"/>
      <c r="D6826"/>
    </row>
    <row r="6827" spans="3:4" x14ac:dyDescent="0.25">
      <c r="C6827"/>
      <c r="D6827"/>
    </row>
    <row r="6828" spans="3:4" x14ac:dyDescent="0.25">
      <c r="C6828"/>
      <c r="D6828"/>
    </row>
    <row r="6829" spans="3:4" x14ac:dyDescent="0.25">
      <c r="C6829"/>
      <c r="D6829"/>
    </row>
    <row r="6830" spans="3:4" x14ac:dyDescent="0.25">
      <c r="C6830"/>
      <c r="D6830"/>
    </row>
    <row r="6831" spans="3:4" x14ac:dyDescent="0.25">
      <c r="C6831"/>
      <c r="D6831"/>
    </row>
    <row r="6832" spans="3:4" x14ac:dyDescent="0.25">
      <c r="C6832"/>
      <c r="D6832"/>
    </row>
    <row r="6833" spans="3:4" x14ac:dyDescent="0.25">
      <c r="C6833"/>
      <c r="D6833"/>
    </row>
    <row r="6834" spans="3:4" x14ac:dyDescent="0.25">
      <c r="C6834"/>
      <c r="D6834"/>
    </row>
    <row r="6835" spans="3:4" x14ac:dyDescent="0.25">
      <c r="C6835"/>
      <c r="D6835"/>
    </row>
    <row r="6836" spans="3:4" x14ac:dyDescent="0.25">
      <c r="C6836"/>
      <c r="D6836"/>
    </row>
    <row r="6837" spans="3:4" x14ac:dyDescent="0.25">
      <c r="C6837"/>
      <c r="D6837"/>
    </row>
    <row r="6838" spans="3:4" x14ac:dyDescent="0.25">
      <c r="C6838"/>
      <c r="D6838"/>
    </row>
    <row r="6839" spans="3:4" x14ac:dyDescent="0.25">
      <c r="C6839"/>
      <c r="D6839"/>
    </row>
    <row r="6840" spans="3:4" x14ac:dyDescent="0.25">
      <c r="C6840"/>
      <c r="D6840"/>
    </row>
    <row r="6841" spans="3:4" x14ac:dyDescent="0.25">
      <c r="C6841"/>
      <c r="D6841"/>
    </row>
    <row r="6842" spans="3:4" x14ac:dyDescent="0.25">
      <c r="C6842"/>
      <c r="D6842"/>
    </row>
    <row r="6843" spans="3:4" x14ac:dyDescent="0.25">
      <c r="C6843"/>
      <c r="D6843"/>
    </row>
    <row r="6844" spans="3:4" x14ac:dyDescent="0.25">
      <c r="C6844"/>
      <c r="D6844"/>
    </row>
    <row r="6845" spans="3:4" x14ac:dyDescent="0.25">
      <c r="C6845"/>
      <c r="D6845"/>
    </row>
    <row r="6846" spans="3:4" x14ac:dyDescent="0.25">
      <c r="C6846"/>
      <c r="D6846"/>
    </row>
    <row r="6847" spans="3:4" x14ac:dyDescent="0.25">
      <c r="C6847"/>
      <c r="D6847"/>
    </row>
    <row r="6848" spans="3:4" x14ac:dyDescent="0.25">
      <c r="C6848"/>
      <c r="D6848"/>
    </row>
    <row r="6849" spans="3:4" x14ac:dyDescent="0.25">
      <c r="C6849"/>
      <c r="D6849"/>
    </row>
    <row r="6850" spans="3:4" x14ac:dyDescent="0.25">
      <c r="C6850"/>
      <c r="D6850"/>
    </row>
    <row r="6851" spans="3:4" x14ac:dyDescent="0.25">
      <c r="C6851"/>
      <c r="D6851"/>
    </row>
    <row r="6852" spans="3:4" x14ac:dyDescent="0.25">
      <c r="C6852"/>
      <c r="D6852"/>
    </row>
    <row r="6853" spans="3:4" x14ac:dyDescent="0.25">
      <c r="C6853"/>
      <c r="D6853"/>
    </row>
    <row r="6854" spans="3:4" x14ac:dyDescent="0.25">
      <c r="C6854"/>
      <c r="D6854"/>
    </row>
    <row r="6855" spans="3:4" x14ac:dyDescent="0.25">
      <c r="C6855"/>
      <c r="D6855"/>
    </row>
    <row r="6856" spans="3:4" x14ac:dyDescent="0.25">
      <c r="C6856"/>
      <c r="D6856"/>
    </row>
    <row r="6857" spans="3:4" x14ac:dyDescent="0.25">
      <c r="C6857"/>
      <c r="D6857"/>
    </row>
    <row r="6858" spans="3:4" x14ac:dyDescent="0.25">
      <c r="C6858"/>
      <c r="D6858"/>
    </row>
    <row r="6859" spans="3:4" x14ac:dyDescent="0.25">
      <c r="C6859"/>
      <c r="D6859"/>
    </row>
    <row r="6860" spans="3:4" x14ac:dyDescent="0.25">
      <c r="C6860"/>
      <c r="D6860"/>
    </row>
    <row r="6861" spans="3:4" x14ac:dyDescent="0.25">
      <c r="C6861"/>
      <c r="D6861"/>
    </row>
    <row r="6862" spans="3:4" x14ac:dyDescent="0.25">
      <c r="C6862"/>
      <c r="D6862"/>
    </row>
    <row r="6863" spans="3:4" x14ac:dyDescent="0.25">
      <c r="C6863"/>
      <c r="D6863"/>
    </row>
    <row r="6864" spans="3:4" x14ac:dyDescent="0.25">
      <c r="C6864"/>
      <c r="D6864"/>
    </row>
    <row r="6865" spans="3:4" x14ac:dyDescent="0.25">
      <c r="C6865"/>
      <c r="D6865"/>
    </row>
    <row r="6866" spans="3:4" x14ac:dyDescent="0.25">
      <c r="C6866"/>
      <c r="D6866"/>
    </row>
    <row r="6867" spans="3:4" x14ac:dyDescent="0.25">
      <c r="C6867"/>
      <c r="D6867"/>
    </row>
    <row r="6868" spans="3:4" x14ac:dyDescent="0.25">
      <c r="C6868"/>
      <c r="D6868"/>
    </row>
    <row r="6869" spans="3:4" x14ac:dyDescent="0.25">
      <c r="C6869"/>
      <c r="D6869"/>
    </row>
    <row r="6870" spans="3:4" x14ac:dyDescent="0.25">
      <c r="C6870"/>
      <c r="D6870"/>
    </row>
    <row r="6871" spans="3:4" x14ac:dyDescent="0.25">
      <c r="C6871"/>
      <c r="D6871"/>
    </row>
    <row r="6872" spans="3:4" x14ac:dyDescent="0.25">
      <c r="C6872"/>
      <c r="D6872"/>
    </row>
    <row r="6873" spans="3:4" x14ac:dyDescent="0.25">
      <c r="C6873"/>
      <c r="D6873"/>
    </row>
    <row r="6874" spans="3:4" x14ac:dyDescent="0.25">
      <c r="C6874"/>
      <c r="D6874"/>
    </row>
    <row r="6875" spans="3:4" x14ac:dyDescent="0.25">
      <c r="C6875"/>
      <c r="D6875"/>
    </row>
    <row r="6876" spans="3:4" x14ac:dyDescent="0.25">
      <c r="C6876"/>
      <c r="D6876"/>
    </row>
    <row r="6877" spans="3:4" x14ac:dyDescent="0.25">
      <c r="C6877"/>
      <c r="D6877"/>
    </row>
    <row r="6878" spans="3:4" x14ac:dyDescent="0.25">
      <c r="C6878"/>
      <c r="D6878"/>
    </row>
    <row r="6879" spans="3:4" x14ac:dyDescent="0.25">
      <c r="C6879"/>
      <c r="D6879"/>
    </row>
    <row r="6880" spans="3:4" x14ac:dyDescent="0.25">
      <c r="C6880"/>
      <c r="D6880"/>
    </row>
    <row r="6881" spans="3:4" x14ac:dyDescent="0.25">
      <c r="C6881"/>
      <c r="D6881"/>
    </row>
    <row r="6882" spans="3:4" x14ac:dyDescent="0.25">
      <c r="C6882"/>
      <c r="D6882"/>
    </row>
    <row r="6883" spans="3:4" x14ac:dyDescent="0.25">
      <c r="C6883"/>
      <c r="D6883"/>
    </row>
    <row r="6884" spans="3:4" x14ac:dyDescent="0.25">
      <c r="C6884"/>
      <c r="D6884"/>
    </row>
    <row r="6885" spans="3:4" x14ac:dyDescent="0.25">
      <c r="C6885"/>
      <c r="D6885"/>
    </row>
    <row r="6886" spans="3:4" x14ac:dyDescent="0.25">
      <c r="C6886"/>
      <c r="D6886"/>
    </row>
    <row r="6887" spans="3:4" x14ac:dyDescent="0.25">
      <c r="C6887"/>
      <c r="D6887"/>
    </row>
    <row r="6888" spans="3:4" x14ac:dyDescent="0.25">
      <c r="C6888"/>
      <c r="D6888"/>
    </row>
    <row r="6889" spans="3:4" x14ac:dyDescent="0.25">
      <c r="C6889"/>
      <c r="D6889"/>
    </row>
    <row r="6890" spans="3:4" x14ac:dyDescent="0.25">
      <c r="C6890"/>
      <c r="D6890"/>
    </row>
    <row r="6891" spans="3:4" x14ac:dyDescent="0.25">
      <c r="C6891"/>
      <c r="D6891"/>
    </row>
    <row r="6892" spans="3:4" x14ac:dyDescent="0.25">
      <c r="C6892"/>
      <c r="D6892"/>
    </row>
    <row r="6893" spans="3:4" x14ac:dyDescent="0.25">
      <c r="C6893"/>
      <c r="D6893"/>
    </row>
    <row r="6894" spans="3:4" x14ac:dyDescent="0.25">
      <c r="C6894"/>
      <c r="D6894"/>
    </row>
    <row r="6895" spans="3:4" x14ac:dyDescent="0.25">
      <c r="C6895"/>
      <c r="D6895"/>
    </row>
    <row r="6896" spans="3:4" x14ac:dyDescent="0.25">
      <c r="C6896"/>
      <c r="D6896"/>
    </row>
    <row r="6897" spans="3:4" x14ac:dyDescent="0.25">
      <c r="C6897"/>
      <c r="D6897"/>
    </row>
    <row r="6898" spans="3:4" x14ac:dyDescent="0.25">
      <c r="C6898"/>
      <c r="D6898"/>
    </row>
    <row r="6899" spans="3:4" x14ac:dyDescent="0.25">
      <c r="C6899"/>
      <c r="D6899"/>
    </row>
    <row r="6900" spans="3:4" x14ac:dyDescent="0.25">
      <c r="C6900"/>
      <c r="D6900"/>
    </row>
    <row r="6901" spans="3:4" x14ac:dyDescent="0.25">
      <c r="C6901"/>
      <c r="D6901"/>
    </row>
    <row r="6902" spans="3:4" x14ac:dyDescent="0.25">
      <c r="C6902"/>
      <c r="D6902"/>
    </row>
    <row r="6903" spans="3:4" x14ac:dyDescent="0.25">
      <c r="C6903"/>
      <c r="D6903"/>
    </row>
    <row r="6904" spans="3:4" x14ac:dyDescent="0.25">
      <c r="C6904"/>
      <c r="D6904"/>
    </row>
    <row r="6905" spans="3:4" x14ac:dyDescent="0.25">
      <c r="C6905"/>
      <c r="D6905"/>
    </row>
    <row r="6906" spans="3:4" x14ac:dyDescent="0.25">
      <c r="C6906"/>
      <c r="D6906"/>
    </row>
    <row r="6907" spans="3:4" x14ac:dyDescent="0.25">
      <c r="C6907"/>
      <c r="D6907"/>
    </row>
    <row r="6908" spans="3:4" x14ac:dyDescent="0.25">
      <c r="C6908"/>
      <c r="D6908"/>
    </row>
    <row r="6909" spans="3:4" x14ac:dyDescent="0.25">
      <c r="C6909"/>
      <c r="D6909"/>
    </row>
    <row r="6910" spans="3:4" x14ac:dyDescent="0.25">
      <c r="C6910"/>
      <c r="D6910"/>
    </row>
    <row r="6911" spans="3:4" x14ac:dyDescent="0.25">
      <c r="C6911"/>
      <c r="D6911"/>
    </row>
    <row r="6912" spans="3:4" x14ac:dyDescent="0.25">
      <c r="C6912"/>
      <c r="D6912"/>
    </row>
    <row r="6913" spans="3:4" x14ac:dyDescent="0.25">
      <c r="C6913"/>
      <c r="D6913"/>
    </row>
    <row r="6914" spans="3:4" x14ac:dyDescent="0.25">
      <c r="C6914"/>
      <c r="D6914"/>
    </row>
    <row r="6915" spans="3:4" x14ac:dyDescent="0.25">
      <c r="C6915"/>
      <c r="D6915"/>
    </row>
    <row r="6916" spans="3:4" x14ac:dyDescent="0.25">
      <c r="C6916"/>
      <c r="D6916"/>
    </row>
    <row r="6917" spans="3:4" x14ac:dyDescent="0.25">
      <c r="C6917"/>
      <c r="D6917"/>
    </row>
    <row r="6918" spans="3:4" x14ac:dyDescent="0.25">
      <c r="C6918"/>
      <c r="D6918"/>
    </row>
    <row r="6919" spans="3:4" x14ac:dyDescent="0.25">
      <c r="C6919"/>
      <c r="D6919"/>
    </row>
    <row r="6920" spans="3:4" x14ac:dyDescent="0.25">
      <c r="C6920"/>
      <c r="D6920"/>
    </row>
    <row r="6921" spans="3:4" x14ac:dyDescent="0.25">
      <c r="C6921"/>
      <c r="D6921"/>
    </row>
    <row r="6922" spans="3:4" x14ac:dyDescent="0.25">
      <c r="C6922"/>
      <c r="D6922"/>
    </row>
    <row r="6923" spans="3:4" x14ac:dyDescent="0.25">
      <c r="C6923"/>
      <c r="D6923"/>
    </row>
    <row r="6924" spans="3:4" x14ac:dyDescent="0.25">
      <c r="C6924"/>
      <c r="D6924"/>
    </row>
    <row r="6925" spans="3:4" x14ac:dyDescent="0.25">
      <c r="C6925"/>
      <c r="D6925"/>
    </row>
    <row r="6926" spans="3:4" x14ac:dyDescent="0.25">
      <c r="C6926"/>
      <c r="D6926"/>
    </row>
    <row r="6927" spans="3:4" x14ac:dyDescent="0.25">
      <c r="C6927"/>
      <c r="D6927"/>
    </row>
    <row r="6928" spans="3:4" x14ac:dyDescent="0.25">
      <c r="C6928"/>
      <c r="D6928"/>
    </row>
    <row r="6929" spans="3:4" x14ac:dyDescent="0.25">
      <c r="C6929"/>
      <c r="D6929"/>
    </row>
    <row r="6930" spans="3:4" x14ac:dyDescent="0.25">
      <c r="C6930"/>
      <c r="D6930"/>
    </row>
    <row r="6931" spans="3:4" x14ac:dyDescent="0.25">
      <c r="C6931"/>
      <c r="D6931"/>
    </row>
    <row r="6932" spans="3:4" x14ac:dyDescent="0.25">
      <c r="C6932"/>
      <c r="D6932"/>
    </row>
    <row r="6933" spans="3:4" x14ac:dyDescent="0.25">
      <c r="C6933"/>
      <c r="D6933"/>
    </row>
    <row r="6934" spans="3:4" x14ac:dyDescent="0.25">
      <c r="C6934"/>
      <c r="D6934"/>
    </row>
    <row r="6935" spans="3:4" x14ac:dyDescent="0.25">
      <c r="C6935"/>
      <c r="D6935"/>
    </row>
    <row r="6936" spans="3:4" x14ac:dyDescent="0.25">
      <c r="C6936"/>
      <c r="D6936"/>
    </row>
    <row r="6937" spans="3:4" x14ac:dyDescent="0.25">
      <c r="C6937"/>
      <c r="D6937"/>
    </row>
    <row r="6938" spans="3:4" x14ac:dyDescent="0.25">
      <c r="C6938"/>
      <c r="D6938"/>
    </row>
    <row r="6939" spans="3:4" x14ac:dyDescent="0.25">
      <c r="C6939"/>
      <c r="D6939"/>
    </row>
    <row r="6940" spans="3:4" x14ac:dyDescent="0.25">
      <c r="C6940"/>
      <c r="D6940"/>
    </row>
    <row r="6941" spans="3:4" x14ac:dyDescent="0.25">
      <c r="C6941"/>
      <c r="D6941"/>
    </row>
    <row r="6942" spans="3:4" x14ac:dyDescent="0.25">
      <c r="C6942"/>
      <c r="D6942"/>
    </row>
    <row r="6943" spans="3:4" x14ac:dyDescent="0.25">
      <c r="C6943"/>
      <c r="D6943"/>
    </row>
    <row r="6944" spans="3:4" x14ac:dyDescent="0.25">
      <c r="C6944"/>
      <c r="D6944"/>
    </row>
    <row r="6945" spans="3:4" x14ac:dyDescent="0.25">
      <c r="C6945"/>
      <c r="D6945"/>
    </row>
    <row r="6946" spans="3:4" x14ac:dyDescent="0.25">
      <c r="C6946"/>
      <c r="D6946"/>
    </row>
    <row r="6947" spans="3:4" x14ac:dyDescent="0.25">
      <c r="C6947"/>
      <c r="D6947"/>
    </row>
    <row r="6948" spans="3:4" x14ac:dyDescent="0.25">
      <c r="C6948"/>
      <c r="D6948"/>
    </row>
    <row r="6949" spans="3:4" x14ac:dyDescent="0.25">
      <c r="C6949"/>
      <c r="D6949"/>
    </row>
    <row r="6950" spans="3:4" x14ac:dyDescent="0.25">
      <c r="C6950"/>
      <c r="D6950"/>
    </row>
    <row r="6951" spans="3:4" x14ac:dyDescent="0.25">
      <c r="C6951"/>
      <c r="D6951"/>
    </row>
    <row r="6952" spans="3:4" x14ac:dyDescent="0.25">
      <c r="C6952"/>
      <c r="D6952"/>
    </row>
    <row r="6953" spans="3:4" x14ac:dyDescent="0.25">
      <c r="C6953"/>
      <c r="D6953"/>
    </row>
    <row r="6954" spans="3:4" x14ac:dyDescent="0.25">
      <c r="C6954"/>
      <c r="D6954"/>
    </row>
    <row r="6955" spans="3:4" x14ac:dyDescent="0.25">
      <c r="C6955"/>
      <c r="D6955"/>
    </row>
    <row r="6956" spans="3:4" x14ac:dyDescent="0.25">
      <c r="C6956"/>
      <c r="D6956"/>
    </row>
    <row r="6957" spans="3:4" x14ac:dyDescent="0.25">
      <c r="C6957"/>
      <c r="D6957"/>
    </row>
    <row r="6958" spans="3:4" x14ac:dyDescent="0.25">
      <c r="C6958"/>
      <c r="D6958"/>
    </row>
    <row r="6959" spans="3:4" x14ac:dyDescent="0.25">
      <c r="C6959"/>
      <c r="D6959"/>
    </row>
    <row r="6960" spans="3:4" x14ac:dyDescent="0.25">
      <c r="C6960"/>
      <c r="D6960"/>
    </row>
    <row r="6961" spans="3:4" x14ac:dyDescent="0.25">
      <c r="C6961"/>
      <c r="D6961"/>
    </row>
    <row r="6962" spans="3:4" x14ac:dyDescent="0.25">
      <c r="C6962"/>
      <c r="D6962"/>
    </row>
    <row r="6963" spans="3:4" x14ac:dyDescent="0.25">
      <c r="C6963"/>
      <c r="D6963"/>
    </row>
    <row r="6964" spans="3:4" x14ac:dyDescent="0.25">
      <c r="C6964"/>
      <c r="D6964"/>
    </row>
    <row r="6965" spans="3:4" x14ac:dyDescent="0.25">
      <c r="C6965"/>
      <c r="D6965"/>
    </row>
    <row r="6966" spans="3:4" x14ac:dyDescent="0.25">
      <c r="C6966"/>
      <c r="D6966"/>
    </row>
    <row r="6967" spans="3:4" x14ac:dyDescent="0.25">
      <c r="C6967"/>
      <c r="D6967"/>
    </row>
    <row r="6968" spans="3:4" x14ac:dyDescent="0.25">
      <c r="C6968"/>
      <c r="D6968"/>
    </row>
    <row r="6969" spans="3:4" x14ac:dyDescent="0.25">
      <c r="C6969"/>
      <c r="D6969"/>
    </row>
    <row r="6970" spans="3:4" x14ac:dyDescent="0.25">
      <c r="C6970"/>
      <c r="D6970"/>
    </row>
    <row r="6971" spans="3:4" x14ac:dyDescent="0.25">
      <c r="C6971"/>
      <c r="D6971"/>
    </row>
    <row r="6972" spans="3:4" x14ac:dyDescent="0.25">
      <c r="C6972"/>
      <c r="D6972"/>
    </row>
    <row r="6973" spans="3:4" x14ac:dyDescent="0.25">
      <c r="C6973"/>
      <c r="D6973"/>
    </row>
    <row r="6974" spans="3:4" x14ac:dyDescent="0.25">
      <c r="C6974"/>
      <c r="D6974"/>
    </row>
    <row r="6975" spans="3:4" x14ac:dyDescent="0.25">
      <c r="C6975"/>
      <c r="D6975"/>
    </row>
    <row r="6976" spans="3:4" x14ac:dyDescent="0.25">
      <c r="C6976"/>
      <c r="D6976"/>
    </row>
    <row r="6977" spans="3:4" x14ac:dyDescent="0.25">
      <c r="C6977"/>
      <c r="D6977"/>
    </row>
    <row r="6978" spans="3:4" x14ac:dyDescent="0.25">
      <c r="C6978"/>
      <c r="D6978"/>
    </row>
    <row r="6979" spans="3:4" x14ac:dyDescent="0.25">
      <c r="C6979"/>
      <c r="D6979"/>
    </row>
    <row r="6980" spans="3:4" x14ac:dyDescent="0.25">
      <c r="C6980"/>
      <c r="D6980"/>
    </row>
    <row r="6981" spans="3:4" x14ac:dyDescent="0.25">
      <c r="C6981"/>
      <c r="D6981"/>
    </row>
    <row r="6982" spans="3:4" x14ac:dyDescent="0.25">
      <c r="C6982"/>
      <c r="D6982"/>
    </row>
    <row r="6983" spans="3:4" x14ac:dyDescent="0.25">
      <c r="C6983"/>
      <c r="D6983"/>
    </row>
    <row r="6984" spans="3:4" x14ac:dyDescent="0.25">
      <c r="C6984"/>
      <c r="D6984"/>
    </row>
    <row r="6985" spans="3:4" x14ac:dyDescent="0.25">
      <c r="C6985"/>
      <c r="D6985"/>
    </row>
    <row r="6986" spans="3:4" x14ac:dyDescent="0.25">
      <c r="C6986"/>
      <c r="D6986"/>
    </row>
    <row r="6987" spans="3:4" x14ac:dyDescent="0.25">
      <c r="C6987"/>
      <c r="D6987"/>
    </row>
    <row r="6988" spans="3:4" x14ac:dyDescent="0.25">
      <c r="C6988"/>
      <c r="D6988"/>
    </row>
    <row r="6989" spans="3:4" x14ac:dyDescent="0.25">
      <c r="C6989"/>
      <c r="D6989"/>
    </row>
    <row r="6990" spans="3:4" x14ac:dyDescent="0.25">
      <c r="C6990"/>
      <c r="D6990"/>
    </row>
    <row r="6991" spans="3:4" x14ac:dyDescent="0.25">
      <c r="C6991"/>
      <c r="D6991"/>
    </row>
    <row r="6992" spans="3:4" x14ac:dyDescent="0.25">
      <c r="C6992"/>
      <c r="D6992"/>
    </row>
    <row r="6993" spans="3:4" x14ac:dyDescent="0.25">
      <c r="C6993"/>
      <c r="D6993"/>
    </row>
    <row r="6994" spans="3:4" x14ac:dyDescent="0.25">
      <c r="C6994"/>
      <c r="D6994"/>
    </row>
    <row r="6995" spans="3:4" x14ac:dyDescent="0.25">
      <c r="C6995"/>
      <c r="D6995"/>
    </row>
    <row r="6996" spans="3:4" x14ac:dyDescent="0.25">
      <c r="C6996"/>
      <c r="D6996"/>
    </row>
    <row r="6997" spans="3:4" x14ac:dyDescent="0.25">
      <c r="C6997"/>
      <c r="D6997"/>
    </row>
    <row r="6998" spans="3:4" x14ac:dyDescent="0.25">
      <c r="C6998"/>
      <c r="D6998"/>
    </row>
    <row r="6999" spans="3:4" x14ac:dyDescent="0.25">
      <c r="C6999"/>
      <c r="D6999"/>
    </row>
    <row r="7000" spans="3:4" x14ac:dyDescent="0.25">
      <c r="C7000"/>
      <c r="D7000"/>
    </row>
    <row r="7001" spans="3:4" x14ac:dyDescent="0.25">
      <c r="C7001"/>
      <c r="D7001"/>
    </row>
    <row r="7002" spans="3:4" x14ac:dyDescent="0.25">
      <c r="C7002"/>
      <c r="D7002"/>
    </row>
    <row r="7003" spans="3:4" x14ac:dyDescent="0.25">
      <c r="C7003"/>
      <c r="D7003"/>
    </row>
    <row r="7004" spans="3:4" x14ac:dyDescent="0.25">
      <c r="C7004"/>
      <c r="D7004"/>
    </row>
    <row r="7005" spans="3:4" x14ac:dyDescent="0.25">
      <c r="C7005"/>
      <c r="D7005"/>
    </row>
    <row r="7006" spans="3:4" x14ac:dyDescent="0.25">
      <c r="C7006"/>
      <c r="D7006"/>
    </row>
    <row r="7007" spans="3:4" x14ac:dyDescent="0.25">
      <c r="C7007"/>
      <c r="D7007"/>
    </row>
    <row r="7008" spans="3:4" x14ac:dyDescent="0.25">
      <c r="C7008"/>
      <c r="D7008"/>
    </row>
    <row r="7009" spans="3:4" x14ac:dyDescent="0.25">
      <c r="C7009"/>
      <c r="D7009"/>
    </row>
    <row r="7010" spans="3:4" x14ac:dyDescent="0.25">
      <c r="C7010"/>
      <c r="D7010"/>
    </row>
    <row r="7011" spans="3:4" x14ac:dyDescent="0.25">
      <c r="C7011"/>
      <c r="D7011"/>
    </row>
    <row r="7012" spans="3:4" x14ac:dyDescent="0.25">
      <c r="C7012"/>
      <c r="D7012"/>
    </row>
    <row r="7013" spans="3:4" x14ac:dyDescent="0.25">
      <c r="C7013"/>
      <c r="D7013"/>
    </row>
    <row r="7014" spans="3:4" x14ac:dyDescent="0.25">
      <c r="C7014"/>
      <c r="D7014"/>
    </row>
    <row r="7015" spans="3:4" x14ac:dyDescent="0.25">
      <c r="C7015"/>
      <c r="D7015"/>
    </row>
    <row r="7016" spans="3:4" x14ac:dyDescent="0.25">
      <c r="C7016"/>
      <c r="D7016"/>
    </row>
    <row r="7017" spans="3:4" x14ac:dyDescent="0.25">
      <c r="C7017"/>
      <c r="D7017"/>
    </row>
    <row r="7018" spans="3:4" x14ac:dyDescent="0.25">
      <c r="C7018"/>
      <c r="D7018"/>
    </row>
    <row r="7019" spans="3:4" x14ac:dyDescent="0.25">
      <c r="C7019"/>
      <c r="D7019"/>
    </row>
    <row r="7020" spans="3:4" x14ac:dyDescent="0.25">
      <c r="C7020"/>
      <c r="D7020"/>
    </row>
    <row r="7021" spans="3:4" x14ac:dyDescent="0.25">
      <c r="C7021"/>
      <c r="D7021"/>
    </row>
    <row r="7022" spans="3:4" x14ac:dyDescent="0.25">
      <c r="C7022"/>
      <c r="D7022"/>
    </row>
    <row r="7023" spans="3:4" x14ac:dyDescent="0.25">
      <c r="C7023"/>
      <c r="D7023"/>
    </row>
    <row r="7024" spans="3:4" x14ac:dyDescent="0.25">
      <c r="C7024"/>
      <c r="D7024"/>
    </row>
    <row r="7025" spans="3:4" x14ac:dyDescent="0.25">
      <c r="C7025"/>
      <c r="D7025"/>
    </row>
    <row r="7026" spans="3:4" x14ac:dyDescent="0.25">
      <c r="C7026"/>
      <c r="D7026"/>
    </row>
    <row r="7027" spans="3:4" x14ac:dyDescent="0.25">
      <c r="C7027"/>
      <c r="D7027"/>
    </row>
    <row r="7028" spans="3:4" x14ac:dyDescent="0.25">
      <c r="C7028"/>
      <c r="D7028"/>
    </row>
    <row r="7029" spans="3:4" x14ac:dyDescent="0.25">
      <c r="C7029"/>
      <c r="D7029"/>
    </row>
    <row r="7030" spans="3:4" x14ac:dyDescent="0.25">
      <c r="C7030"/>
      <c r="D7030"/>
    </row>
    <row r="7031" spans="3:4" x14ac:dyDescent="0.25">
      <c r="C7031"/>
      <c r="D7031"/>
    </row>
    <row r="7032" spans="3:4" x14ac:dyDescent="0.25">
      <c r="C7032"/>
      <c r="D7032"/>
    </row>
    <row r="7033" spans="3:4" x14ac:dyDescent="0.25">
      <c r="C7033"/>
      <c r="D7033"/>
    </row>
    <row r="7034" spans="3:4" x14ac:dyDescent="0.25">
      <c r="C7034"/>
      <c r="D7034"/>
    </row>
    <row r="7035" spans="3:4" x14ac:dyDescent="0.25">
      <c r="C7035"/>
      <c r="D7035"/>
    </row>
    <row r="7036" spans="3:4" x14ac:dyDescent="0.25">
      <c r="C7036"/>
      <c r="D7036"/>
    </row>
    <row r="7037" spans="3:4" x14ac:dyDescent="0.25">
      <c r="C7037"/>
      <c r="D7037"/>
    </row>
    <row r="7038" spans="3:4" x14ac:dyDescent="0.25">
      <c r="C7038"/>
      <c r="D7038"/>
    </row>
    <row r="7039" spans="3:4" x14ac:dyDescent="0.25">
      <c r="C7039"/>
      <c r="D7039"/>
    </row>
    <row r="7040" spans="3:4" x14ac:dyDescent="0.25">
      <c r="C7040"/>
      <c r="D7040"/>
    </row>
    <row r="7041" spans="3:4" x14ac:dyDescent="0.25">
      <c r="C7041"/>
      <c r="D7041"/>
    </row>
    <row r="7042" spans="3:4" x14ac:dyDescent="0.25">
      <c r="C7042"/>
      <c r="D7042"/>
    </row>
    <row r="7043" spans="3:4" x14ac:dyDescent="0.25">
      <c r="C7043"/>
      <c r="D7043"/>
    </row>
    <row r="7044" spans="3:4" x14ac:dyDescent="0.25">
      <c r="C7044"/>
      <c r="D7044"/>
    </row>
    <row r="7045" spans="3:4" x14ac:dyDescent="0.25">
      <c r="C7045"/>
      <c r="D7045"/>
    </row>
    <row r="7046" spans="3:4" x14ac:dyDescent="0.25">
      <c r="C7046"/>
      <c r="D7046"/>
    </row>
    <row r="7047" spans="3:4" x14ac:dyDescent="0.25">
      <c r="C7047"/>
      <c r="D7047"/>
    </row>
    <row r="7048" spans="3:4" x14ac:dyDescent="0.25">
      <c r="C7048"/>
      <c r="D7048"/>
    </row>
    <row r="7049" spans="3:4" x14ac:dyDescent="0.25">
      <c r="C7049"/>
      <c r="D7049"/>
    </row>
    <row r="7050" spans="3:4" x14ac:dyDescent="0.25">
      <c r="C7050"/>
      <c r="D7050"/>
    </row>
    <row r="7051" spans="3:4" x14ac:dyDescent="0.25">
      <c r="C7051"/>
      <c r="D7051"/>
    </row>
    <row r="7052" spans="3:4" x14ac:dyDescent="0.25">
      <c r="C7052"/>
      <c r="D7052"/>
    </row>
    <row r="7053" spans="3:4" x14ac:dyDescent="0.25">
      <c r="C7053"/>
      <c r="D7053"/>
    </row>
    <row r="7054" spans="3:4" x14ac:dyDescent="0.25">
      <c r="C7054"/>
      <c r="D7054"/>
    </row>
    <row r="7055" spans="3:4" x14ac:dyDescent="0.25">
      <c r="C7055"/>
      <c r="D7055"/>
    </row>
    <row r="7056" spans="3:4" x14ac:dyDescent="0.25">
      <c r="C7056"/>
      <c r="D7056"/>
    </row>
    <row r="7057" spans="3:4" x14ac:dyDescent="0.25">
      <c r="C7057"/>
      <c r="D7057"/>
    </row>
    <row r="7058" spans="3:4" x14ac:dyDescent="0.25">
      <c r="C7058"/>
      <c r="D7058"/>
    </row>
    <row r="7059" spans="3:4" x14ac:dyDescent="0.25">
      <c r="C7059"/>
      <c r="D7059"/>
    </row>
    <row r="7060" spans="3:4" x14ac:dyDescent="0.25">
      <c r="C7060"/>
      <c r="D7060"/>
    </row>
    <row r="7061" spans="3:4" x14ac:dyDescent="0.25">
      <c r="C7061"/>
      <c r="D7061"/>
    </row>
    <row r="7062" spans="3:4" x14ac:dyDescent="0.25">
      <c r="C7062"/>
      <c r="D7062"/>
    </row>
    <row r="7063" spans="3:4" x14ac:dyDescent="0.25">
      <c r="C7063"/>
      <c r="D7063"/>
    </row>
    <row r="7064" spans="3:4" x14ac:dyDescent="0.25">
      <c r="C7064"/>
      <c r="D7064"/>
    </row>
    <row r="7065" spans="3:4" x14ac:dyDescent="0.25">
      <c r="C7065"/>
      <c r="D7065"/>
    </row>
    <row r="7066" spans="3:4" x14ac:dyDescent="0.25">
      <c r="C7066"/>
      <c r="D7066"/>
    </row>
    <row r="7067" spans="3:4" x14ac:dyDescent="0.25">
      <c r="C7067"/>
      <c r="D7067"/>
    </row>
    <row r="7068" spans="3:4" x14ac:dyDescent="0.25">
      <c r="C7068"/>
      <c r="D7068"/>
    </row>
    <row r="7069" spans="3:4" x14ac:dyDescent="0.25">
      <c r="C7069"/>
      <c r="D7069"/>
    </row>
    <row r="7070" spans="3:4" x14ac:dyDescent="0.25">
      <c r="C7070"/>
      <c r="D7070"/>
    </row>
    <row r="7071" spans="3:4" x14ac:dyDescent="0.25">
      <c r="C7071"/>
      <c r="D7071"/>
    </row>
    <row r="7072" spans="3:4" x14ac:dyDescent="0.25">
      <c r="C7072"/>
      <c r="D7072"/>
    </row>
    <row r="7073" spans="3:4" x14ac:dyDescent="0.25">
      <c r="C7073"/>
      <c r="D7073"/>
    </row>
    <row r="7074" spans="3:4" x14ac:dyDescent="0.25">
      <c r="C7074"/>
      <c r="D7074"/>
    </row>
    <row r="7075" spans="3:4" x14ac:dyDescent="0.25">
      <c r="C7075"/>
      <c r="D7075"/>
    </row>
    <row r="7076" spans="3:4" x14ac:dyDescent="0.25">
      <c r="C7076"/>
      <c r="D7076"/>
    </row>
    <row r="7077" spans="3:4" x14ac:dyDescent="0.25">
      <c r="C7077"/>
      <c r="D7077"/>
    </row>
    <row r="7078" spans="3:4" x14ac:dyDescent="0.25">
      <c r="C7078"/>
      <c r="D7078"/>
    </row>
    <row r="7079" spans="3:4" x14ac:dyDescent="0.25">
      <c r="C7079"/>
      <c r="D7079"/>
    </row>
    <row r="7080" spans="3:4" x14ac:dyDescent="0.25">
      <c r="C7080"/>
      <c r="D7080"/>
    </row>
    <row r="7081" spans="3:4" x14ac:dyDescent="0.25">
      <c r="C7081"/>
      <c r="D7081"/>
    </row>
    <row r="7082" spans="3:4" x14ac:dyDescent="0.25">
      <c r="C7082"/>
      <c r="D7082"/>
    </row>
    <row r="7083" spans="3:4" x14ac:dyDescent="0.25">
      <c r="C7083"/>
      <c r="D7083"/>
    </row>
    <row r="7084" spans="3:4" x14ac:dyDescent="0.25">
      <c r="C7084"/>
      <c r="D7084"/>
    </row>
    <row r="7085" spans="3:4" x14ac:dyDescent="0.25">
      <c r="C7085"/>
      <c r="D7085"/>
    </row>
    <row r="7086" spans="3:4" x14ac:dyDescent="0.25">
      <c r="C7086"/>
      <c r="D7086"/>
    </row>
    <row r="7087" spans="3:4" x14ac:dyDescent="0.25">
      <c r="C7087"/>
      <c r="D7087"/>
    </row>
    <row r="7088" spans="3:4" x14ac:dyDescent="0.25">
      <c r="C7088"/>
      <c r="D7088"/>
    </row>
    <row r="7089" spans="3:4" x14ac:dyDescent="0.25">
      <c r="C7089"/>
      <c r="D7089"/>
    </row>
    <row r="7090" spans="3:4" x14ac:dyDescent="0.25">
      <c r="C7090"/>
      <c r="D7090"/>
    </row>
    <row r="7091" spans="3:4" x14ac:dyDescent="0.25">
      <c r="C7091"/>
      <c r="D7091"/>
    </row>
    <row r="7092" spans="3:4" x14ac:dyDescent="0.25">
      <c r="C7092"/>
      <c r="D7092"/>
    </row>
    <row r="7093" spans="3:4" x14ac:dyDescent="0.25">
      <c r="C7093"/>
      <c r="D7093"/>
    </row>
    <row r="7094" spans="3:4" x14ac:dyDescent="0.25">
      <c r="C7094"/>
      <c r="D7094"/>
    </row>
    <row r="7095" spans="3:4" x14ac:dyDescent="0.25">
      <c r="C7095"/>
      <c r="D7095"/>
    </row>
    <row r="7096" spans="3:4" x14ac:dyDescent="0.25">
      <c r="C7096"/>
      <c r="D7096"/>
    </row>
    <row r="7097" spans="3:4" x14ac:dyDescent="0.25">
      <c r="C7097"/>
      <c r="D7097"/>
    </row>
    <row r="7098" spans="3:4" x14ac:dyDescent="0.25">
      <c r="C7098"/>
      <c r="D7098"/>
    </row>
    <row r="7099" spans="3:4" x14ac:dyDescent="0.25">
      <c r="C7099"/>
      <c r="D7099"/>
    </row>
    <row r="7100" spans="3:4" x14ac:dyDescent="0.25">
      <c r="C7100"/>
      <c r="D7100"/>
    </row>
    <row r="7101" spans="3:4" x14ac:dyDescent="0.25">
      <c r="C7101"/>
      <c r="D7101"/>
    </row>
    <row r="7102" spans="3:4" x14ac:dyDescent="0.25">
      <c r="C7102"/>
      <c r="D7102"/>
    </row>
    <row r="7103" spans="3:4" x14ac:dyDescent="0.25">
      <c r="C7103"/>
      <c r="D7103"/>
    </row>
    <row r="7104" spans="3:4" x14ac:dyDescent="0.25">
      <c r="C7104"/>
      <c r="D7104"/>
    </row>
    <row r="7105" spans="3:4" x14ac:dyDescent="0.25">
      <c r="C7105"/>
      <c r="D7105"/>
    </row>
    <row r="7106" spans="3:4" x14ac:dyDescent="0.25">
      <c r="C7106"/>
      <c r="D7106"/>
    </row>
    <row r="7107" spans="3:4" x14ac:dyDescent="0.25">
      <c r="C7107"/>
      <c r="D7107"/>
    </row>
    <row r="7108" spans="3:4" x14ac:dyDescent="0.25">
      <c r="C7108"/>
      <c r="D7108"/>
    </row>
    <row r="7109" spans="3:4" x14ac:dyDescent="0.25">
      <c r="C7109"/>
      <c r="D7109"/>
    </row>
    <row r="7110" spans="3:4" x14ac:dyDescent="0.25">
      <c r="C7110"/>
      <c r="D7110"/>
    </row>
    <row r="7111" spans="3:4" x14ac:dyDescent="0.25">
      <c r="C7111"/>
      <c r="D7111"/>
    </row>
    <row r="7112" spans="3:4" x14ac:dyDescent="0.25">
      <c r="C7112"/>
      <c r="D7112"/>
    </row>
    <row r="7113" spans="3:4" x14ac:dyDescent="0.25">
      <c r="C7113"/>
      <c r="D7113"/>
    </row>
    <row r="7114" spans="3:4" x14ac:dyDescent="0.25">
      <c r="C7114"/>
      <c r="D7114"/>
    </row>
    <row r="7115" spans="3:4" x14ac:dyDescent="0.25">
      <c r="C7115"/>
      <c r="D7115"/>
    </row>
    <row r="7116" spans="3:4" x14ac:dyDescent="0.25">
      <c r="C7116"/>
      <c r="D7116"/>
    </row>
    <row r="7117" spans="3:4" x14ac:dyDescent="0.25">
      <c r="C7117"/>
      <c r="D7117"/>
    </row>
    <row r="7118" spans="3:4" x14ac:dyDescent="0.25">
      <c r="C7118"/>
      <c r="D7118"/>
    </row>
    <row r="7119" spans="3:4" x14ac:dyDescent="0.25">
      <c r="C7119"/>
      <c r="D7119"/>
    </row>
    <row r="7120" spans="3:4" x14ac:dyDescent="0.25">
      <c r="C7120"/>
      <c r="D7120"/>
    </row>
    <row r="7121" spans="3:4" x14ac:dyDescent="0.25">
      <c r="C7121"/>
      <c r="D7121"/>
    </row>
    <row r="7122" spans="3:4" x14ac:dyDescent="0.25">
      <c r="C7122"/>
      <c r="D7122"/>
    </row>
    <row r="7123" spans="3:4" x14ac:dyDescent="0.25">
      <c r="C7123"/>
      <c r="D7123"/>
    </row>
    <row r="7124" spans="3:4" x14ac:dyDescent="0.25">
      <c r="C7124"/>
      <c r="D7124"/>
    </row>
    <row r="7125" spans="3:4" x14ac:dyDescent="0.25">
      <c r="C7125"/>
      <c r="D7125"/>
    </row>
    <row r="7126" spans="3:4" x14ac:dyDescent="0.25">
      <c r="C7126"/>
      <c r="D7126"/>
    </row>
    <row r="7127" spans="3:4" x14ac:dyDescent="0.25">
      <c r="C7127"/>
      <c r="D7127"/>
    </row>
    <row r="7128" spans="3:4" x14ac:dyDescent="0.25">
      <c r="C7128"/>
      <c r="D7128"/>
    </row>
    <row r="7129" spans="3:4" x14ac:dyDescent="0.25">
      <c r="C7129"/>
      <c r="D7129"/>
    </row>
    <row r="7130" spans="3:4" x14ac:dyDescent="0.25">
      <c r="C7130"/>
      <c r="D7130"/>
    </row>
    <row r="7131" spans="3:4" x14ac:dyDescent="0.25">
      <c r="C7131"/>
      <c r="D7131"/>
    </row>
    <row r="7132" spans="3:4" x14ac:dyDescent="0.25">
      <c r="C7132"/>
      <c r="D7132"/>
    </row>
    <row r="7133" spans="3:4" x14ac:dyDescent="0.25">
      <c r="C7133"/>
      <c r="D7133"/>
    </row>
    <row r="7134" spans="3:4" x14ac:dyDescent="0.25">
      <c r="C7134"/>
      <c r="D7134"/>
    </row>
    <row r="7135" spans="3:4" x14ac:dyDescent="0.25">
      <c r="C7135"/>
      <c r="D7135"/>
    </row>
    <row r="7136" spans="3:4" x14ac:dyDescent="0.25">
      <c r="C7136"/>
      <c r="D7136"/>
    </row>
    <row r="7137" spans="3:4" x14ac:dyDescent="0.25">
      <c r="C7137"/>
      <c r="D7137"/>
    </row>
    <row r="7138" spans="3:4" x14ac:dyDescent="0.25">
      <c r="C7138"/>
      <c r="D7138"/>
    </row>
    <row r="7139" spans="3:4" x14ac:dyDescent="0.25">
      <c r="C7139"/>
      <c r="D7139"/>
    </row>
    <row r="7140" spans="3:4" x14ac:dyDescent="0.25">
      <c r="C7140"/>
      <c r="D7140"/>
    </row>
    <row r="7141" spans="3:4" x14ac:dyDescent="0.25">
      <c r="C7141"/>
      <c r="D7141"/>
    </row>
    <row r="7142" spans="3:4" x14ac:dyDescent="0.25">
      <c r="C7142"/>
      <c r="D7142"/>
    </row>
    <row r="7143" spans="3:4" x14ac:dyDescent="0.25">
      <c r="C7143"/>
      <c r="D7143"/>
    </row>
    <row r="7144" spans="3:4" x14ac:dyDescent="0.25">
      <c r="C7144"/>
      <c r="D7144"/>
    </row>
    <row r="7145" spans="3:4" x14ac:dyDescent="0.25">
      <c r="C7145"/>
      <c r="D7145"/>
    </row>
    <row r="7146" spans="3:4" x14ac:dyDescent="0.25">
      <c r="C7146"/>
      <c r="D7146"/>
    </row>
    <row r="7147" spans="3:4" x14ac:dyDescent="0.25">
      <c r="C7147"/>
      <c r="D7147"/>
    </row>
    <row r="7148" spans="3:4" x14ac:dyDescent="0.25">
      <c r="C7148"/>
      <c r="D7148"/>
    </row>
    <row r="7149" spans="3:4" x14ac:dyDescent="0.25">
      <c r="C7149"/>
      <c r="D7149"/>
    </row>
    <row r="7150" spans="3:4" x14ac:dyDescent="0.25">
      <c r="C7150"/>
      <c r="D7150"/>
    </row>
    <row r="7151" spans="3:4" x14ac:dyDescent="0.25">
      <c r="C7151"/>
      <c r="D7151"/>
    </row>
    <row r="7152" spans="3:4" x14ac:dyDescent="0.25">
      <c r="C7152"/>
      <c r="D7152"/>
    </row>
    <row r="7153" spans="3:4" x14ac:dyDescent="0.25">
      <c r="C7153"/>
      <c r="D7153"/>
    </row>
    <row r="7154" spans="3:4" x14ac:dyDescent="0.25">
      <c r="C7154"/>
      <c r="D7154"/>
    </row>
    <row r="7155" spans="3:4" x14ac:dyDescent="0.25">
      <c r="C7155"/>
      <c r="D7155"/>
    </row>
    <row r="7156" spans="3:4" x14ac:dyDescent="0.25">
      <c r="C7156"/>
      <c r="D7156"/>
    </row>
    <row r="7157" spans="3:4" x14ac:dyDescent="0.25">
      <c r="C7157"/>
      <c r="D7157"/>
    </row>
    <row r="7158" spans="3:4" x14ac:dyDescent="0.25">
      <c r="C7158"/>
      <c r="D7158"/>
    </row>
    <row r="7159" spans="3:4" x14ac:dyDescent="0.25">
      <c r="C7159"/>
      <c r="D7159"/>
    </row>
    <row r="7160" spans="3:4" x14ac:dyDescent="0.25">
      <c r="C7160"/>
      <c r="D7160"/>
    </row>
    <row r="7161" spans="3:4" x14ac:dyDescent="0.25">
      <c r="C7161"/>
      <c r="D7161"/>
    </row>
    <row r="7162" spans="3:4" x14ac:dyDescent="0.25">
      <c r="C7162"/>
      <c r="D7162"/>
    </row>
    <row r="7163" spans="3:4" x14ac:dyDescent="0.25">
      <c r="C7163"/>
      <c r="D7163"/>
    </row>
    <row r="7164" spans="3:4" x14ac:dyDescent="0.25">
      <c r="C7164"/>
      <c r="D7164"/>
    </row>
    <row r="7165" spans="3:4" x14ac:dyDescent="0.25">
      <c r="C7165"/>
      <c r="D7165"/>
    </row>
    <row r="7166" spans="3:4" x14ac:dyDescent="0.25">
      <c r="C7166"/>
      <c r="D7166"/>
    </row>
    <row r="7167" spans="3:4" x14ac:dyDescent="0.25">
      <c r="C7167"/>
      <c r="D7167"/>
    </row>
    <row r="7168" spans="3:4" x14ac:dyDescent="0.25">
      <c r="C7168"/>
      <c r="D7168"/>
    </row>
    <row r="7169" spans="3:4" x14ac:dyDescent="0.25">
      <c r="C7169"/>
      <c r="D7169"/>
    </row>
    <row r="7170" spans="3:4" x14ac:dyDescent="0.25">
      <c r="C7170"/>
      <c r="D7170"/>
    </row>
    <row r="7171" spans="3:4" x14ac:dyDescent="0.25">
      <c r="C7171"/>
      <c r="D7171"/>
    </row>
    <row r="7172" spans="3:4" x14ac:dyDescent="0.25">
      <c r="C7172"/>
      <c r="D7172"/>
    </row>
    <row r="7173" spans="3:4" x14ac:dyDescent="0.25">
      <c r="C7173"/>
      <c r="D7173"/>
    </row>
    <row r="7174" spans="3:4" x14ac:dyDescent="0.25">
      <c r="C7174"/>
      <c r="D7174"/>
    </row>
    <row r="7175" spans="3:4" x14ac:dyDescent="0.25">
      <c r="C7175"/>
      <c r="D7175"/>
    </row>
    <row r="7176" spans="3:4" x14ac:dyDescent="0.25">
      <c r="C7176"/>
      <c r="D7176"/>
    </row>
    <row r="7177" spans="3:4" x14ac:dyDescent="0.25">
      <c r="C7177"/>
      <c r="D7177"/>
    </row>
    <row r="7178" spans="3:4" x14ac:dyDescent="0.25">
      <c r="C7178"/>
      <c r="D7178"/>
    </row>
    <row r="7179" spans="3:4" x14ac:dyDescent="0.25">
      <c r="C7179"/>
      <c r="D7179"/>
    </row>
    <row r="7180" spans="3:4" x14ac:dyDescent="0.25">
      <c r="C7180"/>
      <c r="D7180"/>
    </row>
    <row r="7181" spans="3:4" x14ac:dyDescent="0.25">
      <c r="C7181"/>
      <c r="D7181"/>
    </row>
    <row r="7182" spans="3:4" x14ac:dyDescent="0.25">
      <c r="C7182"/>
      <c r="D7182"/>
    </row>
    <row r="7183" spans="3:4" x14ac:dyDescent="0.25">
      <c r="C7183"/>
      <c r="D7183"/>
    </row>
    <row r="7184" spans="3:4" x14ac:dyDescent="0.25">
      <c r="C7184"/>
      <c r="D7184"/>
    </row>
    <row r="7185" spans="3:4" x14ac:dyDescent="0.25">
      <c r="C7185"/>
      <c r="D7185"/>
    </row>
    <row r="7186" spans="3:4" x14ac:dyDescent="0.25">
      <c r="C7186"/>
      <c r="D7186"/>
    </row>
    <row r="7187" spans="3:4" x14ac:dyDescent="0.25">
      <c r="C7187"/>
      <c r="D7187"/>
    </row>
    <row r="7188" spans="3:4" x14ac:dyDescent="0.25">
      <c r="C7188"/>
      <c r="D7188"/>
    </row>
    <row r="7189" spans="3:4" x14ac:dyDescent="0.25">
      <c r="C7189"/>
      <c r="D7189"/>
    </row>
    <row r="7190" spans="3:4" x14ac:dyDescent="0.25">
      <c r="C7190"/>
      <c r="D7190"/>
    </row>
    <row r="7191" spans="3:4" x14ac:dyDescent="0.25">
      <c r="C7191"/>
      <c r="D7191"/>
    </row>
    <row r="7192" spans="3:4" x14ac:dyDescent="0.25">
      <c r="C7192"/>
      <c r="D7192"/>
    </row>
    <row r="7193" spans="3:4" x14ac:dyDescent="0.25">
      <c r="C7193"/>
      <c r="D7193"/>
    </row>
    <row r="7194" spans="3:4" x14ac:dyDescent="0.25">
      <c r="C7194"/>
      <c r="D7194"/>
    </row>
    <row r="7195" spans="3:4" x14ac:dyDescent="0.25">
      <c r="C7195"/>
      <c r="D7195"/>
    </row>
    <row r="7196" spans="3:4" x14ac:dyDescent="0.25">
      <c r="C7196"/>
      <c r="D7196"/>
    </row>
    <row r="7197" spans="3:4" x14ac:dyDescent="0.25">
      <c r="C7197"/>
      <c r="D7197"/>
    </row>
    <row r="7198" spans="3:4" x14ac:dyDescent="0.25">
      <c r="C7198"/>
      <c r="D7198"/>
    </row>
    <row r="7199" spans="3:4" x14ac:dyDescent="0.25">
      <c r="C7199"/>
      <c r="D7199"/>
    </row>
    <row r="7200" spans="3:4" x14ac:dyDescent="0.25">
      <c r="C7200"/>
      <c r="D7200"/>
    </row>
    <row r="7201" spans="3:4" x14ac:dyDescent="0.25">
      <c r="C7201"/>
      <c r="D7201"/>
    </row>
    <row r="7202" spans="3:4" x14ac:dyDescent="0.25">
      <c r="C7202"/>
      <c r="D7202"/>
    </row>
    <row r="7203" spans="3:4" x14ac:dyDescent="0.25">
      <c r="C7203"/>
      <c r="D7203"/>
    </row>
    <row r="7204" spans="3:4" x14ac:dyDescent="0.25">
      <c r="C7204"/>
      <c r="D7204"/>
    </row>
    <row r="7205" spans="3:4" x14ac:dyDescent="0.25">
      <c r="C7205"/>
      <c r="D7205"/>
    </row>
    <row r="7206" spans="3:4" x14ac:dyDescent="0.25">
      <c r="C7206"/>
      <c r="D7206"/>
    </row>
    <row r="7207" spans="3:4" x14ac:dyDescent="0.25">
      <c r="C7207"/>
      <c r="D7207"/>
    </row>
    <row r="7208" spans="3:4" x14ac:dyDescent="0.25">
      <c r="C7208"/>
      <c r="D7208"/>
    </row>
    <row r="7209" spans="3:4" x14ac:dyDescent="0.25">
      <c r="C7209"/>
      <c r="D7209"/>
    </row>
    <row r="7210" spans="3:4" x14ac:dyDescent="0.25">
      <c r="C7210"/>
      <c r="D7210"/>
    </row>
    <row r="7211" spans="3:4" x14ac:dyDescent="0.25">
      <c r="C7211"/>
      <c r="D7211"/>
    </row>
    <row r="7212" spans="3:4" x14ac:dyDescent="0.25">
      <c r="C7212"/>
      <c r="D7212"/>
    </row>
    <row r="7213" spans="3:4" x14ac:dyDescent="0.25">
      <c r="C7213"/>
      <c r="D7213"/>
    </row>
    <row r="7214" spans="3:4" x14ac:dyDescent="0.25">
      <c r="C7214"/>
      <c r="D7214"/>
    </row>
    <row r="7215" spans="3:4" x14ac:dyDescent="0.25">
      <c r="C7215"/>
      <c r="D7215"/>
    </row>
    <row r="7216" spans="3:4" x14ac:dyDescent="0.25">
      <c r="C7216"/>
      <c r="D7216"/>
    </row>
    <row r="7217" spans="3:4" x14ac:dyDescent="0.25">
      <c r="C7217"/>
      <c r="D7217"/>
    </row>
    <row r="7218" spans="3:4" x14ac:dyDescent="0.25">
      <c r="C7218"/>
      <c r="D7218"/>
    </row>
    <row r="7219" spans="3:4" x14ac:dyDescent="0.25">
      <c r="C7219"/>
      <c r="D7219"/>
    </row>
    <row r="7220" spans="3:4" x14ac:dyDescent="0.25">
      <c r="C7220"/>
      <c r="D7220"/>
    </row>
    <row r="7221" spans="3:4" x14ac:dyDescent="0.25">
      <c r="C7221"/>
      <c r="D7221"/>
    </row>
    <row r="7222" spans="3:4" x14ac:dyDescent="0.25">
      <c r="C7222"/>
      <c r="D7222"/>
    </row>
    <row r="7223" spans="3:4" x14ac:dyDescent="0.25">
      <c r="C7223"/>
      <c r="D7223"/>
    </row>
    <row r="7224" spans="3:4" x14ac:dyDescent="0.25">
      <c r="C7224"/>
      <c r="D7224"/>
    </row>
    <row r="7225" spans="3:4" x14ac:dyDescent="0.25">
      <c r="C7225"/>
      <c r="D7225"/>
    </row>
    <row r="7226" spans="3:4" x14ac:dyDescent="0.25">
      <c r="C7226"/>
      <c r="D7226"/>
    </row>
    <row r="7227" spans="3:4" x14ac:dyDescent="0.25">
      <c r="C7227"/>
      <c r="D7227"/>
    </row>
    <row r="7228" spans="3:4" x14ac:dyDescent="0.25">
      <c r="C7228"/>
      <c r="D7228"/>
    </row>
    <row r="7229" spans="3:4" x14ac:dyDescent="0.25">
      <c r="C7229"/>
      <c r="D7229"/>
    </row>
    <row r="7230" spans="3:4" x14ac:dyDescent="0.25">
      <c r="C7230"/>
      <c r="D7230"/>
    </row>
    <row r="7231" spans="3:4" x14ac:dyDescent="0.25">
      <c r="C7231"/>
      <c r="D7231"/>
    </row>
    <row r="7232" spans="3:4" x14ac:dyDescent="0.25">
      <c r="C7232"/>
      <c r="D7232"/>
    </row>
    <row r="7233" spans="3:4" x14ac:dyDescent="0.25">
      <c r="C7233"/>
      <c r="D7233"/>
    </row>
    <row r="7234" spans="3:4" x14ac:dyDescent="0.25">
      <c r="C7234"/>
      <c r="D7234"/>
    </row>
    <row r="7235" spans="3:4" x14ac:dyDescent="0.25">
      <c r="C7235"/>
      <c r="D7235"/>
    </row>
    <row r="7236" spans="3:4" x14ac:dyDescent="0.25">
      <c r="C7236"/>
      <c r="D7236"/>
    </row>
    <row r="7237" spans="3:4" x14ac:dyDescent="0.25">
      <c r="C7237"/>
      <c r="D7237"/>
    </row>
    <row r="7238" spans="3:4" x14ac:dyDescent="0.25">
      <c r="C7238"/>
      <c r="D7238"/>
    </row>
    <row r="7239" spans="3:4" x14ac:dyDescent="0.25">
      <c r="C7239"/>
      <c r="D7239"/>
    </row>
    <row r="7240" spans="3:4" x14ac:dyDescent="0.25">
      <c r="C7240"/>
      <c r="D7240"/>
    </row>
    <row r="7241" spans="3:4" x14ac:dyDescent="0.25">
      <c r="C7241"/>
      <c r="D7241"/>
    </row>
    <row r="7242" spans="3:4" x14ac:dyDescent="0.25">
      <c r="C7242"/>
      <c r="D7242"/>
    </row>
    <row r="7243" spans="3:4" x14ac:dyDescent="0.25">
      <c r="C7243"/>
      <c r="D7243"/>
    </row>
    <row r="7244" spans="3:4" x14ac:dyDescent="0.25">
      <c r="C7244"/>
      <c r="D7244"/>
    </row>
    <row r="7245" spans="3:4" x14ac:dyDescent="0.25">
      <c r="C7245"/>
      <c r="D7245"/>
    </row>
    <row r="7246" spans="3:4" x14ac:dyDescent="0.25">
      <c r="C7246"/>
      <c r="D7246"/>
    </row>
    <row r="7247" spans="3:4" x14ac:dyDescent="0.25">
      <c r="C7247"/>
      <c r="D7247"/>
    </row>
    <row r="7248" spans="3:4" x14ac:dyDescent="0.25">
      <c r="C7248"/>
      <c r="D7248"/>
    </row>
    <row r="7249" spans="3:4" x14ac:dyDescent="0.25">
      <c r="C7249"/>
      <c r="D7249"/>
    </row>
    <row r="7250" spans="3:4" x14ac:dyDescent="0.25">
      <c r="C7250"/>
      <c r="D7250"/>
    </row>
    <row r="7251" spans="3:4" x14ac:dyDescent="0.25">
      <c r="C7251"/>
      <c r="D7251"/>
    </row>
    <row r="7252" spans="3:4" x14ac:dyDescent="0.25">
      <c r="C7252"/>
      <c r="D7252"/>
    </row>
    <row r="7253" spans="3:4" x14ac:dyDescent="0.25">
      <c r="C7253"/>
      <c r="D7253"/>
    </row>
    <row r="7254" spans="3:4" x14ac:dyDescent="0.25">
      <c r="C7254"/>
      <c r="D7254"/>
    </row>
    <row r="7255" spans="3:4" x14ac:dyDescent="0.25">
      <c r="C7255"/>
      <c r="D7255"/>
    </row>
    <row r="7256" spans="3:4" x14ac:dyDescent="0.25">
      <c r="C7256"/>
      <c r="D7256"/>
    </row>
    <row r="7257" spans="3:4" x14ac:dyDescent="0.25">
      <c r="C7257"/>
      <c r="D7257"/>
    </row>
    <row r="7258" spans="3:4" x14ac:dyDescent="0.25">
      <c r="C7258"/>
      <c r="D7258"/>
    </row>
    <row r="7259" spans="3:4" x14ac:dyDescent="0.25">
      <c r="C7259"/>
      <c r="D7259"/>
    </row>
    <row r="7260" spans="3:4" x14ac:dyDescent="0.25">
      <c r="C7260"/>
      <c r="D7260"/>
    </row>
    <row r="7261" spans="3:4" x14ac:dyDescent="0.25">
      <c r="C7261"/>
      <c r="D7261"/>
    </row>
    <row r="7262" spans="3:4" x14ac:dyDescent="0.25">
      <c r="C7262"/>
      <c r="D7262"/>
    </row>
    <row r="7263" spans="3:4" x14ac:dyDescent="0.25">
      <c r="C7263"/>
      <c r="D7263"/>
    </row>
    <row r="7264" spans="3:4" x14ac:dyDescent="0.25">
      <c r="C7264"/>
      <c r="D7264"/>
    </row>
    <row r="7265" spans="3:4" x14ac:dyDescent="0.25">
      <c r="C7265"/>
      <c r="D7265"/>
    </row>
    <row r="7266" spans="3:4" x14ac:dyDescent="0.25">
      <c r="C7266"/>
      <c r="D7266"/>
    </row>
    <row r="7267" spans="3:4" x14ac:dyDescent="0.25">
      <c r="C7267"/>
      <c r="D7267"/>
    </row>
    <row r="7268" spans="3:4" x14ac:dyDescent="0.25">
      <c r="C7268"/>
      <c r="D7268"/>
    </row>
    <row r="7269" spans="3:4" x14ac:dyDescent="0.25">
      <c r="C7269"/>
      <c r="D7269"/>
    </row>
    <row r="7270" spans="3:4" x14ac:dyDescent="0.25">
      <c r="C7270"/>
      <c r="D7270"/>
    </row>
    <row r="7271" spans="3:4" x14ac:dyDescent="0.25">
      <c r="C7271"/>
      <c r="D7271"/>
    </row>
    <row r="7272" spans="3:4" x14ac:dyDescent="0.25">
      <c r="C7272"/>
      <c r="D7272"/>
    </row>
    <row r="7273" spans="3:4" x14ac:dyDescent="0.25">
      <c r="C7273"/>
      <c r="D7273"/>
    </row>
    <row r="7274" spans="3:4" x14ac:dyDescent="0.25">
      <c r="C7274"/>
      <c r="D7274"/>
    </row>
    <row r="7275" spans="3:4" x14ac:dyDescent="0.25">
      <c r="C7275"/>
      <c r="D7275"/>
    </row>
    <row r="7276" spans="3:4" x14ac:dyDescent="0.25">
      <c r="C7276"/>
      <c r="D7276"/>
    </row>
    <row r="7277" spans="3:4" x14ac:dyDescent="0.25">
      <c r="C7277"/>
      <c r="D7277"/>
    </row>
    <row r="7278" spans="3:4" x14ac:dyDescent="0.25">
      <c r="C7278"/>
      <c r="D7278"/>
    </row>
    <row r="7279" spans="3:4" x14ac:dyDescent="0.25">
      <c r="C7279"/>
      <c r="D7279"/>
    </row>
    <row r="7280" spans="3:4" x14ac:dyDescent="0.25">
      <c r="C7280"/>
      <c r="D7280"/>
    </row>
    <row r="7281" spans="3:4" x14ac:dyDescent="0.25">
      <c r="C7281"/>
      <c r="D7281"/>
    </row>
    <row r="7282" spans="3:4" x14ac:dyDescent="0.25">
      <c r="C7282"/>
      <c r="D7282"/>
    </row>
    <row r="7283" spans="3:4" x14ac:dyDescent="0.25">
      <c r="C7283"/>
      <c r="D7283"/>
    </row>
    <row r="7284" spans="3:4" x14ac:dyDescent="0.25">
      <c r="C7284"/>
      <c r="D7284"/>
    </row>
    <row r="7285" spans="3:4" x14ac:dyDescent="0.25">
      <c r="C7285"/>
      <c r="D7285"/>
    </row>
    <row r="7286" spans="3:4" x14ac:dyDescent="0.25">
      <c r="C7286"/>
      <c r="D7286"/>
    </row>
    <row r="7287" spans="3:4" x14ac:dyDescent="0.25">
      <c r="C7287"/>
      <c r="D7287"/>
    </row>
    <row r="7288" spans="3:4" x14ac:dyDescent="0.25">
      <c r="C7288"/>
      <c r="D7288"/>
    </row>
    <row r="7289" spans="3:4" x14ac:dyDescent="0.25">
      <c r="C7289"/>
      <c r="D7289"/>
    </row>
    <row r="7290" spans="3:4" x14ac:dyDescent="0.25">
      <c r="C7290"/>
      <c r="D7290"/>
    </row>
    <row r="7291" spans="3:4" x14ac:dyDescent="0.25">
      <c r="C7291"/>
      <c r="D7291"/>
    </row>
    <row r="7292" spans="3:4" x14ac:dyDescent="0.25">
      <c r="C7292"/>
      <c r="D7292"/>
    </row>
    <row r="7293" spans="3:4" x14ac:dyDescent="0.25">
      <c r="C7293"/>
      <c r="D7293"/>
    </row>
    <row r="7294" spans="3:4" x14ac:dyDescent="0.25">
      <c r="C7294"/>
      <c r="D7294"/>
    </row>
    <row r="7295" spans="3:4" x14ac:dyDescent="0.25">
      <c r="C7295"/>
      <c r="D7295"/>
    </row>
    <row r="7296" spans="3:4" x14ac:dyDescent="0.25">
      <c r="C7296"/>
      <c r="D7296"/>
    </row>
    <row r="7297" spans="3:4" x14ac:dyDescent="0.25">
      <c r="C7297"/>
      <c r="D7297"/>
    </row>
    <row r="7298" spans="3:4" x14ac:dyDescent="0.25">
      <c r="C7298"/>
      <c r="D7298"/>
    </row>
    <row r="7299" spans="3:4" x14ac:dyDescent="0.25">
      <c r="C7299"/>
      <c r="D7299"/>
    </row>
    <row r="7300" spans="3:4" x14ac:dyDescent="0.25">
      <c r="C7300"/>
      <c r="D7300"/>
    </row>
    <row r="7301" spans="3:4" x14ac:dyDescent="0.25">
      <c r="C7301"/>
      <c r="D7301"/>
    </row>
    <row r="7302" spans="3:4" x14ac:dyDescent="0.25">
      <c r="C7302"/>
      <c r="D7302"/>
    </row>
    <row r="7303" spans="3:4" x14ac:dyDescent="0.25">
      <c r="C7303"/>
      <c r="D7303"/>
    </row>
    <row r="7304" spans="3:4" x14ac:dyDescent="0.25">
      <c r="C7304"/>
      <c r="D7304"/>
    </row>
    <row r="7305" spans="3:4" x14ac:dyDescent="0.25">
      <c r="C7305"/>
      <c r="D7305"/>
    </row>
    <row r="7306" spans="3:4" x14ac:dyDescent="0.25">
      <c r="C7306"/>
      <c r="D7306"/>
    </row>
    <row r="7307" spans="3:4" x14ac:dyDescent="0.25">
      <c r="C7307"/>
      <c r="D7307"/>
    </row>
    <row r="7308" spans="3:4" x14ac:dyDescent="0.25">
      <c r="C7308"/>
      <c r="D7308"/>
    </row>
    <row r="7309" spans="3:4" x14ac:dyDescent="0.25">
      <c r="C7309"/>
      <c r="D7309"/>
    </row>
    <row r="7310" spans="3:4" x14ac:dyDescent="0.25">
      <c r="C7310"/>
      <c r="D7310"/>
    </row>
    <row r="7311" spans="3:4" x14ac:dyDescent="0.25">
      <c r="C7311"/>
      <c r="D7311"/>
    </row>
    <row r="7312" spans="3:4" x14ac:dyDescent="0.25">
      <c r="C7312"/>
      <c r="D7312"/>
    </row>
    <row r="7313" spans="3:4" x14ac:dyDescent="0.25">
      <c r="C7313"/>
      <c r="D7313"/>
    </row>
    <row r="7314" spans="3:4" x14ac:dyDescent="0.25">
      <c r="C7314"/>
      <c r="D7314"/>
    </row>
    <row r="7315" spans="3:4" x14ac:dyDescent="0.25">
      <c r="C7315"/>
      <c r="D7315"/>
    </row>
    <row r="7316" spans="3:4" x14ac:dyDescent="0.25">
      <c r="C7316"/>
      <c r="D7316"/>
    </row>
    <row r="7317" spans="3:4" x14ac:dyDescent="0.25">
      <c r="C7317"/>
      <c r="D7317"/>
    </row>
    <row r="7318" spans="3:4" x14ac:dyDescent="0.25">
      <c r="C7318"/>
      <c r="D7318"/>
    </row>
    <row r="7319" spans="3:4" x14ac:dyDescent="0.25">
      <c r="C7319"/>
      <c r="D7319"/>
    </row>
    <row r="7320" spans="3:4" x14ac:dyDescent="0.25">
      <c r="C7320"/>
      <c r="D7320"/>
    </row>
    <row r="7321" spans="3:4" x14ac:dyDescent="0.25">
      <c r="C7321"/>
      <c r="D7321"/>
    </row>
    <row r="7322" spans="3:4" x14ac:dyDescent="0.25">
      <c r="C7322"/>
      <c r="D7322"/>
    </row>
    <row r="7323" spans="3:4" x14ac:dyDescent="0.25">
      <c r="C7323"/>
      <c r="D7323"/>
    </row>
    <row r="7324" spans="3:4" x14ac:dyDescent="0.25">
      <c r="C7324"/>
      <c r="D7324"/>
    </row>
    <row r="7325" spans="3:4" x14ac:dyDescent="0.25">
      <c r="C7325"/>
      <c r="D7325"/>
    </row>
    <row r="7326" spans="3:4" x14ac:dyDescent="0.25">
      <c r="C7326"/>
      <c r="D7326"/>
    </row>
    <row r="7327" spans="3:4" x14ac:dyDescent="0.25">
      <c r="C7327"/>
      <c r="D7327"/>
    </row>
    <row r="7328" spans="3:4" x14ac:dyDescent="0.25">
      <c r="C7328"/>
      <c r="D7328"/>
    </row>
    <row r="7329" spans="3:4" x14ac:dyDescent="0.25">
      <c r="C7329"/>
      <c r="D7329"/>
    </row>
    <row r="7330" spans="3:4" x14ac:dyDescent="0.25">
      <c r="C7330"/>
      <c r="D7330"/>
    </row>
    <row r="7331" spans="3:4" x14ac:dyDescent="0.25">
      <c r="C7331"/>
      <c r="D7331"/>
    </row>
    <row r="7332" spans="3:4" x14ac:dyDescent="0.25">
      <c r="C7332"/>
      <c r="D7332"/>
    </row>
    <row r="7333" spans="3:4" x14ac:dyDescent="0.25">
      <c r="C7333"/>
      <c r="D7333"/>
    </row>
    <row r="7334" spans="3:4" x14ac:dyDescent="0.25">
      <c r="C7334"/>
      <c r="D7334"/>
    </row>
    <row r="7335" spans="3:4" x14ac:dyDescent="0.25">
      <c r="C7335"/>
      <c r="D7335"/>
    </row>
    <row r="7336" spans="3:4" x14ac:dyDescent="0.25">
      <c r="C7336"/>
      <c r="D7336"/>
    </row>
    <row r="7337" spans="3:4" x14ac:dyDescent="0.25">
      <c r="C7337"/>
      <c r="D7337"/>
    </row>
    <row r="7338" spans="3:4" x14ac:dyDescent="0.25">
      <c r="C7338"/>
      <c r="D7338"/>
    </row>
    <row r="7339" spans="3:4" x14ac:dyDescent="0.25">
      <c r="C7339"/>
      <c r="D7339"/>
    </row>
    <row r="7340" spans="3:4" x14ac:dyDescent="0.25">
      <c r="C7340"/>
      <c r="D7340"/>
    </row>
    <row r="7341" spans="3:4" x14ac:dyDescent="0.25">
      <c r="C7341"/>
      <c r="D7341"/>
    </row>
    <row r="7342" spans="3:4" x14ac:dyDescent="0.25">
      <c r="C7342"/>
      <c r="D7342"/>
    </row>
    <row r="7343" spans="3:4" x14ac:dyDescent="0.25">
      <c r="C7343"/>
      <c r="D7343"/>
    </row>
    <row r="7344" spans="3:4" x14ac:dyDescent="0.25">
      <c r="C7344"/>
      <c r="D7344"/>
    </row>
    <row r="7345" spans="3:4" x14ac:dyDescent="0.25">
      <c r="C7345"/>
      <c r="D7345"/>
    </row>
    <row r="7346" spans="3:4" x14ac:dyDescent="0.25">
      <c r="C7346"/>
      <c r="D7346"/>
    </row>
    <row r="7347" spans="3:4" x14ac:dyDescent="0.25">
      <c r="C7347"/>
      <c r="D7347"/>
    </row>
    <row r="7348" spans="3:4" x14ac:dyDescent="0.25">
      <c r="C7348"/>
      <c r="D7348"/>
    </row>
    <row r="7349" spans="3:4" x14ac:dyDescent="0.25">
      <c r="C7349"/>
      <c r="D7349"/>
    </row>
    <row r="7350" spans="3:4" x14ac:dyDescent="0.25">
      <c r="C7350"/>
      <c r="D7350"/>
    </row>
    <row r="7351" spans="3:4" x14ac:dyDescent="0.25">
      <c r="C7351"/>
      <c r="D7351"/>
    </row>
    <row r="7352" spans="3:4" x14ac:dyDescent="0.25">
      <c r="C7352"/>
      <c r="D7352"/>
    </row>
    <row r="7353" spans="3:4" x14ac:dyDescent="0.25">
      <c r="C7353"/>
      <c r="D7353"/>
    </row>
    <row r="7354" spans="3:4" x14ac:dyDescent="0.25">
      <c r="C7354"/>
      <c r="D7354"/>
    </row>
    <row r="7355" spans="3:4" x14ac:dyDescent="0.25">
      <c r="C7355"/>
      <c r="D7355"/>
    </row>
    <row r="7356" spans="3:4" x14ac:dyDescent="0.25">
      <c r="C7356"/>
      <c r="D7356"/>
    </row>
    <row r="7357" spans="3:4" x14ac:dyDescent="0.25">
      <c r="C7357"/>
      <c r="D7357"/>
    </row>
    <row r="7358" spans="3:4" x14ac:dyDescent="0.25">
      <c r="C7358"/>
      <c r="D7358"/>
    </row>
    <row r="7359" spans="3:4" x14ac:dyDescent="0.25">
      <c r="C7359"/>
      <c r="D7359"/>
    </row>
    <row r="7360" spans="3:4" x14ac:dyDescent="0.25">
      <c r="C7360"/>
      <c r="D7360"/>
    </row>
    <row r="7361" spans="3:4" x14ac:dyDescent="0.25">
      <c r="C7361"/>
      <c r="D7361"/>
    </row>
    <row r="7362" spans="3:4" x14ac:dyDescent="0.25">
      <c r="C7362"/>
      <c r="D7362"/>
    </row>
    <row r="7363" spans="3:4" x14ac:dyDescent="0.25">
      <c r="C7363"/>
      <c r="D7363"/>
    </row>
    <row r="7364" spans="3:4" x14ac:dyDescent="0.25">
      <c r="C7364"/>
      <c r="D7364"/>
    </row>
    <row r="7365" spans="3:4" x14ac:dyDescent="0.25">
      <c r="C7365"/>
      <c r="D7365"/>
    </row>
    <row r="7366" spans="3:4" x14ac:dyDescent="0.25">
      <c r="C7366"/>
      <c r="D7366"/>
    </row>
    <row r="7367" spans="3:4" x14ac:dyDescent="0.25">
      <c r="C7367"/>
      <c r="D7367"/>
    </row>
    <row r="7368" spans="3:4" x14ac:dyDescent="0.25">
      <c r="C7368"/>
      <c r="D7368"/>
    </row>
    <row r="7369" spans="3:4" x14ac:dyDescent="0.25">
      <c r="C7369"/>
      <c r="D7369"/>
    </row>
    <row r="7370" spans="3:4" x14ac:dyDescent="0.25">
      <c r="C7370"/>
      <c r="D7370"/>
    </row>
    <row r="7371" spans="3:4" x14ac:dyDescent="0.25">
      <c r="C7371"/>
      <c r="D7371"/>
    </row>
    <row r="7372" spans="3:4" x14ac:dyDescent="0.25">
      <c r="C7372"/>
      <c r="D7372"/>
    </row>
    <row r="7373" spans="3:4" x14ac:dyDescent="0.25">
      <c r="C7373"/>
      <c r="D7373"/>
    </row>
    <row r="7374" spans="3:4" x14ac:dyDescent="0.25">
      <c r="C7374"/>
      <c r="D7374"/>
    </row>
    <row r="7375" spans="3:4" x14ac:dyDescent="0.25">
      <c r="C7375"/>
      <c r="D7375"/>
    </row>
    <row r="7376" spans="3:4" x14ac:dyDescent="0.25">
      <c r="C7376"/>
      <c r="D7376"/>
    </row>
    <row r="7377" spans="3:4" x14ac:dyDescent="0.25">
      <c r="C7377"/>
      <c r="D7377"/>
    </row>
    <row r="7378" spans="3:4" x14ac:dyDescent="0.25">
      <c r="C7378"/>
      <c r="D7378"/>
    </row>
    <row r="7379" spans="3:4" x14ac:dyDescent="0.25">
      <c r="C7379"/>
      <c r="D7379"/>
    </row>
    <row r="7380" spans="3:4" x14ac:dyDescent="0.25">
      <c r="C7380"/>
      <c r="D7380"/>
    </row>
    <row r="7381" spans="3:4" x14ac:dyDescent="0.25">
      <c r="C7381"/>
      <c r="D7381"/>
    </row>
    <row r="7382" spans="3:4" x14ac:dyDescent="0.25">
      <c r="C7382"/>
      <c r="D7382"/>
    </row>
    <row r="7383" spans="3:4" x14ac:dyDescent="0.25">
      <c r="C7383"/>
      <c r="D7383"/>
    </row>
    <row r="7384" spans="3:4" x14ac:dyDescent="0.25">
      <c r="C7384"/>
      <c r="D7384"/>
    </row>
    <row r="7385" spans="3:4" x14ac:dyDescent="0.25">
      <c r="C7385"/>
      <c r="D7385"/>
    </row>
    <row r="7386" spans="3:4" x14ac:dyDescent="0.25">
      <c r="C7386"/>
      <c r="D7386"/>
    </row>
    <row r="7387" spans="3:4" x14ac:dyDescent="0.25">
      <c r="C7387"/>
      <c r="D7387"/>
    </row>
    <row r="7388" spans="3:4" x14ac:dyDescent="0.25">
      <c r="C7388"/>
      <c r="D7388"/>
    </row>
    <row r="7389" spans="3:4" x14ac:dyDescent="0.25">
      <c r="C7389"/>
      <c r="D7389"/>
    </row>
    <row r="7390" spans="3:4" x14ac:dyDescent="0.25">
      <c r="C7390"/>
      <c r="D7390"/>
    </row>
    <row r="7391" spans="3:4" x14ac:dyDescent="0.25">
      <c r="C7391"/>
      <c r="D7391"/>
    </row>
    <row r="7392" spans="3:4" x14ac:dyDescent="0.25">
      <c r="C7392"/>
      <c r="D7392"/>
    </row>
    <row r="7393" spans="3:4" x14ac:dyDescent="0.25">
      <c r="C7393"/>
      <c r="D7393"/>
    </row>
    <row r="7394" spans="3:4" x14ac:dyDescent="0.25">
      <c r="C7394"/>
      <c r="D7394"/>
    </row>
    <row r="7395" spans="3:4" x14ac:dyDescent="0.25">
      <c r="C7395"/>
      <c r="D7395"/>
    </row>
    <row r="7396" spans="3:4" x14ac:dyDescent="0.25">
      <c r="C7396"/>
      <c r="D7396"/>
    </row>
    <row r="7397" spans="3:4" x14ac:dyDescent="0.25">
      <c r="C7397"/>
      <c r="D7397"/>
    </row>
    <row r="7398" spans="3:4" x14ac:dyDescent="0.25">
      <c r="C7398"/>
      <c r="D7398"/>
    </row>
    <row r="7399" spans="3:4" x14ac:dyDescent="0.25">
      <c r="C7399"/>
      <c r="D7399"/>
    </row>
    <row r="7400" spans="3:4" x14ac:dyDescent="0.25">
      <c r="C7400"/>
      <c r="D7400"/>
    </row>
    <row r="7401" spans="3:4" x14ac:dyDescent="0.25">
      <c r="C7401"/>
      <c r="D7401"/>
    </row>
    <row r="7402" spans="3:4" x14ac:dyDescent="0.25">
      <c r="C7402"/>
      <c r="D7402"/>
    </row>
    <row r="7403" spans="3:4" x14ac:dyDescent="0.25">
      <c r="C7403"/>
      <c r="D7403"/>
    </row>
    <row r="7404" spans="3:4" x14ac:dyDescent="0.25">
      <c r="C7404"/>
      <c r="D7404"/>
    </row>
    <row r="7405" spans="3:4" x14ac:dyDescent="0.25">
      <c r="C7405"/>
      <c r="D7405"/>
    </row>
    <row r="7406" spans="3:4" x14ac:dyDescent="0.25">
      <c r="C7406"/>
      <c r="D7406"/>
    </row>
    <row r="7407" spans="3:4" x14ac:dyDescent="0.25">
      <c r="C7407"/>
      <c r="D7407"/>
    </row>
    <row r="7408" spans="3:4" x14ac:dyDescent="0.25">
      <c r="C7408"/>
      <c r="D7408"/>
    </row>
    <row r="7409" spans="3:4" x14ac:dyDescent="0.25">
      <c r="C7409"/>
      <c r="D7409"/>
    </row>
    <row r="7410" spans="3:4" x14ac:dyDescent="0.25">
      <c r="C7410"/>
      <c r="D7410"/>
    </row>
    <row r="7411" spans="3:4" x14ac:dyDescent="0.25">
      <c r="C7411"/>
      <c r="D7411"/>
    </row>
    <row r="7412" spans="3:4" x14ac:dyDescent="0.25">
      <c r="C7412"/>
      <c r="D7412"/>
    </row>
    <row r="7413" spans="3:4" x14ac:dyDescent="0.25">
      <c r="C7413"/>
      <c r="D7413"/>
    </row>
    <row r="7414" spans="3:4" x14ac:dyDescent="0.25">
      <c r="C7414"/>
      <c r="D7414"/>
    </row>
    <row r="7415" spans="3:4" x14ac:dyDescent="0.25">
      <c r="C7415"/>
      <c r="D7415"/>
    </row>
    <row r="7416" spans="3:4" x14ac:dyDescent="0.25">
      <c r="C7416"/>
      <c r="D7416"/>
    </row>
    <row r="7417" spans="3:4" x14ac:dyDescent="0.25">
      <c r="C7417"/>
      <c r="D7417"/>
    </row>
    <row r="7418" spans="3:4" x14ac:dyDescent="0.25">
      <c r="C7418"/>
      <c r="D7418"/>
    </row>
    <row r="7419" spans="3:4" x14ac:dyDescent="0.25">
      <c r="C7419"/>
      <c r="D7419"/>
    </row>
    <row r="7420" spans="3:4" x14ac:dyDescent="0.25">
      <c r="C7420"/>
      <c r="D7420"/>
    </row>
    <row r="7421" spans="3:4" x14ac:dyDescent="0.25">
      <c r="C7421"/>
      <c r="D7421"/>
    </row>
    <row r="7422" spans="3:4" x14ac:dyDescent="0.25">
      <c r="C7422"/>
      <c r="D7422"/>
    </row>
    <row r="7423" spans="3:4" x14ac:dyDescent="0.25">
      <c r="C7423"/>
      <c r="D7423"/>
    </row>
    <row r="7424" spans="3:4" x14ac:dyDescent="0.25">
      <c r="C7424"/>
      <c r="D7424"/>
    </row>
    <row r="7425" spans="3:4" x14ac:dyDescent="0.25">
      <c r="C7425"/>
      <c r="D7425"/>
    </row>
    <row r="7426" spans="3:4" x14ac:dyDescent="0.25">
      <c r="C7426"/>
      <c r="D7426"/>
    </row>
    <row r="7427" spans="3:4" x14ac:dyDescent="0.25">
      <c r="C7427"/>
      <c r="D7427"/>
    </row>
    <row r="7428" spans="3:4" x14ac:dyDescent="0.25">
      <c r="C7428"/>
      <c r="D7428"/>
    </row>
    <row r="7429" spans="3:4" x14ac:dyDescent="0.25">
      <c r="C7429"/>
      <c r="D7429"/>
    </row>
    <row r="7430" spans="3:4" x14ac:dyDescent="0.25">
      <c r="C7430"/>
      <c r="D7430"/>
    </row>
    <row r="7431" spans="3:4" x14ac:dyDescent="0.25">
      <c r="C7431"/>
      <c r="D7431"/>
    </row>
    <row r="7432" spans="3:4" x14ac:dyDescent="0.25">
      <c r="C7432"/>
      <c r="D7432"/>
    </row>
    <row r="7433" spans="3:4" x14ac:dyDescent="0.25">
      <c r="C7433"/>
      <c r="D7433"/>
    </row>
    <row r="7434" spans="3:4" x14ac:dyDescent="0.25">
      <c r="C7434"/>
      <c r="D7434"/>
    </row>
    <row r="7435" spans="3:4" x14ac:dyDescent="0.25">
      <c r="C7435"/>
      <c r="D7435"/>
    </row>
    <row r="7436" spans="3:4" x14ac:dyDescent="0.25">
      <c r="C7436"/>
      <c r="D7436"/>
    </row>
    <row r="7437" spans="3:4" x14ac:dyDescent="0.25">
      <c r="C7437"/>
      <c r="D7437"/>
    </row>
    <row r="7438" spans="3:4" x14ac:dyDescent="0.25">
      <c r="C7438"/>
      <c r="D7438"/>
    </row>
    <row r="7439" spans="3:4" x14ac:dyDescent="0.25">
      <c r="C7439"/>
      <c r="D7439"/>
    </row>
    <row r="7440" spans="3:4" x14ac:dyDescent="0.25">
      <c r="C7440"/>
      <c r="D7440"/>
    </row>
    <row r="7441" spans="3:4" x14ac:dyDescent="0.25">
      <c r="C7441"/>
      <c r="D7441"/>
    </row>
    <row r="7442" spans="3:4" x14ac:dyDescent="0.25">
      <c r="C7442"/>
      <c r="D7442"/>
    </row>
    <row r="7443" spans="3:4" x14ac:dyDescent="0.25">
      <c r="C7443"/>
      <c r="D7443"/>
    </row>
    <row r="7444" spans="3:4" x14ac:dyDescent="0.25">
      <c r="C7444"/>
      <c r="D7444"/>
    </row>
    <row r="7445" spans="3:4" x14ac:dyDescent="0.25">
      <c r="C7445"/>
      <c r="D7445"/>
    </row>
    <row r="7446" spans="3:4" x14ac:dyDescent="0.25">
      <c r="C7446"/>
      <c r="D7446"/>
    </row>
    <row r="7447" spans="3:4" x14ac:dyDescent="0.25">
      <c r="C7447"/>
      <c r="D7447"/>
    </row>
    <row r="7448" spans="3:4" x14ac:dyDescent="0.25">
      <c r="C7448"/>
      <c r="D7448"/>
    </row>
    <row r="7449" spans="3:4" x14ac:dyDescent="0.25">
      <c r="C7449"/>
      <c r="D7449"/>
    </row>
    <row r="7450" spans="3:4" x14ac:dyDescent="0.25">
      <c r="C7450"/>
      <c r="D7450"/>
    </row>
    <row r="7451" spans="3:4" x14ac:dyDescent="0.25">
      <c r="C7451"/>
      <c r="D7451"/>
    </row>
    <row r="7452" spans="3:4" x14ac:dyDescent="0.25">
      <c r="C7452"/>
      <c r="D7452"/>
    </row>
    <row r="7453" spans="3:4" x14ac:dyDescent="0.25">
      <c r="C7453"/>
      <c r="D7453"/>
    </row>
    <row r="7454" spans="3:4" x14ac:dyDescent="0.25">
      <c r="C7454"/>
      <c r="D7454"/>
    </row>
    <row r="7455" spans="3:4" x14ac:dyDescent="0.25">
      <c r="C7455"/>
      <c r="D7455"/>
    </row>
    <row r="7456" spans="3:4" x14ac:dyDescent="0.25">
      <c r="C7456"/>
      <c r="D7456"/>
    </row>
    <row r="7457" spans="3:4" x14ac:dyDescent="0.25">
      <c r="C7457"/>
      <c r="D7457"/>
    </row>
    <row r="7458" spans="3:4" x14ac:dyDescent="0.25">
      <c r="C7458"/>
      <c r="D7458"/>
    </row>
    <row r="7459" spans="3:4" x14ac:dyDescent="0.25">
      <c r="C7459"/>
      <c r="D7459"/>
    </row>
    <row r="7460" spans="3:4" x14ac:dyDescent="0.25">
      <c r="C7460"/>
      <c r="D7460"/>
    </row>
    <row r="7461" spans="3:4" x14ac:dyDescent="0.25">
      <c r="C7461"/>
      <c r="D7461"/>
    </row>
    <row r="7462" spans="3:4" x14ac:dyDescent="0.25">
      <c r="C7462"/>
      <c r="D7462"/>
    </row>
    <row r="7463" spans="3:4" x14ac:dyDescent="0.25">
      <c r="C7463"/>
      <c r="D7463"/>
    </row>
    <row r="7464" spans="3:4" x14ac:dyDescent="0.25">
      <c r="C7464"/>
      <c r="D7464"/>
    </row>
    <row r="7465" spans="3:4" x14ac:dyDescent="0.25">
      <c r="C7465"/>
      <c r="D7465"/>
    </row>
    <row r="7466" spans="3:4" x14ac:dyDescent="0.25">
      <c r="C7466"/>
      <c r="D7466"/>
    </row>
    <row r="7467" spans="3:4" x14ac:dyDescent="0.25">
      <c r="C7467"/>
      <c r="D7467"/>
    </row>
    <row r="7468" spans="3:4" x14ac:dyDescent="0.25">
      <c r="C7468"/>
      <c r="D7468"/>
    </row>
    <row r="7469" spans="3:4" x14ac:dyDescent="0.25">
      <c r="C7469"/>
      <c r="D7469"/>
    </row>
    <row r="7470" spans="3:4" x14ac:dyDescent="0.25">
      <c r="C7470"/>
      <c r="D7470"/>
    </row>
    <row r="7471" spans="3:4" x14ac:dyDescent="0.25">
      <c r="C7471"/>
      <c r="D7471"/>
    </row>
    <row r="7472" spans="3:4" x14ac:dyDescent="0.25">
      <c r="C7472"/>
      <c r="D7472"/>
    </row>
    <row r="7473" spans="3:4" x14ac:dyDescent="0.25">
      <c r="C7473"/>
      <c r="D7473"/>
    </row>
    <row r="7474" spans="3:4" x14ac:dyDescent="0.25">
      <c r="C7474"/>
      <c r="D7474"/>
    </row>
    <row r="7475" spans="3:4" x14ac:dyDescent="0.25">
      <c r="C7475"/>
      <c r="D7475"/>
    </row>
    <row r="7476" spans="3:4" x14ac:dyDescent="0.25">
      <c r="C7476"/>
      <c r="D7476"/>
    </row>
    <row r="7477" spans="3:4" x14ac:dyDescent="0.25">
      <c r="C7477"/>
      <c r="D7477"/>
    </row>
    <row r="7478" spans="3:4" x14ac:dyDescent="0.25">
      <c r="C7478"/>
      <c r="D7478"/>
    </row>
    <row r="7479" spans="3:4" x14ac:dyDescent="0.25">
      <c r="C7479"/>
      <c r="D7479"/>
    </row>
    <row r="7480" spans="3:4" x14ac:dyDescent="0.25">
      <c r="C7480"/>
      <c r="D7480"/>
    </row>
    <row r="7481" spans="3:4" x14ac:dyDescent="0.25">
      <c r="C7481"/>
      <c r="D7481"/>
    </row>
    <row r="7482" spans="3:4" x14ac:dyDescent="0.25">
      <c r="C7482"/>
      <c r="D7482"/>
    </row>
    <row r="7483" spans="3:4" x14ac:dyDescent="0.25">
      <c r="C7483"/>
      <c r="D7483"/>
    </row>
    <row r="7484" spans="3:4" x14ac:dyDescent="0.25">
      <c r="C7484"/>
      <c r="D7484"/>
    </row>
    <row r="7485" spans="3:4" x14ac:dyDescent="0.25">
      <c r="C7485"/>
      <c r="D7485"/>
    </row>
    <row r="7486" spans="3:4" x14ac:dyDescent="0.25">
      <c r="C7486"/>
      <c r="D7486"/>
    </row>
    <row r="7487" spans="3:4" x14ac:dyDescent="0.25">
      <c r="C7487"/>
      <c r="D7487"/>
    </row>
    <row r="7488" spans="3:4" x14ac:dyDescent="0.25">
      <c r="C7488"/>
      <c r="D7488"/>
    </row>
    <row r="7489" spans="3:4" x14ac:dyDescent="0.25">
      <c r="C7489"/>
      <c r="D7489"/>
    </row>
    <row r="7490" spans="3:4" x14ac:dyDescent="0.25">
      <c r="C7490"/>
      <c r="D7490"/>
    </row>
    <row r="7491" spans="3:4" x14ac:dyDescent="0.25">
      <c r="C7491"/>
      <c r="D7491"/>
    </row>
    <row r="7492" spans="3:4" x14ac:dyDescent="0.25">
      <c r="C7492"/>
      <c r="D7492"/>
    </row>
    <row r="7493" spans="3:4" x14ac:dyDescent="0.25">
      <c r="C7493"/>
      <c r="D7493"/>
    </row>
    <row r="7494" spans="3:4" x14ac:dyDescent="0.25">
      <c r="C7494"/>
      <c r="D7494"/>
    </row>
    <row r="7495" spans="3:4" x14ac:dyDescent="0.25">
      <c r="C7495"/>
      <c r="D7495"/>
    </row>
    <row r="7496" spans="3:4" x14ac:dyDescent="0.25">
      <c r="C7496"/>
      <c r="D7496"/>
    </row>
    <row r="7497" spans="3:4" x14ac:dyDescent="0.25">
      <c r="C7497"/>
      <c r="D7497"/>
    </row>
    <row r="7498" spans="3:4" x14ac:dyDescent="0.25">
      <c r="C7498"/>
      <c r="D7498"/>
    </row>
    <row r="7499" spans="3:4" x14ac:dyDescent="0.25">
      <c r="C7499"/>
      <c r="D7499"/>
    </row>
    <row r="7500" spans="3:4" x14ac:dyDescent="0.25">
      <c r="C7500"/>
      <c r="D7500"/>
    </row>
    <row r="7501" spans="3:4" x14ac:dyDescent="0.25">
      <c r="C7501"/>
      <c r="D7501"/>
    </row>
    <row r="7502" spans="3:4" x14ac:dyDescent="0.25">
      <c r="C7502"/>
      <c r="D7502"/>
    </row>
    <row r="7503" spans="3:4" x14ac:dyDescent="0.25">
      <c r="C7503"/>
      <c r="D7503"/>
    </row>
    <row r="7504" spans="3:4" x14ac:dyDescent="0.25">
      <c r="C7504"/>
      <c r="D7504"/>
    </row>
    <row r="7505" spans="3:4" x14ac:dyDescent="0.25">
      <c r="C7505"/>
      <c r="D7505"/>
    </row>
    <row r="7506" spans="3:4" x14ac:dyDescent="0.25">
      <c r="C7506"/>
      <c r="D7506"/>
    </row>
    <row r="7507" spans="3:4" x14ac:dyDescent="0.25">
      <c r="C7507"/>
      <c r="D7507"/>
    </row>
    <row r="7508" spans="3:4" x14ac:dyDescent="0.25">
      <c r="C7508"/>
      <c r="D7508"/>
    </row>
    <row r="7509" spans="3:4" x14ac:dyDescent="0.25">
      <c r="C7509"/>
      <c r="D7509"/>
    </row>
    <row r="7510" spans="3:4" x14ac:dyDescent="0.25">
      <c r="C7510"/>
      <c r="D7510"/>
    </row>
    <row r="7511" spans="3:4" x14ac:dyDescent="0.25">
      <c r="C7511"/>
      <c r="D7511"/>
    </row>
    <row r="7512" spans="3:4" x14ac:dyDescent="0.25">
      <c r="C7512"/>
      <c r="D7512"/>
    </row>
    <row r="7513" spans="3:4" x14ac:dyDescent="0.25">
      <c r="C7513"/>
      <c r="D7513"/>
    </row>
    <row r="7514" spans="3:4" x14ac:dyDescent="0.25">
      <c r="C7514"/>
      <c r="D7514"/>
    </row>
    <row r="7515" spans="3:4" x14ac:dyDescent="0.25">
      <c r="C7515"/>
      <c r="D7515"/>
    </row>
    <row r="7516" spans="3:4" x14ac:dyDescent="0.25">
      <c r="C7516"/>
      <c r="D7516"/>
    </row>
    <row r="7517" spans="3:4" x14ac:dyDescent="0.25">
      <c r="C7517"/>
      <c r="D7517"/>
    </row>
    <row r="7518" spans="3:4" x14ac:dyDescent="0.25">
      <c r="C7518"/>
      <c r="D7518"/>
    </row>
    <row r="7519" spans="3:4" x14ac:dyDescent="0.25">
      <c r="C7519"/>
      <c r="D7519"/>
    </row>
    <row r="7520" spans="3:4" x14ac:dyDescent="0.25">
      <c r="C7520"/>
      <c r="D7520"/>
    </row>
    <row r="7521" spans="3:4" x14ac:dyDescent="0.25">
      <c r="C7521"/>
      <c r="D7521"/>
    </row>
    <row r="7522" spans="3:4" x14ac:dyDescent="0.25">
      <c r="C7522"/>
      <c r="D7522"/>
    </row>
    <row r="7523" spans="3:4" x14ac:dyDescent="0.25">
      <c r="C7523"/>
      <c r="D7523"/>
    </row>
    <row r="7524" spans="3:4" x14ac:dyDescent="0.25">
      <c r="C7524"/>
      <c r="D7524"/>
    </row>
    <row r="7525" spans="3:4" x14ac:dyDescent="0.25">
      <c r="C7525"/>
      <c r="D7525"/>
    </row>
    <row r="7526" spans="3:4" x14ac:dyDescent="0.25">
      <c r="C7526"/>
      <c r="D7526"/>
    </row>
    <row r="7527" spans="3:4" x14ac:dyDescent="0.25">
      <c r="C7527"/>
      <c r="D7527"/>
    </row>
    <row r="7528" spans="3:4" x14ac:dyDescent="0.25">
      <c r="C7528"/>
      <c r="D7528"/>
    </row>
    <row r="7529" spans="3:4" x14ac:dyDescent="0.25">
      <c r="C7529"/>
      <c r="D7529"/>
    </row>
    <row r="7530" spans="3:4" x14ac:dyDescent="0.25">
      <c r="C7530"/>
      <c r="D7530"/>
    </row>
    <row r="7531" spans="3:4" x14ac:dyDescent="0.25">
      <c r="C7531"/>
      <c r="D7531"/>
    </row>
    <row r="7532" spans="3:4" x14ac:dyDescent="0.25">
      <c r="C7532"/>
      <c r="D7532"/>
    </row>
    <row r="7533" spans="3:4" x14ac:dyDescent="0.25">
      <c r="C7533"/>
      <c r="D7533"/>
    </row>
    <row r="7534" spans="3:4" x14ac:dyDescent="0.25">
      <c r="C7534"/>
      <c r="D7534"/>
    </row>
    <row r="7535" spans="3:4" x14ac:dyDescent="0.25">
      <c r="C7535"/>
      <c r="D7535"/>
    </row>
    <row r="7536" spans="3:4" x14ac:dyDescent="0.25">
      <c r="C7536"/>
      <c r="D7536"/>
    </row>
    <row r="7537" spans="3:4" x14ac:dyDescent="0.25">
      <c r="C7537"/>
      <c r="D7537"/>
    </row>
    <row r="7538" spans="3:4" x14ac:dyDescent="0.25">
      <c r="C7538"/>
      <c r="D7538"/>
    </row>
    <row r="7539" spans="3:4" x14ac:dyDescent="0.25">
      <c r="C7539"/>
      <c r="D7539"/>
    </row>
    <row r="7540" spans="3:4" x14ac:dyDescent="0.25">
      <c r="C7540"/>
      <c r="D7540"/>
    </row>
    <row r="7541" spans="3:4" x14ac:dyDescent="0.25">
      <c r="C7541"/>
      <c r="D7541"/>
    </row>
    <row r="7542" spans="3:4" x14ac:dyDescent="0.25">
      <c r="C7542"/>
      <c r="D7542"/>
    </row>
    <row r="7543" spans="3:4" x14ac:dyDescent="0.25">
      <c r="C7543"/>
      <c r="D7543"/>
    </row>
    <row r="7544" spans="3:4" x14ac:dyDescent="0.25">
      <c r="C7544"/>
      <c r="D7544"/>
    </row>
    <row r="7545" spans="3:4" x14ac:dyDescent="0.25">
      <c r="C7545"/>
      <c r="D7545"/>
    </row>
    <row r="7546" spans="3:4" x14ac:dyDescent="0.25">
      <c r="C7546"/>
      <c r="D7546"/>
    </row>
    <row r="7547" spans="3:4" x14ac:dyDescent="0.25">
      <c r="C7547"/>
      <c r="D7547"/>
    </row>
    <row r="7548" spans="3:4" x14ac:dyDescent="0.25">
      <c r="C7548"/>
      <c r="D7548"/>
    </row>
    <row r="7549" spans="3:4" x14ac:dyDescent="0.25">
      <c r="C7549"/>
      <c r="D7549"/>
    </row>
    <row r="7550" spans="3:4" x14ac:dyDescent="0.25">
      <c r="C7550"/>
      <c r="D7550"/>
    </row>
    <row r="7551" spans="3:4" x14ac:dyDescent="0.25">
      <c r="C7551"/>
      <c r="D7551"/>
    </row>
    <row r="7552" spans="3:4" x14ac:dyDescent="0.25">
      <c r="C7552"/>
      <c r="D7552"/>
    </row>
    <row r="7553" spans="3:4" x14ac:dyDescent="0.25">
      <c r="C7553"/>
      <c r="D7553"/>
    </row>
    <row r="7554" spans="3:4" x14ac:dyDescent="0.25">
      <c r="C7554"/>
      <c r="D7554"/>
    </row>
    <row r="7555" spans="3:4" x14ac:dyDescent="0.25">
      <c r="C7555"/>
      <c r="D7555"/>
    </row>
    <row r="7556" spans="3:4" x14ac:dyDescent="0.25">
      <c r="C7556"/>
      <c r="D7556"/>
    </row>
    <row r="7557" spans="3:4" x14ac:dyDescent="0.25">
      <c r="C7557"/>
      <c r="D7557"/>
    </row>
    <row r="7558" spans="3:4" x14ac:dyDescent="0.25">
      <c r="C7558"/>
      <c r="D7558"/>
    </row>
    <row r="7559" spans="3:4" x14ac:dyDescent="0.25">
      <c r="C7559"/>
      <c r="D7559"/>
    </row>
    <row r="7560" spans="3:4" x14ac:dyDescent="0.25">
      <c r="C7560"/>
      <c r="D7560"/>
    </row>
    <row r="7561" spans="3:4" x14ac:dyDescent="0.25">
      <c r="C7561"/>
      <c r="D7561"/>
    </row>
    <row r="7562" spans="3:4" x14ac:dyDescent="0.25">
      <c r="C7562"/>
      <c r="D7562"/>
    </row>
    <row r="7563" spans="3:4" x14ac:dyDescent="0.25">
      <c r="C7563"/>
      <c r="D7563"/>
    </row>
    <row r="7564" spans="3:4" x14ac:dyDescent="0.25">
      <c r="C7564"/>
      <c r="D7564"/>
    </row>
    <row r="7565" spans="3:4" x14ac:dyDescent="0.25">
      <c r="C7565"/>
      <c r="D7565"/>
    </row>
    <row r="7566" spans="3:4" x14ac:dyDescent="0.25">
      <c r="C7566"/>
      <c r="D7566"/>
    </row>
    <row r="7567" spans="3:4" x14ac:dyDescent="0.25">
      <c r="C7567"/>
      <c r="D7567"/>
    </row>
    <row r="7568" spans="3:4" x14ac:dyDescent="0.25">
      <c r="C7568"/>
      <c r="D7568"/>
    </row>
    <row r="7569" spans="3:4" x14ac:dyDescent="0.25">
      <c r="C7569"/>
      <c r="D7569"/>
    </row>
    <row r="7570" spans="3:4" x14ac:dyDescent="0.25">
      <c r="C7570"/>
      <c r="D7570"/>
    </row>
    <row r="7571" spans="3:4" x14ac:dyDescent="0.25">
      <c r="C7571"/>
      <c r="D7571"/>
    </row>
    <row r="7572" spans="3:4" x14ac:dyDescent="0.25">
      <c r="C7572"/>
      <c r="D7572"/>
    </row>
    <row r="7573" spans="3:4" x14ac:dyDescent="0.25">
      <c r="C7573"/>
      <c r="D7573"/>
    </row>
    <row r="7574" spans="3:4" x14ac:dyDescent="0.25">
      <c r="C7574"/>
      <c r="D7574"/>
    </row>
    <row r="7575" spans="3:4" x14ac:dyDescent="0.25">
      <c r="C7575"/>
      <c r="D7575"/>
    </row>
    <row r="7576" spans="3:4" x14ac:dyDescent="0.25">
      <c r="C7576"/>
      <c r="D7576"/>
    </row>
    <row r="7577" spans="3:4" x14ac:dyDescent="0.25">
      <c r="C7577"/>
      <c r="D7577"/>
    </row>
    <row r="7578" spans="3:4" x14ac:dyDescent="0.25">
      <c r="C7578"/>
      <c r="D7578"/>
    </row>
    <row r="7579" spans="3:4" x14ac:dyDescent="0.25">
      <c r="C7579"/>
      <c r="D7579"/>
    </row>
    <row r="7580" spans="3:4" x14ac:dyDescent="0.25">
      <c r="C7580"/>
      <c r="D7580"/>
    </row>
    <row r="7581" spans="3:4" x14ac:dyDescent="0.25">
      <c r="C7581"/>
      <c r="D7581"/>
    </row>
    <row r="7582" spans="3:4" x14ac:dyDescent="0.25">
      <c r="C7582"/>
      <c r="D7582"/>
    </row>
    <row r="7583" spans="3:4" x14ac:dyDescent="0.25">
      <c r="C7583"/>
      <c r="D7583"/>
    </row>
    <row r="7584" spans="3:4" x14ac:dyDescent="0.25">
      <c r="C7584"/>
      <c r="D7584"/>
    </row>
    <row r="7585" spans="3:4" x14ac:dyDescent="0.25">
      <c r="C7585"/>
      <c r="D7585"/>
    </row>
    <row r="7586" spans="3:4" x14ac:dyDescent="0.25">
      <c r="C7586"/>
      <c r="D7586"/>
    </row>
    <row r="7587" spans="3:4" x14ac:dyDescent="0.25">
      <c r="C7587"/>
      <c r="D7587"/>
    </row>
    <row r="7588" spans="3:4" x14ac:dyDescent="0.25">
      <c r="C7588"/>
      <c r="D7588"/>
    </row>
    <row r="7589" spans="3:4" x14ac:dyDescent="0.25">
      <c r="C7589"/>
      <c r="D7589"/>
    </row>
    <row r="7590" spans="3:4" x14ac:dyDescent="0.25">
      <c r="C7590"/>
      <c r="D7590"/>
    </row>
    <row r="7591" spans="3:4" x14ac:dyDescent="0.25">
      <c r="C7591"/>
      <c r="D7591"/>
    </row>
    <row r="7592" spans="3:4" x14ac:dyDescent="0.25">
      <c r="C7592"/>
      <c r="D7592"/>
    </row>
    <row r="7593" spans="3:4" x14ac:dyDescent="0.25">
      <c r="C7593"/>
      <c r="D7593"/>
    </row>
    <row r="7594" spans="3:4" x14ac:dyDescent="0.25">
      <c r="C7594"/>
      <c r="D7594"/>
    </row>
    <row r="7595" spans="3:4" x14ac:dyDescent="0.25">
      <c r="C7595"/>
      <c r="D7595"/>
    </row>
    <row r="7596" spans="3:4" x14ac:dyDescent="0.25">
      <c r="C7596"/>
      <c r="D7596"/>
    </row>
    <row r="7597" spans="3:4" x14ac:dyDescent="0.25">
      <c r="C7597"/>
      <c r="D7597"/>
    </row>
    <row r="7598" spans="3:4" x14ac:dyDescent="0.25">
      <c r="C7598"/>
      <c r="D7598"/>
    </row>
    <row r="7599" spans="3:4" x14ac:dyDescent="0.25">
      <c r="C7599"/>
      <c r="D7599"/>
    </row>
    <row r="7600" spans="3:4" x14ac:dyDescent="0.25">
      <c r="C7600"/>
      <c r="D7600"/>
    </row>
    <row r="7601" spans="3:4" x14ac:dyDescent="0.25">
      <c r="C7601"/>
      <c r="D7601"/>
    </row>
    <row r="7602" spans="3:4" x14ac:dyDescent="0.25">
      <c r="C7602"/>
      <c r="D7602"/>
    </row>
    <row r="7603" spans="3:4" x14ac:dyDescent="0.25">
      <c r="C7603"/>
      <c r="D7603"/>
    </row>
    <row r="7604" spans="3:4" x14ac:dyDescent="0.25">
      <c r="C7604"/>
      <c r="D7604"/>
    </row>
    <row r="7605" spans="3:4" x14ac:dyDescent="0.25">
      <c r="C7605"/>
      <c r="D7605"/>
    </row>
    <row r="7606" spans="3:4" x14ac:dyDescent="0.25">
      <c r="C7606"/>
      <c r="D7606"/>
    </row>
    <row r="7607" spans="3:4" x14ac:dyDescent="0.25">
      <c r="C7607"/>
      <c r="D7607"/>
    </row>
    <row r="7608" spans="3:4" x14ac:dyDescent="0.25">
      <c r="C7608"/>
      <c r="D7608"/>
    </row>
    <row r="7609" spans="3:4" x14ac:dyDescent="0.25">
      <c r="C7609"/>
      <c r="D7609"/>
    </row>
    <row r="7610" spans="3:4" x14ac:dyDescent="0.25">
      <c r="C7610"/>
      <c r="D7610"/>
    </row>
    <row r="7611" spans="3:4" x14ac:dyDescent="0.25">
      <c r="C7611"/>
      <c r="D7611"/>
    </row>
    <row r="7612" spans="3:4" x14ac:dyDescent="0.25">
      <c r="C7612"/>
      <c r="D7612"/>
    </row>
    <row r="7613" spans="3:4" x14ac:dyDescent="0.25">
      <c r="C7613"/>
      <c r="D7613"/>
    </row>
    <row r="7614" spans="3:4" x14ac:dyDescent="0.25">
      <c r="C7614"/>
      <c r="D7614"/>
    </row>
    <row r="7615" spans="3:4" x14ac:dyDescent="0.25">
      <c r="C7615"/>
      <c r="D7615"/>
    </row>
    <row r="7616" spans="3:4" x14ac:dyDescent="0.25">
      <c r="C7616"/>
      <c r="D7616"/>
    </row>
    <row r="7617" spans="3:4" x14ac:dyDescent="0.25">
      <c r="C7617"/>
      <c r="D7617"/>
    </row>
    <row r="7618" spans="3:4" x14ac:dyDescent="0.25">
      <c r="C7618"/>
      <c r="D7618"/>
    </row>
    <row r="7619" spans="3:4" x14ac:dyDescent="0.25">
      <c r="C7619"/>
      <c r="D7619"/>
    </row>
    <row r="7620" spans="3:4" x14ac:dyDescent="0.25">
      <c r="C7620"/>
      <c r="D7620"/>
    </row>
    <row r="7621" spans="3:4" x14ac:dyDescent="0.25">
      <c r="C7621"/>
      <c r="D7621"/>
    </row>
    <row r="7622" spans="3:4" x14ac:dyDescent="0.25">
      <c r="C7622"/>
      <c r="D7622"/>
    </row>
    <row r="7623" spans="3:4" x14ac:dyDescent="0.25">
      <c r="C7623"/>
      <c r="D7623"/>
    </row>
    <row r="7624" spans="3:4" x14ac:dyDescent="0.25">
      <c r="C7624"/>
      <c r="D7624"/>
    </row>
    <row r="7625" spans="3:4" x14ac:dyDescent="0.25">
      <c r="C7625"/>
      <c r="D7625"/>
    </row>
    <row r="7626" spans="3:4" x14ac:dyDescent="0.25">
      <c r="C7626"/>
      <c r="D7626"/>
    </row>
    <row r="7627" spans="3:4" x14ac:dyDescent="0.25">
      <c r="C7627"/>
      <c r="D7627"/>
    </row>
    <row r="7628" spans="3:4" x14ac:dyDescent="0.25">
      <c r="C7628"/>
      <c r="D7628"/>
    </row>
    <row r="7629" spans="3:4" x14ac:dyDescent="0.25">
      <c r="C7629"/>
      <c r="D7629"/>
    </row>
    <row r="7630" spans="3:4" x14ac:dyDescent="0.25">
      <c r="C7630"/>
      <c r="D7630"/>
    </row>
    <row r="7631" spans="3:4" x14ac:dyDescent="0.25">
      <c r="C7631"/>
      <c r="D7631"/>
    </row>
    <row r="7632" spans="3:4" x14ac:dyDescent="0.25">
      <c r="C7632"/>
      <c r="D7632"/>
    </row>
    <row r="7633" spans="3:4" x14ac:dyDescent="0.25">
      <c r="C7633"/>
      <c r="D7633"/>
    </row>
    <row r="7634" spans="3:4" x14ac:dyDescent="0.25">
      <c r="C7634"/>
      <c r="D7634"/>
    </row>
    <row r="7635" spans="3:4" x14ac:dyDescent="0.25">
      <c r="C7635"/>
      <c r="D7635"/>
    </row>
    <row r="7636" spans="3:4" x14ac:dyDescent="0.25">
      <c r="C7636"/>
      <c r="D7636"/>
    </row>
    <row r="7637" spans="3:4" x14ac:dyDescent="0.25">
      <c r="C7637"/>
      <c r="D7637"/>
    </row>
    <row r="7638" spans="3:4" x14ac:dyDescent="0.25">
      <c r="C7638"/>
      <c r="D7638"/>
    </row>
    <row r="7639" spans="3:4" x14ac:dyDescent="0.25">
      <c r="C7639"/>
      <c r="D7639"/>
    </row>
    <row r="7640" spans="3:4" x14ac:dyDescent="0.25">
      <c r="C7640"/>
      <c r="D7640"/>
    </row>
  </sheetData>
  <pageMargins left="0.7" right="0.7" top="0.75" bottom="0.75" header="0.3" footer="0.3"/>
  <pageSetup scale="44" fitToHeight="0" orientation="landscape" r:id="rId2"/>
  <headerFooter>
    <oddHeader>&amp;R&amp;"Times New Roman,Bold"&amp;10KyPSC Case  No. 2022-00372
AG-DR-01-122 Attachment 1
Page &amp;P of &amp;N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12A3F9-41C9-403D-A85D-04E51F04F956}">
  <dimension ref="A4:P7638"/>
  <sheetViews>
    <sheetView view="pageLayout" zoomScaleNormal="75" workbookViewId="0">
      <selection activeCell="P383" sqref="P383"/>
    </sheetView>
  </sheetViews>
  <sheetFormatPr defaultRowHeight="15" x14ac:dyDescent="0.25"/>
  <cols>
    <col min="1" max="1" width="47.140625" bestFit="1" customWidth="1"/>
    <col min="2" max="2" width="41.7109375" bestFit="1" customWidth="1"/>
    <col min="3" max="4" width="20.85546875" style="1" bestFit="1" customWidth="1"/>
    <col min="5" max="14" width="20.85546875" bestFit="1" customWidth="1"/>
    <col min="15" max="16" width="13.85546875" bestFit="1" customWidth="1"/>
    <col min="17" max="26" width="20.85546875" bestFit="1" customWidth="1"/>
    <col min="27" max="27" width="23.7109375" bestFit="1" customWidth="1"/>
    <col min="28" max="28" width="24.7109375" bestFit="1" customWidth="1"/>
    <col min="29" max="29" width="23.5703125" bestFit="1" customWidth="1"/>
    <col min="30" max="30" width="24.28515625" bestFit="1" customWidth="1"/>
  </cols>
  <sheetData>
    <row r="4" spans="1:15" x14ac:dyDescent="0.25">
      <c r="A4" s="10" t="s">
        <v>212</v>
      </c>
    </row>
    <row r="5" spans="1:15" x14ac:dyDescent="0.25">
      <c r="A5" s="10" t="s">
        <v>213</v>
      </c>
    </row>
    <row r="6" spans="1:15" s="5" customFormat="1" x14ac:dyDescent="0.25">
      <c r="A6" s="10" t="s">
        <v>233</v>
      </c>
      <c r="B6"/>
      <c r="C6"/>
      <c r="D6"/>
      <c r="E6"/>
      <c r="F6"/>
      <c r="G6"/>
      <c r="H6"/>
      <c r="I6"/>
      <c r="J6"/>
      <c r="K6"/>
    </row>
    <row r="7" spans="1:15" x14ac:dyDescent="0.25">
      <c r="C7"/>
      <c r="D7"/>
    </row>
    <row r="8" spans="1:15" x14ac:dyDescent="0.25">
      <c r="D8"/>
    </row>
    <row r="9" spans="1:15" x14ac:dyDescent="0.25">
      <c r="C9"/>
      <c r="D9"/>
    </row>
    <row r="10" spans="1:15" x14ac:dyDescent="0.25">
      <c r="C10"/>
      <c r="D10"/>
    </row>
    <row r="11" spans="1:15" hidden="1" x14ac:dyDescent="0.25">
      <c r="A11" s="7" t="s">
        <v>1</v>
      </c>
      <c r="B11" t="s" vm="6">
        <v>162</v>
      </c>
      <c r="C11"/>
      <c r="D11"/>
      <c r="L11" s="6"/>
      <c r="M11" s="6"/>
      <c r="N11" s="6"/>
      <c r="O11" s="6"/>
    </row>
    <row r="12" spans="1:15" hidden="1" x14ac:dyDescent="0.25">
      <c r="A12" s="7" t="s">
        <v>2</v>
      </c>
      <c r="B12" t="s" vm="5">
        <v>16</v>
      </c>
      <c r="C12"/>
      <c r="D12"/>
    </row>
    <row r="13" spans="1:15" hidden="1" x14ac:dyDescent="0.25">
      <c r="A13" s="7" t="s">
        <v>4</v>
      </c>
      <c r="B13" t="s" vm="1">
        <v>5</v>
      </c>
      <c r="C13"/>
      <c r="D13"/>
    </row>
    <row r="14" spans="1:15" ht="15" hidden="1" customHeight="1" x14ac:dyDescent="0.25">
      <c r="A14" s="8" t="s">
        <v>6</v>
      </c>
      <c r="B14" t="s" vm="3">
        <v>7</v>
      </c>
      <c r="C14"/>
      <c r="D14"/>
    </row>
    <row r="15" spans="1:15" hidden="1" x14ac:dyDescent="0.25">
      <c r="A15" s="7" t="s">
        <v>15</v>
      </c>
      <c r="B15" t="s" vm="2">
        <v>16</v>
      </c>
      <c r="C15"/>
      <c r="D15"/>
    </row>
    <row r="16" spans="1:15" hidden="1" x14ac:dyDescent="0.25">
      <c r="A16" s="7" t="s">
        <v>3</v>
      </c>
      <c r="B16" t="s" vm="4">
        <v>7</v>
      </c>
      <c r="C16"/>
      <c r="D16"/>
    </row>
    <row r="17" spans="1:16" hidden="1" x14ac:dyDescent="0.25">
      <c r="C17"/>
      <c r="D17"/>
    </row>
    <row r="18" spans="1:16" hidden="1" x14ac:dyDescent="0.25">
      <c r="A18" s="7" t="s">
        <v>234</v>
      </c>
      <c r="C18" s="7" t="s">
        <v>8</v>
      </c>
      <c r="D18" s="7" t="s">
        <v>9</v>
      </c>
      <c r="E18" s="7" t="s">
        <v>10</v>
      </c>
    </row>
    <row r="19" spans="1:16" hidden="1" x14ac:dyDescent="0.25">
      <c r="C19" t="s">
        <v>162</v>
      </c>
      <c r="D19"/>
      <c r="O19" t="s">
        <v>195</v>
      </c>
      <c r="P19" t="s">
        <v>11</v>
      </c>
    </row>
    <row r="20" spans="1:16" hidden="1" x14ac:dyDescent="0.25">
      <c r="C20" t="s">
        <v>196</v>
      </c>
      <c r="D20"/>
      <c r="F20" t="s">
        <v>197</v>
      </c>
      <c r="I20" t="s">
        <v>198</v>
      </c>
      <c r="L20" t="s">
        <v>199</v>
      </c>
    </row>
    <row r="21" spans="1:16" x14ac:dyDescent="0.25">
      <c r="A21" s="7" t="s">
        <v>163</v>
      </c>
      <c r="B21" s="7" t="s">
        <v>12</v>
      </c>
      <c r="C21" t="s">
        <v>200</v>
      </c>
      <c r="D21" t="s">
        <v>201</v>
      </c>
      <c r="E21" t="s">
        <v>202</v>
      </c>
      <c r="F21" t="s">
        <v>203</v>
      </c>
      <c r="G21" t="s">
        <v>204</v>
      </c>
      <c r="H21" t="s">
        <v>205</v>
      </c>
      <c r="I21" t="s">
        <v>206</v>
      </c>
      <c r="J21" t="s">
        <v>207</v>
      </c>
      <c r="K21" t="s">
        <v>208</v>
      </c>
      <c r="L21" t="s">
        <v>209</v>
      </c>
      <c r="M21" t="s">
        <v>210</v>
      </c>
      <c r="N21" t="s">
        <v>211</v>
      </c>
    </row>
    <row r="22" spans="1:16" x14ac:dyDescent="0.25">
      <c r="A22" t="s">
        <v>161</v>
      </c>
      <c r="B22" s="9" t="s">
        <v>17</v>
      </c>
      <c r="C22" s="11">
        <v>9976.35</v>
      </c>
      <c r="D22" s="11">
        <v>11387.11</v>
      </c>
      <c r="E22" s="11">
        <v>11768.62</v>
      </c>
      <c r="F22" s="11">
        <v>11468.5</v>
      </c>
      <c r="G22" s="11">
        <v>9057.6</v>
      </c>
      <c r="H22" s="11">
        <v>15882.33</v>
      </c>
      <c r="I22" s="11">
        <v>12157.75</v>
      </c>
      <c r="J22" s="11">
        <v>11858.8</v>
      </c>
      <c r="K22" s="11">
        <v>13440.08</v>
      </c>
      <c r="L22" s="11">
        <v>20327.68</v>
      </c>
      <c r="M22" s="11">
        <v>-3701.84</v>
      </c>
      <c r="N22" s="11">
        <v>-2149.5500000000002</v>
      </c>
      <c r="O22" s="11">
        <v>121473.43</v>
      </c>
      <c r="P22" s="11">
        <v>121473.43</v>
      </c>
    </row>
    <row r="23" spans="1:16" x14ac:dyDescent="0.25">
      <c r="B23" s="9" t="s">
        <v>19</v>
      </c>
      <c r="C23" s="11">
        <v>51504.67</v>
      </c>
      <c r="D23" s="11">
        <v>52685.99</v>
      </c>
      <c r="E23" s="11">
        <v>36456.71</v>
      </c>
      <c r="F23" s="11">
        <v>48755.73</v>
      </c>
      <c r="G23" s="11">
        <v>48444.81</v>
      </c>
      <c r="H23" s="11">
        <v>50265.63</v>
      </c>
      <c r="I23" s="11">
        <v>68654.95</v>
      </c>
      <c r="J23" s="11">
        <v>44165.52</v>
      </c>
      <c r="K23" s="11">
        <v>39089.57</v>
      </c>
      <c r="L23" s="11">
        <v>38751.57</v>
      </c>
      <c r="M23" s="11">
        <v>30978.69</v>
      </c>
      <c r="N23" s="11">
        <v>77376.710000000006</v>
      </c>
      <c r="O23" s="11">
        <v>587130.55000000005</v>
      </c>
      <c r="P23" s="11">
        <v>587130.55000000005</v>
      </c>
    </row>
    <row r="24" spans="1:16" x14ac:dyDescent="0.25">
      <c r="B24" s="9" t="s">
        <v>21</v>
      </c>
      <c r="C24" s="11">
        <v>31152.38</v>
      </c>
      <c r="D24" s="11">
        <v>40953.910000000003</v>
      </c>
      <c r="E24" s="11">
        <v>47012.58</v>
      </c>
      <c r="F24" s="11">
        <v>42613.08</v>
      </c>
      <c r="G24" s="11">
        <v>28449.3</v>
      </c>
      <c r="H24" s="11">
        <v>79043.710000000006</v>
      </c>
      <c r="I24" s="11">
        <v>46085.8</v>
      </c>
      <c r="J24" s="11">
        <v>24227.09</v>
      </c>
      <c r="K24" s="11">
        <v>39800.160000000003</v>
      </c>
      <c r="L24" s="11">
        <v>56278.31</v>
      </c>
      <c r="M24" s="11">
        <v>38385.65</v>
      </c>
      <c r="N24" s="11">
        <v>27380.21</v>
      </c>
      <c r="O24" s="11">
        <v>501382.18</v>
      </c>
      <c r="P24" s="11">
        <v>501382.18</v>
      </c>
    </row>
    <row r="25" spans="1:16" x14ac:dyDescent="0.25">
      <c r="B25" s="9" t="s">
        <v>22</v>
      </c>
      <c r="C25" s="11">
        <v>119041.92</v>
      </c>
      <c r="D25" s="11">
        <v>88862.52</v>
      </c>
      <c r="E25" s="11">
        <v>112732.77</v>
      </c>
      <c r="F25" s="11">
        <v>94532.84</v>
      </c>
      <c r="G25" s="11">
        <v>179694.29</v>
      </c>
      <c r="H25" s="11">
        <v>232444.97</v>
      </c>
      <c r="I25" s="11">
        <v>119906.09</v>
      </c>
      <c r="J25" s="11">
        <v>69649.960000000006</v>
      </c>
      <c r="K25" s="11">
        <v>68650.429999999993</v>
      </c>
      <c r="L25" s="11">
        <v>2200</v>
      </c>
      <c r="M25" s="11">
        <v>46217.440000000002</v>
      </c>
      <c r="N25" s="11">
        <v>88389.54</v>
      </c>
      <c r="O25" s="11">
        <v>1222322.77</v>
      </c>
      <c r="P25" s="11">
        <v>1222322.77</v>
      </c>
    </row>
    <row r="26" spans="1:16" x14ac:dyDescent="0.25">
      <c r="B26" s="9" t="s">
        <v>13</v>
      </c>
      <c r="C26" s="11">
        <v>815361.34</v>
      </c>
      <c r="D26" s="11">
        <v>1849989.69</v>
      </c>
      <c r="E26" s="11">
        <v>1396440.77</v>
      </c>
      <c r="F26" s="11">
        <v>845059.23</v>
      </c>
      <c r="G26" s="11">
        <v>1218077.02</v>
      </c>
      <c r="H26" s="11">
        <v>1595630.96</v>
      </c>
      <c r="I26" s="11">
        <v>1421439.01</v>
      </c>
      <c r="J26" s="11">
        <v>622525.75</v>
      </c>
      <c r="K26" s="11">
        <v>746003.93</v>
      </c>
      <c r="L26" s="11">
        <v>260336.83</v>
      </c>
      <c r="M26" s="11">
        <v>1137684.47</v>
      </c>
      <c r="N26" s="11">
        <v>1254375.6499999999</v>
      </c>
      <c r="O26" s="11">
        <v>13162924.65</v>
      </c>
      <c r="P26" s="11">
        <v>13162924.65</v>
      </c>
    </row>
    <row r="27" spans="1:16" x14ac:dyDescent="0.25">
      <c r="B27" s="9" t="s">
        <v>23</v>
      </c>
      <c r="C27" s="11">
        <v>278844.75</v>
      </c>
      <c r="D27" s="11">
        <v>259177.02</v>
      </c>
      <c r="E27" s="11">
        <v>245202.25</v>
      </c>
      <c r="F27" s="11">
        <v>271648.81</v>
      </c>
      <c r="G27" s="11">
        <v>270229.09000000003</v>
      </c>
      <c r="H27" s="11">
        <v>328296.12</v>
      </c>
      <c r="I27" s="11">
        <v>445635.1</v>
      </c>
      <c r="J27" s="11">
        <v>303987.23</v>
      </c>
      <c r="K27" s="11">
        <v>267277.12</v>
      </c>
      <c r="L27" s="11">
        <v>267193.08</v>
      </c>
      <c r="M27" s="11">
        <v>262701.34999999998</v>
      </c>
      <c r="N27" s="11">
        <v>454664</v>
      </c>
      <c r="O27" s="11">
        <v>3654855.92</v>
      </c>
      <c r="P27" s="11">
        <v>3654855.92</v>
      </c>
    </row>
    <row r="28" spans="1:16" x14ac:dyDescent="0.25">
      <c r="B28" s="9" t="s">
        <v>24</v>
      </c>
      <c r="C28" s="11">
        <v>245.53</v>
      </c>
      <c r="D28" s="11">
        <v>35.97</v>
      </c>
      <c r="E28" s="11">
        <v>-2209.46</v>
      </c>
      <c r="F28" s="11">
        <v>33.090000000000003</v>
      </c>
      <c r="G28" s="11">
        <v>0</v>
      </c>
      <c r="H28" s="11">
        <v>1627.02</v>
      </c>
      <c r="I28" s="11">
        <v>6.01</v>
      </c>
      <c r="J28" s="11">
        <v>2106.63</v>
      </c>
      <c r="K28" s="11">
        <v>0</v>
      </c>
      <c r="L28" s="11">
        <v>14.57</v>
      </c>
      <c r="M28" s="11">
        <v>0</v>
      </c>
      <c r="N28" s="11">
        <v>-5618.39</v>
      </c>
      <c r="O28" s="11">
        <v>-3759.03</v>
      </c>
      <c r="P28" s="11">
        <v>-3759.03</v>
      </c>
    </row>
    <row r="29" spans="1:16" x14ac:dyDescent="0.25">
      <c r="B29" s="9" t="s">
        <v>25</v>
      </c>
      <c r="C29" s="11">
        <v>62823.4</v>
      </c>
      <c r="D29" s="11">
        <v>54565.2</v>
      </c>
      <c r="E29" s="11">
        <v>70213.86</v>
      </c>
      <c r="F29" s="11">
        <v>32499.05</v>
      </c>
      <c r="G29" s="11">
        <v>52299.48</v>
      </c>
      <c r="H29" s="11">
        <v>60062.22</v>
      </c>
      <c r="I29" s="11">
        <v>101567.03999999999</v>
      </c>
      <c r="J29" s="11">
        <v>52784.77</v>
      </c>
      <c r="K29" s="11">
        <v>68593.710000000006</v>
      </c>
      <c r="L29" s="11">
        <v>54523.22</v>
      </c>
      <c r="M29" s="11">
        <v>56995.81</v>
      </c>
      <c r="N29" s="11">
        <v>95517.4</v>
      </c>
      <c r="O29" s="11">
        <v>762445.16</v>
      </c>
      <c r="P29" s="11">
        <v>762445.16</v>
      </c>
    </row>
    <row r="30" spans="1:16" x14ac:dyDescent="0.25">
      <c r="B30" s="9" t="s">
        <v>26</v>
      </c>
      <c r="C30" s="11">
        <v>71686.09</v>
      </c>
      <c r="D30" s="11">
        <v>21366.28</v>
      </c>
      <c r="E30" s="11">
        <v>43616.94</v>
      </c>
      <c r="F30" s="11">
        <v>22348.31</v>
      </c>
      <c r="G30" s="11">
        <v>70688.600000000006</v>
      </c>
      <c r="H30" s="11">
        <v>46402.39</v>
      </c>
      <c r="I30" s="11">
        <v>17550.37</v>
      </c>
      <c r="J30" s="11">
        <v>25802.33</v>
      </c>
      <c r="K30" s="11">
        <v>49771.94</v>
      </c>
      <c r="L30" s="11">
        <v>17454.78</v>
      </c>
      <c r="M30" s="11">
        <v>17236.599999999999</v>
      </c>
      <c r="N30" s="11">
        <v>536990.16</v>
      </c>
      <c r="O30" s="11">
        <v>940914.79</v>
      </c>
      <c r="P30" s="11">
        <v>940914.79</v>
      </c>
    </row>
    <row r="31" spans="1:16" x14ac:dyDescent="0.25">
      <c r="B31" s="9" t="s">
        <v>28</v>
      </c>
      <c r="C31" s="11">
        <v>2007.46</v>
      </c>
      <c r="D31" s="11">
        <v>1389.12</v>
      </c>
      <c r="E31" s="11">
        <v>1905.94</v>
      </c>
      <c r="F31" s="11">
        <v>2024.86</v>
      </c>
      <c r="G31" s="11">
        <v>1388.89</v>
      </c>
      <c r="H31" s="11">
        <v>2572.87</v>
      </c>
      <c r="I31" s="11">
        <v>1170.6400000000001</v>
      </c>
      <c r="J31" s="11">
        <v>1830.6</v>
      </c>
      <c r="K31" s="11">
        <v>2824.03</v>
      </c>
      <c r="L31" s="11">
        <v>1538.01</v>
      </c>
      <c r="M31" s="11">
        <v>898.69</v>
      </c>
      <c r="N31" s="11">
        <v>7321.9</v>
      </c>
      <c r="O31" s="11">
        <v>26873.01</v>
      </c>
      <c r="P31" s="11">
        <v>26873.01</v>
      </c>
    </row>
    <row r="32" spans="1:16" x14ac:dyDescent="0.25">
      <c r="B32" s="9" t="s">
        <v>29</v>
      </c>
      <c r="C32" s="11"/>
      <c r="D32" s="11">
        <v>0</v>
      </c>
      <c r="E32" s="11">
        <v>7277.44</v>
      </c>
      <c r="F32" s="11">
        <v>-72.91</v>
      </c>
      <c r="G32" s="11">
        <v>0</v>
      </c>
      <c r="H32" s="11">
        <v>0</v>
      </c>
      <c r="I32" s="11">
        <v>0</v>
      </c>
      <c r="J32" s="11">
        <v>23367.45</v>
      </c>
      <c r="K32" s="11">
        <v>-235.01</v>
      </c>
      <c r="L32" s="11">
        <v>0</v>
      </c>
      <c r="M32" s="11">
        <v>15083.78</v>
      </c>
      <c r="N32" s="11">
        <v>1389.02</v>
      </c>
      <c r="O32" s="11">
        <v>46809.77</v>
      </c>
      <c r="P32" s="11">
        <v>46809.77</v>
      </c>
    </row>
    <row r="33" spans="2:16" x14ac:dyDescent="0.25">
      <c r="B33" s="9" t="s">
        <v>30</v>
      </c>
      <c r="C33" s="11">
        <v>157645.22</v>
      </c>
      <c r="D33" s="11">
        <v>164118.23000000001</v>
      </c>
      <c r="E33" s="11">
        <v>261789.98</v>
      </c>
      <c r="F33" s="11">
        <v>69619.600000000006</v>
      </c>
      <c r="G33" s="11">
        <v>702516.67</v>
      </c>
      <c r="H33" s="11">
        <v>384344.2</v>
      </c>
      <c r="I33" s="11">
        <v>239882.99</v>
      </c>
      <c r="J33" s="11">
        <v>583077.91</v>
      </c>
      <c r="K33" s="11">
        <v>209301.93</v>
      </c>
      <c r="L33" s="11">
        <v>24604.81</v>
      </c>
      <c r="M33" s="11">
        <v>203624.05</v>
      </c>
      <c r="N33" s="11">
        <v>31175.1</v>
      </c>
      <c r="O33" s="11">
        <v>3031700.69</v>
      </c>
      <c r="P33" s="11">
        <v>3031700.69</v>
      </c>
    </row>
    <row r="34" spans="2:16" x14ac:dyDescent="0.25">
      <c r="B34" s="9" t="s">
        <v>31</v>
      </c>
      <c r="C34" s="11">
        <v>523926.45</v>
      </c>
      <c r="D34" s="11">
        <v>577212.26</v>
      </c>
      <c r="E34" s="11">
        <v>545798.12</v>
      </c>
      <c r="F34" s="11">
        <v>994333.53</v>
      </c>
      <c r="G34" s="11">
        <v>514701.06</v>
      </c>
      <c r="H34" s="11">
        <v>499589.9</v>
      </c>
      <c r="I34" s="11">
        <v>395361.73</v>
      </c>
      <c r="J34" s="11">
        <v>525087.42000000004</v>
      </c>
      <c r="K34" s="11">
        <v>1180166.32</v>
      </c>
      <c r="L34" s="11">
        <v>2739897.79</v>
      </c>
      <c r="M34" s="11">
        <v>271317.63</v>
      </c>
      <c r="N34" s="11">
        <v>578763.51</v>
      </c>
      <c r="O34" s="11">
        <v>9346155.7200000007</v>
      </c>
      <c r="P34" s="11">
        <v>9346155.7200000007</v>
      </c>
    </row>
    <row r="35" spans="2:16" x14ac:dyDescent="0.25">
      <c r="B35" s="9" t="s">
        <v>32</v>
      </c>
      <c r="C35" s="11">
        <v>116236.07</v>
      </c>
      <c r="D35" s="11">
        <v>261996.15</v>
      </c>
      <c r="E35" s="11">
        <v>336397.82</v>
      </c>
      <c r="F35" s="11">
        <v>212027.03</v>
      </c>
      <c r="G35" s="11">
        <v>-6938.23</v>
      </c>
      <c r="H35" s="11">
        <v>233947.53</v>
      </c>
      <c r="I35" s="11">
        <v>188065.06</v>
      </c>
      <c r="J35" s="11">
        <v>63131.77</v>
      </c>
      <c r="K35" s="11">
        <v>89485.47</v>
      </c>
      <c r="L35" s="11">
        <v>402873.03</v>
      </c>
      <c r="M35" s="11">
        <v>133539.91</v>
      </c>
      <c r="N35" s="11">
        <v>301916.15000000002</v>
      </c>
      <c r="O35" s="11">
        <v>2332677.7599999998</v>
      </c>
      <c r="P35" s="11">
        <v>2332677.7599999998</v>
      </c>
    </row>
    <row r="36" spans="2:16" x14ac:dyDescent="0.25">
      <c r="B36" s="9" t="s">
        <v>33</v>
      </c>
      <c r="C36" s="11">
        <v>313587.53999999998</v>
      </c>
      <c r="D36" s="11">
        <v>208537.82</v>
      </c>
      <c r="E36" s="11">
        <v>149130.66</v>
      </c>
      <c r="F36" s="11">
        <v>155595.79999999999</v>
      </c>
      <c r="G36" s="11">
        <v>180755.86</v>
      </c>
      <c r="H36" s="11">
        <v>207862.05</v>
      </c>
      <c r="I36" s="11">
        <v>162678.59</v>
      </c>
      <c r="J36" s="11">
        <v>98995.81</v>
      </c>
      <c r="K36" s="11">
        <v>128174.72</v>
      </c>
      <c r="L36" s="11">
        <v>121023.25</v>
      </c>
      <c r="M36" s="11">
        <v>183865.8</v>
      </c>
      <c r="N36" s="11">
        <v>345928.43</v>
      </c>
      <c r="O36" s="11">
        <v>2256136.33</v>
      </c>
      <c r="P36" s="11">
        <v>2256136.33</v>
      </c>
    </row>
    <row r="37" spans="2:16" x14ac:dyDescent="0.25">
      <c r="B37" s="9" t="s">
        <v>34</v>
      </c>
      <c r="C37" s="11"/>
      <c r="D37" s="11">
        <v>0</v>
      </c>
      <c r="E37" s="11"/>
      <c r="F37" s="11">
        <v>-0.86</v>
      </c>
      <c r="G37" s="11"/>
      <c r="H37" s="11"/>
      <c r="I37" s="11"/>
      <c r="J37" s="11"/>
      <c r="K37" s="11"/>
      <c r="L37" s="11"/>
      <c r="M37" s="11"/>
      <c r="N37" s="11"/>
      <c r="O37" s="11">
        <v>-0.86</v>
      </c>
      <c r="P37" s="11">
        <v>-0.86</v>
      </c>
    </row>
    <row r="38" spans="2:16" x14ac:dyDescent="0.25">
      <c r="B38" s="9" t="s">
        <v>35</v>
      </c>
      <c r="C38" s="11"/>
      <c r="D38" s="11"/>
      <c r="E38" s="11"/>
      <c r="F38" s="11"/>
      <c r="G38" s="11"/>
      <c r="H38" s="11"/>
      <c r="I38" s="11">
        <v>0</v>
      </c>
      <c r="J38" s="11">
        <v>1.35</v>
      </c>
      <c r="K38" s="11"/>
      <c r="L38" s="11"/>
      <c r="M38" s="11"/>
      <c r="N38" s="11"/>
      <c r="O38" s="11">
        <v>1.35</v>
      </c>
      <c r="P38" s="11">
        <v>1.35</v>
      </c>
    </row>
    <row r="39" spans="2:16" x14ac:dyDescent="0.25">
      <c r="B39" s="9" t="s">
        <v>37</v>
      </c>
      <c r="C39" s="11"/>
      <c r="D39" s="11">
        <v>0</v>
      </c>
      <c r="E39" s="11">
        <v>0</v>
      </c>
      <c r="F39" s="11"/>
      <c r="G39" s="11"/>
      <c r="H39" s="11"/>
      <c r="I39" s="11"/>
      <c r="J39" s="11">
        <v>0</v>
      </c>
      <c r="K39" s="11">
        <v>0</v>
      </c>
      <c r="L39" s="11">
        <v>0</v>
      </c>
      <c r="M39" s="11">
        <v>0</v>
      </c>
      <c r="N39" s="11">
        <v>0</v>
      </c>
      <c r="O39" s="11">
        <v>0</v>
      </c>
      <c r="P39" s="11">
        <v>0</v>
      </c>
    </row>
    <row r="40" spans="2:16" x14ac:dyDescent="0.25">
      <c r="B40" s="9" t="s">
        <v>38</v>
      </c>
      <c r="C40" s="11"/>
      <c r="D40" s="11">
        <v>0</v>
      </c>
      <c r="E40" s="11">
        <v>0</v>
      </c>
      <c r="F40" s="11"/>
      <c r="G40" s="11"/>
      <c r="H40" s="11">
        <v>0</v>
      </c>
      <c r="I40" s="11">
        <v>0</v>
      </c>
      <c r="J40" s="11">
        <v>60.49</v>
      </c>
      <c r="K40" s="11">
        <v>0</v>
      </c>
      <c r="L40" s="11">
        <v>0</v>
      </c>
      <c r="M40" s="11">
        <v>0</v>
      </c>
      <c r="N40" s="11">
        <v>0</v>
      </c>
      <c r="O40" s="11">
        <v>60.49</v>
      </c>
      <c r="P40" s="11">
        <v>60.49</v>
      </c>
    </row>
    <row r="41" spans="2:16" x14ac:dyDescent="0.25">
      <c r="B41" s="9" t="s">
        <v>39</v>
      </c>
      <c r="C41" s="11"/>
      <c r="D41" s="11"/>
      <c r="E41" s="11">
        <v>0</v>
      </c>
      <c r="F41" s="11"/>
      <c r="G41" s="11"/>
      <c r="H41" s="11"/>
      <c r="I41" s="11"/>
      <c r="J41" s="11"/>
      <c r="K41" s="11"/>
      <c r="L41" s="11"/>
      <c r="M41" s="11"/>
      <c r="N41" s="11"/>
      <c r="O41" s="11">
        <v>0</v>
      </c>
      <c r="P41" s="11">
        <v>0</v>
      </c>
    </row>
    <row r="42" spans="2:16" x14ac:dyDescent="0.25">
      <c r="B42" s="9" t="s">
        <v>41</v>
      </c>
      <c r="C42" s="11">
        <v>8223.34</v>
      </c>
      <c r="D42" s="11">
        <v>7056.79</v>
      </c>
      <c r="E42" s="11">
        <v>9651.74</v>
      </c>
      <c r="F42" s="11">
        <v>5547.99</v>
      </c>
      <c r="G42" s="11">
        <v>7962.62</v>
      </c>
      <c r="H42" s="11">
        <v>5121.88</v>
      </c>
      <c r="I42" s="11">
        <v>11590.76</v>
      </c>
      <c r="J42" s="11">
        <v>8878.61</v>
      </c>
      <c r="K42" s="11">
        <v>9192.66</v>
      </c>
      <c r="L42" s="11">
        <v>3735.73</v>
      </c>
      <c r="M42" s="11">
        <v>5438.35</v>
      </c>
      <c r="N42" s="11">
        <v>10670.18</v>
      </c>
      <c r="O42" s="11">
        <v>93070.65</v>
      </c>
      <c r="P42" s="11">
        <v>93070.65</v>
      </c>
    </row>
    <row r="43" spans="2:16" x14ac:dyDescent="0.25">
      <c r="B43" s="9" t="s">
        <v>42</v>
      </c>
      <c r="C43" s="11">
        <v>0</v>
      </c>
      <c r="D43" s="11">
        <v>0</v>
      </c>
      <c r="E43" s="11">
        <v>0</v>
      </c>
      <c r="F43" s="11">
        <v>0</v>
      </c>
      <c r="G43" s="11">
        <v>0</v>
      </c>
      <c r="H43" s="11">
        <v>0</v>
      </c>
      <c r="I43" s="11">
        <v>0</v>
      </c>
      <c r="J43" s="11">
        <v>0</v>
      </c>
      <c r="K43" s="11">
        <v>0</v>
      </c>
      <c r="L43" s="11">
        <v>0</v>
      </c>
      <c r="M43" s="11">
        <v>0</v>
      </c>
      <c r="N43" s="11">
        <v>0</v>
      </c>
      <c r="O43" s="11">
        <v>0</v>
      </c>
      <c r="P43" s="11">
        <v>0</v>
      </c>
    </row>
    <row r="44" spans="2:16" x14ac:dyDescent="0.25">
      <c r="B44" s="9" t="s">
        <v>43</v>
      </c>
      <c r="C44" s="11"/>
      <c r="D44" s="11">
        <v>0</v>
      </c>
      <c r="E44" s="11">
        <v>0</v>
      </c>
      <c r="F44" s="11">
        <v>0</v>
      </c>
      <c r="G44" s="11">
        <v>0</v>
      </c>
      <c r="H44" s="11">
        <v>0</v>
      </c>
      <c r="I44" s="11">
        <v>0</v>
      </c>
      <c r="J44" s="11">
        <v>0</v>
      </c>
      <c r="K44" s="11">
        <v>0</v>
      </c>
      <c r="L44" s="11">
        <v>0</v>
      </c>
      <c r="M44" s="11">
        <v>85.38</v>
      </c>
      <c r="N44" s="11">
        <v>0</v>
      </c>
      <c r="O44" s="11">
        <v>85.38</v>
      </c>
      <c r="P44" s="11">
        <v>85.38</v>
      </c>
    </row>
    <row r="45" spans="2:16" x14ac:dyDescent="0.25">
      <c r="B45" s="9" t="s">
        <v>44</v>
      </c>
      <c r="C45" s="11">
        <v>5071.0600000000004</v>
      </c>
      <c r="D45" s="11">
        <v>11898.69</v>
      </c>
      <c r="E45" s="11">
        <v>4914.32</v>
      </c>
      <c r="F45" s="11">
        <v>17945.14</v>
      </c>
      <c r="G45" s="11">
        <v>5795.75</v>
      </c>
      <c r="H45" s="11">
        <v>17195.599999999999</v>
      </c>
      <c r="I45" s="11">
        <v>36144.39</v>
      </c>
      <c r="J45" s="11">
        <v>7992.06</v>
      </c>
      <c r="K45" s="11">
        <v>7567.83</v>
      </c>
      <c r="L45" s="11">
        <v>3969.83</v>
      </c>
      <c r="M45" s="11">
        <v>26184.35</v>
      </c>
      <c r="N45" s="11">
        <v>67042.070000000007</v>
      </c>
      <c r="O45" s="11">
        <v>211721.09</v>
      </c>
      <c r="P45" s="11">
        <v>211721.09</v>
      </c>
    </row>
    <row r="46" spans="2:16" x14ac:dyDescent="0.25">
      <c r="B46" s="9" t="s">
        <v>45</v>
      </c>
      <c r="C46" s="11">
        <v>59539.68</v>
      </c>
      <c r="D46" s="11">
        <v>71247.37</v>
      </c>
      <c r="E46" s="11">
        <v>68126.19</v>
      </c>
      <c r="F46" s="11">
        <v>43318.04</v>
      </c>
      <c r="G46" s="11">
        <v>51367.62</v>
      </c>
      <c r="H46" s="11">
        <v>49618.1</v>
      </c>
      <c r="I46" s="11">
        <v>72519.839999999997</v>
      </c>
      <c r="J46" s="11">
        <v>97568.86</v>
      </c>
      <c r="K46" s="11">
        <v>49210.94</v>
      </c>
      <c r="L46" s="11">
        <v>36602.99</v>
      </c>
      <c r="M46" s="11">
        <v>32361.91</v>
      </c>
      <c r="N46" s="11">
        <v>65105.32</v>
      </c>
      <c r="O46" s="11">
        <v>696586.86</v>
      </c>
      <c r="P46" s="11">
        <v>696586.86</v>
      </c>
    </row>
    <row r="47" spans="2:16" x14ac:dyDescent="0.25">
      <c r="B47" s="9" t="s">
        <v>46</v>
      </c>
      <c r="C47" s="11">
        <v>107.91</v>
      </c>
      <c r="D47" s="11">
        <v>167.49</v>
      </c>
      <c r="E47" s="11">
        <v>253.97</v>
      </c>
      <c r="F47" s="11">
        <v>301.35000000000002</v>
      </c>
      <c r="G47" s="11">
        <v>184.26</v>
      </c>
      <c r="H47" s="11">
        <v>268.11</v>
      </c>
      <c r="I47" s="11">
        <v>157.07</v>
      </c>
      <c r="J47" s="11">
        <v>196.99</v>
      </c>
      <c r="K47" s="11">
        <v>238.78</v>
      </c>
      <c r="L47" s="11">
        <v>150.44999999999999</v>
      </c>
      <c r="M47" s="11">
        <v>61.45</v>
      </c>
      <c r="N47" s="11">
        <v>63.97</v>
      </c>
      <c r="O47" s="11">
        <v>2151.8000000000002</v>
      </c>
      <c r="P47" s="11">
        <v>2151.8000000000002</v>
      </c>
    </row>
    <row r="48" spans="2:16" x14ac:dyDescent="0.25">
      <c r="B48" s="9" t="s">
        <v>47</v>
      </c>
      <c r="C48" s="11">
        <v>4730.71</v>
      </c>
      <c r="D48" s="11">
        <v>4528.22</v>
      </c>
      <c r="E48" s="11">
        <v>6384.88</v>
      </c>
      <c r="F48" s="11">
        <v>11865.29</v>
      </c>
      <c r="G48" s="11">
        <v>10051.86</v>
      </c>
      <c r="H48" s="11">
        <v>18524.919999999998</v>
      </c>
      <c r="I48" s="11">
        <v>16936.39</v>
      </c>
      <c r="J48" s="11">
        <v>7402.87</v>
      </c>
      <c r="K48" s="11">
        <v>12368.32</v>
      </c>
      <c r="L48" s="11">
        <v>16484.82</v>
      </c>
      <c r="M48" s="11">
        <v>23639.25</v>
      </c>
      <c r="N48" s="11">
        <v>17500.73</v>
      </c>
      <c r="O48" s="11">
        <v>150418.26</v>
      </c>
      <c r="P48" s="11">
        <v>150418.26</v>
      </c>
    </row>
    <row r="49" spans="2:16" x14ac:dyDescent="0.25">
      <c r="B49" s="9" t="s">
        <v>49</v>
      </c>
      <c r="C49" s="11">
        <v>15153.27</v>
      </c>
      <c r="D49" s="11">
        <v>10159.719999999999</v>
      </c>
      <c r="E49" s="11">
        <v>128961.18</v>
      </c>
      <c r="F49" s="11">
        <v>77501.850000000006</v>
      </c>
      <c r="G49" s="11">
        <v>58362.21</v>
      </c>
      <c r="H49" s="11">
        <v>57241.35</v>
      </c>
      <c r="I49" s="11">
        <v>17155.509999999998</v>
      </c>
      <c r="J49" s="11">
        <v>21833.61</v>
      </c>
      <c r="K49" s="11">
        <v>132760.53</v>
      </c>
      <c r="L49" s="11">
        <v>33016.65</v>
      </c>
      <c r="M49" s="11">
        <v>3310.2</v>
      </c>
      <c r="N49" s="11">
        <v>-6937.11</v>
      </c>
      <c r="O49" s="11">
        <v>548518.97</v>
      </c>
      <c r="P49" s="11">
        <v>548518.97</v>
      </c>
    </row>
    <row r="50" spans="2:16" x14ac:dyDescent="0.25">
      <c r="B50" s="9" t="s">
        <v>50</v>
      </c>
      <c r="C50" s="11">
        <v>10682.23</v>
      </c>
      <c r="D50" s="11">
        <v>8526.56</v>
      </c>
      <c r="E50" s="11">
        <v>14718.9</v>
      </c>
      <c r="F50" s="11">
        <v>8614.01</v>
      </c>
      <c r="G50" s="11">
        <v>15359</v>
      </c>
      <c r="H50" s="11">
        <v>33127.58</v>
      </c>
      <c r="I50" s="11">
        <v>7393.52</v>
      </c>
      <c r="J50" s="11">
        <v>11307.48</v>
      </c>
      <c r="K50" s="11">
        <v>5964.85</v>
      </c>
      <c r="L50" s="11">
        <v>16483.3</v>
      </c>
      <c r="M50" s="11">
        <v>7698.85</v>
      </c>
      <c r="N50" s="11">
        <v>7155.41</v>
      </c>
      <c r="O50" s="11">
        <v>147031.69</v>
      </c>
      <c r="P50" s="11">
        <v>147031.69</v>
      </c>
    </row>
    <row r="51" spans="2:16" x14ac:dyDescent="0.25">
      <c r="B51" s="9" t="s">
        <v>53</v>
      </c>
      <c r="C51" s="11">
        <v>-5198.5200000000004</v>
      </c>
      <c r="D51" s="11">
        <v>17524.71</v>
      </c>
      <c r="E51" s="11">
        <v>13134.13</v>
      </c>
      <c r="F51" s="11">
        <v>29649.02</v>
      </c>
      <c r="G51" s="11">
        <v>-95913.87</v>
      </c>
      <c r="H51" s="11">
        <v>-1603388.09</v>
      </c>
      <c r="I51" s="11">
        <v>-1390115.88</v>
      </c>
      <c r="J51" s="11">
        <v>-916039.54</v>
      </c>
      <c r="K51" s="11">
        <v>15375.18</v>
      </c>
      <c r="L51" s="11">
        <v>-782361.03</v>
      </c>
      <c r="M51" s="11">
        <v>-193030.72</v>
      </c>
      <c r="N51" s="11">
        <v>-1521016.11</v>
      </c>
      <c r="O51" s="11">
        <v>-6431380.7199999997</v>
      </c>
      <c r="P51" s="11">
        <v>-6431380.7199999997</v>
      </c>
    </row>
    <row r="52" spans="2:16" x14ac:dyDescent="0.25">
      <c r="B52" s="9" t="s">
        <v>54</v>
      </c>
      <c r="C52" s="11">
        <v>5005.0600000000004</v>
      </c>
      <c r="D52" s="11">
        <v>5173.13</v>
      </c>
      <c r="E52" s="11">
        <v>5547.41</v>
      </c>
      <c r="F52" s="11">
        <v>4826.99</v>
      </c>
      <c r="G52" s="11">
        <v>3991</v>
      </c>
      <c r="H52" s="11">
        <v>16618.77</v>
      </c>
      <c r="I52" s="11">
        <v>4455.2700000000004</v>
      </c>
      <c r="J52" s="11">
        <v>4200</v>
      </c>
      <c r="K52" s="11">
        <v>4200</v>
      </c>
      <c r="L52" s="11">
        <v>4200</v>
      </c>
      <c r="M52" s="11">
        <v>4200</v>
      </c>
      <c r="N52" s="11">
        <v>700</v>
      </c>
      <c r="O52" s="11">
        <v>63117.63</v>
      </c>
      <c r="P52" s="11">
        <v>63117.63</v>
      </c>
    </row>
    <row r="53" spans="2:16" x14ac:dyDescent="0.25">
      <c r="B53" s="9" t="s">
        <v>57</v>
      </c>
      <c r="C53" s="11">
        <v>-0.48</v>
      </c>
      <c r="D53" s="11"/>
      <c r="E53" s="11"/>
      <c r="F53" s="11"/>
      <c r="G53" s="11"/>
      <c r="H53" s="11"/>
      <c r="I53" s="11"/>
      <c r="J53" s="11"/>
      <c r="K53" s="11">
        <v>0.67</v>
      </c>
      <c r="L53" s="11"/>
      <c r="M53" s="11"/>
      <c r="N53" s="11"/>
      <c r="O53" s="11">
        <v>0.19</v>
      </c>
      <c r="P53" s="11">
        <v>0.19</v>
      </c>
    </row>
    <row r="54" spans="2:16" x14ac:dyDescent="0.25">
      <c r="B54" s="9" t="s">
        <v>58</v>
      </c>
      <c r="C54" s="11">
        <v>-1.67</v>
      </c>
      <c r="D54" s="11"/>
      <c r="E54" s="11"/>
      <c r="F54" s="11"/>
      <c r="G54" s="11"/>
      <c r="H54" s="11"/>
      <c r="I54" s="11"/>
      <c r="J54" s="11"/>
      <c r="K54" s="11">
        <v>2.38</v>
      </c>
      <c r="L54" s="11"/>
      <c r="M54" s="11"/>
      <c r="N54" s="11"/>
      <c r="O54" s="11">
        <v>0.71</v>
      </c>
      <c r="P54" s="11">
        <v>0.71</v>
      </c>
    </row>
    <row r="55" spans="2:16" x14ac:dyDescent="0.25">
      <c r="B55" s="9" t="s">
        <v>59</v>
      </c>
      <c r="C55" s="11">
        <v>-0.24</v>
      </c>
      <c r="D55" s="11"/>
      <c r="E55" s="11"/>
      <c r="F55" s="11"/>
      <c r="G55" s="11"/>
      <c r="H55" s="11"/>
      <c r="I55" s="11"/>
      <c r="J55" s="11"/>
      <c r="K55" s="11">
        <v>0.34</v>
      </c>
      <c r="L55" s="11"/>
      <c r="M55" s="11"/>
      <c r="N55" s="11"/>
      <c r="O55" s="11">
        <v>0.1</v>
      </c>
      <c r="P55" s="11">
        <v>0.1</v>
      </c>
    </row>
    <row r="56" spans="2:16" x14ac:dyDescent="0.25">
      <c r="B56" s="9" t="s">
        <v>60</v>
      </c>
      <c r="C56" s="11">
        <v>152344.35</v>
      </c>
      <c r="D56" s="11">
        <v>152854.87</v>
      </c>
      <c r="E56" s="11">
        <v>155251.21</v>
      </c>
      <c r="F56" s="11">
        <v>138366.75</v>
      </c>
      <c r="G56" s="11">
        <v>137395.03</v>
      </c>
      <c r="H56" s="11">
        <v>101338.68</v>
      </c>
      <c r="I56" s="11">
        <v>-55449.74</v>
      </c>
      <c r="J56" s="11">
        <v>101974.5</v>
      </c>
      <c r="K56" s="11">
        <v>100731.16</v>
      </c>
      <c r="L56" s="11">
        <v>101094.59</v>
      </c>
      <c r="M56" s="11">
        <v>102919.01</v>
      </c>
      <c r="N56" s="11">
        <v>101413.03</v>
      </c>
      <c r="O56" s="11">
        <v>1290233.44</v>
      </c>
      <c r="P56" s="11">
        <v>1290233.44</v>
      </c>
    </row>
    <row r="57" spans="2:16" x14ac:dyDescent="0.25">
      <c r="B57" s="9" t="s">
        <v>62</v>
      </c>
      <c r="C57" s="11">
        <v>1406.68</v>
      </c>
      <c r="D57" s="11">
        <v>4546.34</v>
      </c>
      <c r="E57" s="11">
        <v>2830.89</v>
      </c>
      <c r="F57" s="11">
        <v>2788.06</v>
      </c>
      <c r="G57" s="11">
        <v>8913.3799999999992</v>
      </c>
      <c r="H57" s="11">
        <v>5179.7299999999996</v>
      </c>
      <c r="I57" s="11">
        <v>4033.55</v>
      </c>
      <c r="J57" s="11">
        <v>-983.23</v>
      </c>
      <c r="K57" s="11">
        <v>4704.55</v>
      </c>
      <c r="L57" s="11">
        <v>3767.2</v>
      </c>
      <c r="M57" s="11">
        <v>2203</v>
      </c>
      <c r="N57" s="11">
        <v>145.16</v>
      </c>
      <c r="O57" s="11">
        <v>39535.31</v>
      </c>
      <c r="P57" s="11">
        <v>39535.31</v>
      </c>
    </row>
    <row r="58" spans="2:16" x14ac:dyDescent="0.25">
      <c r="B58" s="9" t="s">
        <v>63</v>
      </c>
      <c r="C58" s="11">
        <v>366.2</v>
      </c>
      <c r="D58" s="11">
        <v>3133.36</v>
      </c>
      <c r="E58" s="11"/>
      <c r="F58" s="11">
        <v>384.44</v>
      </c>
      <c r="G58" s="11"/>
      <c r="H58" s="11"/>
      <c r="I58" s="11"/>
      <c r="J58" s="11"/>
      <c r="K58" s="11"/>
      <c r="L58" s="11"/>
      <c r="M58" s="11"/>
      <c r="N58" s="11"/>
      <c r="O58" s="11">
        <v>3884</v>
      </c>
      <c r="P58" s="11">
        <v>3884</v>
      </c>
    </row>
    <row r="59" spans="2:16" x14ac:dyDescent="0.25">
      <c r="B59" s="9" t="s">
        <v>64</v>
      </c>
      <c r="C59" s="11"/>
      <c r="D59" s="11"/>
      <c r="E59" s="11">
        <v>139250</v>
      </c>
      <c r="F59" s="11"/>
      <c r="G59" s="11"/>
      <c r="H59" s="11">
        <v>139250</v>
      </c>
      <c r="I59" s="11"/>
      <c r="J59" s="11"/>
      <c r="K59" s="11">
        <v>139250</v>
      </c>
      <c r="L59" s="11"/>
      <c r="M59" s="11"/>
      <c r="N59" s="11">
        <v>139250</v>
      </c>
      <c r="O59" s="11">
        <v>557000</v>
      </c>
      <c r="P59" s="11">
        <v>557000</v>
      </c>
    </row>
    <row r="60" spans="2:16" x14ac:dyDescent="0.25">
      <c r="B60" s="9" t="s">
        <v>65</v>
      </c>
      <c r="C60" s="11">
        <v>67.92</v>
      </c>
      <c r="D60" s="11">
        <v>731.58</v>
      </c>
      <c r="E60" s="11">
        <v>149.47999999999999</v>
      </c>
      <c r="F60" s="11">
        <v>5525.57</v>
      </c>
      <c r="G60" s="11">
        <v>291.8</v>
      </c>
      <c r="H60" s="11">
        <v>15.07</v>
      </c>
      <c r="I60" s="11">
        <v>183.26</v>
      </c>
      <c r="J60" s="11">
        <v>-763.13</v>
      </c>
      <c r="K60" s="11">
        <v>-2323.4899999999998</v>
      </c>
      <c r="L60" s="11">
        <v>-22.32</v>
      </c>
      <c r="M60" s="11">
        <v>-74.489999999999995</v>
      </c>
      <c r="N60" s="11">
        <v>-28.4</v>
      </c>
      <c r="O60" s="11">
        <v>3752.85</v>
      </c>
      <c r="P60" s="11">
        <v>3752.85</v>
      </c>
    </row>
    <row r="61" spans="2:16" x14ac:dyDescent="0.25">
      <c r="B61" s="9" t="s">
        <v>66</v>
      </c>
      <c r="C61" s="11"/>
      <c r="D61" s="11"/>
      <c r="E61" s="11"/>
      <c r="F61" s="11"/>
      <c r="G61" s="11"/>
      <c r="H61" s="11"/>
      <c r="I61" s="11"/>
      <c r="J61" s="11"/>
      <c r="K61" s="11"/>
      <c r="L61" s="11">
        <v>0.1</v>
      </c>
      <c r="M61" s="11"/>
      <c r="N61" s="11"/>
      <c r="O61" s="11">
        <v>0.1</v>
      </c>
      <c r="P61" s="11">
        <v>0.1</v>
      </c>
    </row>
    <row r="62" spans="2:16" x14ac:dyDescent="0.25">
      <c r="B62" s="9" t="s">
        <v>67</v>
      </c>
      <c r="C62" s="11">
        <v>280.5</v>
      </c>
      <c r="D62" s="11">
        <v>630.67999999999995</v>
      </c>
      <c r="E62" s="11">
        <v>183.17</v>
      </c>
      <c r="F62" s="11">
        <v>1429.29</v>
      </c>
      <c r="G62" s="11">
        <v>70.06</v>
      </c>
      <c r="H62" s="11">
        <v>580.42999999999995</v>
      </c>
      <c r="I62" s="11">
        <v>266.35000000000002</v>
      </c>
      <c r="J62" s="11"/>
      <c r="K62" s="11">
        <v>50.23</v>
      </c>
      <c r="L62" s="11">
        <v>628.22</v>
      </c>
      <c r="M62" s="11">
        <v>139.38999999999999</v>
      </c>
      <c r="N62" s="11">
        <v>136.78</v>
      </c>
      <c r="O62" s="11">
        <v>4395.1000000000004</v>
      </c>
      <c r="P62" s="11">
        <v>4395.1000000000004</v>
      </c>
    </row>
    <row r="63" spans="2:16" x14ac:dyDescent="0.25">
      <c r="B63" s="9" t="s">
        <v>70</v>
      </c>
      <c r="C63" s="11">
        <v>1105.17</v>
      </c>
      <c r="D63" s="11">
        <v>3373.75</v>
      </c>
      <c r="E63" s="11">
        <v>2727.06</v>
      </c>
      <c r="F63" s="11">
        <v>2557.6</v>
      </c>
      <c r="G63" s="11">
        <v>65533.73</v>
      </c>
      <c r="H63" s="11">
        <v>-38293.61</v>
      </c>
      <c r="I63" s="11">
        <v>1130.77</v>
      </c>
      <c r="J63" s="11">
        <v>3050.9</v>
      </c>
      <c r="K63" s="11">
        <v>63.33</v>
      </c>
      <c r="L63" s="11">
        <v>131.57</v>
      </c>
      <c r="M63" s="11">
        <v>18.420000000000002</v>
      </c>
      <c r="N63" s="11">
        <v>34.03</v>
      </c>
      <c r="O63" s="11">
        <v>41432.720000000001</v>
      </c>
      <c r="P63" s="11">
        <v>41432.720000000001</v>
      </c>
    </row>
    <row r="64" spans="2:16" x14ac:dyDescent="0.25">
      <c r="B64" s="9" t="s">
        <v>71</v>
      </c>
      <c r="C64" s="11">
        <v>484.69</v>
      </c>
      <c r="D64" s="11">
        <v>2438.56</v>
      </c>
      <c r="E64" s="11">
        <v>992.68</v>
      </c>
      <c r="F64" s="11">
        <v>5497.68</v>
      </c>
      <c r="G64" s="11">
        <v>20048.66</v>
      </c>
      <c r="H64" s="11">
        <v>2991.15</v>
      </c>
      <c r="I64" s="11">
        <v>7710.77</v>
      </c>
      <c r="J64" s="11">
        <v>1416.04</v>
      </c>
      <c r="K64" s="11">
        <v>6548.41</v>
      </c>
      <c r="L64" s="11">
        <v>9462.2000000000007</v>
      </c>
      <c r="M64" s="11">
        <v>2139.0700000000002</v>
      </c>
      <c r="N64" s="11">
        <v>182.21</v>
      </c>
      <c r="O64" s="11">
        <v>59912.12</v>
      </c>
      <c r="P64" s="11">
        <v>59912.12</v>
      </c>
    </row>
    <row r="65" spans="2:16" x14ac:dyDescent="0.25">
      <c r="B65" s="9" t="s">
        <v>72</v>
      </c>
      <c r="C65" s="11">
        <v>-397.4</v>
      </c>
      <c r="D65" s="11"/>
      <c r="E65" s="11">
        <v>10780.25</v>
      </c>
      <c r="F65" s="11">
        <v>23223.06</v>
      </c>
      <c r="G65" s="11">
        <v>1745.71</v>
      </c>
      <c r="H65" s="11">
        <v>13259.68</v>
      </c>
      <c r="I65" s="11">
        <v>25515.17</v>
      </c>
      <c r="J65" s="11">
        <v>5878.15</v>
      </c>
      <c r="K65" s="11">
        <v>83841.240000000005</v>
      </c>
      <c r="L65" s="11">
        <v>-3577.49</v>
      </c>
      <c r="M65" s="11">
        <v>6082.25</v>
      </c>
      <c r="N65" s="11">
        <v>41662.47</v>
      </c>
      <c r="O65" s="11">
        <v>208013.09</v>
      </c>
      <c r="P65" s="11">
        <v>208013.09</v>
      </c>
    </row>
    <row r="66" spans="2:16" x14ac:dyDescent="0.25">
      <c r="B66" s="9" t="s">
        <v>74</v>
      </c>
      <c r="C66" s="11">
        <v>3210.24</v>
      </c>
      <c r="D66" s="11">
        <v>7889.7</v>
      </c>
      <c r="E66" s="11">
        <v>2073.9499999999998</v>
      </c>
      <c r="F66" s="11">
        <v>34782.589999999997</v>
      </c>
      <c r="G66" s="11">
        <v>-30052.97</v>
      </c>
      <c r="H66" s="11">
        <v>6688.25</v>
      </c>
      <c r="I66" s="11">
        <v>8933.92</v>
      </c>
      <c r="J66" s="11">
        <v>5844.78</v>
      </c>
      <c r="K66" s="11">
        <v>1117.53</v>
      </c>
      <c r="L66" s="11">
        <v>1410.16</v>
      </c>
      <c r="M66" s="11">
        <v>2052.06</v>
      </c>
      <c r="N66" s="11">
        <v>1492.07</v>
      </c>
      <c r="O66" s="11">
        <v>45442.28</v>
      </c>
      <c r="P66" s="11">
        <v>45442.28</v>
      </c>
    </row>
    <row r="67" spans="2:16" x14ac:dyDescent="0.25">
      <c r="B67" s="9" t="s">
        <v>75</v>
      </c>
      <c r="C67" s="11"/>
      <c r="D67" s="11"/>
      <c r="E67" s="11"/>
      <c r="F67" s="11"/>
      <c r="G67" s="11">
        <v>39.049999999999997</v>
      </c>
      <c r="H67" s="11"/>
      <c r="I67" s="11"/>
      <c r="J67" s="11"/>
      <c r="K67" s="11"/>
      <c r="L67" s="11"/>
      <c r="M67" s="11"/>
      <c r="N67" s="11">
        <v>-67.11</v>
      </c>
      <c r="O67" s="11">
        <v>-28.06</v>
      </c>
      <c r="P67" s="11">
        <v>-28.06</v>
      </c>
    </row>
    <row r="68" spans="2:16" x14ac:dyDescent="0.25">
      <c r="B68" s="9" t="s">
        <v>76</v>
      </c>
      <c r="C68" s="11">
        <v>1307.8399999999999</v>
      </c>
      <c r="D68" s="11">
        <v>4271.88</v>
      </c>
      <c r="E68" s="11">
        <v>4650.0200000000004</v>
      </c>
      <c r="F68" s="11">
        <v>1079.8599999999999</v>
      </c>
      <c r="G68" s="11">
        <v>3456.1</v>
      </c>
      <c r="H68" s="11">
        <v>2103.89</v>
      </c>
      <c r="I68" s="11">
        <v>1331.54</v>
      </c>
      <c r="J68" s="11">
        <v>216.53</v>
      </c>
      <c r="K68" s="11">
        <v>149.63</v>
      </c>
      <c r="L68" s="11">
        <v>824.18</v>
      </c>
      <c r="M68" s="11">
        <v>197.24</v>
      </c>
      <c r="N68" s="11">
        <v>116.6</v>
      </c>
      <c r="O68" s="11">
        <v>19705.310000000001</v>
      </c>
      <c r="P68" s="11">
        <v>19705.310000000001</v>
      </c>
    </row>
    <row r="69" spans="2:16" x14ac:dyDescent="0.25">
      <c r="B69" s="9" t="s">
        <v>77</v>
      </c>
      <c r="C69" s="11"/>
      <c r="D69" s="11"/>
      <c r="E69" s="11"/>
      <c r="F69" s="11">
        <v>25686.11</v>
      </c>
      <c r="G69" s="11">
        <v>69091.149999999994</v>
      </c>
      <c r="H69" s="11">
        <v>27567.11</v>
      </c>
      <c r="I69" s="11"/>
      <c r="J69" s="11">
        <v>2727.86</v>
      </c>
      <c r="K69" s="11"/>
      <c r="L69" s="11">
        <v>1394.1</v>
      </c>
      <c r="M69" s="11"/>
      <c r="N69" s="11"/>
      <c r="O69" s="11">
        <v>126466.33</v>
      </c>
      <c r="P69" s="11">
        <v>126466.33</v>
      </c>
    </row>
    <row r="70" spans="2:16" x14ac:dyDescent="0.25">
      <c r="B70" s="9" t="s">
        <v>78</v>
      </c>
      <c r="C70" s="11"/>
      <c r="D70" s="11"/>
      <c r="E70" s="11"/>
      <c r="F70" s="11"/>
      <c r="G70" s="11"/>
      <c r="H70" s="11"/>
      <c r="I70" s="11"/>
      <c r="J70" s="11">
        <v>30376.400000000001</v>
      </c>
      <c r="K70" s="11"/>
      <c r="L70" s="11"/>
      <c r="M70" s="11"/>
      <c r="N70" s="11"/>
      <c r="O70" s="11">
        <v>30376.400000000001</v>
      </c>
      <c r="P70" s="11">
        <v>30376.400000000001</v>
      </c>
    </row>
    <row r="71" spans="2:16" x14ac:dyDescent="0.25">
      <c r="B71" s="9" t="s">
        <v>79</v>
      </c>
      <c r="C71" s="11">
        <v>19280.55</v>
      </c>
      <c r="D71" s="11">
        <v>15630.2</v>
      </c>
      <c r="E71" s="11">
        <v>25053.11</v>
      </c>
      <c r="F71" s="11">
        <v>64626.45</v>
      </c>
      <c r="G71" s="11">
        <v>72359.27</v>
      </c>
      <c r="H71" s="11">
        <v>61533</v>
      </c>
      <c r="I71" s="11">
        <v>38796.410000000003</v>
      </c>
      <c r="J71" s="11">
        <v>40489.15</v>
      </c>
      <c r="K71" s="11">
        <v>25705.599999999999</v>
      </c>
      <c r="L71" s="11">
        <v>33440.449999999997</v>
      </c>
      <c r="M71" s="11">
        <v>20628.39</v>
      </c>
      <c r="N71" s="11">
        <v>-15386.85</v>
      </c>
      <c r="O71" s="11">
        <v>402155.73</v>
      </c>
      <c r="P71" s="11">
        <v>402155.73</v>
      </c>
    </row>
    <row r="72" spans="2:16" x14ac:dyDescent="0.25">
      <c r="B72" s="9" t="s">
        <v>80</v>
      </c>
      <c r="C72" s="11">
        <v>20793.97</v>
      </c>
      <c r="D72" s="11">
        <v>13905.45</v>
      </c>
      <c r="E72" s="11">
        <v>16890.740000000002</v>
      </c>
      <c r="F72" s="11">
        <v>20992.66</v>
      </c>
      <c r="G72" s="11">
        <v>14848.2</v>
      </c>
      <c r="H72" s="11">
        <v>15508.39</v>
      </c>
      <c r="I72" s="11">
        <v>20714.45</v>
      </c>
      <c r="J72" s="11">
        <v>15959.93</v>
      </c>
      <c r="K72" s="11">
        <v>18700.88</v>
      </c>
      <c r="L72" s="11">
        <v>22113.3</v>
      </c>
      <c r="M72" s="11">
        <v>20083.689999999999</v>
      </c>
      <c r="N72" s="11">
        <v>16307.48</v>
      </c>
      <c r="O72" s="11">
        <v>216819.14</v>
      </c>
      <c r="P72" s="11">
        <v>216819.14</v>
      </c>
    </row>
    <row r="73" spans="2:16" x14ac:dyDescent="0.25">
      <c r="B73" s="9" t="s">
        <v>81</v>
      </c>
      <c r="C73" s="11">
        <v>35969.199999999997</v>
      </c>
      <c r="D73" s="11">
        <v>36400.620000000003</v>
      </c>
      <c r="E73" s="11">
        <v>48106.48</v>
      </c>
      <c r="F73" s="11">
        <v>35620.22</v>
      </c>
      <c r="G73" s="11">
        <v>40173.15</v>
      </c>
      <c r="H73" s="11">
        <v>40458.58</v>
      </c>
      <c r="I73" s="11">
        <v>52802.83</v>
      </c>
      <c r="J73" s="11">
        <v>40279.230000000003</v>
      </c>
      <c r="K73" s="11">
        <v>37482.800000000003</v>
      </c>
      <c r="L73" s="11">
        <v>51054.239999999998</v>
      </c>
      <c r="M73" s="11">
        <v>39846.39</v>
      </c>
      <c r="N73" s="11">
        <v>31839.64</v>
      </c>
      <c r="O73" s="11">
        <v>490033.38</v>
      </c>
      <c r="P73" s="11">
        <v>490033.38</v>
      </c>
    </row>
    <row r="74" spans="2:16" x14ac:dyDescent="0.25">
      <c r="B74" s="9" t="s">
        <v>82</v>
      </c>
      <c r="C74" s="11">
        <v>36960.92</v>
      </c>
      <c r="D74" s="11">
        <v>80163</v>
      </c>
      <c r="E74" s="11">
        <v>49979.73</v>
      </c>
      <c r="F74" s="11">
        <v>53922.53</v>
      </c>
      <c r="G74" s="11">
        <v>49671.88</v>
      </c>
      <c r="H74" s="11">
        <v>21115.59</v>
      </c>
      <c r="I74" s="11">
        <v>87938.99</v>
      </c>
      <c r="J74" s="11">
        <v>13581</v>
      </c>
      <c r="K74" s="11">
        <v>113822.01</v>
      </c>
      <c r="L74" s="11">
        <v>84509.66</v>
      </c>
      <c r="M74" s="11">
        <v>-72020.649999999994</v>
      </c>
      <c r="N74" s="11">
        <v>77350.460000000006</v>
      </c>
      <c r="O74" s="11">
        <v>596995.12</v>
      </c>
      <c r="P74" s="11">
        <v>596995.12</v>
      </c>
    </row>
    <row r="75" spans="2:16" x14ac:dyDescent="0.25">
      <c r="B75" s="9" t="s">
        <v>83</v>
      </c>
      <c r="C75" s="11">
        <v>33789.25</v>
      </c>
      <c r="D75" s="11">
        <v>1261.93</v>
      </c>
      <c r="E75" s="11">
        <v>0</v>
      </c>
      <c r="F75" s="11">
        <v>0</v>
      </c>
      <c r="G75" s="11">
        <v>3275.05</v>
      </c>
      <c r="H75" s="11">
        <v>1086.75</v>
      </c>
      <c r="I75" s="11">
        <v>1324.68</v>
      </c>
      <c r="J75" s="11">
        <v>-1480.51</v>
      </c>
      <c r="K75" s="11">
        <v>10175.15</v>
      </c>
      <c r="L75" s="11">
        <v>6234.36</v>
      </c>
      <c r="M75" s="11">
        <v>2016</v>
      </c>
      <c r="N75" s="11">
        <v>1470</v>
      </c>
      <c r="O75" s="11">
        <v>59152.66</v>
      </c>
      <c r="P75" s="11">
        <v>59152.66</v>
      </c>
    </row>
    <row r="76" spans="2:16" x14ac:dyDescent="0.25">
      <c r="B76" s="9" t="s">
        <v>84</v>
      </c>
      <c r="C76" s="11">
        <v>616.51</v>
      </c>
      <c r="D76" s="11">
        <v>844.8</v>
      </c>
      <c r="E76" s="11">
        <v>1191.68</v>
      </c>
      <c r="F76" s="11">
        <v>1184.3900000000001</v>
      </c>
      <c r="G76" s="11">
        <v>693.31</v>
      </c>
      <c r="H76" s="11">
        <v>1300.8599999999999</v>
      </c>
      <c r="I76" s="11">
        <v>1044.52</v>
      </c>
      <c r="J76" s="11">
        <v>853.91</v>
      </c>
      <c r="K76" s="11">
        <v>614.4</v>
      </c>
      <c r="L76" s="11">
        <v>729.66</v>
      </c>
      <c r="M76" s="11">
        <v>1054.25</v>
      </c>
      <c r="N76" s="11">
        <v>400.76</v>
      </c>
      <c r="O76" s="11">
        <v>10529.05</v>
      </c>
      <c r="P76" s="11">
        <v>10529.05</v>
      </c>
    </row>
    <row r="77" spans="2:16" x14ac:dyDescent="0.25">
      <c r="B77" s="9" t="s">
        <v>85</v>
      </c>
      <c r="C77" s="11">
        <v>2488.81</v>
      </c>
      <c r="D77" s="11">
        <v>5657.53</v>
      </c>
      <c r="E77" s="11">
        <v>1140.6400000000001</v>
      </c>
      <c r="F77" s="11">
        <v>1554.38</v>
      </c>
      <c r="G77" s="11">
        <v>1076.1199999999999</v>
      </c>
      <c r="H77" s="11">
        <v>1072.06</v>
      </c>
      <c r="I77" s="11">
        <v>691.85</v>
      </c>
      <c r="J77" s="11">
        <v>1253.96</v>
      </c>
      <c r="K77" s="11">
        <v>822.58</v>
      </c>
      <c r="L77" s="11">
        <v>-52.06</v>
      </c>
      <c r="M77" s="11">
        <v>600.63</v>
      </c>
      <c r="N77" s="11">
        <v>121.01</v>
      </c>
      <c r="O77" s="11">
        <v>16427.509999999998</v>
      </c>
      <c r="P77" s="11">
        <v>16427.509999999998</v>
      </c>
    </row>
    <row r="78" spans="2:16" x14ac:dyDescent="0.25">
      <c r="B78" s="9" t="s">
        <v>86</v>
      </c>
      <c r="C78" s="11">
        <v>1431.67</v>
      </c>
      <c r="D78" s="11">
        <v>9338.59</v>
      </c>
      <c r="E78" s="11">
        <v>6051.9</v>
      </c>
      <c r="F78" s="11">
        <v>5965.63</v>
      </c>
      <c r="G78" s="11">
        <v>14489.73</v>
      </c>
      <c r="H78" s="11">
        <v>5802.78</v>
      </c>
      <c r="I78" s="11">
        <v>2665.38</v>
      </c>
      <c r="J78" s="11">
        <v>7647.32</v>
      </c>
      <c r="K78" s="11">
        <v>-2904.45</v>
      </c>
      <c r="L78" s="11">
        <v>4942.46</v>
      </c>
      <c r="M78" s="11">
        <v>-2416.5</v>
      </c>
      <c r="N78" s="11">
        <v>655.62</v>
      </c>
      <c r="O78" s="11">
        <v>53670.13</v>
      </c>
      <c r="P78" s="11">
        <v>53670.13</v>
      </c>
    </row>
    <row r="79" spans="2:16" x14ac:dyDescent="0.25">
      <c r="B79" s="9" t="s">
        <v>87</v>
      </c>
      <c r="C79" s="11">
        <v>182495.99</v>
      </c>
      <c r="D79" s="11">
        <v>452285.01</v>
      </c>
      <c r="E79" s="11">
        <v>187222.05</v>
      </c>
      <c r="F79" s="11">
        <v>77081.58</v>
      </c>
      <c r="G79" s="11">
        <v>223726.85</v>
      </c>
      <c r="H79" s="11">
        <v>614103.74</v>
      </c>
      <c r="I79" s="11">
        <v>1324294.49</v>
      </c>
      <c r="J79" s="11">
        <v>-516444.18</v>
      </c>
      <c r="K79" s="11">
        <v>938785.33</v>
      </c>
      <c r="L79" s="11">
        <v>256079.26</v>
      </c>
      <c r="M79" s="11">
        <v>139915.03</v>
      </c>
      <c r="N79" s="11">
        <v>234068.5</v>
      </c>
      <c r="O79" s="11">
        <v>4113613.65</v>
      </c>
      <c r="P79" s="11">
        <v>4113613.65</v>
      </c>
    </row>
    <row r="80" spans="2:16" x14ac:dyDescent="0.25">
      <c r="B80" s="9" t="s">
        <v>88</v>
      </c>
      <c r="C80" s="11">
        <v>251043.14</v>
      </c>
      <c r="D80" s="11">
        <v>408203.8</v>
      </c>
      <c r="E80" s="11">
        <v>332114.28000000003</v>
      </c>
      <c r="F80" s="11">
        <v>403841.21</v>
      </c>
      <c r="G80" s="11">
        <v>327885.45</v>
      </c>
      <c r="H80" s="11">
        <v>407773.18</v>
      </c>
      <c r="I80" s="11">
        <v>342692.38</v>
      </c>
      <c r="J80" s="11">
        <v>559298.67000000004</v>
      </c>
      <c r="K80" s="11">
        <v>397345.28000000003</v>
      </c>
      <c r="L80" s="11">
        <v>424593.32</v>
      </c>
      <c r="M80" s="11">
        <v>396399.32</v>
      </c>
      <c r="N80" s="11">
        <v>296324.23</v>
      </c>
      <c r="O80" s="11">
        <v>4547514.26</v>
      </c>
      <c r="P80" s="11">
        <v>4547514.26</v>
      </c>
    </row>
    <row r="81" spans="2:16" x14ac:dyDescent="0.25">
      <c r="B81" s="9" t="s">
        <v>89</v>
      </c>
      <c r="C81" s="11">
        <v>13422.37</v>
      </c>
      <c r="D81" s="11">
        <v>6004.22</v>
      </c>
      <c r="E81" s="11">
        <v>16874.57</v>
      </c>
      <c r="F81" s="11">
        <v>4001.81</v>
      </c>
      <c r="G81" s="11">
        <v>18549.13</v>
      </c>
      <c r="H81" s="11">
        <v>13578.57</v>
      </c>
      <c r="I81" s="11">
        <v>13566.67</v>
      </c>
      <c r="J81" s="11">
        <v>29110.05</v>
      </c>
      <c r="K81" s="11">
        <v>2814.82</v>
      </c>
      <c r="L81" s="11">
        <v>8582.11</v>
      </c>
      <c r="M81" s="11">
        <v>17925.55</v>
      </c>
      <c r="N81" s="11">
        <v>21742.69</v>
      </c>
      <c r="O81" s="11">
        <v>166172.56</v>
      </c>
      <c r="P81" s="11">
        <v>166172.56</v>
      </c>
    </row>
    <row r="82" spans="2:16" x14ac:dyDescent="0.25">
      <c r="B82" s="9" t="s">
        <v>90</v>
      </c>
      <c r="C82" s="11"/>
      <c r="D82" s="11"/>
      <c r="E82" s="11"/>
      <c r="F82" s="11"/>
      <c r="G82" s="11"/>
      <c r="H82" s="11"/>
      <c r="I82" s="11"/>
      <c r="J82" s="11"/>
      <c r="K82" s="11">
        <v>7729.6</v>
      </c>
      <c r="L82" s="11"/>
      <c r="M82" s="11">
        <v>-6860.04</v>
      </c>
      <c r="N82" s="11"/>
      <c r="O82" s="11">
        <v>869.56</v>
      </c>
      <c r="P82" s="11">
        <v>869.56</v>
      </c>
    </row>
    <row r="83" spans="2:16" x14ac:dyDescent="0.25">
      <c r="B83" s="9" t="s">
        <v>91</v>
      </c>
      <c r="C83" s="11">
        <v>5977.25</v>
      </c>
      <c r="D83" s="11">
        <v>23250.57</v>
      </c>
      <c r="E83" s="11">
        <v>8042.5</v>
      </c>
      <c r="F83" s="11">
        <v>2138.4899999999998</v>
      </c>
      <c r="G83" s="11">
        <v>2219.34</v>
      </c>
      <c r="H83" s="11">
        <v>8913.9599999999991</v>
      </c>
      <c r="I83" s="11">
        <v>7567.4</v>
      </c>
      <c r="J83" s="11">
        <v>-1706.27</v>
      </c>
      <c r="K83" s="11">
        <v>6935.77</v>
      </c>
      <c r="L83" s="11">
        <v>2977.67</v>
      </c>
      <c r="M83" s="11">
        <v>1158.6099999999999</v>
      </c>
      <c r="N83" s="11">
        <v>4684.6499999999996</v>
      </c>
      <c r="O83" s="11">
        <v>72159.94</v>
      </c>
      <c r="P83" s="11">
        <v>72159.94</v>
      </c>
    </row>
    <row r="84" spans="2:16" x14ac:dyDescent="0.25">
      <c r="B84" s="9" t="s">
        <v>92</v>
      </c>
      <c r="C84" s="11"/>
      <c r="D84" s="11"/>
      <c r="E84" s="11">
        <v>3502.69</v>
      </c>
      <c r="F84" s="11">
        <v>1736</v>
      </c>
      <c r="G84" s="11">
        <v>2143.8000000000002</v>
      </c>
      <c r="H84" s="11">
        <v>1677.84</v>
      </c>
      <c r="I84" s="11">
        <v>2295.94</v>
      </c>
      <c r="J84" s="11">
        <v>1483.41</v>
      </c>
      <c r="K84" s="11">
        <v>1699.78</v>
      </c>
      <c r="L84" s="11">
        <v>4038.64</v>
      </c>
      <c r="M84" s="11">
        <v>3062.61</v>
      </c>
      <c r="N84" s="11">
        <v>9334.89</v>
      </c>
      <c r="O84" s="11">
        <v>30975.599999999999</v>
      </c>
      <c r="P84" s="11">
        <v>30975.599999999999</v>
      </c>
    </row>
    <row r="85" spans="2:16" x14ac:dyDescent="0.25">
      <c r="B85" s="9" t="s">
        <v>95</v>
      </c>
      <c r="C85" s="11"/>
      <c r="D85" s="11"/>
      <c r="E85" s="11"/>
      <c r="F85" s="11"/>
      <c r="G85" s="11"/>
      <c r="H85" s="11">
        <v>23.68</v>
      </c>
      <c r="I85" s="11">
        <v>840.1</v>
      </c>
      <c r="J85" s="11"/>
      <c r="K85" s="11"/>
      <c r="L85" s="11">
        <v>193.7</v>
      </c>
      <c r="M85" s="11">
        <v>91.91</v>
      </c>
      <c r="N85" s="11">
        <v>382.82</v>
      </c>
      <c r="O85" s="11">
        <v>1532.21</v>
      </c>
      <c r="P85" s="11">
        <v>1532.21</v>
      </c>
    </row>
    <row r="86" spans="2:16" x14ac:dyDescent="0.25">
      <c r="B86" s="9" t="s">
        <v>96</v>
      </c>
      <c r="C86" s="11">
        <v>8607.4</v>
      </c>
      <c r="D86" s="11">
        <v>8701.18</v>
      </c>
      <c r="E86" s="11">
        <v>8654.1200000000008</v>
      </c>
      <c r="F86" s="11">
        <v>7957.74</v>
      </c>
      <c r="G86" s="11">
        <v>10091.709999999999</v>
      </c>
      <c r="H86" s="11">
        <v>10092.32</v>
      </c>
      <c r="I86" s="11">
        <v>11327.63</v>
      </c>
      <c r="J86" s="11">
        <v>9241.61</v>
      </c>
      <c r="K86" s="11">
        <v>8092.69</v>
      </c>
      <c r="L86" s="11">
        <v>13803.73</v>
      </c>
      <c r="M86" s="11">
        <v>10254.32</v>
      </c>
      <c r="N86" s="11">
        <v>13247.71</v>
      </c>
      <c r="O86" s="11">
        <v>120072.16</v>
      </c>
      <c r="P86" s="11">
        <v>120072.16</v>
      </c>
    </row>
    <row r="87" spans="2:16" x14ac:dyDescent="0.25">
      <c r="B87" s="9" t="s">
        <v>97</v>
      </c>
      <c r="C87" s="11">
        <v>2442.94</v>
      </c>
      <c r="D87" s="11">
        <v>2035.96</v>
      </c>
      <c r="E87" s="11">
        <v>393.08</v>
      </c>
      <c r="F87" s="11">
        <v>83.65</v>
      </c>
      <c r="G87" s="11">
        <v>-46.51</v>
      </c>
      <c r="H87" s="11">
        <v>13.53</v>
      </c>
      <c r="I87" s="11">
        <v>157.07</v>
      </c>
      <c r="J87" s="11">
        <v>299.05</v>
      </c>
      <c r="K87" s="11">
        <v>-24.63</v>
      </c>
      <c r="L87" s="11">
        <v>50.32</v>
      </c>
      <c r="M87" s="11">
        <v>951.57</v>
      </c>
      <c r="N87" s="11">
        <v>2585.4499999999998</v>
      </c>
      <c r="O87" s="11">
        <v>8941.48</v>
      </c>
      <c r="P87" s="11">
        <v>8941.48</v>
      </c>
    </row>
    <row r="88" spans="2:16" x14ac:dyDescent="0.25">
      <c r="B88" s="9" t="s">
        <v>98</v>
      </c>
      <c r="C88" s="11"/>
      <c r="D88" s="11"/>
      <c r="E88" s="11"/>
      <c r="F88" s="11"/>
      <c r="G88" s="11"/>
      <c r="H88" s="11"/>
      <c r="I88" s="11"/>
      <c r="J88" s="11"/>
      <c r="K88" s="11"/>
      <c r="L88" s="11"/>
      <c r="M88" s="11">
        <v>526.11</v>
      </c>
      <c r="N88" s="11">
        <v>445.52</v>
      </c>
      <c r="O88" s="11">
        <v>971.63</v>
      </c>
      <c r="P88" s="11">
        <v>971.63</v>
      </c>
    </row>
    <row r="89" spans="2:16" x14ac:dyDescent="0.25">
      <c r="B89" s="9" t="s">
        <v>99</v>
      </c>
      <c r="C89" s="11"/>
      <c r="D89" s="11"/>
      <c r="E89" s="11"/>
      <c r="F89" s="11"/>
      <c r="G89" s="11"/>
      <c r="H89" s="11"/>
      <c r="I89" s="11"/>
      <c r="J89" s="11"/>
      <c r="K89" s="11"/>
      <c r="L89" s="11"/>
      <c r="M89" s="11">
        <v>366.07</v>
      </c>
      <c r="N89" s="11">
        <v>417.29</v>
      </c>
      <c r="O89" s="11">
        <v>783.36</v>
      </c>
      <c r="P89" s="11">
        <v>783.36</v>
      </c>
    </row>
    <row r="90" spans="2:16" x14ac:dyDescent="0.25">
      <c r="B90" s="9" t="s">
        <v>100</v>
      </c>
      <c r="C90" s="11"/>
      <c r="D90" s="11"/>
      <c r="E90" s="11"/>
      <c r="F90" s="11"/>
      <c r="G90" s="11"/>
      <c r="H90" s="11"/>
      <c r="I90" s="11"/>
      <c r="J90" s="11"/>
      <c r="K90" s="11"/>
      <c r="L90" s="11"/>
      <c r="M90" s="11">
        <v>292.87</v>
      </c>
      <c r="N90" s="11">
        <v>333.85</v>
      </c>
      <c r="O90" s="11">
        <v>626.72</v>
      </c>
      <c r="P90" s="11">
        <v>626.72</v>
      </c>
    </row>
    <row r="91" spans="2:16" x14ac:dyDescent="0.25">
      <c r="B91" s="9" t="s">
        <v>102</v>
      </c>
      <c r="C91" s="11">
        <v>-28626.92</v>
      </c>
      <c r="D91" s="11">
        <v>-24840.22</v>
      </c>
      <c r="E91" s="11">
        <v>-17545.47</v>
      </c>
      <c r="F91" s="11"/>
      <c r="G91" s="11">
        <v>-18808.580000000002</v>
      </c>
      <c r="H91" s="11">
        <v>-37516.15</v>
      </c>
      <c r="I91" s="11">
        <v>-22769.81</v>
      </c>
      <c r="J91" s="11">
        <v>-21288.38</v>
      </c>
      <c r="K91" s="11">
        <v>-20310.62</v>
      </c>
      <c r="L91" s="11">
        <v>-17406.900000000001</v>
      </c>
      <c r="M91" s="11">
        <v>-23027.200000000001</v>
      </c>
      <c r="N91" s="11">
        <v>-30214.86</v>
      </c>
      <c r="O91" s="11">
        <v>-262355.11</v>
      </c>
      <c r="P91" s="11">
        <v>-262355.11</v>
      </c>
    </row>
    <row r="92" spans="2:16" x14ac:dyDescent="0.25">
      <c r="B92" s="9" t="s">
        <v>103</v>
      </c>
      <c r="C92" s="11"/>
      <c r="D92" s="11"/>
      <c r="E92" s="11"/>
      <c r="F92" s="11">
        <v>-20</v>
      </c>
      <c r="G92" s="11"/>
      <c r="H92" s="11">
        <v>-20</v>
      </c>
      <c r="I92" s="11"/>
      <c r="J92" s="11"/>
      <c r="K92" s="11"/>
      <c r="L92" s="11"/>
      <c r="M92" s="11"/>
      <c r="N92" s="11">
        <v>-20</v>
      </c>
      <c r="O92" s="11">
        <v>-60</v>
      </c>
      <c r="P92" s="11">
        <v>-60</v>
      </c>
    </row>
    <row r="93" spans="2:16" x14ac:dyDescent="0.25">
      <c r="B93" s="9" t="s">
        <v>105</v>
      </c>
      <c r="C93" s="11">
        <v>-0.1</v>
      </c>
      <c r="D93" s="11">
        <v>-0.1</v>
      </c>
      <c r="E93" s="11"/>
      <c r="F93" s="11">
        <v>-0.28000000000000003</v>
      </c>
      <c r="G93" s="11">
        <v>-0.1</v>
      </c>
      <c r="H93" s="11">
        <v>-1.22</v>
      </c>
      <c r="I93" s="11">
        <v>-0.1</v>
      </c>
      <c r="J93" s="11">
        <v>-20.3</v>
      </c>
      <c r="K93" s="11">
        <v>-0.1</v>
      </c>
      <c r="L93" s="11"/>
      <c r="M93" s="11">
        <v>-0.1</v>
      </c>
      <c r="N93" s="11">
        <v>-0.1</v>
      </c>
      <c r="O93" s="11">
        <v>-22.5</v>
      </c>
      <c r="P93" s="11">
        <v>-22.5</v>
      </c>
    </row>
    <row r="94" spans="2:16" x14ac:dyDescent="0.25">
      <c r="B94" s="9" t="s">
        <v>107</v>
      </c>
      <c r="C94" s="11"/>
      <c r="D94" s="11">
        <v>-4.46</v>
      </c>
      <c r="E94" s="11">
        <v>-2.23</v>
      </c>
      <c r="F94" s="11">
        <v>-2.23</v>
      </c>
      <c r="G94" s="11"/>
      <c r="H94" s="11"/>
      <c r="I94" s="11">
        <v>0</v>
      </c>
      <c r="J94" s="11"/>
      <c r="K94" s="11"/>
      <c r="L94" s="11">
        <v>0</v>
      </c>
      <c r="M94" s="11"/>
      <c r="N94" s="11">
        <v>-0.4</v>
      </c>
      <c r="O94" s="11">
        <v>-9.32</v>
      </c>
      <c r="P94" s="11">
        <v>-9.32</v>
      </c>
    </row>
    <row r="95" spans="2:16" x14ac:dyDescent="0.25">
      <c r="B95" s="9" t="s">
        <v>108</v>
      </c>
      <c r="C95" s="11">
        <v>26.97</v>
      </c>
      <c r="D95" s="11"/>
      <c r="E95" s="11">
        <v>0.37</v>
      </c>
      <c r="F95" s="11"/>
      <c r="G95" s="11"/>
      <c r="H95" s="11">
        <v>-119.71</v>
      </c>
      <c r="I95" s="11">
        <v>-7.0000000000000007E-2</v>
      </c>
      <c r="J95" s="11">
        <v>-0.17</v>
      </c>
      <c r="K95" s="11"/>
      <c r="L95" s="11"/>
      <c r="M95" s="11"/>
      <c r="N95" s="11"/>
      <c r="O95" s="11">
        <v>-92.61</v>
      </c>
      <c r="P95" s="11">
        <v>-92.61</v>
      </c>
    </row>
    <row r="96" spans="2:16" x14ac:dyDescent="0.25">
      <c r="B96" s="9" t="s">
        <v>109</v>
      </c>
      <c r="C96" s="11">
        <v>485.78</v>
      </c>
      <c r="D96" s="11">
        <v>279.73</v>
      </c>
      <c r="E96" s="11">
        <v>728.77</v>
      </c>
      <c r="F96" s="11">
        <v>331.19</v>
      </c>
      <c r="G96" s="11">
        <v>1315.44</v>
      </c>
      <c r="H96" s="11">
        <v>1214.75</v>
      </c>
      <c r="I96" s="11">
        <v>441.7</v>
      </c>
      <c r="J96" s="11">
        <v>308.95999999999998</v>
      </c>
      <c r="K96" s="11">
        <v>309.06</v>
      </c>
      <c r="L96" s="11">
        <v>507.87</v>
      </c>
      <c r="M96" s="11">
        <v>419.51</v>
      </c>
      <c r="N96" s="11">
        <v>617.12</v>
      </c>
      <c r="O96" s="11">
        <v>6959.88</v>
      </c>
      <c r="P96" s="11">
        <v>6959.88</v>
      </c>
    </row>
    <row r="97" spans="2:16" x14ac:dyDescent="0.25">
      <c r="B97" s="9" t="s">
        <v>113</v>
      </c>
      <c r="C97" s="11">
        <v>-159055.26</v>
      </c>
      <c r="D97" s="11">
        <v>-175361.75</v>
      </c>
      <c r="E97" s="11">
        <v>-72853.78</v>
      </c>
      <c r="F97" s="11">
        <v>-172545.38</v>
      </c>
      <c r="G97" s="11">
        <v>-173632.81</v>
      </c>
      <c r="H97" s="11">
        <v>17337.77</v>
      </c>
      <c r="I97" s="11">
        <v>-173986.91</v>
      </c>
      <c r="J97" s="11">
        <v>-181705.98</v>
      </c>
      <c r="K97" s="11">
        <v>-332209.34999999998</v>
      </c>
      <c r="L97" s="11">
        <v>-447515.24</v>
      </c>
      <c r="M97" s="11">
        <v>-146775.47</v>
      </c>
      <c r="N97" s="11">
        <v>152508.06</v>
      </c>
      <c r="O97" s="11">
        <v>-1865796.1</v>
      </c>
      <c r="P97" s="11">
        <v>-1865796.1</v>
      </c>
    </row>
    <row r="98" spans="2:16" x14ac:dyDescent="0.25">
      <c r="B98" s="9" t="s">
        <v>114</v>
      </c>
      <c r="C98" s="11">
        <v>-284.14</v>
      </c>
      <c r="D98" s="11">
        <v>-264.29000000000002</v>
      </c>
      <c r="E98" s="11">
        <v>-246.95</v>
      </c>
      <c r="F98" s="11">
        <v>-295.25</v>
      </c>
      <c r="G98" s="11">
        <v>-286.94</v>
      </c>
      <c r="H98" s="11">
        <v>-289.95999999999998</v>
      </c>
      <c r="I98" s="11">
        <v>-463.54</v>
      </c>
      <c r="J98" s="11">
        <v>-267.49</v>
      </c>
      <c r="K98" s="11">
        <v>-301.14999999999998</v>
      </c>
      <c r="L98" s="11">
        <v>-264.18</v>
      </c>
      <c r="M98" s="11">
        <v>-299.5</v>
      </c>
      <c r="N98" s="11">
        <v>-442.02</v>
      </c>
      <c r="O98" s="11">
        <v>-3705.41</v>
      </c>
      <c r="P98" s="11">
        <v>-3705.41</v>
      </c>
    </row>
    <row r="99" spans="2:16" x14ac:dyDescent="0.25">
      <c r="B99" s="9" t="s">
        <v>115</v>
      </c>
      <c r="C99" s="11"/>
      <c r="D99" s="11"/>
      <c r="E99" s="11"/>
      <c r="F99" s="11"/>
      <c r="G99" s="11"/>
      <c r="H99" s="11"/>
      <c r="I99" s="11"/>
      <c r="J99" s="11"/>
      <c r="K99" s="11"/>
      <c r="L99" s="11">
        <v>-2.15</v>
      </c>
      <c r="M99" s="11"/>
      <c r="N99" s="11"/>
      <c r="O99" s="11">
        <v>-2.15</v>
      </c>
      <c r="P99" s="11">
        <v>-2.15</v>
      </c>
    </row>
    <row r="100" spans="2:16" x14ac:dyDescent="0.25">
      <c r="B100" s="9" t="s">
        <v>116</v>
      </c>
      <c r="C100" s="11">
        <v>-2423.1999999999998</v>
      </c>
      <c r="D100" s="11">
        <v>-2882.8</v>
      </c>
      <c r="E100" s="11">
        <v>-2263.5700000000002</v>
      </c>
      <c r="F100" s="11">
        <v>-4347.6499999999996</v>
      </c>
      <c r="G100" s="11">
        <v>-4808.6099999999997</v>
      </c>
      <c r="H100" s="11">
        <v>-4744.79</v>
      </c>
      <c r="I100" s="11">
        <v>-4077.23</v>
      </c>
      <c r="J100" s="11">
        <v>-5229.78</v>
      </c>
      <c r="K100" s="11">
        <v>-4873.41</v>
      </c>
      <c r="L100" s="11">
        <v>-4094.1</v>
      </c>
      <c r="M100" s="11">
        <v>-6131.96</v>
      </c>
      <c r="N100" s="11">
        <v>-4109.71</v>
      </c>
      <c r="O100" s="11">
        <v>-49986.81</v>
      </c>
      <c r="P100" s="11">
        <v>-49986.81</v>
      </c>
    </row>
    <row r="101" spans="2:16" x14ac:dyDescent="0.25">
      <c r="B101" s="9" t="s">
        <v>117</v>
      </c>
      <c r="C101" s="11"/>
      <c r="D101" s="11"/>
      <c r="E101" s="11"/>
      <c r="F101" s="11"/>
      <c r="G101" s="11"/>
      <c r="H101" s="11"/>
      <c r="I101" s="11"/>
      <c r="J101" s="11"/>
      <c r="K101" s="11"/>
      <c r="L101" s="11"/>
      <c r="M101" s="11">
        <v>-0.41</v>
      </c>
      <c r="N101" s="11">
        <v>-0.81</v>
      </c>
      <c r="O101" s="11">
        <v>-1.22</v>
      </c>
      <c r="P101" s="11">
        <v>-1.22</v>
      </c>
    </row>
    <row r="102" spans="2:16" x14ac:dyDescent="0.25">
      <c r="B102" s="9" t="s">
        <v>118</v>
      </c>
      <c r="C102" s="11">
        <v>-0.22</v>
      </c>
      <c r="D102" s="11">
        <v>-0.22</v>
      </c>
      <c r="E102" s="11">
        <v>-0.22</v>
      </c>
      <c r="F102" s="11">
        <v>-0.22</v>
      </c>
      <c r="G102" s="11">
        <v>-0.22</v>
      </c>
      <c r="H102" s="11">
        <v>-0.22</v>
      </c>
      <c r="I102" s="11"/>
      <c r="J102" s="11">
        <v>-1.28</v>
      </c>
      <c r="K102" s="11">
        <v>-0.22</v>
      </c>
      <c r="L102" s="11">
        <v>-0.22</v>
      </c>
      <c r="M102" s="11">
        <v>-0.22</v>
      </c>
      <c r="N102" s="11">
        <v>-0.22</v>
      </c>
      <c r="O102" s="11">
        <v>-3.48</v>
      </c>
      <c r="P102" s="11">
        <v>-3.48</v>
      </c>
    </row>
    <row r="103" spans="2:16" x14ac:dyDescent="0.25">
      <c r="B103" s="9" t="s">
        <v>119</v>
      </c>
      <c r="C103" s="11">
        <v>-16773.07</v>
      </c>
      <c r="D103" s="11">
        <v>-19652.689999999999</v>
      </c>
      <c r="E103" s="11">
        <v>-16433.580000000002</v>
      </c>
      <c r="F103" s="11">
        <v>-17035.39</v>
      </c>
      <c r="G103" s="11">
        <v>-17577.84</v>
      </c>
      <c r="H103" s="11">
        <v>-17420.29</v>
      </c>
      <c r="I103" s="11">
        <v>-14626.48</v>
      </c>
      <c r="J103" s="11">
        <v>-15927.27</v>
      </c>
      <c r="K103" s="11">
        <v>-16796.25</v>
      </c>
      <c r="L103" s="11">
        <v>-14169.83</v>
      </c>
      <c r="M103" s="11">
        <v>-14509.32</v>
      </c>
      <c r="N103" s="11">
        <v>-15264.85</v>
      </c>
      <c r="O103" s="11">
        <v>-196186.86</v>
      </c>
      <c r="P103" s="11">
        <v>-196186.86</v>
      </c>
    </row>
    <row r="104" spans="2:16" x14ac:dyDescent="0.25">
      <c r="B104" s="9" t="s">
        <v>120</v>
      </c>
      <c r="C104" s="11">
        <v>-0.18</v>
      </c>
      <c r="D104" s="11">
        <v>-1.6</v>
      </c>
      <c r="E104" s="11">
        <v>-3.18</v>
      </c>
      <c r="F104" s="11">
        <v>-5.21</v>
      </c>
      <c r="G104" s="11">
        <v>-0.1</v>
      </c>
      <c r="H104" s="11">
        <v>-0.1</v>
      </c>
      <c r="I104" s="11">
        <v>-0.2</v>
      </c>
      <c r="J104" s="11">
        <v>-3.8</v>
      </c>
      <c r="K104" s="11">
        <v>-2.23</v>
      </c>
      <c r="L104" s="11">
        <v>-19.95</v>
      </c>
      <c r="M104" s="11">
        <v>-22.47</v>
      </c>
      <c r="N104" s="11">
        <v>-2.3199999999999998</v>
      </c>
      <c r="O104" s="11">
        <v>-61.34</v>
      </c>
      <c r="P104" s="11">
        <v>-61.34</v>
      </c>
    </row>
    <row r="105" spans="2:16" x14ac:dyDescent="0.25">
      <c r="B105" s="9" t="s">
        <v>121</v>
      </c>
      <c r="C105" s="11">
        <v>-5776.98</v>
      </c>
      <c r="D105" s="11">
        <v>-3738.67</v>
      </c>
      <c r="E105" s="11">
        <v>-9060.17</v>
      </c>
      <c r="F105" s="11">
        <v>-3204.71</v>
      </c>
      <c r="G105" s="11">
        <v>-12185.09</v>
      </c>
      <c r="H105" s="11">
        <v>-8725.82</v>
      </c>
      <c r="I105" s="11">
        <v>-5638.28</v>
      </c>
      <c r="J105" s="11">
        <v>-5508.57</v>
      </c>
      <c r="K105" s="11">
        <v>-4719.47</v>
      </c>
      <c r="L105" s="11">
        <v>-7919.31</v>
      </c>
      <c r="M105" s="11">
        <v>-6230.34</v>
      </c>
      <c r="N105" s="11">
        <v>-10838.57</v>
      </c>
      <c r="O105" s="11">
        <v>-83545.98</v>
      </c>
      <c r="P105" s="11">
        <v>-83545.98</v>
      </c>
    </row>
    <row r="106" spans="2:16" x14ac:dyDescent="0.25">
      <c r="B106" s="9" t="s">
        <v>122</v>
      </c>
      <c r="C106" s="11">
        <v>-25126.05</v>
      </c>
      <c r="D106" s="11">
        <v>-25843.47</v>
      </c>
      <c r="E106" s="11">
        <v>-25871.37</v>
      </c>
      <c r="F106" s="11">
        <v>-23825.24</v>
      </c>
      <c r="G106" s="11">
        <v>-24022.33</v>
      </c>
      <c r="H106" s="11">
        <v>-22401.27</v>
      </c>
      <c r="I106" s="11">
        <v>-19794.95</v>
      </c>
      <c r="J106" s="11">
        <v>-19505.560000000001</v>
      </c>
      <c r="K106" s="11">
        <v>-19905.32</v>
      </c>
      <c r="L106" s="11">
        <v>-19921.12</v>
      </c>
      <c r="M106" s="11">
        <v>-20440.349999999999</v>
      </c>
      <c r="N106" s="11">
        <v>-20412.82</v>
      </c>
      <c r="O106" s="11">
        <v>-267069.84999999998</v>
      </c>
      <c r="P106" s="11">
        <v>-267069.84999999998</v>
      </c>
    </row>
    <row r="107" spans="2:16" x14ac:dyDescent="0.25">
      <c r="B107" s="9" t="s">
        <v>123</v>
      </c>
      <c r="C107" s="11">
        <v>-1.25</v>
      </c>
      <c r="D107" s="11">
        <v>-0.63</v>
      </c>
      <c r="E107" s="11"/>
      <c r="F107" s="11"/>
      <c r="G107" s="11"/>
      <c r="H107" s="11">
        <v>-0.5</v>
      </c>
      <c r="I107" s="11"/>
      <c r="J107" s="11">
        <v>-2.4300000000000002</v>
      </c>
      <c r="K107" s="11">
        <v>-1.18</v>
      </c>
      <c r="L107" s="11">
        <v>-0.78</v>
      </c>
      <c r="M107" s="11"/>
      <c r="N107" s="11">
        <v>-0.7</v>
      </c>
      <c r="O107" s="11">
        <v>-7.47</v>
      </c>
      <c r="P107" s="11">
        <v>-7.47</v>
      </c>
    </row>
    <row r="108" spans="2:16" x14ac:dyDescent="0.25">
      <c r="B108" s="9" t="s">
        <v>124</v>
      </c>
      <c r="C108" s="11"/>
      <c r="D108" s="11">
        <v>-0.2</v>
      </c>
      <c r="E108" s="11"/>
      <c r="F108" s="11"/>
      <c r="G108" s="11"/>
      <c r="H108" s="11"/>
      <c r="I108" s="11"/>
      <c r="J108" s="11"/>
      <c r="K108" s="11"/>
      <c r="L108" s="11"/>
      <c r="M108" s="11"/>
      <c r="N108" s="11"/>
      <c r="O108" s="11">
        <v>-0.2</v>
      </c>
      <c r="P108" s="11">
        <v>-0.2</v>
      </c>
    </row>
    <row r="109" spans="2:16" x14ac:dyDescent="0.25">
      <c r="B109" s="9" t="s">
        <v>125</v>
      </c>
      <c r="C109" s="11">
        <v>-9991.7000000000007</v>
      </c>
      <c r="D109" s="11">
        <v>-30468.21</v>
      </c>
      <c r="E109" s="11">
        <v>-28473.14</v>
      </c>
      <c r="F109" s="11">
        <v>-18325.2</v>
      </c>
      <c r="G109" s="11">
        <v>-21222.86</v>
      </c>
      <c r="H109" s="11">
        <v>-25170.82</v>
      </c>
      <c r="I109" s="11">
        <v>-20489.32</v>
      </c>
      <c r="J109" s="11">
        <v>-27528.21</v>
      </c>
      <c r="K109" s="11">
        <v>-21296.51</v>
      </c>
      <c r="L109" s="11">
        <v>-43512.03</v>
      </c>
      <c r="M109" s="11">
        <v>-3757.41</v>
      </c>
      <c r="N109" s="11">
        <v>-21083.439999999999</v>
      </c>
      <c r="O109" s="11">
        <v>-271318.84999999998</v>
      </c>
      <c r="P109" s="11">
        <v>-271318.84999999998</v>
      </c>
    </row>
    <row r="110" spans="2:16" x14ac:dyDescent="0.25">
      <c r="B110" s="9" t="s">
        <v>128</v>
      </c>
      <c r="C110" s="11">
        <v>-0.41</v>
      </c>
      <c r="D110" s="11">
        <v>-0.41</v>
      </c>
      <c r="E110" s="11">
        <v>-0.41</v>
      </c>
      <c r="F110" s="11"/>
      <c r="G110" s="11">
        <v>-0.81</v>
      </c>
      <c r="H110" s="11">
        <v>-0.41</v>
      </c>
      <c r="I110" s="11">
        <v>-0.41</v>
      </c>
      <c r="J110" s="11">
        <v>-0.41</v>
      </c>
      <c r="K110" s="11"/>
      <c r="L110" s="11">
        <v>-0.41</v>
      </c>
      <c r="M110" s="11">
        <v>-0.41</v>
      </c>
      <c r="N110" s="11">
        <v>25.27</v>
      </c>
      <c r="O110" s="11">
        <v>21.18</v>
      </c>
      <c r="P110" s="11">
        <v>21.18</v>
      </c>
    </row>
    <row r="111" spans="2:16" x14ac:dyDescent="0.25">
      <c r="B111" s="9" t="s">
        <v>131</v>
      </c>
      <c r="C111" s="11"/>
      <c r="D111" s="11"/>
      <c r="E111" s="11">
        <v>300</v>
      </c>
      <c r="F111" s="11">
        <v>2981.44</v>
      </c>
      <c r="G111" s="11">
        <v>898.7</v>
      </c>
      <c r="H111" s="11"/>
      <c r="I111" s="11">
        <v>359.6</v>
      </c>
      <c r="J111" s="11">
        <v>500</v>
      </c>
      <c r="K111" s="11">
        <v>745</v>
      </c>
      <c r="L111" s="11">
        <v>1893</v>
      </c>
      <c r="M111" s="11"/>
      <c r="N111" s="11"/>
      <c r="O111" s="11">
        <v>7677.74</v>
      </c>
      <c r="P111" s="11">
        <v>7677.74</v>
      </c>
    </row>
    <row r="112" spans="2:16" x14ac:dyDescent="0.25">
      <c r="B112" s="9" t="s">
        <v>132</v>
      </c>
      <c r="C112" s="11">
        <v>21831.67</v>
      </c>
      <c r="D112" s="11">
        <v>21831.67</v>
      </c>
      <c r="E112" s="11">
        <v>21831.67</v>
      </c>
      <c r="F112" s="11">
        <v>21831.67</v>
      </c>
      <c r="G112" s="11">
        <v>21831.67</v>
      </c>
      <c r="H112" s="11">
        <v>21831.67</v>
      </c>
      <c r="I112" s="11">
        <v>21831.67</v>
      </c>
      <c r="J112" s="11">
        <v>21831.67</v>
      </c>
      <c r="K112" s="11">
        <v>21831.67</v>
      </c>
      <c r="L112" s="11">
        <v>21831.67</v>
      </c>
      <c r="M112" s="11">
        <v>21831.67</v>
      </c>
      <c r="N112" s="11">
        <v>21831.67</v>
      </c>
      <c r="O112" s="11">
        <v>261980.04</v>
      </c>
      <c r="P112" s="11">
        <v>261980.04</v>
      </c>
    </row>
    <row r="113" spans="1:16" x14ac:dyDescent="0.25">
      <c r="B113" s="9" t="s">
        <v>135</v>
      </c>
      <c r="C113" s="11">
        <v>-1.95</v>
      </c>
      <c r="D113" s="11">
        <v>-3.68</v>
      </c>
      <c r="E113" s="11">
        <v>-15.89</v>
      </c>
      <c r="F113" s="11">
        <v>-0.1</v>
      </c>
      <c r="G113" s="11">
        <v>-5.72</v>
      </c>
      <c r="H113" s="11">
        <v>-15108.99</v>
      </c>
      <c r="I113" s="11">
        <v>-10.28</v>
      </c>
      <c r="J113" s="11">
        <v>-8.8699999999999992</v>
      </c>
      <c r="K113" s="11">
        <v>-1.18</v>
      </c>
      <c r="L113" s="11">
        <v>-17.82</v>
      </c>
      <c r="M113" s="11">
        <v>-11630.36</v>
      </c>
      <c r="N113" s="11">
        <v>-1780.53</v>
      </c>
      <c r="O113" s="11">
        <v>-28585.37</v>
      </c>
      <c r="P113" s="11">
        <v>-28585.37</v>
      </c>
    </row>
    <row r="114" spans="1:16" x14ac:dyDescent="0.25">
      <c r="B114" s="9" t="s">
        <v>137</v>
      </c>
      <c r="C114" s="11"/>
      <c r="D114" s="11">
        <v>-1.9</v>
      </c>
      <c r="E114" s="11"/>
      <c r="F114" s="11"/>
      <c r="G114" s="11"/>
      <c r="H114" s="11">
        <v>-0.4</v>
      </c>
      <c r="I114" s="11"/>
      <c r="J114" s="11"/>
      <c r="K114" s="11"/>
      <c r="L114" s="11"/>
      <c r="M114" s="11"/>
      <c r="N114" s="11"/>
      <c r="O114" s="11">
        <v>-2.2999999999999998</v>
      </c>
      <c r="P114" s="11">
        <v>-2.2999999999999998</v>
      </c>
    </row>
    <row r="115" spans="1:16" x14ac:dyDescent="0.25">
      <c r="B115" s="9" t="s">
        <v>138</v>
      </c>
      <c r="C115" s="11">
        <v>-137775.07</v>
      </c>
      <c r="D115" s="11">
        <v>-121037.17</v>
      </c>
      <c r="E115" s="11">
        <v>-103250.51</v>
      </c>
      <c r="F115" s="11">
        <v>-137219.01999999999</v>
      </c>
      <c r="G115" s="11">
        <v>-128899.11</v>
      </c>
      <c r="H115" s="11">
        <v>-67805</v>
      </c>
      <c r="I115" s="11">
        <v>-174265.59</v>
      </c>
      <c r="J115" s="11">
        <v>-142929</v>
      </c>
      <c r="K115" s="11">
        <v>-194155.72</v>
      </c>
      <c r="L115" s="11">
        <v>-219242.13</v>
      </c>
      <c r="M115" s="11">
        <v>-7758.48</v>
      </c>
      <c r="N115" s="11">
        <v>-51495.040000000001</v>
      </c>
      <c r="O115" s="11">
        <v>-1485831.84</v>
      </c>
      <c r="P115" s="11">
        <v>-1485831.84</v>
      </c>
    </row>
    <row r="116" spans="1:16" x14ac:dyDescent="0.25">
      <c r="B116" s="9" t="s">
        <v>140</v>
      </c>
      <c r="C116" s="11">
        <v>12227</v>
      </c>
      <c r="D116" s="11">
        <v>12227</v>
      </c>
      <c r="E116" s="11">
        <v>12227</v>
      </c>
      <c r="F116" s="11">
        <v>12227</v>
      </c>
      <c r="G116" s="11">
        <v>12227</v>
      </c>
      <c r="H116" s="11">
        <v>12227</v>
      </c>
      <c r="I116" s="11">
        <v>12227</v>
      </c>
      <c r="J116" s="11">
        <v>12227</v>
      </c>
      <c r="K116" s="11">
        <v>12227</v>
      </c>
      <c r="L116" s="11">
        <v>12227</v>
      </c>
      <c r="M116" s="11">
        <v>12227</v>
      </c>
      <c r="N116" s="11">
        <v>12227</v>
      </c>
      <c r="O116" s="11">
        <v>146724</v>
      </c>
      <c r="P116" s="11">
        <v>146724</v>
      </c>
    </row>
    <row r="117" spans="1:16" x14ac:dyDescent="0.25">
      <c r="B117" s="9" t="s">
        <v>143</v>
      </c>
      <c r="C117" s="11">
        <v>-48396.22</v>
      </c>
      <c r="D117" s="11">
        <v>-40752.129999999997</v>
      </c>
      <c r="E117" s="11">
        <v>-38792.61</v>
      </c>
      <c r="F117" s="11">
        <v>-47804.94</v>
      </c>
      <c r="G117" s="11">
        <v>-32882.21</v>
      </c>
      <c r="H117" s="11">
        <v>-40366.51</v>
      </c>
      <c r="I117" s="11">
        <v>-86774.69</v>
      </c>
      <c r="J117" s="11">
        <v>-41586.57</v>
      </c>
      <c r="K117" s="11">
        <v>-48890.22</v>
      </c>
      <c r="L117" s="11">
        <v>-94220.31</v>
      </c>
      <c r="M117" s="11">
        <v>-72991.899999999994</v>
      </c>
      <c r="N117" s="11">
        <v>-60660.44</v>
      </c>
      <c r="O117" s="11">
        <v>-654118.75</v>
      </c>
      <c r="P117" s="11">
        <v>-654118.75</v>
      </c>
    </row>
    <row r="118" spans="1:16" x14ac:dyDescent="0.25">
      <c r="B118" s="9" t="s">
        <v>144</v>
      </c>
      <c r="C118" s="11"/>
      <c r="D118" s="11"/>
      <c r="E118" s="11"/>
      <c r="F118" s="11"/>
      <c r="G118" s="11">
        <v>-0.38</v>
      </c>
      <c r="H118" s="11"/>
      <c r="I118" s="11"/>
      <c r="J118" s="11"/>
      <c r="K118" s="11"/>
      <c r="L118" s="11"/>
      <c r="M118" s="11"/>
      <c r="N118" s="11"/>
      <c r="O118" s="11">
        <v>-0.38</v>
      </c>
      <c r="P118" s="11">
        <v>-0.38</v>
      </c>
    </row>
    <row r="119" spans="1:16" x14ac:dyDescent="0.25">
      <c r="B119" s="9" t="s">
        <v>145</v>
      </c>
      <c r="C119" s="11">
        <v>24402.77</v>
      </c>
      <c r="D119" s="11">
        <v>31384.93</v>
      </c>
      <c r="E119" s="11">
        <v>29086.92</v>
      </c>
      <c r="F119" s="11">
        <v>30860.46</v>
      </c>
      <c r="G119" s="11">
        <v>26893.53</v>
      </c>
      <c r="H119" s="11">
        <v>27123.54</v>
      </c>
      <c r="I119" s="11">
        <v>27458.32</v>
      </c>
      <c r="J119" s="11">
        <v>27767.82</v>
      </c>
      <c r="K119" s="11">
        <v>25832.92</v>
      </c>
      <c r="L119" s="11">
        <v>29609.03</v>
      </c>
      <c r="M119" s="11">
        <v>12043.62</v>
      </c>
      <c r="N119" s="11">
        <v>23004.2</v>
      </c>
      <c r="O119" s="11">
        <v>315468.06</v>
      </c>
      <c r="P119" s="11">
        <v>315468.06</v>
      </c>
    </row>
    <row r="120" spans="1:16" x14ac:dyDescent="0.25">
      <c r="B120" s="9" t="s">
        <v>148</v>
      </c>
      <c r="C120" s="11">
        <v>-0.16</v>
      </c>
      <c r="D120" s="11"/>
      <c r="E120" s="11"/>
      <c r="F120" s="11"/>
      <c r="G120" s="11"/>
      <c r="H120" s="11"/>
      <c r="I120" s="11"/>
      <c r="J120" s="11"/>
      <c r="K120" s="11">
        <v>4491.8999999999996</v>
      </c>
      <c r="L120" s="11">
        <v>-0.26</v>
      </c>
      <c r="M120" s="11"/>
      <c r="N120" s="11">
        <v>-0.16</v>
      </c>
      <c r="O120" s="11">
        <v>4491.32</v>
      </c>
      <c r="P120" s="11">
        <v>4491.32</v>
      </c>
    </row>
    <row r="121" spans="1:16" x14ac:dyDescent="0.25">
      <c r="B121" s="9" t="s">
        <v>150</v>
      </c>
      <c r="C121" s="11">
        <v>-2.02</v>
      </c>
      <c r="D121" s="11">
        <v>-93.48</v>
      </c>
      <c r="E121" s="11">
        <v>-3.88</v>
      </c>
      <c r="F121" s="11">
        <v>-123.4</v>
      </c>
      <c r="G121" s="11">
        <v>-59.06</v>
      </c>
      <c r="H121" s="11">
        <v>-136.96</v>
      </c>
      <c r="I121" s="11">
        <v>-468.85</v>
      </c>
      <c r="J121" s="11">
        <v>-823.1</v>
      </c>
      <c r="K121" s="11">
        <v>3.2</v>
      </c>
      <c r="L121" s="11">
        <v>-43.58</v>
      </c>
      <c r="M121" s="11"/>
      <c r="N121" s="11">
        <v>-156.21</v>
      </c>
      <c r="O121" s="11">
        <v>-1907.34</v>
      </c>
      <c r="P121" s="11">
        <v>-1907.34</v>
      </c>
    </row>
    <row r="122" spans="1:16" x14ac:dyDescent="0.25">
      <c r="B122" s="9" t="s">
        <v>190</v>
      </c>
      <c r="C122" s="11"/>
      <c r="D122" s="11"/>
      <c r="E122" s="11">
        <v>0</v>
      </c>
      <c r="F122" s="11"/>
      <c r="G122" s="11"/>
      <c r="H122" s="11"/>
      <c r="I122" s="11"/>
      <c r="J122" s="11"/>
      <c r="K122" s="11"/>
      <c r="L122" s="11"/>
      <c r="M122" s="11"/>
      <c r="N122" s="11"/>
      <c r="O122" s="11">
        <v>0</v>
      </c>
      <c r="P122" s="11">
        <v>0</v>
      </c>
    </row>
    <row r="123" spans="1:16" x14ac:dyDescent="0.25">
      <c r="B123" s="9" t="s">
        <v>152</v>
      </c>
      <c r="C123" s="11">
        <v>-19.010000000000002</v>
      </c>
      <c r="D123" s="11">
        <v>-1.06</v>
      </c>
      <c r="E123" s="11">
        <v>-0.96</v>
      </c>
      <c r="F123" s="11">
        <v>-0.77</v>
      </c>
      <c r="G123" s="11">
        <v>-1</v>
      </c>
      <c r="H123" s="11">
        <v>-1.53</v>
      </c>
      <c r="I123" s="11">
        <v>24.31</v>
      </c>
      <c r="J123" s="11">
        <v>-0.92</v>
      </c>
      <c r="K123" s="11">
        <v>-1</v>
      </c>
      <c r="L123" s="11">
        <v>-0.9</v>
      </c>
      <c r="M123" s="11">
        <v>-2.31</v>
      </c>
      <c r="N123" s="11">
        <v>-60406.45</v>
      </c>
      <c r="O123" s="11">
        <v>-60411.6</v>
      </c>
      <c r="P123" s="11">
        <v>-60411.6</v>
      </c>
    </row>
    <row r="124" spans="1:16" x14ac:dyDescent="0.25">
      <c r="B124" s="9" t="s">
        <v>153</v>
      </c>
      <c r="C124" s="11">
        <v>-4979.84</v>
      </c>
      <c r="D124" s="11">
        <v>-5184</v>
      </c>
      <c r="E124" s="11">
        <v>-5033.75</v>
      </c>
      <c r="F124" s="11">
        <v>-5523.51</v>
      </c>
      <c r="G124" s="11">
        <v>-5155.58</v>
      </c>
      <c r="H124" s="11">
        <v>-5287.78</v>
      </c>
      <c r="I124" s="11">
        <v>-4933.95</v>
      </c>
      <c r="J124" s="11">
        <v>-4997.12</v>
      </c>
      <c r="K124" s="11">
        <v>-5377.14</v>
      </c>
      <c r="L124" s="11">
        <v>-5518.55</v>
      </c>
      <c r="M124" s="11">
        <v>-5767.35</v>
      </c>
      <c r="N124" s="11">
        <v>-5580.53</v>
      </c>
      <c r="O124" s="11">
        <v>-63339.1</v>
      </c>
      <c r="P124" s="11">
        <v>-63339.1</v>
      </c>
    </row>
    <row r="125" spans="1:16" x14ac:dyDescent="0.25">
      <c r="B125" s="9" t="s">
        <v>156</v>
      </c>
      <c r="C125" s="11"/>
      <c r="D125" s="11"/>
      <c r="E125" s="11"/>
      <c r="F125" s="11"/>
      <c r="G125" s="11"/>
      <c r="H125" s="11"/>
      <c r="I125" s="11"/>
      <c r="J125" s="11"/>
      <c r="K125" s="11"/>
      <c r="L125" s="11">
        <v>11.55</v>
      </c>
      <c r="M125" s="11"/>
      <c r="N125" s="11"/>
      <c r="O125" s="11">
        <v>11.55</v>
      </c>
      <c r="P125" s="11">
        <v>11.55</v>
      </c>
    </row>
    <row r="126" spans="1:16" x14ac:dyDescent="0.25">
      <c r="B126" s="9" t="s">
        <v>157</v>
      </c>
      <c r="C126" s="11">
        <v>-139.43</v>
      </c>
      <c r="D126" s="11">
        <v>-111.06</v>
      </c>
      <c r="E126" s="11">
        <v>-125.27</v>
      </c>
      <c r="F126" s="11">
        <v>-48.54</v>
      </c>
      <c r="G126" s="11">
        <v>-156.24</v>
      </c>
      <c r="H126" s="11">
        <v>-41.43</v>
      </c>
      <c r="I126" s="11">
        <v>-892.4</v>
      </c>
      <c r="J126" s="11">
        <v>-32.21</v>
      </c>
      <c r="K126" s="11">
        <v>169.57</v>
      </c>
      <c r="L126" s="11">
        <v>-127.77</v>
      </c>
      <c r="M126" s="11">
        <v>-100.33</v>
      </c>
      <c r="N126" s="11">
        <v>-483.85</v>
      </c>
      <c r="O126" s="11">
        <v>-2088.96</v>
      </c>
      <c r="P126" s="11">
        <v>-2088.96</v>
      </c>
    </row>
    <row r="127" spans="1:16" x14ac:dyDescent="0.25">
      <c r="A127" t="s">
        <v>166</v>
      </c>
      <c r="C127" s="11">
        <v>3052448.69</v>
      </c>
      <c r="D127" s="11">
        <v>4587592.66</v>
      </c>
      <c r="E127" s="11">
        <v>4283531.79</v>
      </c>
      <c r="F127" s="11">
        <v>3561987.84</v>
      </c>
      <c r="G127" s="11">
        <v>4007673.82</v>
      </c>
      <c r="H127" s="11">
        <v>3631610.2</v>
      </c>
      <c r="I127" s="11">
        <v>3431923.92</v>
      </c>
      <c r="J127" s="11">
        <v>1640874.98</v>
      </c>
      <c r="K127" s="11">
        <v>4437926.33</v>
      </c>
      <c r="L127" s="11">
        <v>3559785.58</v>
      </c>
      <c r="M127" s="11">
        <v>2721405.04</v>
      </c>
      <c r="N127" s="11">
        <v>3341626.15</v>
      </c>
      <c r="O127" s="11">
        <v>42258387</v>
      </c>
      <c r="P127" s="11">
        <v>42258387</v>
      </c>
    </row>
    <row r="128" spans="1:16" x14ac:dyDescent="0.25">
      <c r="A128" t="s">
        <v>160</v>
      </c>
      <c r="B128" s="9" t="s">
        <v>32</v>
      </c>
      <c r="C128" s="11">
        <v>3043.67</v>
      </c>
      <c r="D128" s="11">
        <v>542.38</v>
      </c>
      <c r="E128" s="11">
        <v>657.83</v>
      </c>
      <c r="F128" s="11">
        <v>1427.01</v>
      </c>
      <c r="G128" s="11">
        <v>3444.43</v>
      </c>
      <c r="H128" s="11">
        <v>211.37</v>
      </c>
      <c r="I128" s="11">
        <v>2754.79</v>
      </c>
      <c r="J128" s="11">
        <v>3622.59</v>
      </c>
      <c r="K128" s="11">
        <v>1612.63</v>
      </c>
      <c r="L128" s="11">
        <v>973.88</v>
      </c>
      <c r="M128" s="11">
        <v>621.77</v>
      </c>
      <c r="N128" s="11">
        <v>1496.65</v>
      </c>
      <c r="O128" s="11">
        <v>20409</v>
      </c>
      <c r="P128" s="11">
        <v>20409</v>
      </c>
    </row>
    <row r="129" spans="2:16" x14ac:dyDescent="0.25">
      <c r="B129" s="9" t="s">
        <v>47</v>
      </c>
      <c r="C129" s="11"/>
      <c r="D129" s="11"/>
      <c r="E129" s="11"/>
      <c r="F129" s="11"/>
      <c r="G129" s="11">
        <v>1948.02</v>
      </c>
      <c r="H129" s="11"/>
      <c r="I129" s="11"/>
      <c r="J129" s="11"/>
      <c r="K129" s="11"/>
      <c r="L129" s="11"/>
      <c r="M129" s="11"/>
      <c r="N129" s="11"/>
      <c r="O129" s="11">
        <v>1948.02</v>
      </c>
      <c r="P129" s="11">
        <v>1948.02</v>
      </c>
    </row>
    <row r="130" spans="2:16" x14ac:dyDescent="0.25">
      <c r="B130" s="9" t="s">
        <v>49</v>
      </c>
      <c r="C130" s="11">
        <v>1834.78</v>
      </c>
      <c r="D130" s="11">
        <v>2469.3200000000002</v>
      </c>
      <c r="E130" s="11">
        <v>3812.58</v>
      </c>
      <c r="F130" s="11">
        <v>3191.29</v>
      </c>
      <c r="G130" s="11">
        <v>2223.2800000000002</v>
      </c>
      <c r="H130" s="11">
        <v>11943.89</v>
      </c>
      <c r="I130" s="11">
        <v>6799.25</v>
      </c>
      <c r="J130" s="11">
        <v>15163.16</v>
      </c>
      <c r="K130" s="11">
        <v>2729.33</v>
      </c>
      <c r="L130" s="11">
        <v>3553.63</v>
      </c>
      <c r="M130" s="11">
        <v>2212.91</v>
      </c>
      <c r="N130" s="11">
        <v>1461</v>
      </c>
      <c r="O130" s="11">
        <v>57394.42</v>
      </c>
      <c r="P130" s="11">
        <v>57394.42</v>
      </c>
    </row>
    <row r="131" spans="2:16" x14ac:dyDescent="0.25">
      <c r="B131" s="9" t="s">
        <v>53</v>
      </c>
      <c r="C131" s="11">
        <v>17146.150000000001</v>
      </c>
      <c r="D131" s="11">
        <v>25550.75</v>
      </c>
      <c r="E131" s="11">
        <v>40075.89</v>
      </c>
      <c r="F131" s="11">
        <v>14969.6</v>
      </c>
      <c r="G131" s="11">
        <v>37433.74</v>
      </c>
      <c r="H131" s="11">
        <v>28960.71</v>
      </c>
      <c r="I131" s="11">
        <v>24236.48</v>
      </c>
      <c r="J131" s="11">
        <v>25375.93</v>
      </c>
      <c r="K131" s="11">
        <v>21151.62</v>
      </c>
      <c r="L131" s="11">
        <v>30665.11</v>
      </c>
      <c r="M131" s="11">
        <v>19554.46</v>
      </c>
      <c r="N131" s="11">
        <v>9499.61</v>
      </c>
      <c r="O131" s="11">
        <v>294620.05</v>
      </c>
      <c r="P131" s="11">
        <v>294620.05</v>
      </c>
    </row>
    <row r="132" spans="2:16" x14ac:dyDescent="0.25">
      <c r="B132" s="9" t="s">
        <v>57</v>
      </c>
      <c r="C132" s="11"/>
      <c r="D132" s="11"/>
      <c r="E132" s="11"/>
      <c r="F132" s="11"/>
      <c r="G132" s="11"/>
      <c r="H132" s="11"/>
      <c r="I132" s="11"/>
      <c r="J132" s="11"/>
      <c r="K132" s="11">
        <v>2.79</v>
      </c>
      <c r="L132" s="11"/>
      <c r="M132" s="11"/>
      <c r="N132" s="11"/>
      <c r="O132" s="11">
        <v>2.79</v>
      </c>
      <c r="P132" s="11">
        <v>2.79</v>
      </c>
    </row>
    <row r="133" spans="2:16" x14ac:dyDescent="0.25">
      <c r="B133" s="9" t="s">
        <v>58</v>
      </c>
      <c r="C133" s="11"/>
      <c r="D133" s="11"/>
      <c r="E133" s="11"/>
      <c r="F133" s="11"/>
      <c r="G133" s="11"/>
      <c r="H133" s="11"/>
      <c r="I133" s="11"/>
      <c r="J133" s="11"/>
      <c r="K133" s="11">
        <v>9.7899999999999991</v>
      </c>
      <c r="L133" s="11"/>
      <c r="M133" s="11"/>
      <c r="N133" s="11"/>
      <c r="O133" s="11">
        <v>9.7899999999999991</v>
      </c>
      <c r="P133" s="11">
        <v>9.7899999999999991</v>
      </c>
    </row>
    <row r="134" spans="2:16" x14ac:dyDescent="0.25">
      <c r="B134" s="9" t="s">
        <v>59</v>
      </c>
      <c r="C134" s="11"/>
      <c r="D134" s="11"/>
      <c r="E134" s="11"/>
      <c r="F134" s="11"/>
      <c r="G134" s="11"/>
      <c r="H134" s="11"/>
      <c r="I134" s="11"/>
      <c r="J134" s="11"/>
      <c r="K134" s="11">
        <v>1.4</v>
      </c>
      <c r="L134" s="11"/>
      <c r="M134" s="11"/>
      <c r="N134" s="11"/>
      <c r="O134" s="11">
        <v>1.4</v>
      </c>
      <c r="P134" s="11">
        <v>1.4</v>
      </c>
    </row>
    <row r="135" spans="2:16" x14ac:dyDescent="0.25">
      <c r="B135" s="9" t="s">
        <v>62</v>
      </c>
      <c r="C135" s="11">
        <v>3284.81</v>
      </c>
      <c r="D135" s="11">
        <v>335.92</v>
      </c>
      <c r="E135" s="11"/>
      <c r="F135" s="11"/>
      <c r="G135" s="11">
        <v>27.99</v>
      </c>
      <c r="H135" s="11">
        <v>9830.2000000000007</v>
      </c>
      <c r="I135" s="11">
        <v>-2952.39</v>
      </c>
      <c r="J135" s="11">
        <v>212.6</v>
      </c>
      <c r="K135" s="11">
        <v>1679.81</v>
      </c>
      <c r="L135" s="11">
        <v>354.22</v>
      </c>
      <c r="M135" s="11">
        <v>605</v>
      </c>
      <c r="N135" s="11">
        <v>1084.07</v>
      </c>
      <c r="O135" s="11">
        <v>14462.23</v>
      </c>
      <c r="P135" s="11">
        <v>14462.23</v>
      </c>
    </row>
    <row r="136" spans="2:16" x14ac:dyDescent="0.25">
      <c r="B136" s="9" t="s">
        <v>65</v>
      </c>
      <c r="C136" s="11">
        <v>202.87</v>
      </c>
      <c r="D136" s="11">
        <v>571.62</v>
      </c>
      <c r="E136" s="11">
        <v>214.53</v>
      </c>
      <c r="F136" s="11">
        <v>201.66</v>
      </c>
      <c r="G136" s="11">
        <v>165.09</v>
      </c>
      <c r="H136" s="11">
        <v>-698.6</v>
      </c>
      <c r="I136" s="11">
        <v>67.86</v>
      </c>
      <c r="J136" s="11">
        <v>213.81</v>
      </c>
      <c r="K136" s="11">
        <v>4.04</v>
      </c>
      <c r="L136" s="11"/>
      <c r="M136" s="11"/>
      <c r="N136" s="11"/>
      <c r="O136" s="11">
        <v>942.88</v>
      </c>
      <c r="P136" s="11">
        <v>942.88</v>
      </c>
    </row>
    <row r="137" spans="2:16" x14ac:dyDescent="0.25">
      <c r="B137" s="9" t="s">
        <v>67</v>
      </c>
      <c r="C137" s="11">
        <v>1326.14</v>
      </c>
      <c r="D137" s="11"/>
      <c r="E137" s="11"/>
      <c r="F137" s="11"/>
      <c r="G137" s="11"/>
      <c r="H137" s="11">
        <v>636.19000000000005</v>
      </c>
      <c r="I137" s="11"/>
      <c r="J137" s="11"/>
      <c r="K137" s="11"/>
      <c r="L137" s="11">
        <v>4440</v>
      </c>
      <c r="M137" s="11"/>
      <c r="N137" s="11"/>
      <c r="O137" s="11">
        <v>6402.33</v>
      </c>
      <c r="P137" s="11">
        <v>6402.33</v>
      </c>
    </row>
    <row r="138" spans="2:16" x14ac:dyDescent="0.25">
      <c r="B138" s="9" t="s">
        <v>70</v>
      </c>
      <c r="C138" s="11">
        <v>1841.54</v>
      </c>
      <c r="D138" s="11">
        <v>2527.2399999999998</v>
      </c>
      <c r="E138" s="11">
        <v>748.24</v>
      </c>
      <c r="F138" s="11"/>
      <c r="G138" s="11">
        <v>4533.3900000000003</v>
      </c>
      <c r="H138" s="11">
        <v>88.29</v>
      </c>
      <c r="I138" s="11">
        <v>1389.38</v>
      </c>
      <c r="J138" s="11"/>
      <c r="K138" s="11"/>
      <c r="L138" s="11">
        <v>622</v>
      </c>
      <c r="M138" s="11"/>
      <c r="N138" s="11">
        <v>1659.98</v>
      </c>
      <c r="O138" s="11">
        <v>13410.06</v>
      </c>
      <c r="P138" s="11">
        <v>13410.06</v>
      </c>
    </row>
    <row r="139" spans="2:16" x14ac:dyDescent="0.25">
      <c r="B139" s="9" t="s">
        <v>71</v>
      </c>
      <c r="C139" s="11">
        <v>380.51</v>
      </c>
      <c r="D139" s="11">
        <v>0</v>
      </c>
      <c r="E139" s="11">
        <v>0</v>
      </c>
      <c r="F139" s="11">
        <v>412.75</v>
      </c>
      <c r="G139" s="11"/>
      <c r="H139" s="11"/>
      <c r="I139" s="11">
        <v>600.24</v>
      </c>
      <c r="J139" s="11">
        <v>268.04000000000002</v>
      </c>
      <c r="K139" s="11">
        <v>3555.79</v>
      </c>
      <c r="L139" s="11">
        <v>-2167.3200000000002</v>
      </c>
      <c r="M139" s="11">
        <v>1261.47</v>
      </c>
      <c r="N139" s="11"/>
      <c r="O139" s="11">
        <v>4311.4799999999996</v>
      </c>
      <c r="P139" s="11">
        <v>4311.4799999999996</v>
      </c>
    </row>
    <row r="140" spans="2:16" x14ac:dyDescent="0.25">
      <c r="B140" s="9" t="s">
        <v>72</v>
      </c>
      <c r="C140" s="11">
        <v>1468.5</v>
      </c>
      <c r="D140" s="11"/>
      <c r="E140" s="11">
        <v>19492.099999999999</v>
      </c>
      <c r="F140" s="11">
        <v>2637.3</v>
      </c>
      <c r="G140" s="11">
        <v>5783.6</v>
      </c>
      <c r="H140" s="11">
        <v>1036.9000000000001</v>
      </c>
      <c r="I140" s="11">
        <v>1036.9000000000001</v>
      </c>
      <c r="J140" s="11">
        <v>14530.15</v>
      </c>
      <c r="K140" s="11">
        <v>14431.7</v>
      </c>
      <c r="L140" s="11">
        <v>76666.55</v>
      </c>
      <c r="M140" s="11">
        <v>37868.43</v>
      </c>
      <c r="N140" s="11">
        <v>39327.599999999999</v>
      </c>
      <c r="O140" s="11">
        <v>214279.73</v>
      </c>
      <c r="P140" s="11">
        <v>214279.73</v>
      </c>
    </row>
    <row r="141" spans="2:16" x14ac:dyDescent="0.25">
      <c r="B141" s="9" t="s">
        <v>76</v>
      </c>
      <c r="C141" s="11">
        <v>150.47999999999999</v>
      </c>
      <c r="D141" s="11"/>
      <c r="E141" s="11">
        <v>64.709999999999994</v>
      </c>
      <c r="F141" s="11"/>
      <c r="G141" s="11">
        <v>5740.46</v>
      </c>
      <c r="H141" s="11">
        <v>-1153.5</v>
      </c>
      <c r="I141" s="11">
        <v>7196.84</v>
      </c>
      <c r="J141" s="11">
        <v>-8.9700000000000006</v>
      </c>
      <c r="K141" s="11">
        <v>0</v>
      </c>
      <c r="L141" s="11">
        <v>2899.83</v>
      </c>
      <c r="M141" s="11">
        <v>129.08000000000001</v>
      </c>
      <c r="N141" s="11">
        <v>0</v>
      </c>
      <c r="O141" s="11">
        <v>15018.93</v>
      </c>
      <c r="P141" s="11">
        <v>15018.93</v>
      </c>
    </row>
    <row r="142" spans="2:16" x14ac:dyDescent="0.25">
      <c r="B142" s="9" t="s">
        <v>80</v>
      </c>
      <c r="C142" s="11">
        <v>11638.58</v>
      </c>
      <c r="D142" s="11">
        <v>13877.21</v>
      </c>
      <c r="E142" s="11">
        <v>39514.33</v>
      </c>
      <c r="F142" s="11">
        <v>38635.06</v>
      </c>
      <c r="G142" s="11">
        <v>36856.910000000003</v>
      </c>
      <c r="H142" s="11">
        <v>32428.39</v>
      </c>
      <c r="I142" s="11">
        <v>19831.32</v>
      </c>
      <c r="J142" s="11">
        <v>20021.419999999998</v>
      </c>
      <c r="K142" s="11">
        <v>13450.21</v>
      </c>
      <c r="L142" s="11">
        <v>8179.95</v>
      </c>
      <c r="M142" s="11">
        <v>11116.73</v>
      </c>
      <c r="N142" s="11">
        <v>13277.45</v>
      </c>
      <c r="O142" s="11">
        <v>258827.56</v>
      </c>
      <c r="P142" s="11">
        <v>258827.56</v>
      </c>
    </row>
    <row r="143" spans="2:16" x14ac:dyDescent="0.25">
      <c r="B143" s="9" t="s">
        <v>81</v>
      </c>
      <c r="C143" s="11">
        <v>6763.93</v>
      </c>
      <c r="D143" s="11">
        <v>8900.91</v>
      </c>
      <c r="E143" s="11">
        <v>8077.95</v>
      </c>
      <c r="F143" s="11">
        <v>6682.52</v>
      </c>
      <c r="G143" s="11">
        <v>7511.95</v>
      </c>
      <c r="H143" s="11">
        <v>5353.54</v>
      </c>
      <c r="I143" s="11">
        <v>8094.02</v>
      </c>
      <c r="J143" s="11">
        <v>7165.35</v>
      </c>
      <c r="K143" s="11">
        <v>4843.3999999999996</v>
      </c>
      <c r="L143" s="11">
        <v>2079.62</v>
      </c>
      <c r="M143" s="11">
        <v>4720.08</v>
      </c>
      <c r="N143" s="11">
        <v>5578.1</v>
      </c>
      <c r="O143" s="11">
        <v>75771.37</v>
      </c>
      <c r="P143" s="11">
        <v>75771.37</v>
      </c>
    </row>
    <row r="144" spans="2:16" x14ac:dyDescent="0.25">
      <c r="B144" s="9" t="s">
        <v>82</v>
      </c>
      <c r="C144" s="11">
        <v>1305.6199999999999</v>
      </c>
      <c r="D144" s="11">
        <v>4650.99</v>
      </c>
      <c r="E144" s="11">
        <v>4122.37</v>
      </c>
      <c r="F144" s="11">
        <v>9059.43</v>
      </c>
      <c r="G144" s="11">
        <v>3533.0279999999998</v>
      </c>
      <c r="H144" s="11">
        <v>950.24</v>
      </c>
      <c r="I144" s="11">
        <v>2277.2800000000002</v>
      </c>
      <c r="J144" s="11">
        <v>4374.67</v>
      </c>
      <c r="K144" s="11">
        <v>1863.42</v>
      </c>
      <c r="L144" s="11">
        <v>907.24</v>
      </c>
      <c r="M144" s="11">
        <v>724.48</v>
      </c>
      <c r="N144" s="11">
        <v>1182.1300000000001</v>
      </c>
      <c r="O144" s="11">
        <v>34950.898000000001</v>
      </c>
      <c r="P144" s="11">
        <v>34950.898000000001</v>
      </c>
    </row>
    <row r="145" spans="2:16" x14ac:dyDescent="0.25">
      <c r="B145" s="9" t="s">
        <v>84</v>
      </c>
      <c r="C145" s="11">
        <v>784.59</v>
      </c>
      <c r="D145" s="11">
        <v>1113.6199999999999</v>
      </c>
      <c r="E145" s="11">
        <v>1010.17</v>
      </c>
      <c r="F145" s="11">
        <v>1056.6300000000001</v>
      </c>
      <c r="G145" s="11">
        <v>1192.17</v>
      </c>
      <c r="H145" s="11">
        <v>920.17</v>
      </c>
      <c r="I145" s="11">
        <v>1219.42</v>
      </c>
      <c r="J145" s="11">
        <v>1541.15</v>
      </c>
      <c r="K145" s="11">
        <v>1446.92</v>
      </c>
      <c r="L145" s="11">
        <v>1318.19</v>
      </c>
      <c r="M145" s="11">
        <v>1505.74</v>
      </c>
      <c r="N145" s="11">
        <v>2237.7399999999998</v>
      </c>
      <c r="O145" s="11">
        <v>15346.51</v>
      </c>
      <c r="P145" s="11">
        <v>15346.51</v>
      </c>
    </row>
    <row r="146" spans="2:16" x14ac:dyDescent="0.25">
      <c r="B146" s="9" t="s">
        <v>85</v>
      </c>
      <c r="C146" s="11"/>
      <c r="D146" s="11"/>
      <c r="E146" s="11"/>
      <c r="F146" s="11"/>
      <c r="G146" s="11">
        <v>111.43</v>
      </c>
      <c r="H146" s="11">
        <v>222.6</v>
      </c>
      <c r="I146" s="11">
        <v>1138.8399999999999</v>
      </c>
      <c r="J146" s="11">
        <v>364.47</v>
      </c>
      <c r="K146" s="11">
        <v>32.03</v>
      </c>
      <c r="L146" s="11">
        <v>2156.36</v>
      </c>
      <c r="M146" s="11">
        <v>8009.07</v>
      </c>
      <c r="N146" s="11">
        <v>887.01</v>
      </c>
      <c r="O146" s="11">
        <v>12921.81</v>
      </c>
      <c r="P146" s="11">
        <v>12921.81</v>
      </c>
    </row>
    <row r="147" spans="2:16" x14ac:dyDescent="0.25">
      <c r="B147" s="9" t="s">
        <v>86</v>
      </c>
      <c r="C147" s="11">
        <v>497.83</v>
      </c>
      <c r="D147" s="11">
        <v>2870</v>
      </c>
      <c r="E147" s="11"/>
      <c r="F147" s="11">
        <v>760.39</v>
      </c>
      <c r="G147" s="11"/>
      <c r="H147" s="11">
        <v>13427.66</v>
      </c>
      <c r="I147" s="11">
        <v>2452.14</v>
      </c>
      <c r="J147" s="11">
        <v>2909.89</v>
      </c>
      <c r="K147" s="11"/>
      <c r="L147" s="11">
        <v>500.56</v>
      </c>
      <c r="M147" s="11">
        <v>643.07000000000005</v>
      </c>
      <c r="N147" s="11">
        <v>1656.87</v>
      </c>
      <c r="O147" s="11">
        <v>25718.41</v>
      </c>
      <c r="P147" s="11">
        <v>25718.41</v>
      </c>
    </row>
    <row r="148" spans="2:16" x14ac:dyDescent="0.25">
      <c r="B148" s="9" t="s">
        <v>87</v>
      </c>
      <c r="C148" s="11">
        <v>4998.7299999999996</v>
      </c>
      <c r="D148" s="11">
        <v>24861.29</v>
      </c>
      <c r="E148" s="11">
        <v>12755.19</v>
      </c>
      <c r="F148" s="11">
        <v>18984.810000000001</v>
      </c>
      <c r="G148" s="11">
        <v>16493.36</v>
      </c>
      <c r="H148" s="11">
        <v>15936.03</v>
      </c>
      <c r="I148" s="11">
        <v>46356.54</v>
      </c>
      <c r="J148" s="11">
        <v>16245.24</v>
      </c>
      <c r="K148" s="11">
        <v>9937.56</v>
      </c>
      <c r="L148" s="11">
        <v>7524.14</v>
      </c>
      <c r="M148" s="11">
        <v>8406.98</v>
      </c>
      <c r="N148" s="11">
        <v>13326.38</v>
      </c>
      <c r="O148" s="11">
        <v>195826.25</v>
      </c>
      <c r="P148" s="11">
        <v>195826.25</v>
      </c>
    </row>
    <row r="149" spans="2:16" x14ac:dyDescent="0.25">
      <c r="B149" s="9" t="s">
        <v>88</v>
      </c>
      <c r="C149" s="11"/>
      <c r="D149" s="11"/>
      <c r="E149" s="11"/>
      <c r="F149" s="11"/>
      <c r="G149" s="11"/>
      <c r="H149" s="11">
        <v>544.79999999999995</v>
      </c>
      <c r="I149" s="11"/>
      <c r="J149" s="11"/>
      <c r="K149" s="11"/>
      <c r="L149" s="11"/>
      <c r="M149" s="11"/>
      <c r="N149" s="11"/>
      <c r="O149" s="11">
        <v>544.79999999999995</v>
      </c>
      <c r="P149" s="11">
        <v>544.79999999999995</v>
      </c>
    </row>
    <row r="150" spans="2:16" x14ac:dyDescent="0.25">
      <c r="B150" s="9" t="s">
        <v>89</v>
      </c>
      <c r="C150" s="11">
        <v>503.8</v>
      </c>
      <c r="D150" s="11">
        <v>1680.22</v>
      </c>
      <c r="E150" s="11">
        <v>2457.4</v>
      </c>
      <c r="F150" s="11">
        <v>302.08</v>
      </c>
      <c r="G150" s="11">
        <v>1475.48</v>
      </c>
      <c r="H150" s="11">
        <v>534.87</v>
      </c>
      <c r="I150" s="11">
        <v>1364.51</v>
      </c>
      <c r="J150" s="11">
        <v>1579.12</v>
      </c>
      <c r="K150" s="11">
        <v>4289.87</v>
      </c>
      <c r="L150" s="11">
        <v>490.78</v>
      </c>
      <c r="M150" s="11">
        <v>1847.25</v>
      </c>
      <c r="N150" s="11">
        <v>630.9</v>
      </c>
      <c r="O150" s="11">
        <v>17156.28</v>
      </c>
      <c r="P150" s="11">
        <v>17156.28</v>
      </c>
    </row>
    <row r="151" spans="2:16" x14ac:dyDescent="0.25">
      <c r="B151" s="9" t="s">
        <v>91</v>
      </c>
      <c r="C151" s="11">
        <v>-8.56</v>
      </c>
      <c r="D151" s="11">
        <v>9.7799999999999994</v>
      </c>
      <c r="E151" s="11"/>
      <c r="F151" s="11">
        <v>1357.69</v>
      </c>
      <c r="G151" s="11">
        <v>27.32</v>
      </c>
      <c r="H151" s="11">
        <v>87.03</v>
      </c>
      <c r="I151" s="11">
        <v>248</v>
      </c>
      <c r="J151" s="11">
        <v>226.24</v>
      </c>
      <c r="K151" s="11">
        <v>177.73</v>
      </c>
      <c r="L151" s="11">
        <v>99.54</v>
      </c>
      <c r="M151" s="11">
        <v>184.81</v>
      </c>
      <c r="N151" s="11">
        <v>97.07</v>
      </c>
      <c r="O151" s="11">
        <v>2506.65</v>
      </c>
      <c r="P151" s="11">
        <v>2506.65</v>
      </c>
    </row>
    <row r="152" spans="2:16" x14ac:dyDescent="0.25">
      <c r="B152" s="9" t="s">
        <v>92</v>
      </c>
      <c r="C152" s="11">
        <v>27531.27</v>
      </c>
      <c r="D152" s="11">
        <v>20261.86</v>
      </c>
      <c r="E152" s="11">
        <v>22357.26</v>
      </c>
      <c r="F152" s="11">
        <v>22727.39</v>
      </c>
      <c r="G152" s="11">
        <v>25464.3</v>
      </c>
      <c r="H152" s="11">
        <v>23457.96</v>
      </c>
      <c r="I152" s="11">
        <v>29934.69</v>
      </c>
      <c r="J152" s="11">
        <v>24061.81</v>
      </c>
      <c r="K152" s="11">
        <v>25130.87</v>
      </c>
      <c r="L152" s="11">
        <v>27623.24</v>
      </c>
      <c r="M152" s="11">
        <v>27342.77</v>
      </c>
      <c r="N152" s="11">
        <v>33386.86</v>
      </c>
      <c r="O152" s="11">
        <v>309280.28000000003</v>
      </c>
      <c r="P152" s="11">
        <v>309280.28000000003</v>
      </c>
    </row>
    <row r="153" spans="2:16" x14ac:dyDescent="0.25">
      <c r="B153" s="9" t="s">
        <v>95</v>
      </c>
      <c r="C153" s="11">
        <v>4910.2700000000004</v>
      </c>
      <c r="D153" s="11">
        <v>3487.72</v>
      </c>
      <c r="E153" s="11">
        <v>5194.43</v>
      </c>
      <c r="F153" s="11">
        <v>3809.38</v>
      </c>
      <c r="G153" s="11">
        <v>3267.04</v>
      </c>
      <c r="H153" s="11">
        <v>3753.81</v>
      </c>
      <c r="I153" s="11">
        <v>3481.09</v>
      </c>
      <c r="J153" s="11">
        <v>3537.57</v>
      </c>
      <c r="K153" s="11">
        <v>3298.79</v>
      </c>
      <c r="L153" s="11">
        <v>4411.08</v>
      </c>
      <c r="M153" s="11">
        <v>3313.57</v>
      </c>
      <c r="N153" s="11">
        <v>2789.86</v>
      </c>
      <c r="O153" s="11">
        <v>45254.61</v>
      </c>
      <c r="P153" s="11">
        <v>45254.61</v>
      </c>
    </row>
    <row r="154" spans="2:16" x14ac:dyDescent="0.25">
      <c r="B154" s="9" t="s">
        <v>96</v>
      </c>
      <c r="C154" s="11">
        <v>8149.54</v>
      </c>
      <c r="D154" s="11">
        <v>10187.08</v>
      </c>
      <c r="E154" s="11">
        <v>10263.01</v>
      </c>
      <c r="F154" s="11">
        <v>10859.1</v>
      </c>
      <c r="G154" s="11">
        <v>6924</v>
      </c>
      <c r="H154" s="11">
        <v>7523.18</v>
      </c>
      <c r="I154" s="11">
        <v>10271.68</v>
      </c>
      <c r="J154" s="11">
        <v>6816.12</v>
      </c>
      <c r="K154" s="11">
        <v>6028.47</v>
      </c>
      <c r="L154" s="11">
        <v>5894.58</v>
      </c>
      <c r="M154" s="11">
        <v>3809.52</v>
      </c>
      <c r="N154" s="11">
        <v>9160.2999999999993</v>
      </c>
      <c r="O154" s="11">
        <v>95886.58</v>
      </c>
      <c r="P154" s="11">
        <v>95886.58</v>
      </c>
    </row>
    <row r="155" spans="2:16" x14ac:dyDescent="0.25">
      <c r="B155" s="9" t="s">
        <v>97</v>
      </c>
      <c r="C155" s="11">
        <v>3283.09</v>
      </c>
      <c r="D155" s="11">
        <v>4592.82</v>
      </c>
      <c r="E155" s="11">
        <v>3885.95</v>
      </c>
      <c r="F155" s="11">
        <v>2080.89</v>
      </c>
      <c r="G155" s="11">
        <v>1536.79</v>
      </c>
      <c r="H155" s="11">
        <v>1363.8</v>
      </c>
      <c r="I155" s="11">
        <v>2070.1799999999998</v>
      </c>
      <c r="J155" s="11">
        <v>1415.58</v>
      </c>
      <c r="K155" s="11">
        <v>1225.24</v>
      </c>
      <c r="L155" s="11">
        <v>673.75</v>
      </c>
      <c r="M155" s="11">
        <v>2372.4499999999998</v>
      </c>
      <c r="N155" s="11">
        <v>3833</v>
      </c>
      <c r="O155" s="11">
        <v>28333.54</v>
      </c>
      <c r="P155" s="11">
        <v>28333.54</v>
      </c>
    </row>
    <row r="156" spans="2:16" x14ac:dyDescent="0.25">
      <c r="B156" s="9" t="s">
        <v>98</v>
      </c>
      <c r="C156" s="11">
        <v>316.2</v>
      </c>
      <c r="D156" s="11">
        <v>130.69</v>
      </c>
      <c r="E156" s="11">
        <v>198.22</v>
      </c>
      <c r="F156" s="11"/>
      <c r="G156" s="11"/>
      <c r="H156" s="11"/>
      <c r="I156" s="11"/>
      <c r="J156" s="11"/>
      <c r="K156" s="11"/>
      <c r="L156" s="11"/>
      <c r="M156" s="11"/>
      <c r="N156" s="11"/>
      <c r="O156" s="11">
        <v>645.11</v>
      </c>
      <c r="P156" s="11">
        <v>645.11</v>
      </c>
    </row>
    <row r="157" spans="2:16" x14ac:dyDescent="0.25">
      <c r="B157" s="9" t="s">
        <v>99</v>
      </c>
      <c r="C157" s="11">
        <v>299.10000000000002</v>
      </c>
      <c r="D157" s="11">
        <v>124.31</v>
      </c>
      <c r="E157" s="11">
        <v>160.53</v>
      </c>
      <c r="F157" s="11">
        <v>0.35</v>
      </c>
      <c r="G157" s="11">
        <v>0.35</v>
      </c>
      <c r="H157" s="11">
        <v>0.35</v>
      </c>
      <c r="I157" s="11">
        <v>0.35</v>
      </c>
      <c r="J157" s="11">
        <v>0.35</v>
      </c>
      <c r="K157" s="11">
        <v>0.35</v>
      </c>
      <c r="L157" s="11">
        <v>0.35</v>
      </c>
      <c r="M157" s="11">
        <v>0.35</v>
      </c>
      <c r="N157" s="11">
        <v>1.43</v>
      </c>
      <c r="O157" s="11">
        <v>588.16999999999996</v>
      </c>
      <c r="P157" s="11">
        <v>588.16999999999996</v>
      </c>
    </row>
    <row r="158" spans="2:16" x14ac:dyDescent="0.25">
      <c r="B158" s="9" t="s">
        <v>100</v>
      </c>
      <c r="C158" s="11">
        <v>239.28</v>
      </c>
      <c r="D158" s="11">
        <v>98.9</v>
      </c>
      <c r="E158" s="11">
        <v>128.41999999999999</v>
      </c>
      <c r="F158" s="11"/>
      <c r="G158" s="11"/>
      <c r="H158" s="11"/>
      <c r="I158" s="11"/>
      <c r="J158" s="11"/>
      <c r="K158" s="11"/>
      <c r="L158" s="11"/>
      <c r="M158" s="11"/>
      <c r="N158" s="11"/>
      <c r="O158" s="11">
        <v>466.6</v>
      </c>
      <c r="P158" s="11">
        <v>466.6</v>
      </c>
    </row>
    <row r="159" spans="2:16" x14ac:dyDescent="0.25">
      <c r="B159" s="9" t="s">
        <v>109</v>
      </c>
      <c r="C159" s="11">
        <v>27329.15</v>
      </c>
      <c r="D159" s="11">
        <v>29078.22</v>
      </c>
      <c r="E159" s="11">
        <v>27540.61</v>
      </c>
      <c r="F159" s="11">
        <v>27475.72</v>
      </c>
      <c r="G159" s="11">
        <v>28064.37</v>
      </c>
      <c r="H159" s="11">
        <v>28629.200000000001</v>
      </c>
      <c r="I159" s="11">
        <v>34162.19</v>
      </c>
      <c r="J159" s="11">
        <v>28324.79</v>
      </c>
      <c r="K159" s="11">
        <v>27804.45</v>
      </c>
      <c r="L159" s="11">
        <v>28111.52</v>
      </c>
      <c r="M159" s="11">
        <v>26968.15</v>
      </c>
      <c r="N159" s="11">
        <v>20685.560000000001</v>
      </c>
      <c r="O159" s="11">
        <v>334173.93</v>
      </c>
      <c r="P159" s="11">
        <v>334173.93</v>
      </c>
    </row>
    <row r="160" spans="2:16" x14ac:dyDescent="0.25">
      <c r="B160" s="9" t="s">
        <v>112</v>
      </c>
      <c r="C160" s="11"/>
      <c r="D160" s="11"/>
      <c r="E160" s="11"/>
      <c r="F160" s="11"/>
      <c r="G160" s="11"/>
      <c r="H160" s="11"/>
      <c r="I160" s="11"/>
      <c r="J160" s="11"/>
      <c r="K160" s="11"/>
      <c r="L160" s="11"/>
      <c r="M160" s="11"/>
      <c r="N160" s="11">
        <v>158.91999999999999</v>
      </c>
      <c r="O160" s="11">
        <v>158.91999999999999</v>
      </c>
      <c r="P160" s="11">
        <v>158.91999999999999</v>
      </c>
    </row>
    <row r="161" spans="1:16" x14ac:dyDescent="0.25">
      <c r="B161" s="9" t="s">
        <v>113</v>
      </c>
      <c r="C161" s="11"/>
      <c r="D161" s="11"/>
      <c r="E161" s="11"/>
      <c r="F161" s="11"/>
      <c r="G161" s="11"/>
      <c r="H161" s="11"/>
      <c r="I161" s="11"/>
      <c r="J161" s="11"/>
      <c r="K161" s="11"/>
      <c r="L161" s="11"/>
      <c r="M161" s="11"/>
      <c r="N161" s="11">
        <v>133.75</v>
      </c>
      <c r="O161" s="11">
        <v>133.75</v>
      </c>
      <c r="P161" s="11">
        <v>133.75</v>
      </c>
    </row>
    <row r="162" spans="1:16" x14ac:dyDescent="0.25">
      <c r="B162" s="9" t="s">
        <v>116</v>
      </c>
      <c r="C162" s="11"/>
      <c r="D162" s="11">
        <v>2.23</v>
      </c>
      <c r="E162" s="11">
        <v>8.5</v>
      </c>
      <c r="F162" s="11">
        <v>10.62</v>
      </c>
      <c r="G162" s="11">
        <v>4.46</v>
      </c>
      <c r="H162" s="11">
        <v>17.809999999999999</v>
      </c>
      <c r="I162" s="11">
        <v>17.809999999999999</v>
      </c>
      <c r="J162" s="11">
        <v>20.04</v>
      </c>
      <c r="K162" s="11">
        <v>15.58</v>
      </c>
      <c r="L162" s="11">
        <v>22.54</v>
      </c>
      <c r="M162" s="11">
        <v>15.58</v>
      </c>
      <c r="N162" s="11">
        <v>-114.98</v>
      </c>
      <c r="O162" s="11">
        <v>20.190000000000001</v>
      </c>
      <c r="P162" s="11">
        <v>20.190000000000001</v>
      </c>
    </row>
    <row r="163" spans="1:16" x14ac:dyDescent="0.25">
      <c r="B163" s="9" t="s">
        <v>119</v>
      </c>
      <c r="C163" s="11">
        <v>-52.65</v>
      </c>
      <c r="D163" s="11">
        <v>5.72</v>
      </c>
      <c r="E163" s="11">
        <v>1.1299999999999999</v>
      </c>
      <c r="F163" s="11">
        <v>0.77</v>
      </c>
      <c r="G163" s="11"/>
      <c r="H163" s="11"/>
      <c r="I163" s="11"/>
      <c r="J163" s="11"/>
      <c r="K163" s="11"/>
      <c r="L163" s="11"/>
      <c r="M163" s="11"/>
      <c r="N163" s="11">
        <v>-6.85</v>
      </c>
      <c r="O163" s="11">
        <v>-51.88</v>
      </c>
      <c r="P163" s="11">
        <v>-51.88</v>
      </c>
    </row>
    <row r="164" spans="1:16" x14ac:dyDescent="0.25">
      <c r="B164" s="9" t="s">
        <v>135</v>
      </c>
      <c r="C164" s="11"/>
      <c r="D164" s="11">
        <v>96.41</v>
      </c>
      <c r="E164" s="11"/>
      <c r="F164" s="11">
        <v>53.21</v>
      </c>
      <c r="G164" s="11"/>
      <c r="H164" s="11"/>
      <c r="I164" s="11">
        <v>177.92</v>
      </c>
      <c r="J164" s="11"/>
      <c r="K164" s="11">
        <v>37.08</v>
      </c>
      <c r="L164" s="11"/>
      <c r="M164" s="11">
        <v>108.99</v>
      </c>
      <c r="N164" s="11"/>
      <c r="O164" s="11">
        <v>473.61</v>
      </c>
      <c r="P164" s="11">
        <v>473.61</v>
      </c>
    </row>
    <row r="165" spans="1:16" x14ac:dyDescent="0.25">
      <c r="B165" s="9" t="s">
        <v>138</v>
      </c>
      <c r="C165" s="11">
        <v>24241.51</v>
      </c>
      <c r="D165" s="11">
        <v>27043</v>
      </c>
      <c r="E165" s="11">
        <v>29771.919999999998</v>
      </c>
      <c r="F165" s="11">
        <v>28977.96</v>
      </c>
      <c r="G165" s="11">
        <v>28344.39</v>
      </c>
      <c r="H165" s="11">
        <v>27703.39</v>
      </c>
      <c r="I165" s="11">
        <v>36085.97</v>
      </c>
      <c r="J165" s="11">
        <v>28386.77</v>
      </c>
      <c r="K165" s="11">
        <v>22398.080000000002</v>
      </c>
      <c r="L165" s="11">
        <v>19466.87</v>
      </c>
      <c r="M165" s="11">
        <v>-501.45</v>
      </c>
      <c r="N165" s="11">
        <v>16600.490000000002</v>
      </c>
      <c r="O165" s="11">
        <v>288518.90000000002</v>
      </c>
      <c r="P165" s="11">
        <v>288518.90000000002</v>
      </c>
    </row>
    <row r="166" spans="1:16" x14ac:dyDescent="0.25">
      <c r="B166" s="9" t="s">
        <v>145</v>
      </c>
      <c r="C166" s="11"/>
      <c r="D166" s="11"/>
      <c r="E166" s="11">
        <v>46.42</v>
      </c>
      <c r="F166" s="11"/>
      <c r="G166" s="11">
        <v>0</v>
      </c>
      <c r="H166" s="11"/>
      <c r="I166" s="11">
        <v>46.42</v>
      </c>
      <c r="J166" s="11">
        <v>-46.42</v>
      </c>
      <c r="K166" s="11"/>
      <c r="L166" s="11"/>
      <c r="M166" s="11"/>
      <c r="N166" s="11">
        <v>0</v>
      </c>
      <c r="O166" s="11">
        <v>46.42</v>
      </c>
      <c r="P166" s="11">
        <v>46.42</v>
      </c>
    </row>
    <row r="167" spans="1:16" x14ac:dyDescent="0.25">
      <c r="A167" t="s">
        <v>164</v>
      </c>
      <c r="C167" s="11">
        <v>153410.73000000001</v>
      </c>
      <c r="D167" s="11">
        <v>185070.21</v>
      </c>
      <c r="E167" s="11">
        <v>232559.69</v>
      </c>
      <c r="F167" s="11">
        <v>195673.61</v>
      </c>
      <c r="G167" s="11">
        <v>222107.348</v>
      </c>
      <c r="H167" s="11">
        <v>213710.28</v>
      </c>
      <c r="I167" s="11">
        <v>240359.72</v>
      </c>
      <c r="J167" s="11">
        <v>206321.47</v>
      </c>
      <c r="K167" s="11">
        <v>167158.95000000001</v>
      </c>
      <c r="L167" s="11">
        <v>227468.21</v>
      </c>
      <c r="M167" s="11">
        <v>162841.26</v>
      </c>
      <c r="N167" s="11">
        <v>180030.9</v>
      </c>
      <c r="O167" s="11">
        <v>2386712.378</v>
      </c>
      <c r="P167" s="11">
        <v>2386712.378</v>
      </c>
    </row>
    <row r="168" spans="1:16" x14ac:dyDescent="0.25">
      <c r="A168" t="s">
        <v>159</v>
      </c>
      <c r="B168" s="9" t="s">
        <v>17</v>
      </c>
      <c r="C168" s="11">
        <v>201921.06</v>
      </c>
      <c r="D168" s="11">
        <v>195762.22</v>
      </c>
      <c r="E168" s="11">
        <v>189680.41</v>
      </c>
      <c r="F168" s="11">
        <v>187322.73</v>
      </c>
      <c r="G168" s="11">
        <v>186547.7</v>
      </c>
      <c r="H168" s="11">
        <v>176885.31</v>
      </c>
      <c r="I168" s="11">
        <v>197045.43</v>
      </c>
      <c r="J168" s="11">
        <v>163120.60999999999</v>
      </c>
      <c r="K168" s="11">
        <v>162496.16</v>
      </c>
      <c r="L168" s="11">
        <v>181448.46</v>
      </c>
      <c r="M168" s="11">
        <v>173975.82</v>
      </c>
      <c r="N168" s="11">
        <v>186030.43599999999</v>
      </c>
      <c r="O168" s="11">
        <v>2202236.3459999999</v>
      </c>
      <c r="P168" s="11">
        <v>2202236.3459999999</v>
      </c>
    </row>
    <row r="169" spans="1:16" x14ac:dyDescent="0.25">
      <c r="B169" s="9" t="s">
        <v>19</v>
      </c>
      <c r="C169" s="11">
        <v>3165.02</v>
      </c>
      <c r="D169" s="11">
        <v>3401.47</v>
      </c>
      <c r="E169" s="11">
        <v>3485.79</v>
      </c>
      <c r="F169" s="11">
        <v>3823.68</v>
      </c>
      <c r="G169" s="11">
        <v>3299.73</v>
      </c>
      <c r="H169" s="11">
        <v>3195.14</v>
      </c>
      <c r="I169" s="11">
        <v>3228.28</v>
      </c>
      <c r="J169" s="11">
        <v>3870.56</v>
      </c>
      <c r="K169" s="11">
        <v>3428.99</v>
      </c>
      <c r="L169" s="11">
        <v>3261.53</v>
      </c>
      <c r="M169" s="11">
        <v>3855.75</v>
      </c>
      <c r="N169" s="11">
        <v>9001.08</v>
      </c>
      <c r="O169" s="11">
        <v>47017.02</v>
      </c>
      <c r="P169" s="11">
        <v>47017.02</v>
      </c>
    </row>
    <row r="170" spans="1:16" x14ac:dyDescent="0.25">
      <c r="B170" s="9" t="s">
        <v>21</v>
      </c>
      <c r="C170" s="11">
        <v>307.95999999999998</v>
      </c>
      <c r="D170" s="11">
        <v>276.79000000000002</v>
      </c>
      <c r="E170" s="11">
        <v>383.8</v>
      </c>
      <c r="F170" s="11">
        <v>348.88</v>
      </c>
      <c r="G170" s="11">
        <v>357.1</v>
      </c>
      <c r="H170" s="11">
        <v>351.95</v>
      </c>
      <c r="I170" s="11">
        <v>360.29</v>
      </c>
      <c r="J170" s="11">
        <v>361.93</v>
      </c>
      <c r="K170" s="11">
        <v>356.66</v>
      </c>
      <c r="L170" s="11"/>
      <c r="M170" s="11"/>
      <c r="N170" s="11"/>
      <c r="O170" s="11">
        <v>3105.36</v>
      </c>
      <c r="P170" s="11">
        <v>3105.36</v>
      </c>
    </row>
    <row r="171" spans="1:16" x14ac:dyDescent="0.25">
      <c r="B171" s="9" t="s">
        <v>23</v>
      </c>
      <c r="C171" s="11">
        <v>33942.69</v>
      </c>
      <c r="D171" s="11">
        <v>29325</v>
      </c>
      <c r="E171" s="11">
        <v>30056.02</v>
      </c>
      <c r="F171" s="11">
        <v>27838.55</v>
      </c>
      <c r="G171" s="11">
        <v>23410.29</v>
      </c>
      <c r="H171" s="11">
        <v>21083.62</v>
      </c>
      <c r="I171" s="11">
        <v>11228.01</v>
      </c>
      <c r="J171" s="11">
        <v>13191.69</v>
      </c>
      <c r="K171" s="11">
        <v>16090.36</v>
      </c>
      <c r="L171" s="11">
        <v>16798.68</v>
      </c>
      <c r="M171" s="11">
        <v>15514.72</v>
      </c>
      <c r="N171" s="11">
        <v>13776.61</v>
      </c>
      <c r="O171" s="11">
        <v>252256.24</v>
      </c>
      <c r="P171" s="11">
        <v>252256.24</v>
      </c>
    </row>
    <row r="172" spans="1:16" x14ac:dyDescent="0.25">
      <c r="B172" s="9" t="s">
        <v>26</v>
      </c>
      <c r="C172" s="11">
        <v>35172</v>
      </c>
      <c r="D172" s="11">
        <v>73328.67</v>
      </c>
      <c r="E172" s="11">
        <v>56676.35</v>
      </c>
      <c r="F172" s="11">
        <v>53955.32</v>
      </c>
      <c r="G172" s="11">
        <v>49993.61</v>
      </c>
      <c r="H172" s="11">
        <v>80313.97</v>
      </c>
      <c r="I172" s="11">
        <v>55269.65</v>
      </c>
      <c r="J172" s="11">
        <v>58577.27</v>
      </c>
      <c r="K172" s="11">
        <v>61085.49</v>
      </c>
      <c r="L172" s="11">
        <v>53741.75</v>
      </c>
      <c r="M172" s="11">
        <v>43371.72</v>
      </c>
      <c r="N172" s="11">
        <v>15447.22</v>
      </c>
      <c r="O172" s="11">
        <v>636933.02</v>
      </c>
      <c r="P172" s="11">
        <v>636933.02</v>
      </c>
    </row>
    <row r="173" spans="1:16" x14ac:dyDescent="0.25">
      <c r="B173" s="9" t="s">
        <v>28</v>
      </c>
      <c r="C173" s="11">
        <v>149267.42000000001</v>
      </c>
      <c r="D173" s="11">
        <v>153210.04999999999</v>
      </c>
      <c r="E173" s="11">
        <v>152168.25</v>
      </c>
      <c r="F173" s="11">
        <v>137427.44</v>
      </c>
      <c r="G173" s="11">
        <v>137629.88</v>
      </c>
      <c r="H173" s="11">
        <v>128743.08</v>
      </c>
      <c r="I173" s="11">
        <v>130638.54</v>
      </c>
      <c r="J173" s="11">
        <v>144195.12</v>
      </c>
      <c r="K173" s="11">
        <v>151785.44</v>
      </c>
      <c r="L173" s="11">
        <v>177140.08</v>
      </c>
      <c r="M173" s="11">
        <v>158148.43</v>
      </c>
      <c r="N173" s="11">
        <v>121884.96</v>
      </c>
      <c r="O173" s="11">
        <v>1742238.69</v>
      </c>
      <c r="P173" s="11">
        <v>1742238.69</v>
      </c>
    </row>
    <row r="174" spans="1:16" x14ac:dyDescent="0.25">
      <c r="B174" s="9" t="s">
        <v>29</v>
      </c>
      <c r="C174" s="11"/>
      <c r="D174" s="11"/>
      <c r="E174" s="11">
        <v>12.99</v>
      </c>
      <c r="F174" s="11">
        <v>14.81</v>
      </c>
      <c r="G174" s="11"/>
      <c r="H174" s="11">
        <v>16.3</v>
      </c>
      <c r="I174" s="11">
        <v>35.21</v>
      </c>
      <c r="J174" s="11">
        <v>1.5</v>
      </c>
      <c r="K174" s="11"/>
      <c r="L174" s="11">
        <v>1.35</v>
      </c>
      <c r="M174" s="11"/>
      <c r="N174" s="11"/>
      <c r="O174" s="11">
        <v>82.16</v>
      </c>
      <c r="P174" s="11">
        <v>82.16</v>
      </c>
    </row>
    <row r="175" spans="1:16" x14ac:dyDescent="0.25">
      <c r="B175" s="9" t="s">
        <v>30</v>
      </c>
      <c r="C175" s="11">
        <v>3756.65</v>
      </c>
      <c r="D175" s="11">
        <v>3465.35</v>
      </c>
      <c r="E175" s="11">
        <v>4351.26</v>
      </c>
      <c r="F175" s="11">
        <v>3681.67</v>
      </c>
      <c r="G175" s="11">
        <v>3200.2</v>
      </c>
      <c r="H175" s="11">
        <v>1925.23</v>
      </c>
      <c r="I175" s="11">
        <v>3588.04</v>
      </c>
      <c r="J175" s="11">
        <v>6552.78</v>
      </c>
      <c r="K175" s="11">
        <v>3056.89</v>
      </c>
      <c r="L175" s="11">
        <v>4885.07</v>
      </c>
      <c r="M175" s="11">
        <v>3212.28</v>
      </c>
      <c r="N175" s="11">
        <v>3577.33</v>
      </c>
      <c r="O175" s="11">
        <v>45252.75</v>
      </c>
      <c r="P175" s="11">
        <v>45252.75</v>
      </c>
    </row>
    <row r="176" spans="1:16" x14ac:dyDescent="0.25">
      <c r="B176" s="9" t="s">
        <v>31</v>
      </c>
      <c r="C176" s="11">
        <v>3263.06</v>
      </c>
      <c r="D176" s="11">
        <v>2697.47</v>
      </c>
      <c r="E176" s="11">
        <v>2286.5300000000002</v>
      </c>
      <c r="F176" s="11">
        <v>1861.21</v>
      </c>
      <c r="G176" s="11">
        <v>11031.7</v>
      </c>
      <c r="H176" s="11">
        <v>1682.06</v>
      </c>
      <c r="I176" s="11">
        <v>1686.58</v>
      </c>
      <c r="J176" s="11">
        <v>7794.19</v>
      </c>
      <c r="K176" s="11">
        <v>23096.53</v>
      </c>
      <c r="L176" s="11">
        <v>29478.03</v>
      </c>
      <c r="M176" s="11">
        <v>15694.03</v>
      </c>
      <c r="N176" s="11">
        <v>223325.41</v>
      </c>
      <c r="O176" s="11">
        <v>323896.8</v>
      </c>
      <c r="P176" s="11">
        <v>323896.8</v>
      </c>
    </row>
    <row r="177" spans="2:16" x14ac:dyDescent="0.25">
      <c r="B177" s="9" t="s">
        <v>32</v>
      </c>
      <c r="C177" s="11">
        <v>2672.63</v>
      </c>
      <c r="D177" s="11">
        <v>2467</v>
      </c>
      <c r="E177" s="11">
        <v>3184.41</v>
      </c>
      <c r="F177" s="11">
        <v>13445.63</v>
      </c>
      <c r="G177" s="11">
        <v>12280.12</v>
      </c>
      <c r="H177" s="11">
        <v>8655.16</v>
      </c>
      <c r="I177" s="11">
        <v>18931.78</v>
      </c>
      <c r="J177" s="11">
        <v>11349.81</v>
      </c>
      <c r="K177" s="11">
        <v>-122.08</v>
      </c>
      <c r="L177" s="11">
        <v>8073.26</v>
      </c>
      <c r="M177" s="11">
        <v>3703.93</v>
      </c>
      <c r="N177" s="11">
        <v>3648.3</v>
      </c>
      <c r="O177" s="11">
        <v>88289.95</v>
      </c>
      <c r="P177" s="11">
        <v>88289.95</v>
      </c>
    </row>
    <row r="178" spans="2:16" x14ac:dyDescent="0.25">
      <c r="B178" s="9" t="s">
        <v>33</v>
      </c>
      <c r="C178" s="11">
        <v>60.09</v>
      </c>
      <c r="D178" s="11">
        <v>175.77</v>
      </c>
      <c r="E178" s="11">
        <v>1.92</v>
      </c>
      <c r="F178" s="11"/>
      <c r="G178" s="11">
        <v>2956.81</v>
      </c>
      <c r="H178" s="11">
        <v>1285.9000000000001</v>
      </c>
      <c r="I178" s="11">
        <v>1288.1600000000001</v>
      </c>
      <c r="J178" s="11">
        <v>970.01</v>
      </c>
      <c r="K178" s="11"/>
      <c r="L178" s="11">
        <v>116.41</v>
      </c>
      <c r="M178" s="11">
        <v>526.01</v>
      </c>
      <c r="N178" s="11">
        <v>783.68</v>
      </c>
      <c r="O178" s="11">
        <v>8164.76</v>
      </c>
      <c r="P178" s="11">
        <v>8164.76</v>
      </c>
    </row>
    <row r="179" spans="2:16" x14ac:dyDescent="0.25">
      <c r="B179" s="9" t="s">
        <v>41</v>
      </c>
      <c r="C179" s="11">
        <v>16667.28</v>
      </c>
      <c r="D179" s="11">
        <v>15336.86</v>
      </c>
      <c r="E179" s="11">
        <v>16797.490000000002</v>
      </c>
      <c r="F179" s="11">
        <v>17316.36</v>
      </c>
      <c r="G179" s="11">
        <v>17439.650000000001</v>
      </c>
      <c r="H179" s="11">
        <v>17333.810000000001</v>
      </c>
      <c r="I179" s="11">
        <v>16369.16</v>
      </c>
      <c r="J179" s="11">
        <v>19780.12</v>
      </c>
      <c r="K179" s="11">
        <v>19471.580000000002</v>
      </c>
      <c r="L179" s="11">
        <v>20396.45</v>
      </c>
      <c r="M179" s="11">
        <v>11831.77</v>
      </c>
      <c r="N179" s="11">
        <v>9919.7900000000009</v>
      </c>
      <c r="O179" s="11">
        <v>198660.32</v>
      </c>
      <c r="P179" s="11">
        <v>198660.32</v>
      </c>
    </row>
    <row r="180" spans="2:16" x14ac:dyDescent="0.25">
      <c r="B180" s="9" t="s">
        <v>42</v>
      </c>
      <c r="C180" s="11">
        <v>485.37</v>
      </c>
      <c r="D180" s="11">
        <v>472.01</v>
      </c>
      <c r="E180" s="11">
        <v>576.61</v>
      </c>
      <c r="F180" s="11">
        <v>544.86</v>
      </c>
      <c r="G180" s="11">
        <v>548.32000000000005</v>
      </c>
      <c r="H180" s="11">
        <v>582.20000000000005</v>
      </c>
      <c r="I180" s="11">
        <v>452.57</v>
      </c>
      <c r="J180" s="11">
        <v>441.86</v>
      </c>
      <c r="K180" s="11">
        <v>406.67</v>
      </c>
      <c r="L180" s="11">
        <v>413.65</v>
      </c>
      <c r="M180" s="11">
        <v>431.01</v>
      </c>
      <c r="N180" s="11">
        <v>398.38</v>
      </c>
      <c r="O180" s="11">
        <v>5753.51</v>
      </c>
      <c r="P180" s="11">
        <v>5753.51</v>
      </c>
    </row>
    <row r="181" spans="2:16" x14ac:dyDescent="0.25">
      <c r="B181" s="9" t="s">
        <v>43</v>
      </c>
      <c r="C181" s="11">
        <v>1813.21</v>
      </c>
      <c r="D181" s="11">
        <v>2026.89</v>
      </c>
      <c r="E181" s="11">
        <v>2069.6799999999998</v>
      </c>
      <c r="F181" s="11">
        <v>1977.04</v>
      </c>
      <c r="G181" s="11">
        <v>1847.72</v>
      </c>
      <c r="H181" s="11">
        <v>1749.75</v>
      </c>
      <c r="I181" s="11">
        <v>2123.27</v>
      </c>
      <c r="J181" s="11">
        <v>297.91000000000003</v>
      </c>
      <c r="K181" s="11">
        <v>3242.43</v>
      </c>
      <c r="L181" s="11">
        <v>6256.85</v>
      </c>
      <c r="M181" s="11">
        <v>629.67999999999995</v>
      </c>
      <c r="N181" s="11">
        <v>3819.71</v>
      </c>
      <c r="O181" s="11">
        <v>27854.14</v>
      </c>
      <c r="P181" s="11">
        <v>27854.14</v>
      </c>
    </row>
    <row r="182" spans="2:16" x14ac:dyDescent="0.25">
      <c r="B182" s="9" t="s">
        <v>44</v>
      </c>
      <c r="C182" s="11"/>
      <c r="D182" s="11"/>
      <c r="E182" s="11">
        <v>0.44</v>
      </c>
      <c r="F182" s="11">
        <v>0.37</v>
      </c>
      <c r="G182" s="11">
        <v>3.18</v>
      </c>
      <c r="H182" s="11">
        <v>20.149999999999999</v>
      </c>
      <c r="I182" s="11">
        <v>0.4</v>
      </c>
      <c r="J182" s="11">
        <v>0.4</v>
      </c>
      <c r="K182" s="11">
        <v>4</v>
      </c>
      <c r="L182" s="11">
        <v>0.41</v>
      </c>
      <c r="M182" s="11">
        <v>0.4</v>
      </c>
      <c r="N182" s="11">
        <v>0.36</v>
      </c>
      <c r="O182" s="11">
        <v>30.11</v>
      </c>
      <c r="P182" s="11">
        <v>30.11</v>
      </c>
    </row>
    <row r="183" spans="2:16" x14ac:dyDescent="0.25">
      <c r="B183" s="9" t="s">
        <v>45</v>
      </c>
      <c r="C183" s="11">
        <v>25137.42</v>
      </c>
      <c r="D183" s="11">
        <v>53729.06</v>
      </c>
      <c r="E183" s="11">
        <v>40460.28</v>
      </c>
      <c r="F183" s="11">
        <v>43835.199999999997</v>
      </c>
      <c r="G183" s="11">
        <v>44525.43</v>
      </c>
      <c r="H183" s="11">
        <v>48351.91</v>
      </c>
      <c r="I183" s="11">
        <v>44155.14</v>
      </c>
      <c r="J183" s="11">
        <v>39906.65</v>
      </c>
      <c r="K183" s="11">
        <v>41794.97</v>
      </c>
      <c r="L183" s="11">
        <v>36422.410000000003</v>
      </c>
      <c r="M183" s="11">
        <v>40540.839999999997</v>
      </c>
      <c r="N183" s="11">
        <v>37559.279999999999</v>
      </c>
      <c r="O183" s="11">
        <v>496418.59</v>
      </c>
      <c r="P183" s="11">
        <v>496418.59</v>
      </c>
    </row>
    <row r="184" spans="2:16" x14ac:dyDescent="0.25">
      <c r="B184" s="9" t="s">
        <v>46</v>
      </c>
      <c r="C184" s="11">
        <v>15113.18</v>
      </c>
      <c r="D184" s="11">
        <v>15278.4</v>
      </c>
      <c r="E184" s="11">
        <v>16060.14</v>
      </c>
      <c r="F184" s="11">
        <v>15792.63</v>
      </c>
      <c r="G184" s="11">
        <v>15563.97</v>
      </c>
      <c r="H184" s="11">
        <v>16197.78</v>
      </c>
      <c r="I184" s="11">
        <v>16435.46</v>
      </c>
      <c r="J184" s="11">
        <v>13931.51</v>
      </c>
      <c r="K184" s="11">
        <v>14978.79</v>
      </c>
      <c r="L184" s="11">
        <v>16370.66</v>
      </c>
      <c r="M184" s="11">
        <v>11337.28</v>
      </c>
      <c r="N184" s="11">
        <v>6474.85</v>
      </c>
      <c r="O184" s="11">
        <v>173534.65</v>
      </c>
      <c r="P184" s="11">
        <v>173534.65</v>
      </c>
    </row>
    <row r="185" spans="2:16" x14ac:dyDescent="0.25">
      <c r="B185" s="9" t="s">
        <v>47</v>
      </c>
      <c r="C185" s="11"/>
      <c r="D185" s="11"/>
      <c r="E185" s="11">
        <v>12192.31</v>
      </c>
      <c r="F185" s="11">
        <v>509.73</v>
      </c>
      <c r="G185" s="11">
        <v>878.92</v>
      </c>
      <c r="H185" s="11">
        <v>221.47</v>
      </c>
      <c r="I185" s="11"/>
      <c r="J185" s="11"/>
      <c r="K185" s="11"/>
      <c r="L185" s="11">
        <v>784.49</v>
      </c>
      <c r="M185" s="11"/>
      <c r="N185" s="11"/>
      <c r="O185" s="11">
        <v>14586.92</v>
      </c>
      <c r="P185" s="11">
        <v>14586.92</v>
      </c>
    </row>
    <row r="186" spans="2:16" x14ac:dyDescent="0.25">
      <c r="B186" s="9" t="s">
        <v>49</v>
      </c>
      <c r="C186" s="11">
        <v>315.5</v>
      </c>
      <c r="D186" s="11">
        <v>301.45999999999998</v>
      </c>
      <c r="E186" s="11">
        <v>3277.72</v>
      </c>
      <c r="F186" s="11">
        <v>7605.24</v>
      </c>
      <c r="G186" s="11">
        <v>5860.21</v>
      </c>
      <c r="H186" s="11">
        <v>1375.75</v>
      </c>
      <c r="I186" s="11">
        <v>18.23</v>
      </c>
      <c r="J186" s="11">
        <v>1757.44</v>
      </c>
      <c r="K186" s="11">
        <v>3406.6</v>
      </c>
      <c r="L186" s="11">
        <v>2293.19</v>
      </c>
      <c r="M186" s="11">
        <v>3352.85</v>
      </c>
      <c r="N186" s="11"/>
      <c r="O186" s="11">
        <v>29564.19</v>
      </c>
      <c r="P186" s="11">
        <v>29564.19</v>
      </c>
    </row>
    <row r="187" spans="2:16" x14ac:dyDescent="0.25">
      <c r="B187" s="9" t="s">
        <v>50</v>
      </c>
      <c r="C187" s="11">
        <v>8684.7999999999993</v>
      </c>
      <c r="D187" s="11">
        <v>9644.2199999999993</v>
      </c>
      <c r="E187" s="11">
        <v>10992.1</v>
      </c>
      <c r="F187" s="11">
        <v>10204.42</v>
      </c>
      <c r="G187" s="11">
        <v>9296.1</v>
      </c>
      <c r="H187" s="11">
        <v>9048.2900000000009</v>
      </c>
      <c r="I187" s="11">
        <v>8707.67</v>
      </c>
      <c r="J187" s="11">
        <v>9142.25</v>
      </c>
      <c r="K187" s="11">
        <v>7442.28</v>
      </c>
      <c r="L187" s="11">
        <v>10173.58</v>
      </c>
      <c r="M187" s="11">
        <v>6810.84</v>
      </c>
      <c r="N187" s="11">
        <v>9073.9500000000007</v>
      </c>
      <c r="O187" s="11">
        <v>109220.5</v>
      </c>
      <c r="P187" s="11">
        <v>109220.5</v>
      </c>
    </row>
    <row r="188" spans="2:16" x14ac:dyDescent="0.25">
      <c r="B188" s="9" t="s">
        <v>52</v>
      </c>
      <c r="C188" s="11">
        <v>28.45</v>
      </c>
      <c r="D188" s="11"/>
      <c r="E188" s="11"/>
      <c r="F188" s="11">
        <v>8.85</v>
      </c>
      <c r="G188" s="11"/>
      <c r="H188" s="11"/>
      <c r="I188" s="11"/>
      <c r="J188" s="11"/>
      <c r="K188" s="11"/>
      <c r="L188" s="11"/>
      <c r="M188" s="11"/>
      <c r="N188" s="11"/>
      <c r="O188" s="11">
        <v>37.299999999999997</v>
      </c>
      <c r="P188" s="11">
        <v>37.299999999999997</v>
      </c>
    </row>
    <row r="189" spans="2:16" x14ac:dyDescent="0.25">
      <c r="B189" s="9" t="s">
        <v>53</v>
      </c>
      <c r="C189" s="11">
        <v>-580913.18000000005</v>
      </c>
      <c r="D189" s="11">
        <v>-1465708.08</v>
      </c>
      <c r="E189" s="11">
        <v>-790917.84</v>
      </c>
      <c r="F189" s="11">
        <v>-93037.74</v>
      </c>
      <c r="G189" s="11">
        <v>24118.25</v>
      </c>
      <c r="H189" s="11">
        <v>2084116.12</v>
      </c>
      <c r="I189" s="11">
        <v>2408367.2999999998</v>
      </c>
      <c r="J189" s="11">
        <v>326823.3</v>
      </c>
      <c r="K189" s="11">
        <v>1769185.63</v>
      </c>
      <c r="L189" s="11">
        <v>-409186.17</v>
      </c>
      <c r="M189" s="11">
        <v>-2697339.03</v>
      </c>
      <c r="N189" s="11">
        <v>-2114717.7999999998</v>
      </c>
      <c r="O189" s="11">
        <v>-1539209.24</v>
      </c>
      <c r="P189" s="11">
        <v>-1539209.24</v>
      </c>
    </row>
    <row r="190" spans="2:16" x14ac:dyDescent="0.25">
      <c r="B190" s="9" t="s">
        <v>55</v>
      </c>
      <c r="C190" s="11">
        <v>900</v>
      </c>
      <c r="D190" s="11"/>
      <c r="E190" s="11"/>
      <c r="F190" s="11"/>
      <c r="G190" s="11"/>
      <c r="H190" s="11">
        <v>2500</v>
      </c>
      <c r="I190" s="11">
        <v>10000</v>
      </c>
      <c r="J190" s="11"/>
      <c r="K190" s="11"/>
      <c r="L190" s="11"/>
      <c r="M190" s="11"/>
      <c r="N190" s="11">
        <v>824</v>
      </c>
      <c r="O190" s="11">
        <v>14224</v>
      </c>
      <c r="P190" s="11">
        <v>14224</v>
      </c>
    </row>
    <row r="191" spans="2:16" x14ac:dyDescent="0.25">
      <c r="B191" s="9" t="s">
        <v>56</v>
      </c>
      <c r="C191" s="11">
        <v>347.45</v>
      </c>
      <c r="D191" s="11">
        <v>293.54000000000002</v>
      </c>
      <c r="E191" s="11">
        <v>379.73</v>
      </c>
      <c r="F191" s="11">
        <v>376.73</v>
      </c>
      <c r="G191" s="11">
        <v>481.09</v>
      </c>
      <c r="H191" s="11">
        <v>405.47</v>
      </c>
      <c r="I191" s="11">
        <v>274.27999999999997</v>
      </c>
      <c r="J191" s="11">
        <v>303.70999999999998</v>
      </c>
      <c r="K191" s="11">
        <v>155.77000000000001</v>
      </c>
      <c r="L191" s="11">
        <v>109.52</v>
      </c>
      <c r="M191" s="11">
        <v>241.29</v>
      </c>
      <c r="N191" s="11">
        <v>338.83</v>
      </c>
      <c r="O191" s="11">
        <v>3707.41</v>
      </c>
      <c r="P191" s="11">
        <v>3707.41</v>
      </c>
    </row>
    <row r="192" spans="2:16" x14ac:dyDescent="0.25">
      <c r="B192" s="9" t="s">
        <v>57</v>
      </c>
      <c r="C192" s="11">
        <v>5642.66</v>
      </c>
      <c r="D192" s="11">
        <v>6872.05</v>
      </c>
      <c r="E192" s="11">
        <v>7272.79</v>
      </c>
      <c r="F192" s="11">
        <v>6612.2</v>
      </c>
      <c r="G192" s="11">
        <v>6391.28</v>
      </c>
      <c r="H192" s="11">
        <v>6611.15</v>
      </c>
      <c r="I192" s="11">
        <v>6215.49</v>
      </c>
      <c r="J192" s="11">
        <v>6542.88</v>
      </c>
      <c r="K192" s="11">
        <v>6306.93</v>
      </c>
      <c r="L192" s="11">
        <v>6961.67</v>
      </c>
      <c r="M192" s="11">
        <v>5846.11</v>
      </c>
      <c r="N192" s="11">
        <v>5367.62</v>
      </c>
      <c r="O192" s="11">
        <v>76642.83</v>
      </c>
      <c r="P192" s="11">
        <v>76642.83</v>
      </c>
    </row>
    <row r="193" spans="2:16" x14ac:dyDescent="0.25">
      <c r="B193" s="9" t="s">
        <v>58</v>
      </c>
      <c r="C193" s="11">
        <v>28046.48</v>
      </c>
      <c r="D193" s="11">
        <v>32244.95</v>
      </c>
      <c r="E193" s="11">
        <v>33319.17</v>
      </c>
      <c r="F193" s="11">
        <v>31197.79</v>
      </c>
      <c r="G193" s="11">
        <v>29858.6</v>
      </c>
      <c r="H193" s="11">
        <v>30397.73</v>
      </c>
      <c r="I193" s="11">
        <v>29216.25</v>
      </c>
      <c r="J193" s="11">
        <v>31072.16</v>
      </c>
      <c r="K193" s="11">
        <v>29902.85</v>
      </c>
      <c r="L193" s="11">
        <v>32254.73</v>
      </c>
      <c r="M193" s="11">
        <v>27759.71</v>
      </c>
      <c r="N193" s="11">
        <v>24445.86</v>
      </c>
      <c r="O193" s="11">
        <v>359716.28</v>
      </c>
      <c r="P193" s="11">
        <v>359716.28</v>
      </c>
    </row>
    <row r="194" spans="2:16" x14ac:dyDescent="0.25">
      <c r="B194" s="9" t="s">
        <v>59</v>
      </c>
      <c r="C194" s="11">
        <v>3746.62</v>
      </c>
      <c r="D194" s="11">
        <v>4337.93</v>
      </c>
      <c r="E194" s="11">
        <v>4501.7</v>
      </c>
      <c r="F194" s="11">
        <v>4189.8599999999997</v>
      </c>
      <c r="G194" s="11">
        <v>4019.06</v>
      </c>
      <c r="H194" s="11">
        <v>4098.7700000000004</v>
      </c>
      <c r="I194" s="11">
        <v>3927.19</v>
      </c>
      <c r="J194" s="11">
        <v>4171.1400000000003</v>
      </c>
      <c r="K194" s="11">
        <v>4014.66</v>
      </c>
      <c r="L194" s="11">
        <v>4341.71</v>
      </c>
      <c r="M194" s="11">
        <v>3725.58</v>
      </c>
      <c r="N194" s="11">
        <v>3304.41</v>
      </c>
      <c r="O194" s="11">
        <v>48378.63</v>
      </c>
      <c r="P194" s="11">
        <v>48378.63</v>
      </c>
    </row>
    <row r="195" spans="2:16" x14ac:dyDescent="0.25">
      <c r="B195" s="9" t="s">
        <v>60</v>
      </c>
      <c r="C195" s="11">
        <v>69329.509999999995</v>
      </c>
      <c r="D195" s="11">
        <v>64111.49</v>
      </c>
      <c r="E195" s="11">
        <v>64375.05</v>
      </c>
      <c r="F195" s="11">
        <v>59001.08</v>
      </c>
      <c r="G195" s="11">
        <v>53747.34</v>
      </c>
      <c r="H195" s="11">
        <v>31388.61</v>
      </c>
      <c r="I195" s="11">
        <v>70233.63</v>
      </c>
      <c r="J195" s="11">
        <v>69003.649999999994</v>
      </c>
      <c r="K195" s="11">
        <v>56452.69</v>
      </c>
      <c r="L195" s="11">
        <v>46164.7</v>
      </c>
      <c r="M195" s="11">
        <v>46459.55</v>
      </c>
      <c r="N195" s="11">
        <v>68218.55</v>
      </c>
      <c r="O195" s="11">
        <v>698485.85</v>
      </c>
      <c r="P195" s="11">
        <v>698485.85</v>
      </c>
    </row>
    <row r="196" spans="2:16" x14ac:dyDescent="0.25">
      <c r="B196" s="9" t="s">
        <v>61</v>
      </c>
      <c r="C196" s="11">
        <v>161302.54999999999</v>
      </c>
      <c r="D196" s="11">
        <v>169497.01</v>
      </c>
      <c r="E196" s="11">
        <v>170326.79</v>
      </c>
      <c r="F196" s="11">
        <v>169769.13</v>
      </c>
      <c r="G196" s="11">
        <v>170239.05</v>
      </c>
      <c r="H196" s="11">
        <v>171368.1</v>
      </c>
      <c r="I196" s="11">
        <v>172494.45</v>
      </c>
      <c r="J196" s="11">
        <v>172282.27</v>
      </c>
      <c r="K196" s="11">
        <v>172096.32</v>
      </c>
      <c r="L196" s="11">
        <v>172520.68</v>
      </c>
      <c r="M196" s="11">
        <v>172096.32</v>
      </c>
      <c r="N196" s="11">
        <v>172441.99</v>
      </c>
      <c r="O196" s="11">
        <v>2046434.66</v>
      </c>
      <c r="P196" s="11">
        <v>2046434.66</v>
      </c>
    </row>
    <row r="197" spans="2:16" x14ac:dyDescent="0.25">
      <c r="B197" s="9" t="s">
        <v>62</v>
      </c>
      <c r="C197" s="11">
        <v>7134.78</v>
      </c>
      <c r="D197" s="11">
        <v>10455.469999999999</v>
      </c>
      <c r="E197" s="11">
        <v>8407.49</v>
      </c>
      <c r="F197" s="11">
        <v>6933.19</v>
      </c>
      <c r="G197" s="11">
        <v>5050.18</v>
      </c>
      <c r="H197" s="11">
        <v>8916.42</v>
      </c>
      <c r="I197" s="11">
        <v>11388.11</v>
      </c>
      <c r="J197" s="11">
        <v>4089.31</v>
      </c>
      <c r="K197" s="11">
        <v>3143.88</v>
      </c>
      <c r="L197" s="11">
        <v>5858.62</v>
      </c>
      <c r="M197" s="11">
        <v>2298.06</v>
      </c>
      <c r="N197" s="11">
        <v>2017.05</v>
      </c>
      <c r="O197" s="11">
        <v>75692.56</v>
      </c>
      <c r="P197" s="11">
        <v>75692.56</v>
      </c>
    </row>
    <row r="198" spans="2:16" x14ac:dyDescent="0.25">
      <c r="B198" s="9" t="s">
        <v>63</v>
      </c>
      <c r="C198" s="11">
        <v>3087.67</v>
      </c>
      <c r="D198" s="11">
        <v>3954.47</v>
      </c>
      <c r="E198" s="11">
        <v>278.73</v>
      </c>
      <c r="F198" s="11">
        <v>1555.67</v>
      </c>
      <c r="G198" s="11"/>
      <c r="H198" s="11">
        <v>48960</v>
      </c>
      <c r="I198" s="11"/>
      <c r="J198" s="11"/>
      <c r="K198" s="11">
        <v>1002.42</v>
      </c>
      <c r="L198" s="11">
        <v>35908.85</v>
      </c>
      <c r="M198" s="11">
        <v>174.29</v>
      </c>
      <c r="N198" s="11">
        <v>17973.46</v>
      </c>
      <c r="O198" s="11">
        <v>112895.56</v>
      </c>
      <c r="P198" s="11">
        <v>112895.56</v>
      </c>
    </row>
    <row r="199" spans="2:16" x14ac:dyDescent="0.25">
      <c r="B199" s="9" t="s">
        <v>64</v>
      </c>
      <c r="C199" s="11">
        <v>1461585.11</v>
      </c>
      <c r="D199" s="11">
        <v>1547296.97</v>
      </c>
      <c r="E199" s="11">
        <v>1705953.45</v>
      </c>
      <c r="F199" s="11">
        <v>1438319.49</v>
      </c>
      <c r="G199" s="11">
        <v>1626625.27</v>
      </c>
      <c r="H199" s="11">
        <v>1937412.04</v>
      </c>
      <c r="I199" s="11">
        <v>1747986.6</v>
      </c>
      <c r="J199" s="11">
        <v>1926406.59</v>
      </c>
      <c r="K199" s="11">
        <v>1662773.38</v>
      </c>
      <c r="L199" s="11">
        <v>1926406.61</v>
      </c>
      <c r="M199" s="11">
        <v>1841236.89</v>
      </c>
      <c r="N199" s="11">
        <v>1747943.13</v>
      </c>
      <c r="O199" s="11">
        <v>20569945.530000001</v>
      </c>
      <c r="P199" s="11">
        <v>20569945.530000001</v>
      </c>
    </row>
    <row r="200" spans="2:16" x14ac:dyDescent="0.25">
      <c r="B200" s="9" t="s">
        <v>65</v>
      </c>
      <c r="C200" s="11">
        <v>5402</v>
      </c>
      <c r="D200" s="11">
        <v>5956.47</v>
      </c>
      <c r="E200" s="11">
        <v>7213.83</v>
      </c>
      <c r="F200" s="11">
        <v>4963.95</v>
      </c>
      <c r="G200" s="11">
        <v>6018.08</v>
      </c>
      <c r="H200" s="11">
        <v>8159.9</v>
      </c>
      <c r="I200" s="11">
        <v>5129.17</v>
      </c>
      <c r="J200" s="11">
        <v>6925.09</v>
      </c>
      <c r="K200" s="11">
        <v>4408.25</v>
      </c>
      <c r="L200" s="11">
        <v>3749.18</v>
      </c>
      <c r="M200" s="11">
        <v>7630.17</v>
      </c>
      <c r="N200" s="11">
        <v>6165.59</v>
      </c>
      <c r="O200" s="11">
        <v>71721.679999999993</v>
      </c>
      <c r="P200" s="11">
        <v>71721.679999999993</v>
      </c>
    </row>
    <row r="201" spans="2:16" x14ac:dyDescent="0.25">
      <c r="B201" s="9" t="s">
        <v>66</v>
      </c>
      <c r="C201" s="11">
        <v>557.63</v>
      </c>
      <c r="D201" s="11">
        <v>645.01</v>
      </c>
      <c r="E201" s="11">
        <v>748.09</v>
      </c>
      <c r="F201" s="11">
        <v>745.77</v>
      </c>
      <c r="G201" s="11">
        <v>718.02</v>
      </c>
      <c r="H201" s="11">
        <v>644.01</v>
      </c>
      <c r="I201" s="11">
        <v>243.56</v>
      </c>
      <c r="J201" s="11">
        <v>221.07</v>
      </c>
      <c r="K201" s="11">
        <v>270.97000000000003</v>
      </c>
      <c r="L201" s="11">
        <v>284.05</v>
      </c>
      <c r="M201" s="11">
        <v>251.47</v>
      </c>
      <c r="N201" s="11">
        <v>195.04</v>
      </c>
      <c r="O201" s="11">
        <v>5524.69</v>
      </c>
      <c r="P201" s="11">
        <v>5524.69</v>
      </c>
    </row>
    <row r="202" spans="2:16" x14ac:dyDescent="0.25">
      <c r="B202" s="9" t="s">
        <v>67</v>
      </c>
      <c r="C202" s="11">
        <v>761</v>
      </c>
      <c r="D202" s="11">
        <v>1234.05</v>
      </c>
      <c r="E202" s="11">
        <v>735.83</v>
      </c>
      <c r="F202" s="11">
        <v>3666.22</v>
      </c>
      <c r="G202" s="11">
        <v>360.52</v>
      </c>
      <c r="H202" s="11">
        <v>2436.09</v>
      </c>
      <c r="I202" s="11">
        <v>1731.15</v>
      </c>
      <c r="J202" s="11"/>
      <c r="K202" s="11">
        <v>324.33999999999997</v>
      </c>
      <c r="L202" s="11">
        <v>586.45000000000005</v>
      </c>
      <c r="M202" s="11">
        <v>2367.33</v>
      </c>
      <c r="N202" s="11">
        <v>2568.86</v>
      </c>
      <c r="O202" s="11">
        <v>16771.84</v>
      </c>
      <c r="P202" s="11">
        <v>16771.84</v>
      </c>
    </row>
    <row r="203" spans="2:16" x14ac:dyDescent="0.25">
      <c r="B203" s="9" t="s">
        <v>69</v>
      </c>
      <c r="C203" s="11">
        <v>8501.5300000000007</v>
      </c>
      <c r="D203" s="11">
        <v>5268.47</v>
      </c>
      <c r="E203" s="11">
        <v>5582.42</v>
      </c>
      <c r="F203" s="11">
        <v>6138.65</v>
      </c>
      <c r="G203" s="11">
        <v>5732.96</v>
      </c>
      <c r="H203" s="11">
        <v>5570.2</v>
      </c>
      <c r="I203" s="11">
        <v>4597.38</v>
      </c>
      <c r="J203" s="11">
        <v>5161.09</v>
      </c>
      <c r="K203" s="11">
        <v>5084.55</v>
      </c>
      <c r="L203" s="11">
        <v>3581.28</v>
      </c>
      <c r="M203" s="11">
        <v>-1855.67</v>
      </c>
      <c r="N203" s="11">
        <v>383.44</v>
      </c>
      <c r="O203" s="11">
        <v>53746.3</v>
      </c>
      <c r="P203" s="11">
        <v>53746.3</v>
      </c>
    </row>
    <row r="204" spans="2:16" x14ac:dyDescent="0.25">
      <c r="B204" s="9" t="s">
        <v>70</v>
      </c>
      <c r="C204" s="11">
        <v>4745.67</v>
      </c>
      <c r="D204" s="11">
        <v>2540.6799999999998</v>
      </c>
      <c r="E204" s="11">
        <v>5797.03</v>
      </c>
      <c r="F204" s="11">
        <v>5882.25</v>
      </c>
      <c r="G204" s="11">
        <v>6187.73</v>
      </c>
      <c r="H204" s="11">
        <v>2966.08</v>
      </c>
      <c r="I204" s="11">
        <v>6314.87</v>
      </c>
      <c r="J204" s="11">
        <v>4452.84</v>
      </c>
      <c r="K204" s="11">
        <v>394.43</v>
      </c>
      <c r="L204" s="11">
        <v>594.61</v>
      </c>
      <c r="M204" s="11">
        <v>279.19</v>
      </c>
      <c r="N204" s="11">
        <v>284.57</v>
      </c>
      <c r="O204" s="11">
        <v>40439.949999999997</v>
      </c>
      <c r="P204" s="11">
        <v>40439.949999999997</v>
      </c>
    </row>
    <row r="205" spans="2:16" x14ac:dyDescent="0.25">
      <c r="B205" s="9" t="s">
        <v>71</v>
      </c>
      <c r="C205" s="11">
        <v>3439.39</v>
      </c>
      <c r="D205" s="11">
        <v>4684.76</v>
      </c>
      <c r="E205" s="11">
        <v>2898.2</v>
      </c>
      <c r="F205" s="11">
        <v>11956.24</v>
      </c>
      <c r="G205" s="11">
        <v>7799.44</v>
      </c>
      <c r="H205" s="11">
        <v>2581.02</v>
      </c>
      <c r="I205" s="11">
        <v>9306.11</v>
      </c>
      <c r="J205" s="11">
        <v>8437.36</v>
      </c>
      <c r="K205" s="11">
        <v>10384.35</v>
      </c>
      <c r="L205" s="11">
        <v>4921.92</v>
      </c>
      <c r="M205" s="11">
        <v>7375.9</v>
      </c>
      <c r="N205" s="11">
        <v>4231.4799999999996</v>
      </c>
      <c r="O205" s="11">
        <v>78016.17</v>
      </c>
      <c r="P205" s="11">
        <v>78016.17</v>
      </c>
    </row>
    <row r="206" spans="2:16" x14ac:dyDescent="0.25">
      <c r="B206" s="9" t="s">
        <v>72</v>
      </c>
      <c r="C206" s="11">
        <v>4076.11</v>
      </c>
      <c r="D206" s="11">
        <v>4595.26</v>
      </c>
      <c r="E206" s="11">
        <v>4975.79</v>
      </c>
      <c r="F206" s="11">
        <v>6926.05</v>
      </c>
      <c r="G206" s="11">
        <v>4341.91</v>
      </c>
      <c r="H206" s="11">
        <v>9264.6299999999992</v>
      </c>
      <c r="I206" s="11">
        <v>48613.72</v>
      </c>
      <c r="J206" s="11">
        <v>5788.74</v>
      </c>
      <c r="K206" s="11">
        <v>9725.5400000000009</v>
      </c>
      <c r="L206" s="11">
        <v>10790.69</v>
      </c>
      <c r="M206" s="11">
        <v>11311.5</v>
      </c>
      <c r="N206" s="11">
        <v>4606.51</v>
      </c>
      <c r="O206" s="11">
        <v>125016.45</v>
      </c>
      <c r="P206" s="11">
        <v>125016.45</v>
      </c>
    </row>
    <row r="207" spans="2:16" x14ac:dyDescent="0.25">
      <c r="B207" s="9" t="s">
        <v>73</v>
      </c>
      <c r="C207" s="11">
        <v>56734.79</v>
      </c>
      <c r="D207" s="11">
        <v>104226.46</v>
      </c>
      <c r="E207" s="11">
        <v>141664.85999999999</v>
      </c>
      <c r="F207" s="11">
        <v>166164.13</v>
      </c>
      <c r="G207" s="11">
        <v>148551.79</v>
      </c>
      <c r="H207" s="11">
        <v>179899.76</v>
      </c>
      <c r="I207" s="11">
        <v>181031.7</v>
      </c>
      <c r="J207" s="11">
        <v>177672.22</v>
      </c>
      <c r="K207" s="11">
        <v>166467.70000000001</v>
      </c>
      <c r="L207" s="11">
        <v>160048.78</v>
      </c>
      <c r="M207" s="11">
        <v>155026.60999999999</v>
      </c>
      <c r="N207" s="11">
        <v>162727.92000000001</v>
      </c>
      <c r="O207" s="11">
        <v>1800216.72</v>
      </c>
      <c r="P207" s="11">
        <v>1800216.72</v>
      </c>
    </row>
    <row r="208" spans="2:16" x14ac:dyDescent="0.25">
      <c r="B208" s="9" t="s">
        <v>74</v>
      </c>
      <c r="C208" s="11">
        <v>2042.42</v>
      </c>
      <c r="D208" s="11">
        <v>1850.83</v>
      </c>
      <c r="E208" s="11">
        <v>3144.74</v>
      </c>
      <c r="F208" s="11">
        <v>2995.86</v>
      </c>
      <c r="G208" s="11">
        <v>3656.69</v>
      </c>
      <c r="H208" s="11">
        <v>4115.84</v>
      </c>
      <c r="I208" s="11">
        <v>3674.87</v>
      </c>
      <c r="J208" s="11">
        <v>3324.74</v>
      </c>
      <c r="K208" s="11">
        <v>2552.21</v>
      </c>
      <c r="L208" s="11">
        <v>2519.8200000000002</v>
      </c>
      <c r="M208" s="11">
        <v>2765.87</v>
      </c>
      <c r="N208" s="11">
        <v>2533.9499999999998</v>
      </c>
      <c r="O208" s="11">
        <v>35177.839999999997</v>
      </c>
      <c r="P208" s="11">
        <v>35177.839999999997</v>
      </c>
    </row>
    <row r="209" spans="2:16" x14ac:dyDescent="0.25">
      <c r="B209" s="9" t="s">
        <v>75</v>
      </c>
      <c r="C209" s="11">
        <v>33509.699999999997</v>
      </c>
      <c r="D209" s="11">
        <v>27021.88</v>
      </c>
      <c r="E209" s="11">
        <v>31580.639999999999</v>
      </c>
      <c r="F209" s="11">
        <v>-5653.56</v>
      </c>
      <c r="G209" s="11">
        <v>29147.81</v>
      </c>
      <c r="H209" s="11">
        <v>19915</v>
      </c>
      <c r="I209" s="11">
        <v>34229.72</v>
      </c>
      <c r="J209" s="11">
        <v>19574.189999999999</v>
      </c>
      <c r="K209" s="11">
        <v>82330.320000000007</v>
      </c>
      <c r="L209" s="11">
        <v>20512.71</v>
      </c>
      <c r="M209" s="11">
        <v>20600.310000000001</v>
      </c>
      <c r="N209" s="11">
        <v>27117.08</v>
      </c>
      <c r="O209" s="11">
        <v>339885.8</v>
      </c>
      <c r="P209" s="11">
        <v>339885.8</v>
      </c>
    </row>
    <row r="210" spans="2:16" x14ac:dyDescent="0.25">
      <c r="B210" s="9" t="s">
        <v>76</v>
      </c>
      <c r="C210" s="11">
        <v>9105.7800000000007</v>
      </c>
      <c r="D210" s="11">
        <v>14351.69</v>
      </c>
      <c r="E210" s="11">
        <v>13183.11</v>
      </c>
      <c r="F210" s="11">
        <v>2500.02</v>
      </c>
      <c r="G210" s="11">
        <v>7814.96</v>
      </c>
      <c r="H210" s="11">
        <v>9891.7999999999993</v>
      </c>
      <c r="I210" s="11">
        <v>-1431.51</v>
      </c>
      <c r="J210" s="11">
        <v>2932.15</v>
      </c>
      <c r="K210" s="11">
        <v>942.32</v>
      </c>
      <c r="L210" s="11">
        <v>5305.44</v>
      </c>
      <c r="M210" s="11">
        <v>3126.75</v>
      </c>
      <c r="N210" s="11">
        <v>2224.7199999999998</v>
      </c>
      <c r="O210" s="11">
        <v>69947.23</v>
      </c>
      <c r="P210" s="11">
        <v>69947.23</v>
      </c>
    </row>
    <row r="211" spans="2:16" x14ac:dyDescent="0.25">
      <c r="B211" s="9" t="s">
        <v>78</v>
      </c>
      <c r="C211" s="11">
        <v>2508.65</v>
      </c>
      <c r="D211" s="11">
        <v>3372.1</v>
      </c>
      <c r="E211" s="11">
        <v>3443.22</v>
      </c>
      <c r="F211" s="11">
        <v>2679.9</v>
      </c>
      <c r="G211" s="11">
        <v>3060.89</v>
      </c>
      <c r="H211" s="11">
        <v>3069.15</v>
      </c>
      <c r="I211" s="11">
        <v>4246.25</v>
      </c>
      <c r="J211" s="11">
        <v>3269.81</v>
      </c>
      <c r="K211" s="11">
        <v>3276.88</v>
      </c>
      <c r="L211" s="11">
        <v>4067.69</v>
      </c>
      <c r="M211" s="11">
        <v>3726.82</v>
      </c>
      <c r="N211" s="11">
        <v>4355.4399999999996</v>
      </c>
      <c r="O211" s="11">
        <v>41076.800000000003</v>
      </c>
      <c r="P211" s="11">
        <v>41076.800000000003</v>
      </c>
    </row>
    <row r="212" spans="2:16" x14ac:dyDescent="0.25">
      <c r="B212" s="9" t="s">
        <v>81</v>
      </c>
      <c r="C212" s="11"/>
      <c r="D212" s="11"/>
      <c r="E212" s="11"/>
      <c r="F212" s="11"/>
      <c r="G212" s="11"/>
      <c r="H212" s="11"/>
      <c r="I212" s="11">
        <v>371.62</v>
      </c>
      <c r="J212" s="11">
        <v>282.11</v>
      </c>
      <c r="K212" s="11">
        <v>451.36</v>
      </c>
      <c r="L212" s="11">
        <v>2597.39</v>
      </c>
      <c r="M212" s="11"/>
      <c r="N212" s="11">
        <v>34.46</v>
      </c>
      <c r="O212" s="11">
        <v>3736.94</v>
      </c>
      <c r="P212" s="11">
        <v>3736.94</v>
      </c>
    </row>
    <row r="213" spans="2:16" x14ac:dyDescent="0.25">
      <c r="B213" s="9" t="s">
        <v>82</v>
      </c>
      <c r="C213" s="11">
        <v>35578.57</v>
      </c>
      <c r="D213" s="11">
        <v>43338.36</v>
      </c>
      <c r="E213" s="11">
        <v>47247.071000000004</v>
      </c>
      <c r="F213" s="11">
        <v>48293.65</v>
      </c>
      <c r="G213" s="11">
        <v>49442.26</v>
      </c>
      <c r="H213" s="11">
        <v>46490.12</v>
      </c>
      <c r="I213" s="11">
        <v>48548.6</v>
      </c>
      <c r="J213" s="11">
        <v>56628.932999999997</v>
      </c>
      <c r="K213" s="11">
        <v>52147.91</v>
      </c>
      <c r="L213" s="11">
        <v>45346.19</v>
      </c>
      <c r="M213" s="11">
        <v>42384.72</v>
      </c>
      <c r="N213" s="11">
        <v>589185.82999999996</v>
      </c>
      <c r="O213" s="11">
        <v>1104632.2139999999</v>
      </c>
      <c r="P213" s="11">
        <v>1104632.2139999999</v>
      </c>
    </row>
    <row r="214" spans="2:16" x14ac:dyDescent="0.25">
      <c r="B214" s="9" t="s">
        <v>84</v>
      </c>
      <c r="C214" s="11">
        <v>4770.9399999999996</v>
      </c>
      <c r="D214" s="11">
        <v>4191.71</v>
      </c>
      <c r="E214" s="11">
        <v>6376.33</v>
      </c>
      <c r="F214" s="11">
        <v>6152.38</v>
      </c>
      <c r="G214" s="11">
        <v>6706.43</v>
      </c>
      <c r="H214" s="11">
        <v>5843.51</v>
      </c>
      <c r="I214" s="11">
        <v>5227.41</v>
      </c>
      <c r="J214" s="11">
        <v>7279.02</v>
      </c>
      <c r="K214" s="11">
        <v>6134.34</v>
      </c>
      <c r="L214" s="11">
        <v>6414.9</v>
      </c>
      <c r="M214" s="11">
        <v>5952.91</v>
      </c>
      <c r="N214" s="11">
        <v>4190.95</v>
      </c>
      <c r="O214" s="11">
        <v>69240.83</v>
      </c>
      <c r="P214" s="11">
        <v>69240.83</v>
      </c>
    </row>
    <row r="215" spans="2:16" x14ac:dyDescent="0.25">
      <c r="B215" s="9" t="s">
        <v>85</v>
      </c>
      <c r="C215" s="11">
        <v>13925.07</v>
      </c>
      <c r="D215" s="11">
        <v>10814.29</v>
      </c>
      <c r="E215" s="11">
        <v>3148.04</v>
      </c>
      <c r="F215" s="11">
        <v>3890.84</v>
      </c>
      <c r="G215" s="11">
        <v>5478.66</v>
      </c>
      <c r="H215" s="11">
        <v>4426.43</v>
      </c>
      <c r="I215" s="11">
        <v>3579.92</v>
      </c>
      <c r="J215" s="11">
        <v>5348.78</v>
      </c>
      <c r="K215" s="11">
        <v>4963.3500000000004</v>
      </c>
      <c r="L215" s="11">
        <v>1581.81</v>
      </c>
      <c r="M215" s="11">
        <v>1079.82</v>
      </c>
      <c r="N215" s="11">
        <v>1625.5</v>
      </c>
      <c r="O215" s="11">
        <v>59862.51</v>
      </c>
      <c r="P215" s="11">
        <v>59862.51</v>
      </c>
    </row>
    <row r="216" spans="2:16" x14ac:dyDescent="0.25">
      <c r="B216" s="9" t="s">
        <v>86</v>
      </c>
      <c r="C216" s="11">
        <v>9598.48</v>
      </c>
      <c r="D216" s="11">
        <v>14226.84</v>
      </c>
      <c r="E216" s="11">
        <v>17804.3</v>
      </c>
      <c r="F216" s="11">
        <v>14262.71</v>
      </c>
      <c r="G216" s="11">
        <v>18149.09</v>
      </c>
      <c r="H216" s="11">
        <v>19435.439999999999</v>
      </c>
      <c r="I216" s="11">
        <v>16581.490000000002</v>
      </c>
      <c r="J216" s="11">
        <v>22469.84</v>
      </c>
      <c r="K216" s="11">
        <v>18978.16</v>
      </c>
      <c r="L216" s="11">
        <v>21833.08</v>
      </c>
      <c r="M216" s="11">
        <v>8716.1299999999992</v>
      </c>
      <c r="N216" s="11">
        <v>11771.93</v>
      </c>
      <c r="O216" s="11">
        <v>193827.49</v>
      </c>
      <c r="P216" s="11">
        <v>193827.49</v>
      </c>
    </row>
    <row r="217" spans="2:16" x14ac:dyDescent="0.25">
      <c r="B217" s="9" t="s">
        <v>87</v>
      </c>
      <c r="C217" s="11">
        <v>12443.2</v>
      </c>
      <c r="D217" s="11">
        <v>32332.53</v>
      </c>
      <c r="E217" s="11">
        <v>40347.160000000003</v>
      </c>
      <c r="F217" s="11">
        <v>27210.99</v>
      </c>
      <c r="G217" s="11">
        <v>20287.14</v>
      </c>
      <c r="H217" s="11">
        <v>25722.33</v>
      </c>
      <c r="I217" s="11">
        <v>82508.52</v>
      </c>
      <c r="J217" s="11">
        <v>27749.360000000001</v>
      </c>
      <c r="K217" s="11">
        <v>22555.73</v>
      </c>
      <c r="L217" s="11">
        <v>18380.189999999999</v>
      </c>
      <c r="M217" s="11">
        <v>17342.75</v>
      </c>
      <c r="N217" s="11">
        <v>20749.03</v>
      </c>
      <c r="O217" s="11">
        <v>347628.93</v>
      </c>
      <c r="P217" s="11">
        <v>347628.93</v>
      </c>
    </row>
    <row r="218" spans="2:16" x14ac:dyDescent="0.25">
      <c r="B218" s="9" t="s">
        <v>88</v>
      </c>
      <c r="C218" s="11">
        <v>3808.01</v>
      </c>
      <c r="D218" s="11">
        <v>897.28</v>
      </c>
      <c r="E218" s="11">
        <v>920.56</v>
      </c>
      <c r="F218" s="11">
        <v>553.84</v>
      </c>
      <c r="G218" s="11">
        <v>876.15</v>
      </c>
      <c r="H218" s="11">
        <v>917.22</v>
      </c>
      <c r="I218" s="11">
        <v>869.84</v>
      </c>
      <c r="J218" s="11">
        <v>678.78</v>
      </c>
      <c r="K218" s="11">
        <v>862.4</v>
      </c>
      <c r="L218" s="11">
        <v>983.14</v>
      </c>
      <c r="M218" s="11">
        <v>854.78</v>
      </c>
      <c r="N218" s="11">
        <v>897.88</v>
      </c>
      <c r="O218" s="11">
        <v>13119.88</v>
      </c>
      <c r="P218" s="11">
        <v>13119.88</v>
      </c>
    </row>
    <row r="219" spans="2:16" x14ac:dyDescent="0.25">
      <c r="B219" s="9" t="s">
        <v>89</v>
      </c>
      <c r="C219" s="11">
        <v>5683.75</v>
      </c>
      <c r="D219" s="11"/>
      <c r="E219" s="11">
        <v>4760.4399999999996</v>
      </c>
      <c r="F219" s="11"/>
      <c r="G219" s="11">
        <v>2004.52</v>
      </c>
      <c r="H219" s="11">
        <v>4393.21</v>
      </c>
      <c r="I219" s="11">
        <v>68.66</v>
      </c>
      <c r="J219" s="11">
        <v>866.59</v>
      </c>
      <c r="K219" s="11">
        <v>8876.4699999999993</v>
      </c>
      <c r="L219" s="11"/>
      <c r="M219" s="11"/>
      <c r="N219" s="11">
        <v>3005.53</v>
      </c>
      <c r="O219" s="11">
        <v>29659.17</v>
      </c>
      <c r="P219" s="11">
        <v>29659.17</v>
      </c>
    </row>
    <row r="220" spans="2:16" x14ac:dyDescent="0.25">
      <c r="B220" s="9" t="s">
        <v>90</v>
      </c>
      <c r="C220" s="11">
        <v>1419.24</v>
      </c>
      <c r="D220" s="11">
        <v>1539.6</v>
      </c>
      <c r="E220" s="11">
        <v>1370.87</v>
      </c>
      <c r="F220" s="11">
        <v>1488.49</v>
      </c>
      <c r="G220" s="11">
        <v>1583.96</v>
      </c>
      <c r="H220" s="11">
        <v>1325.77</v>
      </c>
      <c r="I220" s="11">
        <v>1364.67</v>
      </c>
      <c r="J220" s="11">
        <v>1527.49</v>
      </c>
      <c r="K220" s="11">
        <v>1482.31</v>
      </c>
      <c r="L220" s="11">
        <v>1353.74</v>
      </c>
      <c r="M220" s="11">
        <v>1107.1099999999999</v>
      </c>
      <c r="N220" s="11">
        <v>1262.82</v>
      </c>
      <c r="O220" s="11">
        <v>16826.07</v>
      </c>
      <c r="P220" s="11">
        <v>16826.07</v>
      </c>
    </row>
    <row r="221" spans="2:16" x14ac:dyDescent="0.25">
      <c r="B221" s="9" t="s">
        <v>92</v>
      </c>
      <c r="C221" s="11">
        <v>2790.83</v>
      </c>
      <c r="D221" s="11">
        <v>3027.62</v>
      </c>
      <c r="E221" s="11">
        <v>488.83</v>
      </c>
      <c r="F221" s="11">
        <v>918.36</v>
      </c>
      <c r="G221" s="11">
        <v>2508.1999999999998</v>
      </c>
      <c r="H221" s="11">
        <v>1416.86</v>
      </c>
      <c r="I221" s="11">
        <v>1451.49</v>
      </c>
      <c r="J221" s="11">
        <v>1475.59</v>
      </c>
      <c r="K221" s="11">
        <v>1592.65</v>
      </c>
      <c r="L221" s="11">
        <v>527.25</v>
      </c>
      <c r="M221" s="11"/>
      <c r="N221" s="11"/>
      <c r="O221" s="11">
        <v>16197.68</v>
      </c>
      <c r="P221" s="11">
        <v>16197.68</v>
      </c>
    </row>
    <row r="222" spans="2:16" x14ac:dyDescent="0.25">
      <c r="B222" s="9" t="s">
        <v>191</v>
      </c>
      <c r="C222" s="11">
        <v>1.28</v>
      </c>
      <c r="D222" s="11">
        <v>-1.28</v>
      </c>
      <c r="E222" s="11"/>
      <c r="F222" s="11"/>
      <c r="G222" s="11"/>
      <c r="H222" s="11"/>
      <c r="I222" s="11"/>
      <c r="J222" s="11"/>
      <c r="K222" s="11"/>
      <c r="L222" s="11"/>
      <c r="M222" s="11"/>
      <c r="N222" s="11"/>
      <c r="O222" s="11">
        <v>0</v>
      </c>
      <c r="P222" s="11">
        <v>0</v>
      </c>
    </row>
    <row r="223" spans="2:16" x14ac:dyDescent="0.25">
      <c r="B223" s="9" t="s">
        <v>192</v>
      </c>
      <c r="C223" s="11"/>
      <c r="D223" s="11"/>
      <c r="E223" s="11"/>
      <c r="F223" s="11"/>
      <c r="G223" s="11"/>
      <c r="H223" s="11"/>
      <c r="I223" s="11"/>
      <c r="J223" s="11"/>
      <c r="K223" s="11"/>
      <c r="L223" s="11"/>
      <c r="M223" s="11"/>
      <c r="N223" s="11">
        <v>0</v>
      </c>
      <c r="O223" s="11">
        <v>0</v>
      </c>
      <c r="P223" s="11">
        <v>0</v>
      </c>
    </row>
    <row r="224" spans="2:16" x14ac:dyDescent="0.25">
      <c r="B224" s="9" t="s">
        <v>95</v>
      </c>
      <c r="C224" s="11">
        <v>-1241.56</v>
      </c>
      <c r="D224" s="11"/>
      <c r="E224" s="11"/>
      <c r="F224" s="11"/>
      <c r="G224" s="11"/>
      <c r="H224" s="11"/>
      <c r="I224" s="11"/>
      <c r="J224" s="11"/>
      <c r="K224" s="11"/>
      <c r="L224" s="11"/>
      <c r="M224" s="11"/>
      <c r="N224" s="11"/>
      <c r="O224" s="11">
        <v>-1241.56</v>
      </c>
      <c r="P224" s="11">
        <v>-1241.56</v>
      </c>
    </row>
    <row r="225" spans="2:16" x14ac:dyDescent="0.25">
      <c r="B225" s="9" t="s">
        <v>97</v>
      </c>
      <c r="C225" s="11">
        <v>382442.46</v>
      </c>
      <c r="D225" s="11">
        <v>290355.65000000002</v>
      </c>
      <c r="E225" s="11">
        <v>285105.21999999997</v>
      </c>
      <c r="F225" s="11">
        <v>333405.74</v>
      </c>
      <c r="G225" s="11">
        <v>308424.78000000003</v>
      </c>
      <c r="H225" s="11">
        <v>235997.89</v>
      </c>
      <c r="I225" s="11">
        <v>299070.19</v>
      </c>
      <c r="J225" s="11">
        <v>254191.32</v>
      </c>
      <c r="K225" s="11">
        <v>180608.93</v>
      </c>
      <c r="L225" s="11">
        <v>231934.33</v>
      </c>
      <c r="M225" s="11">
        <v>194367.7</v>
      </c>
      <c r="N225" s="11">
        <v>231652.35</v>
      </c>
      <c r="O225" s="11">
        <v>3227556.56</v>
      </c>
      <c r="P225" s="11">
        <v>3227556.56</v>
      </c>
    </row>
    <row r="226" spans="2:16" x14ac:dyDescent="0.25">
      <c r="B226" s="9" t="s">
        <v>98</v>
      </c>
      <c r="C226" s="11">
        <v>14253.05</v>
      </c>
      <c r="D226" s="11">
        <v>18115.05</v>
      </c>
      <c r="E226" s="11">
        <v>22048.07</v>
      </c>
      <c r="F226" s="11">
        <v>18022.240000000002</v>
      </c>
      <c r="G226" s="11">
        <v>19494.66</v>
      </c>
      <c r="H226" s="11">
        <v>13814.21</v>
      </c>
      <c r="I226" s="11">
        <v>19602.91</v>
      </c>
      <c r="J226" s="11">
        <v>-406.52</v>
      </c>
      <c r="K226" s="11">
        <v>8975.69</v>
      </c>
      <c r="L226" s="11">
        <v>8285.5400000000009</v>
      </c>
      <c r="M226" s="11">
        <v>7077.56</v>
      </c>
      <c r="N226" s="11">
        <v>5984.58</v>
      </c>
      <c r="O226" s="11">
        <v>155267.04</v>
      </c>
      <c r="P226" s="11">
        <v>155267.04</v>
      </c>
    </row>
    <row r="227" spans="2:16" x14ac:dyDescent="0.25">
      <c r="B227" s="9" t="s">
        <v>99</v>
      </c>
      <c r="C227" s="11">
        <v>56006.26</v>
      </c>
      <c r="D227" s="11">
        <v>55634.18</v>
      </c>
      <c r="E227" s="11">
        <v>67675.929999999993</v>
      </c>
      <c r="F227" s="11">
        <v>49513.63</v>
      </c>
      <c r="G227" s="11">
        <v>54787.66</v>
      </c>
      <c r="H227" s="11">
        <v>49071.77</v>
      </c>
      <c r="I227" s="11">
        <v>57052.66</v>
      </c>
      <c r="J227" s="11">
        <v>38854.239999999998</v>
      </c>
      <c r="K227" s="11">
        <v>46389.27</v>
      </c>
      <c r="L227" s="11">
        <v>46256.72</v>
      </c>
      <c r="M227" s="11">
        <v>40584.04</v>
      </c>
      <c r="N227" s="11">
        <v>17923.310000000001</v>
      </c>
      <c r="O227" s="11">
        <v>579749.67000000004</v>
      </c>
      <c r="P227" s="11">
        <v>579749.67000000004</v>
      </c>
    </row>
    <row r="228" spans="2:16" x14ac:dyDescent="0.25">
      <c r="B228" s="9" t="s">
        <v>100</v>
      </c>
      <c r="C228" s="11">
        <v>12656.71</v>
      </c>
      <c r="D228" s="11">
        <v>15881.19</v>
      </c>
      <c r="E228" s="11">
        <v>19569.419999999998</v>
      </c>
      <c r="F228" s="11">
        <v>15177.66</v>
      </c>
      <c r="G228" s="11">
        <v>16344.17</v>
      </c>
      <c r="H228" s="11">
        <v>12618.37</v>
      </c>
      <c r="I228" s="11">
        <v>18311.87</v>
      </c>
      <c r="J228" s="11">
        <v>644.74</v>
      </c>
      <c r="K228" s="11">
        <v>7960.09</v>
      </c>
      <c r="L228" s="11">
        <v>8556.94</v>
      </c>
      <c r="M228" s="11">
        <v>7545.39</v>
      </c>
      <c r="N228" s="11">
        <v>3938.5</v>
      </c>
      <c r="O228" s="11">
        <v>139205.04999999999</v>
      </c>
      <c r="P228" s="11">
        <v>139205.04999999999</v>
      </c>
    </row>
    <row r="229" spans="2:16" x14ac:dyDescent="0.25">
      <c r="B229" s="9" t="s">
        <v>101</v>
      </c>
      <c r="C229" s="11">
        <v>222.77</v>
      </c>
      <c r="D229" s="11">
        <v>229.54</v>
      </c>
      <c r="E229" s="11">
        <v>235</v>
      </c>
      <c r="F229" s="11">
        <v>222.3</v>
      </c>
      <c r="G229" s="11">
        <v>276.95999999999998</v>
      </c>
      <c r="H229" s="11">
        <v>266.60000000000002</v>
      </c>
      <c r="I229" s="11">
        <v>291.85000000000002</v>
      </c>
      <c r="J229" s="11">
        <v>290.54000000000002</v>
      </c>
      <c r="K229" s="11">
        <v>271.26</v>
      </c>
      <c r="L229" s="11">
        <v>293.7</v>
      </c>
      <c r="M229" s="11">
        <v>314.79000000000002</v>
      </c>
      <c r="N229" s="11">
        <v>91.76</v>
      </c>
      <c r="O229" s="11">
        <v>3007.07</v>
      </c>
      <c r="P229" s="11">
        <v>3007.07</v>
      </c>
    </row>
    <row r="230" spans="2:16" x14ac:dyDescent="0.25">
      <c r="B230" s="9" t="s">
        <v>193</v>
      </c>
      <c r="C230" s="11"/>
      <c r="D230" s="11"/>
      <c r="E230" s="11"/>
      <c r="F230" s="11">
        <v>-32836.720000000001</v>
      </c>
      <c r="G230" s="11">
        <v>-10704.42</v>
      </c>
      <c r="H230" s="11">
        <v>-10419.200000000001</v>
      </c>
      <c r="I230" s="11">
        <v>-26479.119999999999</v>
      </c>
      <c r="J230" s="11">
        <v>-26902.959999999999</v>
      </c>
      <c r="K230" s="11">
        <v>-826432.78</v>
      </c>
      <c r="L230" s="11">
        <v>-21279.98</v>
      </c>
      <c r="M230" s="11">
        <v>-18986.53</v>
      </c>
      <c r="N230" s="11">
        <v>-15685.28</v>
      </c>
      <c r="O230" s="11">
        <v>-989726.99</v>
      </c>
      <c r="P230" s="11">
        <v>-989726.99</v>
      </c>
    </row>
    <row r="231" spans="2:16" x14ac:dyDescent="0.25">
      <c r="B231" s="9" t="s">
        <v>103</v>
      </c>
      <c r="C231" s="11">
        <v>862.25</v>
      </c>
      <c r="D231" s="11">
        <v>4194.93</v>
      </c>
      <c r="E231" s="11">
        <v>176.36</v>
      </c>
      <c r="F231" s="11">
        <v>8052.25</v>
      </c>
      <c r="G231" s="11">
        <v>6987.85</v>
      </c>
      <c r="H231" s="11">
        <v>235.61</v>
      </c>
      <c r="I231" s="11">
        <v>57636.12</v>
      </c>
      <c r="J231" s="11">
        <v>-34615.64</v>
      </c>
      <c r="K231" s="11">
        <v>2506.8000000000002</v>
      </c>
      <c r="L231" s="11">
        <v>20366.466</v>
      </c>
      <c r="M231" s="11">
        <v>3880.8</v>
      </c>
      <c r="N231" s="11">
        <v>327.18</v>
      </c>
      <c r="O231" s="11">
        <v>70610.975999999995</v>
      </c>
      <c r="P231" s="11">
        <v>70610.975999999995</v>
      </c>
    </row>
    <row r="232" spans="2:16" x14ac:dyDescent="0.25">
      <c r="B232" s="9" t="s">
        <v>194</v>
      </c>
      <c r="C232" s="11"/>
      <c r="D232" s="11"/>
      <c r="E232" s="11"/>
      <c r="F232" s="11"/>
      <c r="G232" s="11"/>
      <c r="H232" s="11"/>
      <c r="I232" s="11"/>
      <c r="J232" s="11"/>
      <c r="K232" s="11"/>
      <c r="L232" s="11">
        <v>-210156.61</v>
      </c>
      <c r="M232" s="11">
        <v>462329.03</v>
      </c>
      <c r="N232" s="11"/>
      <c r="O232" s="11">
        <v>252172.42</v>
      </c>
      <c r="P232" s="11">
        <v>252172.42</v>
      </c>
    </row>
    <row r="233" spans="2:16" x14ac:dyDescent="0.25">
      <c r="B233" s="9" t="s">
        <v>104</v>
      </c>
      <c r="C233" s="11"/>
      <c r="D233" s="11"/>
      <c r="E233" s="11"/>
      <c r="F233" s="11"/>
      <c r="G233" s="11"/>
      <c r="H233" s="11"/>
      <c r="I233" s="11"/>
      <c r="J233" s="11"/>
      <c r="K233" s="11">
        <v>0.67</v>
      </c>
      <c r="L233" s="11"/>
      <c r="M233" s="11"/>
      <c r="N233" s="11"/>
      <c r="O233" s="11">
        <v>0.67</v>
      </c>
      <c r="P233" s="11">
        <v>0.67</v>
      </c>
    </row>
    <row r="234" spans="2:16" x14ac:dyDescent="0.25">
      <c r="B234" s="9" t="s">
        <v>105</v>
      </c>
      <c r="C234" s="11">
        <v>0.1</v>
      </c>
      <c r="D234" s="11">
        <v>0.1</v>
      </c>
      <c r="E234" s="11"/>
      <c r="F234" s="11">
        <v>0.28000000000000003</v>
      </c>
      <c r="G234" s="11">
        <v>0.1</v>
      </c>
      <c r="H234" s="11">
        <v>1.22</v>
      </c>
      <c r="I234" s="11">
        <v>0.1</v>
      </c>
      <c r="J234" s="11">
        <v>131.43</v>
      </c>
      <c r="K234" s="11">
        <v>1.24</v>
      </c>
      <c r="L234" s="11"/>
      <c r="M234" s="11">
        <v>0.1</v>
      </c>
      <c r="N234" s="11">
        <v>0.1</v>
      </c>
      <c r="O234" s="11">
        <v>134.77000000000001</v>
      </c>
      <c r="P234" s="11">
        <v>134.77000000000001</v>
      </c>
    </row>
    <row r="235" spans="2:16" x14ac:dyDescent="0.25">
      <c r="B235" s="9" t="s">
        <v>107</v>
      </c>
      <c r="C235" s="11">
        <v>17604.3</v>
      </c>
      <c r="D235" s="11">
        <v>12996.43</v>
      </c>
      <c r="E235" s="11">
        <v>26462.17</v>
      </c>
      <c r="F235" s="11">
        <v>12168.57</v>
      </c>
      <c r="G235" s="11">
        <v>12761.69</v>
      </c>
      <c r="H235" s="11">
        <v>10764.18</v>
      </c>
      <c r="I235" s="11">
        <v>18617.38</v>
      </c>
      <c r="J235" s="11">
        <v>9899.49</v>
      </c>
      <c r="K235" s="11">
        <v>9192.2099999999991</v>
      </c>
      <c r="L235" s="11">
        <v>8298.08</v>
      </c>
      <c r="M235" s="11">
        <v>35892.910000000003</v>
      </c>
      <c r="N235" s="11">
        <v>38708.61</v>
      </c>
      <c r="O235" s="11">
        <v>213366.02</v>
      </c>
      <c r="P235" s="11">
        <v>213366.02</v>
      </c>
    </row>
    <row r="236" spans="2:16" x14ac:dyDescent="0.25">
      <c r="B236" s="9" t="s">
        <v>108</v>
      </c>
      <c r="C236" s="11">
        <v>5643.88</v>
      </c>
      <c r="D236" s="11">
        <v>1564.29</v>
      </c>
      <c r="E236" s="11">
        <v>2639.36</v>
      </c>
      <c r="F236" s="11">
        <v>1802.63</v>
      </c>
      <c r="G236" s="11">
        <v>13249.92</v>
      </c>
      <c r="H236" s="11">
        <v>2689.43</v>
      </c>
      <c r="I236" s="11">
        <v>2166.81</v>
      </c>
      <c r="J236" s="11">
        <v>2355.11</v>
      </c>
      <c r="K236" s="11">
        <v>3414.01</v>
      </c>
      <c r="L236" s="11">
        <v>2857.51</v>
      </c>
      <c r="M236" s="11">
        <v>-2028.85</v>
      </c>
      <c r="N236" s="11">
        <v>85.47</v>
      </c>
      <c r="O236" s="11">
        <v>36439.57</v>
      </c>
      <c r="P236" s="11">
        <v>36439.57</v>
      </c>
    </row>
    <row r="237" spans="2:16" x14ac:dyDescent="0.25">
      <c r="B237" s="9" t="s">
        <v>109</v>
      </c>
      <c r="C237" s="11">
        <v>30077.99</v>
      </c>
      <c r="D237" s="11">
        <v>16585.759999999998</v>
      </c>
      <c r="E237" s="11">
        <v>19980.63</v>
      </c>
      <c r="F237" s="11">
        <v>16437.73</v>
      </c>
      <c r="G237" s="11">
        <v>18643.77</v>
      </c>
      <c r="H237" s="11">
        <v>19739.830000000002</v>
      </c>
      <c r="I237" s="11">
        <v>16682.349999999999</v>
      </c>
      <c r="J237" s="11">
        <v>22272.93</v>
      </c>
      <c r="K237" s="11">
        <v>25244.57</v>
      </c>
      <c r="L237" s="11">
        <v>19872.02</v>
      </c>
      <c r="M237" s="11">
        <v>17916.87</v>
      </c>
      <c r="N237" s="11">
        <v>35633.01</v>
      </c>
      <c r="O237" s="11">
        <v>259087.46</v>
      </c>
      <c r="P237" s="11">
        <v>259087.46</v>
      </c>
    </row>
    <row r="238" spans="2:16" x14ac:dyDescent="0.25">
      <c r="B238" s="9" t="s">
        <v>112</v>
      </c>
      <c r="C238" s="11"/>
      <c r="D238" s="11"/>
      <c r="E238" s="11">
        <v>3725.66</v>
      </c>
      <c r="F238" s="11">
        <v>2309.2600000000002</v>
      </c>
      <c r="G238" s="11">
        <v>83.56</v>
      </c>
      <c r="H238" s="11">
        <v>2206.62</v>
      </c>
      <c r="I238" s="11">
        <v>4030.69</v>
      </c>
      <c r="J238" s="11">
        <v>-154.26</v>
      </c>
      <c r="K238" s="11">
        <v>94.67</v>
      </c>
      <c r="L238" s="11"/>
      <c r="M238" s="11">
        <v>-332.44</v>
      </c>
      <c r="N238" s="11">
        <v>10578.55</v>
      </c>
      <c r="O238" s="11">
        <v>22542.31</v>
      </c>
      <c r="P238" s="11">
        <v>22542.31</v>
      </c>
    </row>
    <row r="239" spans="2:16" x14ac:dyDescent="0.25">
      <c r="B239" s="9" t="s">
        <v>113</v>
      </c>
      <c r="C239" s="11">
        <v>558847.61</v>
      </c>
      <c r="D239" s="11">
        <v>564682.61</v>
      </c>
      <c r="E239" s="11">
        <v>767485.35</v>
      </c>
      <c r="F239" s="11">
        <v>606293.78</v>
      </c>
      <c r="G239" s="11">
        <v>638354.17000000004</v>
      </c>
      <c r="H239" s="11">
        <v>719630.69</v>
      </c>
      <c r="I239" s="11">
        <v>641502.84</v>
      </c>
      <c r="J239" s="11">
        <v>632033.30000000005</v>
      </c>
      <c r="K239" s="11">
        <v>598138.65</v>
      </c>
      <c r="L239" s="11">
        <v>626614.54</v>
      </c>
      <c r="M239" s="11">
        <v>668922.31999999995</v>
      </c>
      <c r="N239" s="11">
        <v>849871.08</v>
      </c>
      <c r="O239" s="11">
        <v>7872376.9400000004</v>
      </c>
      <c r="P239" s="11">
        <v>7872376.9400000004</v>
      </c>
    </row>
    <row r="240" spans="2:16" x14ac:dyDescent="0.25">
      <c r="B240" s="9" t="s">
        <v>114</v>
      </c>
      <c r="C240" s="11">
        <v>284.14</v>
      </c>
      <c r="D240" s="11">
        <v>264.29000000000002</v>
      </c>
      <c r="E240" s="11">
        <v>246.95</v>
      </c>
      <c r="F240" s="11">
        <v>295.25</v>
      </c>
      <c r="G240" s="11">
        <v>286.94</v>
      </c>
      <c r="H240" s="11">
        <v>289.95999999999998</v>
      </c>
      <c r="I240" s="11">
        <v>463.54</v>
      </c>
      <c r="J240" s="11">
        <v>267.49</v>
      </c>
      <c r="K240" s="11">
        <v>301.14999999999998</v>
      </c>
      <c r="L240" s="11">
        <v>264.18</v>
      </c>
      <c r="M240" s="11">
        <v>299.5</v>
      </c>
      <c r="N240" s="11">
        <v>442.02</v>
      </c>
      <c r="O240" s="11">
        <v>3705.41</v>
      </c>
      <c r="P240" s="11">
        <v>3705.41</v>
      </c>
    </row>
    <row r="241" spans="2:16" x14ac:dyDescent="0.25">
      <c r="B241" s="9" t="s">
        <v>115</v>
      </c>
      <c r="C241" s="11"/>
      <c r="D241" s="11"/>
      <c r="E241" s="11"/>
      <c r="F241" s="11"/>
      <c r="G241" s="11"/>
      <c r="H241" s="11"/>
      <c r="I241" s="11"/>
      <c r="J241" s="11">
        <v>0.43</v>
      </c>
      <c r="K241" s="11"/>
      <c r="L241" s="11"/>
      <c r="M241" s="11">
        <v>2.1</v>
      </c>
      <c r="N241" s="11">
        <v>3.34</v>
      </c>
      <c r="O241" s="11">
        <v>5.87</v>
      </c>
      <c r="P241" s="11">
        <v>5.87</v>
      </c>
    </row>
    <row r="242" spans="2:16" x14ac:dyDescent="0.25">
      <c r="B242" s="9" t="s">
        <v>116</v>
      </c>
      <c r="C242" s="11">
        <v>40529.85</v>
      </c>
      <c r="D242" s="11">
        <v>19058.04</v>
      </c>
      <c r="E242" s="11">
        <v>5019.59</v>
      </c>
      <c r="F242" s="11">
        <v>32283.42</v>
      </c>
      <c r="G242" s="11">
        <v>6606.85</v>
      </c>
      <c r="H242" s="11">
        <v>13225.43</v>
      </c>
      <c r="I242" s="11">
        <v>19038.71</v>
      </c>
      <c r="J242" s="11">
        <v>14363.3</v>
      </c>
      <c r="K242" s="11">
        <v>25252.33</v>
      </c>
      <c r="L242" s="11">
        <v>29364.3</v>
      </c>
      <c r="M242" s="11">
        <v>-11163.54</v>
      </c>
      <c r="N242" s="11">
        <v>-21311.08</v>
      </c>
      <c r="O242" s="11">
        <v>172267.2</v>
      </c>
      <c r="P242" s="11">
        <v>172267.2</v>
      </c>
    </row>
    <row r="243" spans="2:16" x14ac:dyDescent="0.25">
      <c r="B243" s="9" t="s">
        <v>117</v>
      </c>
      <c r="C243" s="11"/>
      <c r="D243" s="11">
        <v>1</v>
      </c>
      <c r="E243" s="11"/>
      <c r="F243" s="11">
        <v>3</v>
      </c>
      <c r="G243" s="11"/>
      <c r="H243" s="11"/>
      <c r="I243" s="11"/>
      <c r="J243" s="11">
        <v>1</v>
      </c>
      <c r="K243" s="11">
        <v>3</v>
      </c>
      <c r="L243" s="11"/>
      <c r="M243" s="11"/>
      <c r="N243" s="11">
        <v>4</v>
      </c>
      <c r="O243" s="11">
        <v>12</v>
      </c>
      <c r="P243" s="11">
        <v>12</v>
      </c>
    </row>
    <row r="244" spans="2:16" x14ac:dyDescent="0.25">
      <c r="B244" s="9" t="s">
        <v>118</v>
      </c>
      <c r="C244" s="11">
        <v>0.23</v>
      </c>
      <c r="D244" s="11">
        <v>0.23</v>
      </c>
      <c r="E244" s="11">
        <v>0.23</v>
      </c>
      <c r="F244" s="11">
        <v>1.93</v>
      </c>
      <c r="G244" s="11">
        <v>0.23</v>
      </c>
      <c r="H244" s="11">
        <v>0.23</v>
      </c>
      <c r="I244" s="11"/>
      <c r="J244" s="11">
        <v>1.3</v>
      </c>
      <c r="K244" s="11">
        <v>0.23</v>
      </c>
      <c r="L244" s="11">
        <v>0.23</v>
      </c>
      <c r="M244" s="11">
        <v>0.23</v>
      </c>
      <c r="N244" s="11">
        <v>0.23</v>
      </c>
      <c r="O244" s="11">
        <v>5.3</v>
      </c>
      <c r="P244" s="11">
        <v>5.3</v>
      </c>
    </row>
    <row r="245" spans="2:16" x14ac:dyDescent="0.25">
      <c r="B245" s="9" t="s">
        <v>119</v>
      </c>
      <c r="C245" s="11">
        <v>61898.35</v>
      </c>
      <c r="D245" s="11">
        <v>40995.85</v>
      </c>
      <c r="E245" s="11">
        <v>77814.240000000005</v>
      </c>
      <c r="F245" s="11">
        <v>51117.94</v>
      </c>
      <c r="G245" s="11">
        <v>44458.96</v>
      </c>
      <c r="H245" s="11">
        <v>34522.589999999997</v>
      </c>
      <c r="I245" s="11">
        <v>39780.71</v>
      </c>
      <c r="J245" s="11">
        <v>33770.22</v>
      </c>
      <c r="K245" s="11">
        <v>63966.68</v>
      </c>
      <c r="L245" s="11">
        <v>34072.54</v>
      </c>
      <c r="M245" s="11">
        <v>22783.73</v>
      </c>
      <c r="N245" s="11">
        <v>118048.36</v>
      </c>
      <c r="O245" s="11">
        <v>623230.17000000004</v>
      </c>
      <c r="P245" s="11">
        <v>623230.17000000004</v>
      </c>
    </row>
    <row r="246" spans="2:16" x14ac:dyDescent="0.25">
      <c r="B246" s="9" t="s">
        <v>120</v>
      </c>
      <c r="C246" s="11">
        <v>0.18</v>
      </c>
      <c r="D246" s="11">
        <v>1.63</v>
      </c>
      <c r="E246" s="11">
        <v>3.25</v>
      </c>
      <c r="F246" s="11">
        <v>5.33</v>
      </c>
      <c r="G246" s="11">
        <v>0.1</v>
      </c>
      <c r="H246" s="11">
        <v>0.1</v>
      </c>
      <c r="I246" s="11">
        <v>0.2</v>
      </c>
      <c r="J246" s="11">
        <v>3.88</v>
      </c>
      <c r="K246" s="11">
        <v>2.2799999999999998</v>
      </c>
      <c r="L246" s="11">
        <v>20.420000000000002</v>
      </c>
      <c r="M246" s="11">
        <v>23</v>
      </c>
      <c r="N246" s="11">
        <v>2.37</v>
      </c>
      <c r="O246" s="11">
        <v>62.74</v>
      </c>
      <c r="P246" s="11">
        <v>62.74</v>
      </c>
    </row>
    <row r="247" spans="2:16" x14ac:dyDescent="0.25">
      <c r="B247" s="9" t="s">
        <v>121</v>
      </c>
      <c r="C247" s="11">
        <v>20071.82</v>
      </c>
      <c r="D247" s="11">
        <v>12448.91</v>
      </c>
      <c r="E247" s="11">
        <v>19103.810000000001</v>
      </c>
      <c r="F247" s="11">
        <v>11939.34</v>
      </c>
      <c r="G247" s="11">
        <v>63961.22</v>
      </c>
      <c r="H247" s="11">
        <v>31309.91</v>
      </c>
      <c r="I247" s="11">
        <v>27497.24</v>
      </c>
      <c r="J247" s="11">
        <v>11789.59</v>
      </c>
      <c r="K247" s="11">
        <v>47649.53</v>
      </c>
      <c r="L247" s="11">
        <v>17973.16</v>
      </c>
      <c r="M247" s="11">
        <v>27207.11</v>
      </c>
      <c r="N247" s="11">
        <v>66752.09</v>
      </c>
      <c r="O247" s="11">
        <v>357703.73</v>
      </c>
      <c r="P247" s="11">
        <v>357703.73</v>
      </c>
    </row>
    <row r="248" spans="2:16" x14ac:dyDescent="0.25">
      <c r="B248" s="9" t="s">
        <v>122</v>
      </c>
      <c r="C248" s="11">
        <v>36129.56</v>
      </c>
      <c r="D248" s="11">
        <v>36846.980000000003</v>
      </c>
      <c r="E248" s="11">
        <v>37707.07</v>
      </c>
      <c r="F248" s="11">
        <v>35157.39</v>
      </c>
      <c r="G248" s="11">
        <v>36183.86</v>
      </c>
      <c r="H248" s="11">
        <v>35617.96</v>
      </c>
      <c r="I248" s="11">
        <v>32352.5</v>
      </c>
      <c r="J248" s="11">
        <v>31081.78</v>
      </c>
      <c r="K248" s="11">
        <v>31553.13</v>
      </c>
      <c r="L248" s="11">
        <v>28918.46</v>
      </c>
      <c r="M248" s="11">
        <v>32212.65</v>
      </c>
      <c r="N248" s="11">
        <v>31685.49</v>
      </c>
      <c r="O248" s="11">
        <v>405446.83</v>
      </c>
      <c r="P248" s="11">
        <v>405446.83</v>
      </c>
    </row>
    <row r="249" spans="2:16" x14ac:dyDescent="0.25">
      <c r="B249" s="9" t="s">
        <v>123</v>
      </c>
      <c r="C249" s="11">
        <v>1.28</v>
      </c>
      <c r="D249" s="11">
        <v>4.18</v>
      </c>
      <c r="E249" s="11"/>
      <c r="F249" s="11">
        <v>1.83</v>
      </c>
      <c r="G249" s="11">
        <v>4.53</v>
      </c>
      <c r="H249" s="11">
        <v>7.91</v>
      </c>
      <c r="I249" s="11"/>
      <c r="J249" s="11">
        <v>9.68</v>
      </c>
      <c r="K249" s="11">
        <v>6.62</v>
      </c>
      <c r="L249" s="11">
        <v>4.37</v>
      </c>
      <c r="M249" s="11">
        <v>4.88</v>
      </c>
      <c r="N249" s="11">
        <v>3.03</v>
      </c>
      <c r="O249" s="11">
        <v>48.31</v>
      </c>
      <c r="P249" s="11">
        <v>48.31</v>
      </c>
    </row>
    <row r="250" spans="2:16" x14ac:dyDescent="0.25">
      <c r="B250" s="9" t="s">
        <v>124</v>
      </c>
      <c r="C250" s="11">
        <v>177624.68</v>
      </c>
      <c r="D250" s="11">
        <v>178224.81</v>
      </c>
      <c r="E250" s="11">
        <v>208102.29</v>
      </c>
      <c r="F250" s="11">
        <v>183607</v>
      </c>
      <c r="G250" s="11">
        <v>214376.35</v>
      </c>
      <c r="H250" s="11">
        <v>185356.77</v>
      </c>
      <c r="I250" s="11">
        <v>189955.92</v>
      </c>
      <c r="J250" s="11">
        <v>199926.69</v>
      </c>
      <c r="K250" s="11">
        <v>215178.71</v>
      </c>
      <c r="L250" s="11">
        <v>220703.71</v>
      </c>
      <c r="M250" s="11">
        <v>205039.08</v>
      </c>
      <c r="N250" s="11">
        <v>216841.19</v>
      </c>
      <c r="O250" s="11">
        <v>2394937.2000000002</v>
      </c>
      <c r="P250" s="11">
        <v>2394937.2000000002</v>
      </c>
    </row>
    <row r="251" spans="2:16" x14ac:dyDescent="0.25">
      <c r="B251" s="9" t="s">
        <v>188</v>
      </c>
      <c r="C251" s="11"/>
      <c r="D251" s="11"/>
      <c r="E251" s="11"/>
      <c r="F251" s="11"/>
      <c r="G251" s="11"/>
      <c r="H251" s="11"/>
      <c r="I251" s="11"/>
      <c r="J251" s="11"/>
      <c r="K251" s="11"/>
      <c r="L251" s="11"/>
      <c r="M251" s="11"/>
      <c r="N251" s="11">
        <v>0.57999999999999996</v>
      </c>
      <c r="O251" s="11">
        <v>0.57999999999999996</v>
      </c>
      <c r="P251" s="11">
        <v>0.57999999999999996</v>
      </c>
    </row>
    <row r="252" spans="2:16" x14ac:dyDescent="0.25">
      <c r="B252" s="9" t="s">
        <v>125</v>
      </c>
      <c r="C252" s="11">
        <v>82138.570000000007</v>
      </c>
      <c r="D252" s="11">
        <v>140503.74</v>
      </c>
      <c r="E252" s="11">
        <v>156528.07</v>
      </c>
      <c r="F252" s="11">
        <v>99168.04</v>
      </c>
      <c r="G252" s="11">
        <v>116551.8</v>
      </c>
      <c r="H252" s="11">
        <v>158562.67000000001</v>
      </c>
      <c r="I252" s="11">
        <v>231595</v>
      </c>
      <c r="J252" s="11">
        <v>50410.71</v>
      </c>
      <c r="K252" s="11">
        <v>93156.06</v>
      </c>
      <c r="L252" s="11">
        <v>167820.72</v>
      </c>
      <c r="M252" s="11">
        <v>257609.36</v>
      </c>
      <c r="N252" s="11">
        <v>227386.86</v>
      </c>
      <c r="O252" s="11">
        <v>1781431.6</v>
      </c>
      <c r="P252" s="11">
        <v>1781431.6</v>
      </c>
    </row>
    <row r="253" spans="2:16" x14ac:dyDescent="0.25">
      <c r="B253" s="9" t="s">
        <v>127</v>
      </c>
      <c r="C253" s="11">
        <v>-108.83</v>
      </c>
      <c r="D253" s="11">
        <v>-48.16</v>
      </c>
      <c r="E253" s="11">
        <v>748.6</v>
      </c>
      <c r="F253" s="11">
        <v>1902.95</v>
      </c>
      <c r="G253" s="11">
        <v>-773.72</v>
      </c>
      <c r="H253" s="11">
        <v>-450.44</v>
      </c>
      <c r="I253" s="11">
        <v>-1013.87</v>
      </c>
      <c r="J253" s="11">
        <v>-988.74</v>
      </c>
      <c r="K253" s="11">
        <v>477.32</v>
      </c>
      <c r="L253" s="11">
        <v>-1127.21</v>
      </c>
      <c r="M253" s="11">
        <v>-1116.92</v>
      </c>
      <c r="N253" s="11">
        <v>-894.42</v>
      </c>
      <c r="O253" s="11">
        <v>-3393.44</v>
      </c>
      <c r="P253" s="11">
        <v>-3393.44</v>
      </c>
    </row>
    <row r="254" spans="2:16" x14ac:dyDescent="0.25">
      <c r="B254" s="9" t="s">
        <v>128</v>
      </c>
      <c r="C254" s="11">
        <v>479.71</v>
      </c>
      <c r="D254" s="11">
        <v>479.71</v>
      </c>
      <c r="E254" s="11">
        <v>-73.61</v>
      </c>
      <c r="F254" s="11">
        <v>479.3</v>
      </c>
      <c r="G254" s="11">
        <v>480.11</v>
      </c>
      <c r="H254" s="11">
        <v>-245.29</v>
      </c>
      <c r="I254" s="11">
        <v>3407.6</v>
      </c>
      <c r="J254" s="11">
        <v>479.71</v>
      </c>
      <c r="K254" s="11">
        <v>-245.7</v>
      </c>
      <c r="L254" s="11">
        <v>479.71</v>
      </c>
      <c r="M254" s="11">
        <v>479.71</v>
      </c>
      <c r="N254" s="11">
        <v>-270.97000000000003</v>
      </c>
      <c r="O254" s="11">
        <v>5929.99</v>
      </c>
      <c r="P254" s="11">
        <v>5929.99</v>
      </c>
    </row>
    <row r="255" spans="2:16" x14ac:dyDescent="0.25">
      <c r="B255" s="9" t="s">
        <v>129</v>
      </c>
      <c r="C255" s="11">
        <v>107027.91</v>
      </c>
      <c r="D255" s="11">
        <v>107027.91</v>
      </c>
      <c r="E255" s="11">
        <v>107027.91</v>
      </c>
      <c r="F255" s="11">
        <v>107027.91</v>
      </c>
      <c r="G255" s="11">
        <v>107027.91</v>
      </c>
      <c r="H255" s="11">
        <v>107027.91</v>
      </c>
      <c r="I255" s="11">
        <v>107027.91</v>
      </c>
      <c r="J255" s="11">
        <v>107027.91</v>
      </c>
      <c r="K255" s="11">
        <v>107027.91</v>
      </c>
      <c r="L255" s="11">
        <v>107027.91</v>
      </c>
      <c r="M255" s="11">
        <v>107027.91</v>
      </c>
      <c r="N255" s="11">
        <v>107027.91</v>
      </c>
      <c r="O255" s="11">
        <v>1284334.92</v>
      </c>
      <c r="P255" s="11">
        <v>1284334.92</v>
      </c>
    </row>
    <row r="256" spans="2:16" x14ac:dyDescent="0.25">
      <c r="B256" s="9" t="s">
        <v>130</v>
      </c>
      <c r="C256" s="11">
        <v>14782.03</v>
      </c>
      <c r="D256" s="11">
        <v>14782.03</v>
      </c>
      <c r="E256" s="11">
        <v>14782.03</v>
      </c>
      <c r="F256" s="11">
        <v>14782.03</v>
      </c>
      <c r="G256" s="11">
        <v>14782.03</v>
      </c>
      <c r="H256" s="11">
        <v>14782.03</v>
      </c>
      <c r="I256" s="11">
        <v>14782.03</v>
      </c>
      <c r="J256" s="11">
        <v>14782.03</v>
      </c>
      <c r="K256" s="11">
        <v>14782.03</v>
      </c>
      <c r="L256" s="11">
        <v>14782.03</v>
      </c>
      <c r="M256" s="11">
        <v>14782.03</v>
      </c>
      <c r="N256" s="11">
        <v>14782.03</v>
      </c>
      <c r="O256" s="11">
        <v>177384.36</v>
      </c>
      <c r="P256" s="11">
        <v>177384.36</v>
      </c>
    </row>
    <row r="257" spans="2:16" x14ac:dyDescent="0.25">
      <c r="B257" s="9" t="s">
        <v>131</v>
      </c>
      <c r="C257" s="11">
        <v>19677.52</v>
      </c>
      <c r="D257" s="11">
        <v>10616.6</v>
      </c>
      <c r="E257" s="11">
        <v>11962.98</v>
      </c>
      <c r="F257" s="11">
        <v>10592.49</v>
      </c>
      <c r="G257" s="11">
        <v>12990.52</v>
      </c>
      <c r="H257" s="11">
        <v>12589.06</v>
      </c>
      <c r="I257" s="11">
        <v>13569</v>
      </c>
      <c r="J257" s="11">
        <v>10909.33</v>
      </c>
      <c r="K257" s="11">
        <v>10584.33</v>
      </c>
      <c r="L257" s="11">
        <v>27441.03</v>
      </c>
      <c r="M257" s="11">
        <v>10746.15</v>
      </c>
      <c r="N257" s="11">
        <v>10596.24</v>
      </c>
      <c r="O257" s="11">
        <v>162275.25</v>
      </c>
      <c r="P257" s="11">
        <v>162275.25</v>
      </c>
    </row>
    <row r="258" spans="2:16" x14ac:dyDescent="0.25">
      <c r="B258" s="9" t="s">
        <v>133</v>
      </c>
      <c r="C258" s="11">
        <v>419.24</v>
      </c>
      <c r="D258" s="11">
        <v>451.69</v>
      </c>
      <c r="E258" s="11">
        <v>461.18</v>
      </c>
      <c r="F258" s="11">
        <v>484.25</v>
      </c>
      <c r="G258" s="11">
        <v>437.66</v>
      </c>
      <c r="H258" s="11">
        <v>384.74</v>
      </c>
      <c r="I258" s="11">
        <v>449.95</v>
      </c>
      <c r="J258" s="11">
        <v>474.17</v>
      </c>
      <c r="K258" s="11">
        <v>429.05</v>
      </c>
      <c r="L258" s="11">
        <v>439.92</v>
      </c>
      <c r="M258" s="11">
        <v>430.89</v>
      </c>
      <c r="N258" s="11">
        <v>438.73</v>
      </c>
      <c r="O258" s="11">
        <v>5301.47</v>
      </c>
      <c r="P258" s="11">
        <v>5301.47</v>
      </c>
    </row>
    <row r="259" spans="2:16" x14ac:dyDescent="0.25">
      <c r="B259" s="9" t="s">
        <v>134</v>
      </c>
      <c r="C259" s="11">
        <v>988.01</v>
      </c>
      <c r="D259" s="11">
        <v>988.01</v>
      </c>
      <c r="E259" s="11">
        <v>988.01</v>
      </c>
      <c r="F259" s="11">
        <v>988.01</v>
      </c>
      <c r="G259" s="11">
        <v>988.01</v>
      </c>
      <c r="H259" s="11">
        <v>988.01</v>
      </c>
      <c r="I259" s="11">
        <v>988.01</v>
      </c>
      <c r="J259" s="11">
        <v>988.01</v>
      </c>
      <c r="K259" s="11">
        <v>988.01</v>
      </c>
      <c r="L259" s="11">
        <v>988.01</v>
      </c>
      <c r="M259" s="11">
        <v>1713.76</v>
      </c>
      <c r="N259" s="11">
        <v>988.01</v>
      </c>
      <c r="O259" s="11">
        <v>12581.87</v>
      </c>
      <c r="P259" s="11">
        <v>12581.87</v>
      </c>
    </row>
    <row r="260" spans="2:16" x14ac:dyDescent="0.25">
      <c r="B260" s="9" t="s">
        <v>135</v>
      </c>
      <c r="C260" s="11">
        <v>299688.25</v>
      </c>
      <c r="D260" s="11">
        <v>294180.17</v>
      </c>
      <c r="E260" s="11">
        <v>522175.99</v>
      </c>
      <c r="F260" s="11">
        <v>228776.08</v>
      </c>
      <c r="G260" s="11">
        <v>272412.57</v>
      </c>
      <c r="H260" s="11">
        <v>-243390.14</v>
      </c>
      <c r="I260" s="11">
        <v>319908.28999999998</v>
      </c>
      <c r="J260" s="11">
        <v>258801.45</v>
      </c>
      <c r="K260" s="11">
        <v>435362.09</v>
      </c>
      <c r="L260" s="11">
        <v>451482.43</v>
      </c>
      <c r="M260" s="11">
        <v>348230.52</v>
      </c>
      <c r="N260" s="11">
        <v>296133.71999999997</v>
      </c>
      <c r="O260" s="11">
        <v>3483761.42</v>
      </c>
      <c r="P260" s="11">
        <v>3483761.42</v>
      </c>
    </row>
    <row r="261" spans="2:16" x14ac:dyDescent="0.25">
      <c r="B261" s="9" t="s">
        <v>137</v>
      </c>
      <c r="C261" s="11"/>
      <c r="D261" s="11">
        <v>1.9</v>
      </c>
      <c r="E261" s="11"/>
      <c r="F261" s="11"/>
      <c r="G261" s="11"/>
      <c r="H261" s="11">
        <v>0.4</v>
      </c>
      <c r="I261" s="11"/>
      <c r="J261" s="11"/>
      <c r="K261" s="11"/>
      <c r="L261" s="11"/>
      <c r="M261" s="11"/>
      <c r="N261" s="11"/>
      <c r="O261" s="11">
        <v>2.2999999999999998</v>
      </c>
      <c r="P261" s="11">
        <v>2.2999999999999998</v>
      </c>
    </row>
    <row r="262" spans="2:16" x14ac:dyDescent="0.25">
      <c r="B262" s="9" t="s">
        <v>138</v>
      </c>
      <c r="C262" s="11">
        <v>354108.72</v>
      </c>
      <c r="D262" s="11">
        <v>309950.15999999997</v>
      </c>
      <c r="E262" s="11">
        <v>232167.65</v>
      </c>
      <c r="F262" s="11">
        <v>246727.99</v>
      </c>
      <c r="G262" s="11">
        <v>266060.56</v>
      </c>
      <c r="H262" s="11">
        <v>120489.86</v>
      </c>
      <c r="I262" s="11">
        <v>244829.88</v>
      </c>
      <c r="J262" s="11">
        <v>335810.73</v>
      </c>
      <c r="K262" s="11">
        <v>206556.47</v>
      </c>
      <c r="L262" s="11">
        <v>216627.32</v>
      </c>
      <c r="M262" s="11">
        <v>401720.86</v>
      </c>
      <c r="N262" s="11">
        <v>367345.89</v>
      </c>
      <c r="O262" s="11">
        <v>3302396.09</v>
      </c>
      <c r="P262" s="11">
        <v>3302396.09</v>
      </c>
    </row>
    <row r="263" spans="2:16" x14ac:dyDescent="0.25">
      <c r="B263" s="9" t="s">
        <v>158</v>
      </c>
      <c r="C263" s="11">
        <v>-114427.26</v>
      </c>
      <c r="D263" s="11">
        <v>17254.150000000001</v>
      </c>
      <c r="E263" s="11">
        <v>-48588.76</v>
      </c>
      <c r="F263" s="11">
        <v>-48588.76</v>
      </c>
      <c r="G263" s="11">
        <v>-48588.76</v>
      </c>
      <c r="H263" s="11">
        <v>-48588.76</v>
      </c>
      <c r="I263" s="11">
        <v>-48588.76</v>
      </c>
      <c r="J263" s="11">
        <v>-48588.76</v>
      </c>
      <c r="K263" s="11">
        <v>421804.85</v>
      </c>
      <c r="L263" s="11">
        <v>-50544.44</v>
      </c>
      <c r="M263" s="11">
        <v>-50633.48</v>
      </c>
      <c r="N263" s="11">
        <v>919430.58</v>
      </c>
      <c r="O263" s="11">
        <v>851351.84</v>
      </c>
      <c r="P263" s="11">
        <v>851351.84</v>
      </c>
    </row>
    <row r="264" spans="2:16" x14ac:dyDescent="0.25">
      <c r="B264" s="9" t="s">
        <v>139</v>
      </c>
      <c r="C264" s="11"/>
      <c r="D264" s="11"/>
      <c r="E264" s="11"/>
      <c r="F264" s="11"/>
      <c r="G264" s="11"/>
      <c r="H264" s="11"/>
      <c r="I264" s="11">
        <v>687.7</v>
      </c>
      <c r="J264" s="11">
        <v>1596.28</v>
      </c>
      <c r="K264" s="11">
        <v>4294.6099999999997</v>
      </c>
      <c r="L264" s="11">
        <v>2945.57</v>
      </c>
      <c r="M264" s="11">
        <v>1381.78</v>
      </c>
      <c r="N264" s="11">
        <v>3773.27</v>
      </c>
      <c r="O264" s="11">
        <v>14679.21</v>
      </c>
      <c r="P264" s="11">
        <v>14679.21</v>
      </c>
    </row>
    <row r="265" spans="2:16" x14ac:dyDescent="0.25">
      <c r="B265" s="9" t="s">
        <v>140</v>
      </c>
      <c r="C265" s="11">
        <v>55373.27</v>
      </c>
      <c r="D265" s="11">
        <v>55373.27</v>
      </c>
      <c r="E265" s="11">
        <v>55373.27</v>
      </c>
      <c r="F265" s="11">
        <v>55373.27</v>
      </c>
      <c r="G265" s="11">
        <v>55373.27</v>
      </c>
      <c r="H265" s="11">
        <v>55373.3</v>
      </c>
      <c r="I265" s="11">
        <v>46321.24</v>
      </c>
      <c r="J265" s="11">
        <v>46321.24</v>
      </c>
      <c r="K265" s="11">
        <v>46321.24</v>
      </c>
      <c r="L265" s="11">
        <v>46321.24</v>
      </c>
      <c r="M265" s="11">
        <v>46321.24</v>
      </c>
      <c r="N265" s="11">
        <v>46321.24</v>
      </c>
      <c r="O265" s="11">
        <v>610167.09</v>
      </c>
      <c r="P265" s="11">
        <v>610167.09</v>
      </c>
    </row>
    <row r="266" spans="2:16" x14ac:dyDescent="0.25">
      <c r="B266" s="9" t="s">
        <v>142</v>
      </c>
      <c r="C266" s="11">
        <v>-6872.56</v>
      </c>
      <c r="D266" s="11">
        <v>-9090.7099999999991</v>
      </c>
      <c r="E266" s="11">
        <v>-7123.59</v>
      </c>
      <c r="F266" s="11">
        <v>-4383.5</v>
      </c>
      <c r="G266" s="11"/>
      <c r="H266" s="11"/>
      <c r="I266" s="11"/>
      <c r="J266" s="11"/>
      <c r="K266" s="11">
        <v>-15773.62</v>
      </c>
      <c r="L266" s="11">
        <v>-2409.64</v>
      </c>
      <c r="M266" s="11">
        <v>-3353</v>
      </c>
      <c r="N266" s="11">
        <v>-6507.95</v>
      </c>
      <c r="O266" s="11">
        <v>-55514.57</v>
      </c>
      <c r="P266" s="11">
        <v>-55514.57</v>
      </c>
    </row>
    <row r="267" spans="2:16" x14ac:dyDescent="0.25">
      <c r="B267" s="9" t="s">
        <v>144</v>
      </c>
      <c r="C267" s="11">
        <v>541.37</v>
      </c>
      <c r="D267" s="11">
        <v>8234.09</v>
      </c>
      <c r="E267" s="11">
        <v>4105.3</v>
      </c>
      <c r="F267" s="11">
        <v>13924.38</v>
      </c>
      <c r="G267" s="11">
        <v>10828.82</v>
      </c>
      <c r="H267" s="11">
        <v>15753.36</v>
      </c>
      <c r="I267" s="11">
        <v>4253.1000000000004</v>
      </c>
      <c r="J267" s="11">
        <v>917.34</v>
      </c>
      <c r="K267" s="11">
        <v>5237.8100000000004</v>
      </c>
      <c r="L267" s="11">
        <v>844.43</v>
      </c>
      <c r="M267" s="11">
        <v>7888.6</v>
      </c>
      <c r="N267" s="11">
        <v>39811.199999999997</v>
      </c>
      <c r="O267" s="11">
        <v>112339.8</v>
      </c>
      <c r="P267" s="11">
        <v>112339.8</v>
      </c>
    </row>
    <row r="268" spans="2:16" x14ac:dyDescent="0.25">
      <c r="B268" s="9" t="s">
        <v>145</v>
      </c>
      <c r="C268" s="11">
        <v>-1242.3499999999999</v>
      </c>
      <c r="D268" s="11">
        <v>-2639.69</v>
      </c>
      <c r="E268" s="11">
        <v>-10907.48</v>
      </c>
      <c r="F268" s="11">
        <v>72.05</v>
      </c>
      <c r="G268" s="11">
        <v>1522.12</v>
      </c>
      <c r="H268" s="11">
        <v>26537.7</v>
      </c>
      <c r="I268" s="11">
        <v>8809.18</v>
      </c>
      <c r="J268" s="11">
        <v>72493.88</v>
      </c>
      <c r="K268" s="11">
        <v>40047.230000000003</v>
      </c>
      <c r="L268" s="11">
        <v>170629.71</v>
      </c>
      <c r="M268" s="11">
        <v>-57765.9</v>
      </c>
      <c r="N268" s="11">
        <v>35312.93</v>
      </c>
      <c r="O268" s="11">
        <v>282869.38</v>
      </c>
      <c r="P268" s="11">
        <v>282869.38</v>
      </c>
    </row>
    <row r="269" spans="2:16" x14ac:dyDescent="0.25">
      <c r="B269" s="9" t="s">
        <v>146</v>
      </c>
      <c r="C269" s="11">
        <v>42878</v>
      </c>
      <c r="D269" s="11"/>
      <c r="E269" s="11"/>
      <c r="F269" s="11"/>
      <c r="G269" s="11"/>
      <c r="H269" s="11"/>
      <c r="I269" s="11"/>
      <c r="J269" s="11"/>
      <c r="K269" s="11"/>
      <c r="L269" s="11"/>
      <c r="M269" s="11"/>
      <c r="N269" s="11"/>
      <c r="O269" s="11">
        <v>42878</v>
      </c>
      <c r="P269" s="11">
        <v>42878</v>
      </c>
    </row>
    <row r="270" spans="2:16" x14ac:dyDescent="0.25">
      <c r="B270" s="9" t="s">
        <v>147</v>
      </c>
      <c r="C270" s="11">
        <v>584.17999999999995</v>
      </c>
      <c r="D270" s="11">
        <v>-23.24</v>
      </c>
      <c r="E270" s="11">
        <v>78580</v>
      </c>
      <c r="F270" s="11">
        <v>2987.95</v>
      </c>
      <c r="G270" s="11">
        <v>3487.28</v>
      </c>
      <c r="H270" s="11">
        <v>56105.13</v>
      </c>
      <c r="I270" s="11">
        <v>-23.9</v>
      </c>
      <c r="J270" s="11">
        <v>-76.63</v>
      </c>
      <c r="K270" s="11">
        <v>102.97</v>
      </c>
      <c r="L270" s="11">
        <v>1656.05</v>
      </c>
      <c r="M270" s="11">
        <v>-15.86</v>
      </c>
      <c r="N270" s="11">
        <v>872.62</v>
      </c>
      <c r="O270" s="11">
        <v>144236.54999999999</v>
      </c>
      <c r="P270" s="11">
        <v>144236.54999999999</v>
      </c>
    </row>
    <row r="271" spans="2:16" x14ac:dyDescent="0.25">
      <c r="B271" s="9" t="s">
        <v>148</v>
      </c>
      <c r="C271" s="11">
        <v>11762.61</v>
      </c>
      <c r="D271" s="11">
        <v>92.8</v>
      </c>
      <c r="E271" s="11">
        <v>993.93</v>
      </c>
      <c r="F271" s="11">
        <v>1015.84</v>
      </c>
      <c r="G271" s="11">
        <v>959.23</v>
      </c>
      <c r="H271" s="11">
        <v>0.6</v>
      </c>
      <c r="I271" s="11">
        <v>1394.03</v>
      </c>
      <c r="J271" s="11">
        <v>9764.5</v>
      </c>
      <c r="K271" s="11"/>
      <c r="L271" s="11">
        <v>0.26</v>
      </c>
      <c r="M271" s="11">
        <v>3218.9</v>
      </c>
      <c r="N271" s="11">
        <v>8843.24</v>
      </c>
      <c r="O271" s="11">
        <v>38045.94</v>
      </c>
      <c r="P271" s="11">
        <v>38045.94</v>
      </c>
    </row>
    <row r="272" spans="2:16" x14ac:dyDescent="0.25">
      <c r="B272" s="9" t="s">
        <v>149</v>
      </c>
      <c r="C272" s="11"/>
      <c r="D272" s="11">
        <v>927.04</v>
      </c>
      <c r="E272" s="11">
        <v>-1062.52</v>
      </c>
      <c r="F272" s="11">
        <v>5228.8500000000004</v>
      </c>
      <c r="G272" s="11">
        <v>27314.69</v>
      </c>
      <c r="H272" s="11">
        <v>35.4</v>
      </c>
      <c r="I272" s="11">
        <v>5702.43</v>
      </c>
      <c r="J272" s="11">
        <v>7.0000000000000007E-2</v>
      </c>
      <c r="K272" s="11"/>
      <c r="L272" s="11">
        <v>5104.7299999999996</v>
      </c>
      <c r="M272" s="11"/>
      <c r="N272" s="11">
        <v>5136.3999999999996</v>
      </c>
      <c r="O272" s="11">
        <v>48387.09</v>
      </c>
      <c r="P272" s="11">
        <v>48387.09</v>
      </c>
    </row>
    <row r="273" spans="1:16" x14ac:dyDescent="0.25">
      <c r="B273" s="9" t="s">
        <v>150</v>
      </c>
      <c r="C273" s="11">
        <v>2.0699999999999998</v>
      </c>
      <c r="D273" s="11">
        <v>93.48</v>
      </c>
      <c r="E273" s="11">
        <v>3.88</v>
      </c>
      <c r="F273" s="11">
        <v>516.72</v>
      </c>
      <c r="G273" s="11">
        <v>650.70000000000005</v>
      </c>
      <c r="H273" s="11">
        <v>739.86</v>
      </c>
      <c r="I273" s="11">
        <v>1558.18</v>
      </c>
      <c r="J273" s="11">
        <v>1647.68</v>
      </c>
      <c r="K273" s="11">
        <v>-3.2</v>
      </c>
      <c r="L273" s="11">
        <v>1950.12</v>
      </c>
      <c r="M273" s="11">
        <v>56.7</v>
      </c>
      <c r="N273" s="11">
        <v>253.19</v>
      </c>
      <c r="O273" s="11">
        <v>7469.38</v>
      </c>
      <c r="P273" s="11">
        <v>7469.38</v>
      </c>
    </row>
    <row r="274" spans="1:16" x14ac:dyDescent="0.25">
      <c r="B274" s="9" t="s">
        <v>151</v>
      </c>
      <c r="C274" s="11"/>
      <c r="D274" s="11">
        <v>198.62</v>
      </c>
      <c r="E274" s="11">
        <v>732.47</v>
      </c>
      <c r="F274" s="11">
        <v>720.65</v>
      </c>
      <c r="G274" s="11">
        <v>1512.01</v>
      </c>
      <c r="H274" s="11">
        <v>-115.58</v>
      </c>
      <c r="I274" s="11">
        <v>-723.78</v>
      </c>
      <c r="J274" s="11">
        <v>0</v>
      </c>
      <c r="K274" s="11"/>
      <c r="L274" s="11"/>
      <c r="M274" s="11"/>
      <c r="N274" s="11"/>
      <c r="O274" s="11">
        <v>2324.39</v>
      </c>
      <c r="P274" s="11">
        <v>2324.39</v>
      </c>
    </row>
    <row r="275" spans="1:16" x14ac:dyDescent="0.25">
      <c r="B275" s="9" t="s">
        <v>152</v>
      </c>
      <c r="C275" s="11">
        <v>25.68</v>
      </c>
      <c r="D275" s="11">
        <v>5.49</v>
      </c>
      <c r="E275" s="11">
        <v>4.08</v>
      </c>
      <c r="F275" s="11">
        <v>7.71</v>
      </c>
      <c r="G275" s="11">
        <v>3.85</v>
      </c>
      <c r="H275" s="11">
        <v>2.3199999999999998</v>
      </c>
      <c r="I275" s="11">
        <v>106.1</v>
      </c>
      <c r="J275" s="11">
        <v>11.07</v>
      </c>
      <c r="K275" s="11">
        <v>4.74</v>
      </c>
      <c r="L275" s="11">
        <v>31.28</v>
      </c>
      <c r="M275" s="11">
        <v>-12.69</v>
      </c>
      <c r="N275" s="11">
        <v>68.63</v>
      </c>
      <c r="O275" s="11">
        <v>258.26</v>
      </c>
      <c r="P275" s="11">
        <v>258.26</v>
      </c>
    </row>
    <row r="276" spans="1:16" x14ac:dyDescent="0.25">
      <c r="B276" s="9" t="s">
        <v>153</v>
      </c>
      <c r="C276" s="11">
        <v>6552.93</v>
      </c>
      <c r="D276" s="11">
        <v>6446.05</v>
      </c>
      <c r="E276" s="11">
        <v>6013.12</v>
      </c>
      <c r="F276" s="11">
        <v>6621.16</v>
      </c>
      <c r="G276" s="11">
        <v>7432.54</v>
      </c>
      <c r="H276" s="11">
        <v>7049.98</v>
      </c>
      <c r="I276" s="11">
        <v>7182.97</v>
      </c>
      <c r="J276" s="11">
        <v>6595.85</v>
      </c>
      <c r="K276" s="11">
        <v>7686.54</v>
      </c>
      <c r="L276" s="11">
        <v>6610.07</v>
      </c>
      <c r="M276" s="11">
        <v>6688.73</v>
      </c>
      <c r="N276" s="11">
        <v>9266.73</v>
      </c>
      <c r="O276" s="11">
        <v>84146.67</v>
      </c>
      <c r="P276" s="11">
        <v>84146.67</v>
      </c>
    </row>
    <row r="277" spans="1:16" x14ac:dyDescent="0.25">
      <c r="B277" s="9" t="s">
        <v>154</v>
      </c>
      <c r="C277" s="11">
        <v>70167</v>
      </c>
      <c r="D277" s="11">
        <v>69228</v>
      </c>
      <c r="E277" s="11">
        <v>68992</v>
      </c>
      <c r="F277" s="11">
        <v>69056</v>
      </c>
      <c r="G277" s="11">
        <v>70794</v>
      </c>
      <c r="H277" s="11">
        <v>70449</v>
      </c>
      <c r="I277" s="11">
        <v>70912</v>
      </c>
      <c r="J277" s="11">
        <v>70979</v>
      </c>
      <c r="K277" s="11">
        <v>73262</v>
      </c>
      <c r="L277" s="11">
        <v>71188</v>
      </c>
      <c r="M277" s="11">
        <v>69931</v>
      </c>
      <c r="N277" s="11">
        <v>68714</v>
      </c>
      <c r="O277" s="11">
        <v>843672</v>
      </c>
      <c r="P277" s="11">
        <v>843672</v>
      </c>
    </row>
    <row r="278" spans="1:16" x14ac:dyDescent="0.25">
      <c r="B278" s="9" t="s">
        <v>156</v>
      </c>
      <c r="C278" s="11"/>
      <c r="D278" s="11">
        <v>860</v>
      </c>
      <c r="E278" s="11">
        <v>-0.03</v>
      </c>
      <c r="F278" s="11">
        <v>720</v>
      </c>
      <c r="G278" s="11"/>
      <c r="H278" s="11">
        <v>5.33</v>
      </c>
      <c r="I278" s="11"/>
      <c r="J278" s="11"/>
      <c r="K278" s="11"/>
      <c r="L278" s="11">
        <v>29623.37</v>
      </c>
      <c r="M278" s="11">
        <v>-87.83</v>
      </c>
      <c r="N278" s="11">
        <v>14798.44</v>
      </c>
      <c r="O278" s="11">
        <v>45919.28</v>
      </c>
      <c r="P278" s="11">
        <v>45919.28</v>
      </c>
    </row>
    <row r="279" spans="1:16" x14ac:dyDescent="0.25">
      <c r="B279" s="9" t="s">
        <v>157</v>
      </c>
      <c r="C279" s="11">
        <v>142.75</v>
      </c>
      <c r="D279" s="11">
        <v>113.71</v>
      </c>
      <c r="E279" s="11">
        <v>128.25</v>
      </c>
      <c r="F279" s="11">
        <v>49.7</v>
      </c>
      <c r="G279" s="11">
        <v>159.94</v>
      </c>
      <c r="H279" s="11">
        <v>42.41</v>
      </c>
      <c r="I279" s="11">
        <v>913.62</v>
      </c>
      <c r="J279" s="11">
        <v>32.979999999999997</v>
      </c>
      <c r="K279" s="11">
        <v>-173.61</v>
      </c>
      <c r="L279" s="11">
        <v>130.80000000000001</v>
      </c>
      <c r="M279" s="11">
        <v>102.71</v>
      </c>
      <c r="N279" s="11">
        <v>495.39</v>
      </c>
      <c r="O279" s="11">
        <v>2138.65</v>
      </c>
      <c r="P279" s="11">
        <v>2138.65</v>
      </c>
    </row>
    <row r="280" spans="1:16" x14ac:dyDescent="0.25">
      <c r="A280" t="s">
        <v>165</v>
      </c>
      <c r="C280" s="11">
        <v>4241992.21</v>
      </c>
      <c r="D280" s="11">
        <v>3514461.57</v>
      </c>
      <c r="E280" s="11">
        <v>4849156.2510000002</v>
      </c>
      <c r="F280" s="11">
        <v>4623401.6100000003</v>
      </c>
      <c r="G280" s="11">
        <v>5144619.0199999996</v>
      </c>
      <c r="H280" s="11">
        <v>6914754.5499999998</v>
      </c>
      <c r="I280" s="11">
        <v>7881547.7599999998</v>
      </c>
      <c r="J280" s="11">
        <v>5528203.3030000003</v>
      </c>
      <c r="K280" s="11">
        <v>6513470.9000000004</v>
      </c>
      <c r="L280" s="11">
        <v>5048641.5860000001</v>
      </c>
      <c r="M280" s="11">
        <v>3044718.2</v>
      </c>
      <c r="N280" s="11">
        <v>5184701.7259999998</v>
      </c>
      <c r="O280" s="11">
        <v>62489668.685999997</v>
      </c>
      <c r="P280" s="11">
        <v>62489668.685999997</v>
      </c>
    </row>
    <row r="281" spans="1:16" x14ac:dyDescent="0.25">
      <c r="A281" t="s">
        <v>167</v>
      </c>
      <c r="B281" s="9" t="s">
        <v>17</v>
      </c>
      <c r="C281" s="11">
        <v>1283.2</v>
      </c>
      <c r="D281" s="11">
        <v>-1804.14</v>
      </c>
      <c r="E281" s="11">
        <v>1433.78</v>
      </c>
      <c r="F281" s="11">
        <v>1072.8599999999999</v>
      </c>
      <c r="G281" s="11">
        <v>1233.76</v>
      </c>
      <c r="H281" s="11">
        <v>1542.37</v>
      </c>
      <c r="I281" s="11">
        <v>1561.96</v>
      </c>
      <c r="J281" s="11">
        <v>-5694.25</v>
      </c>
      <c r="K281" s="11">
        <v>491.45</v>
      </c>
      <c r="L281" s="11">
        <v>1438.76</v>
      </c>
      <c r="M281" s="11">
        <v>-245.13</v>
      </c>
      <c r="N281" s="11">
        <v>-173186.68</v>
      </c>
      <c r="O281" s="11">
        <v>-170872.06</v>
      </c>
      <c r="P281" s="11">
        <v>-170872.06</v>
      </c>
    </row>
    <row r="282" spans="1:16" x14ac:dyDescent="0.25">
      <c r="B282" s="9" t="s">
        <v>19</v>
      </c>
      <c r="C282" s="11">
        <v>22396.21</v>
      </c>
      <c r="D282" s="11">
        <v>26416.01</v>
      </c>
      <c r="E282" s="11">
        <v>27739.71</v>
      </c>
      <c r="F282" s="11">
        <v>26963.78</v>
      </c>
      <c r="G282" s="11">
        <v>28048.84</v>
      </c>
      <c r="H282" s="11">
        <v>28693.759999999998</v>
      </c>
      <c r="I282" s="11">
        <v>27915.55</v>
      </c>
      <c r="J282" s="11">
        <v>29767.08</v>
      </c>
      <c r="K282" s="11">
        <v>27659.49</v>
      </c>
      <c r="L282" s="11">
        <v>28272.21</v>
      </c>
      <c r="M282" s="11">
        <v>25889.45</v>
      </c>
      <c r="N282" s="11">
        <v>24463.23</v>
      </c>
      <c r="O282" s="11">
        <v>324225.32</v>
      </c>
      <c r="P282" s="11">
        <v>324225.32</v>
      </c>
    </row>
    <row r="283" spans="1:16" x14ac:dyDescent="0.25">
      <c r="B283" s="9" t="s">
        <v>21</v>
      </c>
      <c r="C283" s="11">
        <v>-6441.85</v>
      </c>
      <c r="D283" s="11">
        <v>2188.25</v>
      </c>
      <c r="E283" s="11">
        <v>3779.18</v>
      </c>
      <c r="F283" s="11">
        <v>17901.78</v>
      </c>
      <c r="G283" s="11">
        <v>32242.560000000001</v>
      </c>
      <c r="H283" s="11">
        <v>-8230.75</v>
      </c>
      <c r="I283" s="11">
        <v>2082.25</v>
      </c>
      <c r="J283" s="11">
        <v>2899.65</v>
      </c>
      <c r="K283" s="11">
        <v>-46340.52</v>
      </c>
      <c r="L283" s="11">
        <v>10.23</v>
      </c>
      <c r="M283" s="11"/>
      <c r="N283" s="11">
        <v>3.02</v>
      </c>
      <c r="O283" s="11">
        <v>93.8</v>
      </c>
      <c r="P283" s="11">
        <v>93.8</v>
      </c>
    </row>
    <row r="284" spans="1:16" x14ac:dyDescent="0.25">
      <c r="B284" s="9" t="s">
        <v>23</v>
      </c>
      <c r="C284" s="11"/>
      <c r="D284" s="11"/>
      <c r="E284" s="11">
        <v>0</v>
      </c>
      <c r="F284" s="11"/>
      <c r="G284" s="11"/>
      <c r="H284" s="11"/>
      <c r="I284" s="11"/>
      <c r="J284" s="11"/>
      <c r="K284" s="11"/>
      <c r="L284" s="11"/>
      <c r="M284" s="11"/>
      <c r="N284" s="11"/>
      <c r="O284" s="11">
        <v>0</v>
      </c>
      <c r="P284" s="11">
        <v>0</v>
      </c>
    </row>
    <row r="285" spans="1:16" x14ac:dyDescent="0.25">
      <c r="B285" s="9" t="s">
        <v>25</v>
      </c>
      <c r="C285" s="11">
        <v>50</v>
      </c>
      <c r="D285" s="11">
        <v>58</v>
      </c>
      <c r="E285" s="11">
        <v>58</v>
      </c>
      <c r="F285" s="11"/>
      <c r="G285" s="11">
        <v>124</v>
      </c>
      <c r="H285" s="11"/>
      <c r="I285" s="11">
        <v>116</v>
      </c>
      <c r="J285" s="11">
        <v>94</v>
      </c>
      <c r="K285" s="11"/>
      <c r="L285" s="11"/>
      <c r="M285" s="11"/>
      <c r="N285" s="11"/>
      <c r="O285" s="11">
        <v>500</v>
      </c>
      <c r="P285" s="11">
        <v>500</v>
      </c>
    </row>
    <row r="286" spans="1:16" x14ac:dyDescent="0.25">
      <c r="B286" s="9" t="s">
        <v>26</v>
      </c>
      <c r="C286" s="11">
        <v>4591.42</v>
      </c>
      <c r="D286" s="11">
        <v>3935.47</v>
      </c>
      <c r="E286" s="11">
        <v>3281.46</v>
      </c>
      <c r="F286" s="11">
        <v>3319.91</v>
      </c>
      <c r="G286" s="11">
        <v>2191.44</v>
      </c>
      <c r="H286" s="11">
        <v>3794.94</v>
      </c>
      <c r="I286" s="11">
        <v>4852.5600000000004</v>
      </c>
      <c r="J286" s="11">
        <v>3473.83</v>
      </c>
      <c r="K286" s="11">
        <v>2797.34</v>
      </c>
      <c r="L286" s="11">
        <v>2802.79</v>
      </c>
      <c r="M286" s="11">
        <v>-18354.88</v>
      </c>
      <c r="N286" s="11">
        <v>1807.9</v>
      </c>
      <c r="O286" s="11">
        <v>18494.18</v>
      </c>
      <c r="P286" s="11">
        <v>18494.18</v>
      </c>
    </row>
    <row r="287" spans="1:16" x14ac:dyDescent="0.25">
      <c r="B287" s="9" t="s">
        <v>28</v>
      </c>
      <c r="C287" s="11">
        <v>162.58000000000001</v>
      </c>
      <c r="D287" s="11">
        <v>-48.91</v>
      </c>
      <c r="E287" s="11">
        <v>1602.64</v>
      </c>
      <c r="F287" s="11">
        <v>842.07</v>
      </c>
      <c r="G287" s="11">
        <v>667.43</v>
      </c>
      <c r="H287" s="11">
        <v>595.21</v>
      </c>
      <c r="I287" s="11">
        <v>549.54</v>
      </c>
      <c r="J287" s="11">
        <v>-259.70999999999998</v>
      </c>
      <c r="K287" s="11">
        <v>337.82</v>
      </c>
      <c r="L287" s="11">
        <v>625.5</v>
      </c>
      <c r="M287" s="11">
        <v>103</v>
      </c>
      <c r="N287" s="11">
        <v>239.53</v>
      </c>
      <c r="O287" s="11">
        <v>5416.7</v>
      </c>
      <c r="P287" s="11">
        <v>5416.7</v>
      </c>
    </row>
    <row r="288" spans="1:16" x14ac:dyDescent="0.25">
      <c r="B288" s="9" t="s">
        <v>29</v>
      </c>
      <c r="C288" s="11">
        <v>3279.53</v>
      </c>
      <c r="D288" s="11">
        <v>1384.88</v>
      </c>
      <c r="E288" s="11">
        <v>2440.39</v>
      </c>
      <c r="F288" s="11">
        <v>1973.2</v>
      </c>
      <c r="G288" s="11">
        <v>2022.79</v>
      </c>
      <c r="H288" s="11">
        <v>2293.84</v>
      </c>
      <c r="I288" s="11">
        <v>2782.97</v>
      </c>
      <c r="J288" s="11">
        <v>3979.95</v>
      </c>
      <c r="K288" s="11">
        <v>2196.9299999999998</v>
      </c>
      <c r="L288" s="11">
        <v>3296.55</v>
      </c>
      <c r="M288" s="11">
        <v>2141.71</v>
      </c>
      <c r="N288" s="11">
        <v>1479.33</v>
      </c>
      <c r="O288" s="11">
        <v>29272.07</v>
      </c>
      <c r="P288" s="11">
        <v>29272.07</v>
      </c>
    </row>
    <row r="289" spans="2:16" x14ac:dyDescent="0.25">
      <c r="B289" s="9" t="s">
        <v>30</v>
      </c>
      <c r="C289" s="11">
        <v>159293.45000000001</v>
      </c>
      <c r="D289" s="11">
        <v>371036.8</v>
      </c>
      <c r="E289" s="11">
        <v>300694.94</v>
      </c>
      <c r="F289" s="11">
        <v>306052.14</v>
      </c>
      <c r="G289" s="11">
        <v>7316.21</v>
      </c>
      <c r="H289" s="11">
        <v>322623.62</v>
      </c>
      <c r="I289" s="11">
        <v>270924.26</v>
      </c>
      <c r="J289" s="11">
        <v>272386.08</v>
      </c>
      <c r="K289" s="11">
        <v>-1961279.4</v>
      </c>
      <c r="L289" s="11">
        <v>4751.3100000000004</v>
      </c>
      <c r="M289" s="11">
        <v>1233.1400000000001</v>
      </c>
      <c r="N289" s="11">
        <v>-72907.81</v>
      </c>
      <c r="O289" s="11">
        <v>-17875.259999999998</v>
      </c>
      <c r="P289" s="11">
        <v>-17875.259999999998</v>
      </c>
    </row>
    <row r="290" spans="2:16" x14ac:dyDescent="0.25">
      <c r="B290" s="9" t="s">
        <v>31</v>
      </c>
      <c r="C290" s="11">
        <v>662.39</v>
      </c>
      <c r="D290" s="11"/>
      <c r="E290" s="11">
        <v>0</v>
      </c>
      <c r="F290" s="11"/>
      <c r="G290" s="11"/>
      <c r="H290" s="11"/>
      <c r="I290" s="11">
        <v>6399.56</v>
      </c>
      <c r="J290" s="11"/>
      <c r="K290" s="11"/>
      <c r="L290" s="11">
        <v>532.15</v>
      </c>
      <c r="M290" s="11"/>
      <c r="N290" s="11">
        <v>899.71</v>
      </c>
      <c r="O290" s="11">
        <v>8493.81</v>
      </c>
      <c r="P290" s="11">
        <v>8493.81</v>
      </c>
    </row>
    <row r="291" spans="2:16" x14ac:dyDescent="0.25">
      <c r="B291" s="9" t="s">
        <v>32</v>
      </c>
      <c r="C291" s="11"/>
      <c r="D291" s="11">
        <v>1270.02</v>
      </c>
      <c r="E291" s="11">
        <v>1213.99</v>
      </c>
      <c r="F291" s="11">
        <v>3399.4</v>
      </c>
      <c r="G291" s="11">
        <v>1067.99</v>
      </c>
      <c r="H291" s="11">
        <v>196.91</v>
      </c>
      <c r="I291" s="11">
        <v>4115.05</v>
      </c>
      <c r="J291" s="11">
        <v>5443.94</v>
      </c>
      <c r="K291" s="11">
        <v>1755.12</v>
      </c>
      <c r="L291" s="11">
        <v>1489.83</v>
      </c>
      <c r="M291" s="11">
        <v>1570.14</v>
      </c>
      <c r="N291" s="11">
        <v>20288.46</v>
      </c>
      <c r="O291" s="11">
        <v>41810.85</v>
      </c>
      <c r="P291" s="11">
        <v>41810.85</v>
      </c>
    </row>
    <row r="292" spans="2:16" x14ac:dyDescent="0.25">
      <c r="B292" s="9" t="s">
        <v>33</v>
      </c>
      <c r="C292" s="11">
        <v>912.06</v>
      </c>
      <c r="D292" s="11">
        <v>458.89</v>
      </c>
      <c r="E292" s="11">
        <v>457.59</v>
      </c>
      <c r="F292" s="11">
        <v>456.83</v>
      </c>
      <c r="G292" s="11">
        <v>456.83</v>
      </c>
      <c r="H292" s="11">
        <v>523.23</v>
      </c>
      <c r="I292" s="11">
        <v>469.56</v>
      </c>
      <c r="J292" s="11">
        <v>456.83</v>
      </c>
      <c r="K292" s="11">
        <v>491.41</v>
      </c>
      <c r="L292" s="11">
        <v>680.31</v>
      </c>
      <c r="M292" s="11">
        <v>661.6</v>
      </c>
      <c r="N292" s="11">
        <v>1009.34</v>
      </c>
      <c r="O292" s="11">
        <v>7034.48</v>
      </c>
      <c r="P292" s="11">
        <v>7034.48</v>
      </c>
    </row>
    <row r="293" spans="2:16" x14ac:dyDescent="0.25">
      <c r="B293" s="9" t="s">
        <v>34</v>
      </c>
      <c r="C293" s="11"/>
      <c r="D293" s="11">
        <v>10.29</v>
      </c>
      <c r="E293" s="11"/>
      <c r="F293" s="11">
        <v>0.86</v>
      </c>
      <c r="G293" s="11"/>
      <c r="H293" s="11"/>
      <c r="I293" s="11"/>
      <c r="J293" s="11"/>
      <c r="K293" s="11"/>
      <c r="L293" s="11"/>
      <c r="M293" s="11"/>
      <c r="N293" s="11"/>
      <c r="O293" s="11">
        <v>11.15</v>
      </c>
      <c r="P293" s="11">
        <v>11.15</v>
      </c>
    </row>
    <row r="294" spans="2:16" x14ac:dyDescent="0.25">
      <c r="B294" s="9" t="s">
        <v>35</v>
      </c>
      <c r="C294" s="11"/>
      <c r="D294" s="11"/>
      <c r="E294" s="11"/>
      <c r="F294" s="11"/>
      <c r="G294" s="11"/>
      <c r="H294" s="11"/>
      <c r="I294" s="11">
        <v>-5.6</v>
      </c>
      <c r="J294" s="11">
        <v>2.89</v>
      </c>
      <c r="K294" s="11"/>
      <c r="L294" s="11"/>
      <c r="M294" s="11"/>
      <c r="N294" s="11"/>
      <c r="O294" s="11">
        <v>-2.71</v>
      </c>
      <c r="P294" s="11">
        <v>-2.71</v>
      </c>
    </row>
    <row r="295" spans="2:16" x14ac:dyDescent="0.25">
      <c r="B295" s="9" t="s">
        <v>36</v>
      </c>
      <c r="C295" s="11"/>
      <c r="D295" s="11">
        <v>0</v>
      </c>
      <c r="E295" s="11"/>
      <c r="F295" s="11">
        <v>0</v>
      </c>
      <c r="G295" s="11">
        <v>0</v>
      </c>
      <c r="H295" s="11">
        <v>0</v>
      </c>
      <c r="I295" s="11">
        <v>0</v>
      </c>
      <c r="J295" s="11">
        <v>1.36</v>
      </c>
      <c r="K295" s="11">
        <v>0</v>
      </c>
      <c r="L295" s="11">
        <v>0</v>
      </c>
      <c r="M295" s="11">
        <v>0</v>
      </c>
      <c r="N295" s="11">
        <v>0</v>
      </c>
      <c r="O295" s="11">
        <v>1.36</v>
      </c>
      <c r="P295" s="11">
        <v>1.36</v>
      </c>
    </row>
    <row r="296" spans="2:16" x14ac:dyDescent="0.25">
      <c r="B296" s="9" t="s">
        <v>37</v>
      </c>
      <c r="C296" s="11"/>
      <c r="D296" s="11">
        <v>0</v>
      </c>
      <c r="E296" s="11">
        <v>0</v>
      </c>
      <c r="F296" s="11"/>
      <c r="G296" s="11"/>
      <c r="H296" s="11"/>
      <c r="I296" s="11"/>
      <c r="J296" s="11"/>
      <c r="K296" s="11">
        <v>0</v>
      </c>
      <c r="L296" s="11">
        <v>0</v>
      </c>
      <c r="M296" s="11">
        <v>0</v>
      </c>
      <c r="N296" s="11"/>
      <c r="O296" s="11">
        <v>0</v>
      </c>
      <c r="P296" s="11">
        <v>0</v>
      </c>
    </row>
    <row r="297" spans="2:16" x14ac:dyDescent="0.25">
      <c r="B297" s="9" t="s">
        <v>38</v>
      </c>
      <c r="C297" s="11"/>
      <c r="D297" s="11">
        <v>0</v>
      </c>
      <c r="E297" s="11">
        <v>0</v>
      </c>
      <c r="F297" s="11"/>
      <c r="G297" s="11"/>
      <c r="H297" s="11">
        <v>0</v>
      </c>
      <c r="I297" s="11">
        <v>-8.44</v>
      </c>
      <c r="J297" s="11">
        <v>-52.05</v>
      </c>
      <c r="K297" s="11">
        <v>0</v>
      </c>
      <c r="L297" s="11">
        <v>0</v>
      </c>
      <c r="M297" s="11">
        <v>0</v>
      </c>
      <c r="N297" s="11">
        <v>-1.41</v>
      </c>
      <c r="O297" s="11">
        <v>-61.9</v>
      </c>
      <c r="P297" s="11">
        <v>-61.9</v>
      </c>
    </row>
    <row r="298" spans="2:16" x14ac:dyDescent="0.25">
      <c r="B298" s="9" t="s">
        <v>39</v>
      </c>
      <c r="C298" s="11"/>
      <c r="D298" s="11"/>
      <c r="E298" s="11">
        <v>0</v>
      </c>
      <c r="F298" s="11"/>
      <c r="G298" s="11"/>
      <c r="H298" s="11"/>
      <c r="I298" s="11"/>
      <c r="J298" s="11"/>
      <c r="K298" s="11"/>
      <c r="L298" s="11"/>
      <c r="M298" s="11"/>
      <c r="N298" s="11"/>
      <c r="O298" s="11">
        <v>0</v>
      </c>
      <c r="P298" s="11">
        <v>0</v>
      </c>
    </row>
    <row r="299" spans="2:16" x14ac:dyDescent="0.25">
      <c r="B299" s="9" t="s">
        <v>41</v>
      </c>
      <c r="C299" s="11"/>
      <c r="D299" s="11"/>
      <c r="E299" s="11">
        <v>13.36</v>
      </c>
      <c r="F299" s="11"/>
      <c r="G299" s="11">
        <v>16.57</v>
      </c>
      <c r="H299" s="11"/>
      <c r="I299" s="11">
        <v>1.31</v>
      </c>
      <c r="J299" s="11">
        <v>12.89</v>
      </c>
      <c r="K299" s="11"/>
      <c r="L299" s="11">
        <v>12.43</v>
      </c>
      <c r="M299" s="11"/>
      <c r="N299" s="11">
        <v>17.25</v>
      </c>
      <c r="O299" s="11">
        <v>73.81</v>
      </c>
      <c r="P299" s="11">
        <v>73.81</v>
      </c>
    </row>
    <row r="300" spans="2:16" x14ac:dyDescent="0.25">
      <c r="B300" s="9" t="s">
        <v>42</v>
      </c>
      <c r="C300" s="11">
        <v>1891.24</v>
      </c>
      <c r="D300" s="11">
        <v>1954.3</v>
      </c>
      <c r="E300" s="11">
        <v>2018.32</v>
      </c>
      <c r="F300" s="11">
        <v>2064.6</v>
      </c>
      <c r="G300" s="11">
        <v>2063.4899999999998</v>
      </c>
      <c r="H300" s="11">
        <v>1896.3</v>
      </c>
      <c r="I300" s="11">
        <v>1631.52</v>
      </c>
      <c r="J300" s="11">
        <v>1573.84</v>
      </c>
      <c r="K300" s="11">
        <v>1551.17</v>
      </c>
      <c r="L300" s="11">
        <v>1573.12</v>
      </c>
      <c r="M300" s="11">
        <v>1520.03</v>
      </c>
      <c r="N300" s="11">
        <v>1602.15</v>
      </c>
      <c r="O300" s="11">
        <v>21340.080000000002</v>
      </c>
      <c r="P300" s="11">
        <v>21340.080000000002</v>
      </c>
    </row>
    <row r="301" spans="2:16" x14ac:dyDescent="0.25">
      <c r="B301" s="9" t="s">
        <v>43</v>
      </c>
      <c r="C301" s="11"/>
      <c r="D301" s="11"/>
      <c r="E301" s="11">
        <v>0</v>
      </c>
      <c r="F301" s="11"/>
      <c r="G301" s="11"/>
      <c r="H301" s="11"/>
      <c r="I301" s="11"/>
      <c r="J301" s="11"/>
      <c r="K301" s="11"/>
      <c r="L301" s="11"/>
      <c r="M301" s="11"/>
      <c r="N301" s="11"/>
      <c r="O301" s="11">
        <v>0</v>
      </c>
      <c r="P301" s="11">
        <v>0</v>
      </c>
    </row>
    <row r="302" spans="2:16" x14ac:dyDescent="0.25">
      <c r="B302" s="9" t="s">
        <v>44</v>
      </c>
      <c r="C302" s="11">
        <v>42.39</v>
      </c>
      <c r="D302" s="11">
        <v>42.01</v>
      </c>
      <c r="E302" s="11">
        <v>66.650000000000006</v>
      </c>
      <c r="F302" s="11">
        <v>66.22</v>
      </c>
      <c r="G302" s="11">
        <v>68.02</v>
      </c>
      <c r="H302" s="11">
        <v>68.16</v>
      </c>
      <c r="I302" s="11">
        <v>64.12</v>
      </c>
      <c r="J302" s="11">
        <v>60.52</v>
      </c>
      <c r="K302" s="11">
        <v>59.36</v>
      </c>
      <c r="L302" s="11">
        <v>60.81</v>
      </c>
      <c r="M302" s="11">
        <v>65.349999999999994</v>
      </c>
      <c r="N302" s="11">
        <v>57.66</v>
      </c>
      <c r="O302" s="11">
        <v>721.27</v>
      </c>
      <c r="P302" s="11">
        <v>721.27</v>
      </c>
    </row>
    <row r="303" spans="2:16" x14ac:dyDescent="0.25">
      <c r="B303" s="9" t="s">
        <v>45</v>
      </c>
      <c r="C303" s="11">
        <v>4633.05</v>
      </c>
      <c r="D303" s="11">
        <v>1507.84</v>
      </c>
      <c r="E303" s="11">
        <v>4469.3599999999997</v>
      </c>
      <c r="F303" s="11">
        <v>4372.82</v>
      </c>
      <c r="G303" s="11">
        <v>4118.4399999999996</v>
      </c>
      <c r="H303" s="11">
        <v>5026.72</v>
      </c>
      <c r="I303" s="11">
        <v>6034.42</v>
      </c>
      <c r="J303" s="11">
        <v>-2044.58</v>
      </c>
      <c r="K303" s="11">
        <v>3059.43</v>
      </c>
      <c r="L303" s="11">
        <v>3993.69</v>
      </c>
      <c r="M303" s="11">
        <v>-17657.689999999999</v>
      </c>
      <c r="N303" s="11">
        <v>1994.4</v>
      </c>
      <c r="O303" s="11">
        <v>19507.900000000001</v>
      </c>
      <c r="P303" s="11">
        <v>19507.900000000001</v>
      </c>
    </row>
    <row r="304" spans="2:16" x14ac:dyDescent="0.25">
      <c r="B304" s="9" t="s">
        <v>46</v>
      </c>
      <c r="C304" s="11">
        <v>4485.2299999999996</v>
      </c>
      <c r="D304" s="11">
        <v>3932.34</v>
      </c>
      <c r="E304" s="11">
        <v>3973.55</v>
      </c>
      <c r="F304" s="11">
        <v>5322.52</v>
      </c>
      <c r="G304" s="11">
        <v>2847.04</v>
      </c>
      <c r="H304" s="11">
        <v>1791.66</v>
      </c>
      <c r="I304" s="11">
        <v>1822.34</v>
      </c>
      <c r="J304" s="11">
        <v>1843.65</v>
      </c>
      <c r="K304" s="11">
        <v>1574.2</v>
      </c>
      <c r="L304" s="11">
        <v>1534.98</v>
      </c>
      <c r="M304" s="11">
        <v>1228.98</v>
      </c>
      <c r="N304" s="11">
        <v>1254.58</v>
      </c>
      <c r="O304" s="11">
        <v>31611.07</v>
      </c>
      <c r="P304" s="11">
        <v>31611.07</v>
      </c>
    </row>
    <row r="305" spans="2:16" x14ac:dyDescent="0.25">
      <c r="B305" s="9" t="s">
        <v>47</v>
      </c>
      <c r="C305" s="11">
        <v>250.57</v>
      </c>
      <c r="D305" s="11">
        <v>3854.94</v>
      </c>
      <c r="E305" s="11">
        <v>0</v>
      </c>
      <c r="F305" s="11"/>
      <c r="G305" s="11"/>
      <c r="H305" s="11"/>
      <c r="I305" s="11">
        <v>-4105.51</v>
      </c>
      <c r="J305" s="11"/>
      <c r="K305" s="11"/>
      <c r="L305" s="11"/>
      <c r="M305" s="11"/>
      <c r="N305" s="11"/>
      <c r="O305" s="11">
        <v>0</v>
      </c>
      <c r="P305" s="11">
        <v>0</v>
      </c>
    </row>
    <row r="306" spans="2:16" x14ac:dyDescent="0.25">
      <c r="B306" s="9" t="s">
        <v>49</v>
      </c>
      <c r="C306" s="11"/>
      <c r="D306" s="11"/>
      <c r="E306" s="11">
        <v>6300</v>
      </c>
      <c r="F306" s="11"/>
      <c r="G306" s="11"/>
      <c r="H306" s="11">
        <v>6306.02</v>
      </c>
      <c r="I306" s="11">
        <v>-9970.7000000000007</v>
      </c>
      <c r="J306" s="11">
        <v>2670.71</v>
      </c>
      <c r="K306" s="11">
        <v>26.85</v>
      </c>
      <c r="L306" s="11">
        <v>6300</v>
      </c>
      <c r="M306" s="11">
        <v>7.59</v>
      </c>
      <c r="N306" s="11"/>
      <c r="O306" s="11">
        <v>11640.47</v>
      </c>
      <c r="P306" s="11">
        <v>11640.47</v>
      </c>
    </row>
    <row r="307" spans="2:16" x14ac:dyDescent="0.25">
      <c r="B307" s="9" t="s">
        <v>50</v>
      </c>
      <c r="C307" s="11">
        <v>-9959.1299999999992</v>
      </c>
      <c r="D307" s="11">
        <v>1267.43</v>
      </c>
      <c r="E307" s="11">
        <v>2437.54</v>
      </c>
      <c r="F307" s="11">
        <v>1979.39</v>
      </c>
      <c r="G307" s="11">
        <v>2195.7600000000002</v>
      </c>
      <c r="H307" s="11">
        <v>2352.7199999999998</v>
      </c>
      <c r="I307" s="11">
        <v>3194.71</v>
      </c>
      <c r="J307" s="11">
        <v>13844.74</v>
      </c>
      <c r="K307" s="11">
        <v>14912.82</v>
      </c>
      <c r="L307" s="11">
        <v>3820.2</v>
      </c>
      <c r="M307" s="11">
        <v>2295.7600000000002</v>
      </c>
      <c r="N307" s="11">
        <v>1633.96</v>
      </c>
      <c r="O307" s="11">
        <v>39975.9</v>
      </c>
      <c r="P307" s="11">
        <v>39975.9</v>
      </c>
    </row>
    <row r="308" spans="2:16" x14ac:dyDescent="0.25">
      <c r="B308" s="9" t="s">
        <v>53</v>
      </c>
      <c r="C308" s="11">
        <v>87692.52</v>
      </c>
      <c r="D308" s="11">
        <v>203061.32</v>
      </c>
      <c r="E308" s="11">
        <v>59474.58</v>
      </c>
      <c r="F308" s="11">
        <v>130840.3</v>
      </c>
      <c r="G308" s="11">
        <v>175247.28</v>
      </c>
      <c r="H308" s="11">
        <v>166706.196</v>
      </c>
      <c r="I308" s="11">
        <v>229926.74</v>
      </c>
      <c r="J308" s="11">
        <v>66455.740000000005</v>
      </c>
      <c r="K308" s="11">
        <v>149804.35</v>
      </c>
      <c r="L308" s="11">
        <v>187966.7</v>
      </c>
      <c r="M308" s="11">
        <v>101815.8</v>
      </c>
      <c r="N308" s="11">
        <v>151256.71</v>
      </c>
      <c r="O308" s="11">
        <v>1710248.236</v>
      </c>
      <c r="P308" s="11">
        <v>1710248.236</v>
      </c>
    </row>
    <row r="309" spans="2:16" x14ac:dyDescent="0.25">
      <c r="B309" s="9" t="s">
        <v>56</v>
      </c>
      <c r="C309" s="11"/>
      <c r="D309" s="11"/>
      <c r="E309" s="11"/>
      <c r="F309" s="11"/>
      <c r="G309" s="11"/>
      <c r="H309" s="11"/>
      <c r="I309" s="11"/>
      <c r="J309" s="11"/>
      <c r="K309" s="11"/>
      <c r="L309" s="11"/>
      <c r="M309" s="11"/>
      <c r="N309" s="11">
        <v>2.13</v>
      </c>
      <c r="O309" s="11">
        <v>2.13</v>
      </c>
      <c r="P309" s="11">
        <v>2.13</v>
      </c>
    </row>
    <row r="310" spans="2:16" x14ac:dyDescent="0.25">
      <c r="B310" s="9" t="s">
        <v>57</v>
      </c>
      <c r="C310" s="11">
        <v>185.91</v>
      </c>
      <c r="D310" s="11">
        <v>2632.61</v>
      </c>
      <c r="E310" s="11">
        <v>464.09</v>
      </c>
      <c r="F310" s="11">
        <v>314.27999999999997</v>
      </c>
      <c r="G310" s="11">
        <v>435.69</v>
      </c>
      <c r="H310" s="11">
        <v>331.42</v>
      </c>
      <c r="I310" s="11">
        <v>281.64999999999998</v>
      </c>
      <c r="J310" s="11">
        <v>348.62</v>
      </c>
      <c r="K310" s="11">
        <v>288.67</v>
      </c>
      <c r="L310" s="11">
        <v>309.5</v>
      </c>
      <c r="M310" s="11">
        <v>-397.25</v>
      </c>
      <c r="N310" s="11">
        <v>2379.1799999999998</v>
      </c>
      <c r="O310" s="11">
        <v>7574.37</v>
      </c>
      <c r="P310" s="11">
        <v>7574.37</v>
      </c>
    </row>
    <row r="311" spans="2:16" x14ac:dyDescent="0.25">
      <c r="B311" s="9" t="s">
        <v>58</v>
      </c>
      <c r="C311" s="11">
        <v>647.28</v>
      </c>
      <c r="D311" s="11">
        <v>1044.49</v>
      </c>
      <c r="E311" s="11">
        <v>1625.6</v>
      </c>
      <c r="F311" s="11">
        <v>1101.81</v>
      </c>
      <c r="G311" s="11">
        <v>1526.65</v>
      </c>
      <c r="H311" s="11">
        <v>1160.53</v>
      </c>
      <c r="I311" s="11">
        <v>981.4</v>
      </c>
      <c r="J311" s="11">
        <v>1206.5999999999999</v>
      </c>
      <c r="K311" s="11">
        <v>991.57</v>
      </c>
      <c r="L311" s="11">
        <v>1083.77</v>
      </c>
      <c r="M311" s="11">
        <v>-1395.2</v>
      </c>
      <c r="N311" s="11">
        <v>558.11</v>
      </c>
      <c r="O311" s="11">
        <v>10532.61</v>
      </c>
      <c r="P311" s="11">
        <v>10532.61</v>
      </c>
    </row>
    <row r="312" spans="2:16" x14ac:dyDescent="0.25">
      <c r="B312" s="9" t="s">
        <v>59</v>
      </c>
      <c r="C312" s="11">
        <v>92.39</v>
      </c>
      <c r="D312" s="11">
        <v>149.16999999999999</v>
      </c>
      <c r="E312" s="11">
        <v>232.06</v>
      </c>
      <c r="F312" s="11">
        <v>156.19999999999999</v>
      </c>
      <c r="G312" s="11">
        <v>217.97</v>
      </c>
      <c r="H312" s="11">
        <v>165.67</v>
      </c>
      <c r="I312" s="11">
        <v>140.16</v>
      </c>
      <c r="J312" s="11">
        <v>172.08</v>
      </c>
      <c r="K312" s="11">
        <v>141.57</v>
      </c>
      <c r="L312" s="11">
        <v>154.79</v>
      </c>
      <c r="M312" s="11">
        <v>-368.11</v>
      </c>
      <c r="N312" s="11">
        <v>79.680000000000007</v>
      </c>
      <c r="O312" s="11">
        <v>1333.63</v>
      </c>
      <c r="P312" s="11">
        <v>1333.63</v>
      </c>
    </row>
    <row r="313" spans="2:16" x14ac:dyDescent="0.25">
      <c r="B313" s="9" t="s">
        <v>62</v>
      </c>
      <c r="C313" s="11"/>
      <c r="D313" s="11">
        <v>-2181.06</v>
      </c>
      <c r="E313" s="11"/>
      <c r="F313" s="11"/>
      <c r="G313" s="11"/>
      <c r="H313" s="11"/>
      <c r="I313" s="11"/>
      <c r="J313" s="11"/>
      <c r="K313" s="11"/>
      <c r="L313" s="11"/>
      <c r="M313" s="11"/>
      <c r="N313" s="11"/>
      <c r="O313" s="11">
        <v>-2181.06</v>
      </c>
      <c r="P313" s="11">
        <v>-2181.06</v>
      </c>
    </row>
    <row r="314" spans="2:16" x14ac:dyDescent="0.25">
      <c r="B314" s="9" t="s">
        <v>65</v>
      </c>
      <c r="C314" s="11">
        <v>1533.07</v>
      </c>
      <c r="D314" s="11">
        <v>1623.06</v>
      </c>
      <c r="E314" s="11">
        <v>1661.45</v>
      </c>
      <c r="F314" s="11">
        <v>1638.12</v>
      </c>
      <c r="G314" s="11">
        <v>1609.12</v>
      </c>
      <c r="H314" s="11">
        <v>1421.33</v>
      </c>
      <c r="I314" s="11">
        <v>2504.46</v>
      </c>
      <c r="J314" s="11">
        <v>1794.44</v>
      </c>
      <c r="K314" s="11">
        <v>3185.71</v>
      </c>
      <c r="L314" s="11">
        <v>2058.83</v>
      </c>
      <c r="M314" s="11">
        <v>1901.77</v>
      </c>
      <c r="N314" s="11">
        <v>1498.19</v>
      </c>
      <c r="O314" s="11">
        <v>22429.55</v>
      </c>
      <c r="P314" s="11">
        <v>22429.55</v>
      </c>
    </row>
    <row r="315" spans="2:16" x14ac:dyDescent="0.25">
      <c r="B315" s="9" t="s">
        <v>69</v>
      </c>
      <c r="C315" s="11">
        <v>-4635.78</v>
      </c>
      <c r="D315" s="11">
        <v>-13237.15</v>
      </c>
      <c r="E315" s="11">
        <v>1530.48</v>
      </c>
      <c r="F315" s="11">
        <v>2779.87</v>
      </c>
      <c r="G315" s="11">
        <v>1937.38</v>
      </c>
      <c r="H315" s="11">
        <v>2962.56</v>
      </c>
      <c r="I315" s="11">
        <v>1707.17</v>
      </c>
      <c r="J315" s="11">
        <v>1571.09</v>
      </c>
      <c r="K315" s="11">
        <v>597.58000000000004</v>
      </c>
      <c r="L315" s="11">
        <v>459.32</v>
      </c>
      <c r="M315" s="11">
        <v>417.36</v>
      </c>
      <c r="N315" s="11">
        <v>236.6</v>
      </c>
      <c r="O315" s="11">
        <v>-3673.52</v>
      </c>
      <c r="P315" s="11">
        <v>-3673.52</v>
      </c>
    </row>
    <row r="316" spans="2:16" x14ac:dyDescent="0.25">
      <c r="B316" s="9" t="s">
        <v>70</v>
      </c>
      <c r="C316" s="11"/>
      <c r="D316" s="11"/>
      <c r="E316" s="11">
        <v>0</v>
      </c>
      <c r="F316" s="11"/>
      <c r="G316" s="11"/>
      <c r="H316" s="11"/>
      <c r="I316" s="11"/>
      <c r="J316" s="11"/>
      <c r="K316" s="11"/>
      <c r="L316" s="11"/>
      <c r="M316" s="11"/>
      <c r="N316" s="11"/>
      <c r="O316" s="11">
        <v>0</v>
      </c>
      <c r="P316" s="11">
        <v>0</v>
      </c>
    </row>
    <row r="317" spans="2:16" x14ac:dyDescent="0.25">
      <c r="B317" s="9" t="s">
        <v>72</v>
      </c>
      <c r="C317" s="11">
        <v>320.39</v>
      </c>
      <c r="D317" s="11">
        <v>2486.42</v>
      </c>
      <c r="E317" s="11">
        <v>1604.28</v>
      </c>
      <c r="F317" s="11">
        <v>3470.75</v>
      </c>
      <c r="G317" s="11">
        <v>6015.13</v>
      </c>
      <c r="H317" s="11">
        <v>3060.62</v>
      </c>
      <c r="I317" s="11">
        <v>2084.7800000000002</v>
      </c>
      <c r="J317" s="11">
        <v>18999.61</v>
      </c>
      <c r="K317" s="11">
        <v>8540.2000000000007</v>
      </c>
      <c r="L317" s="11">
        <v>6868.16</v>
      </c>
      <c r="M317" s="11">
        <v>31442.42</v>
      </c>
      <c r="N317" s="11">
        <v>5154.08</v>
      </c>
      <c r="O317" s="11">
        <v>90046.84</v>
      </c>
      <c r="P317" s="11">
        <v>90046.84</v>
      </c>
    </row>
    <row r="318" spans="2:16" x14ac:dyDescent="0.25">
      <c r="B318" s="9" t="s">
        <v>74</v>
      </c>
      <c r="C318" s="11"/>
      <c r="D318" s="11">
        <v>4.96</v>
      </c>
      <c r="E318" s="11"/>
      <c r="F318" s="11">
        <v>-4.96</v>
      </c>
      <c r="G318" s="11"/>
      <c r="H318" s="11"/>
      <c r="I318" s="11"/>
      <c r="J318" s="11">
        <v>2.82</v>
      </c>
      <c r="K318" s="11"/>
      <c r="L318" s="11"/>
      <c r="M318" s="11"/>
      <c r="N318" s="11"/>
      <c r="O318" s="11">
        <v>2.82</v>
      </c>
      <c r="P318" s="11">
        <v>2.82</v>
      </c>
    </row>
    <row r="319" spans="2:16" x14ac:dyDescent="0.25">
      <c r="B319" s="9" t="s">
        <v>76</v>
      </c>
      <c r="C319" s="11"/>
      <c r="D319" s="11">
        <v>-6543.22</v>
      </c>
      <c r="E319" s="11"/>
      <c r="F319" s="11"/>
      <c r="G319" s="11">
        <v>1167.24</v>
      </c>
      <c r="H319" s="11"/>
      <c r="I319" s="11"/>
      <c r="J319" s="11"/>
      <c r="K319" s="11"/>
      <c r="L319" s="11"/>
      <c r="M319" s="11"/>
      <c r="N319" s="11"/>
      <c r="O319" s="11">
        <v>-5375.98</v>
      </c>
      <c r="P319" s="11">
        <v>-5375.98</v>
      </c>
    </row>
    <row r="320" spans="2:16" x14ac:dyDescent="0.25">
      <c r="B320" s="9" t="s">
        <v>78</v>
      </c>
      <c r="C320" s="11">
        <v>2139.06</v>
      </c>
      <c r="D320" s="11">
        <v>2503.63</v>
      </c>
      <c r="E320" s="11">
        <v>2162.8200000000002</v>
      </c>
      <c r="F320" s="11">
        <v>2239.08</v>
      </c>
      <c r="G320" s="11">
        <v>2065.59</v>
      </c>
      <c r="H320" s="11">
        <v>2877.36</v>
      </c>
      <c r="I320" s="11">
        <v>2961.53</v>
      </c>
      <c r="J320" s="11">
        <v>2488.09</v>
      </c>
      <c r="K320" s="11">
        <v>2173.64</v>
      </c>
      <c r="L320" s="11">
        <v>2184.73</v>
      </c>
      <c r="M320" s="11">
        <v>1777.92</v>
      </c>
      <c r="N320" s="11">
        <v>1496.12</v>
      </c>
      <c r="O320" s="11">
        <v>27069.57</v>
      </c>
      <c r="P320" s="11">
        <v>27069.57</v>
      </c>
    </row>
    <row r="321" spans="2:16" x14ac:dyDescent="0.25">
      <c r="B321" s="9" t="s">
        <v>80</v>
      </c>
      <c r="C321" s="11"/>
      <c r="D321" s="11"/>
      <c r="E321" s="11"/>
      <c r="F321" s="11"/>
      <c r="G321" s="11"/>
      <c r="H321" s="11"/>
      <c r="I321" s="11"/>
      <c r="J321" s="11">
        <v>39.01</v>
      </c>
      <c r="K321" s="11"/>
      <c r="L321" s="11"/>
      <c r="M321" s="11">
        <v>16.690000000000001</v>
      </c>
      <c r="N321" s="11">
        <v>3198.48</v>
      </c>
      <c r="O321" s="11">
        <v>3254.18</v>
      </c>
      <c r="P321" s="11">
        <v>3254.18</v>
      </c>
    </row>
    <row r="322" spans="2:16" x14ac:dyDescent="0.25">
      <c r="B322" s="9" t="s">
        <v>81</v>
      </c>
      <c r="C322" s="11">
        <v>11334.65</v>
      </c>
      <c r="D322" s="11">
        <v>12329.49</v>
      </c>
      <c r="E322" s="11">
        <v>10754.85</v>
      </c>
      <c r="F322" s="11">
        <v>8168.35</v>
      </c>
      <c r="G322" s="11">
        <v>9805.74</v>
      </c>
      <c r="H322" s="11">
        <v>13439.85</v>
      </c>
      <c r="I322" s="11">
        <v>8938.98</v>
      </c>
      <c r="J322" s="11">
        <v>9251.0499999999993</v>
      </c>
      <c r="K322" s="11">
        <v>9738.75</v>
      </c>
      <c r="L322" s="11">
        <v>7210.23</v>
      </c>
      <c r="M322" s="11">
        <v>7225.03</v>
      </c>
      <c r="N322" s="11">
        <v>872.66</v>
      </c>
      <c r="O322" s="11">
        <v>109069.63</v>
      </c>
      <c r="P322" s="11">
        <v>109069.63</v>
      </c>
    </row>
    <row r="323" spans="2:16" x14ac:dyDescent="0.25">
      <c r="B323" s="9" t="s">
        <v>82</v>
      </c>
      <c r="C323" s="11">
        <v>23908.77</v>
      </c>
      <c r="D323" s="11">
        <v>54048.33</v>
      </c>
      <c r="E323" s="11">
        <v>8666.09</v>
      </c>
      <c r="F323" s="11">
        <v>8468.11</v>
      </c>
      <c r="G323" s="11">
        <v>8506.81</v>
      </c>
      <c r="H323" s="11">
        <v>8930.99</v>
      </c>
      <c r="I323" s="11">
        <v>43189.29</v>
      </c>
      <c r="J323" s="11">
        <v>17497.189999999999</v>
      </c>
      <c r="K323" s="11">
        <v>15537.14</v>
      </c>
      <c r="L323" s="11">
        <v>18073.990000000002</v>
      </c>
      <c r="M323" s="11">
        <v>23746.42</v>
      </c>
      <c r="N323" s="11">
        <v>28069.29</v>
      </c>
      <c r="O323" s="11">
        <v>258642.42</v>
      </c>
      <c r="P323" s="11">
        <v>258642.42</v>
      </c>
    </row>
    <row r="324" spans="2:16" x14ac:dyDescent="0.25">
      <c r="B324" s="9" t="s">
        <v>189</v>
      </c>
      <c r="C324" s="11">
        <v>1695</v>
      </c>
      <c r="D324" s="11">
        <v>3527.04</v>
      </c>
      <c r="E324" s="11"/>
      <c r="F324" s="11">
        <v>2959.3</v>
      </c>
      <c r="G324" s="11"/>
      <c r="H324" s="11"/>
      <c r="I324" s="11"/>
      <c r="J324" s="11"/>
      <c r="K324" s="11"/>
      <c r="L324" s="11"/>
      <c r="M324" s="11"/>
      <c r="N324" s="11"/>
      <c r="O324" s="11">
        <v>8181.34</v>
      </c>
      <c r="P324" s="11">
        <v>8181.34</v>
      </c>
    </row>
    <row r="325" spans="2:16" x14ac:dyDescent="0.25">
      <c r="B325" s="9" t="s">
        <v>84</v>
      </c>
      <c r="C325" s="11"/>
      <c r="D325" s="11"/>
      <c r="E325" s="11"/>
      <c r="F325" s="11">
        <v>135.06</v>
      </c>
      <c r="G325" s="11">
        <v>125.83</v>
      </c>
      <c r="H325" s="11">
        <v>160.97999999999999</v>
      </c>
      <c r="I325" s="11">
        <v>122.39</v>
      </c>
      <c r="J325" s="11">
        <v>123.51</v>
      </c>
      <c r="K325" s="11">
        <v>146.37</v>
      </c>
      <c r="L325" s="11">
        <v>157.99</v>
      </c>
      <c r="M325" s="11">
        <v>131.71</v>
      </c>
      <c r="N325" s="11">
        <v>58.2</v>
      </c>
      <c r="O325" s="11">
        <v>1162.04</v>
      </c>
      <c r="P325" s="11">
        <v>1162.04</v>
      </c>
    </row>
    <row r="326" spans="2:16" x14ac:dyDescent="0.25">
      <c r="B326" s="9" t="s">
        <v>85</v>
      </c>
      <c r="C326" s="11"/>
      <c r="D326" s="11"/>
      <c r="E326" s="11">
        <v>483.05</v>
      </c>
      <c r="F326" s="11"/>
      <c r="G326" s="11"/>
      <c r="H326" s="11"/>
      <c r="I326" s="11"/>
      <c r="J326" s="11"/>
      <c r="K326" s="11"/>
      <c r="L326" s="11"/>
      <c r="M326" s="11"/>
      <c r="N326" s="11"/>
      <c r="O326" s="11">
        <v>483.05</v>
      </c>
      <c r="P326" s="11">
        <v>483.05</v>
      </c>
    </row>
    <row r="327" spans="2:16" x14ac:dyDescent="0.25">
      <c r="B327" s="9" t="s">
        <v>87</v>
      </c>
      <c r="C327" s="11">
        <v>1966.26</v>
      </c>
      <c r="D327" s="11">
        <v>2248.35</v>
      </c>
      <c r="E327" s="11">
        <v>2199.73</v>
      </c>
      <c r="F327" s="11">
        <v>2231.38</v>
      </c>
      <c r="G327" s="11">
        <v>2101.54</v>
      </c>
      <c r="H327" s="11">
        <v>2500.87</v>
      </c>
      <c r="I327" s="11">
        <v>24749.56</v>
      </c>
      <c r="J327" s="11">
        <v>3802.37</v>
      </c>
      <c r="K327" s="11">
        <v>1905.86</v>
      </c>
      <c r="L327" s="11">
        <v>1788.61</v>
      </c>
      <c r="M327" s="11">
        <v>1697.8</v>
      </c>
      <c r="N327" s="11">
        <v>1135.75</v>
      </c>
      <c r="O327" s="11">
        <v>48328.08</v>
      </c>
      <c r="P327" s="11">
        <v>48328.08</v>
      </c>
    </row>
    <row r="328" spans="2:16" x14ac:dyDescent="0.25">
      <c r="B328" s="9" t="s">
        <v>88</v>
      </c>
      <c r="C328" s="11">
        <v>1964.48</v>
      </c>
      <c r="D328" s="11">
        <v>2026.61</v>
      </c>
      <c r="E328" s="11">
        <v>2096.35</v>
      </c>
      <c r="F328" s="11">
        <v>1999.59</v>
      </c>
      <c r="G328" s="11">
        <v>2035.5</v>
      </c>
      <c r="H328" s="11">
        <v>1732.99</v>
      </c>
      <c r="I328" s="11">
        <v>1527.76</v>
      </c>
      <c r="J328" s="11">
        <v>1498.98</v>
      </c>
      <c r="K328" s="11">
        <v>1179.77</v>
      </c>
      <c r="L328" s="11">
        <v>1594.1</v>
      </c>
      <c r="M328" s="11">
        <v>1173.3</v>
      </c>
      <c r="N328" s="11">
        <v>899.64</v>
      </c>
      <c r="O328" s="11">
        <v>19729.07</v>
      </c>
      <c r="P328" s="11">
        <v>19729.07</v>
      </c>
    </row>
    <row r="329" spans="2:16" x14ac:dyDescent="0.25">
      <c r="B329" s="9" t="s">
        <v>91</v>
      </c>
      <c r="C329" s="11">
        <v>-12937.5</v>
      </c>
      <c r="D329" s="11"/>
      <c r="E329" s="11">
        <v>6428.05</v>
      </c>
      <c r="F329" s="11">
        <v>7306.89</v>
      </c>
      <c r="G329" s="11">
        <v>8453.3700000000008</v>
      </c>
      <c r="H329" s="11">
        <v>4778.25</v>
      </c>
      <c r="I329" s="11">
        <v>12532.54</v>
      </c>
      <c r="J329" s="11">
        <v>22957.64</v>
      </c>
      <c r="K329" s="11">
        <v>727.93</v>
      </c>
      <c r="L329" s="11">
        <v>27516.73</v>
      </c>
      <c r="M329" s="11">
        <v>12763</v>
      </c>
      <c r="N329" s="11">
        <v>36086.26</v>
      </c>
      <c r="O329" s="11">
        <v>126613.16</v>
      </c>
      <c r="P329" s="11">
        <v>126613.16</v>
      </c>
    </row>
    <row r="330" spans="2:16" x14ac:dyDescent="0.25">
      <c r="B330" s="9" t="s">
        <v>92</v>
      </c>
      <c r="C330" s="11">
        <v>6226.83</v>
      </c>
      <c r="D330" s="11">
        <v>3737.52</v>
      </c>
      <c r="E330" s="11">
        <v>3907.69</v>
      </c>
      <c r="F330" s="11">
        <v>5914.3</v>
      </c>
      <c r="G330" s="11">
        <v>3859.33</v>
      </c>
      <c r="H330" s="11">
        <v>4349.4399999999996</v>
      </c>
      <c r="I330" s="11">
        <v>5540.56</v>
      </c>
      <c r="J330" s="11">
        <v>4124.43</v>
      </c>
      <c r="K330" s="11">
        <v>3757.38</v>
      </c>
      <c r="L330" s="11">
        <v>3693.01</v>
      </c>
      <c r="M330" s="11">
        <v>3806.41</v>
      </c>
      <c r="N330" s="11">
        <v>2551.75</v>
      </c>
      <c r="O330" s="11">
        <v>51468.65</v>
      </c>
      <c r="P330" s="11">
        <v>51468.65</v>
      </c>
    </row>
    <row r="331" spans="2:16" x14ac:dyDescent="0.25">
      <c r="B331" s="9" t="s">
        <v>95</v>
      </c>
      <c r="C331" s="11">
        <v>4607.1400000000003</v>
      </c>
      <c r="D331" s="11">
        <v>5538.05</v>
      </c>
      <c r="E331" s="11">
        <v>5560.07</v>
      </c>
      <c r="F331" s="11">
        <v>5562</v>
      </c>
      <c r="G331" s="11">
        <v>5188.63</v>
      </c>
      <c r="H331" s="11">
        <v>5734.91</v>
      </c>
      <c r="I331" s="11">
        <v>3825</v>
      </c>
      <c r="J331" s="11">
        <v>5367.74</v>
      </c>
      <c r="K331" s="11">
        <v>4148.24</v>
      </c>
      <c r="L331" s="11">
        <v>4488.8100000000004</v>
      </c>
      <c r="M331" s="11">
        <v>3639.3</v>
      </c>
      <c r="N331" s="11"/>
      <c r="O331" s="11">
        <v>53659.89</v>
      </c>
      <c r="P331" s="11">
        <v>53659.89</v>
      </c>
    </row>
    <row r="332" spans="2:16" x14ac:dyDescent="0.25">
      <c r="B332" s="9" t="s">
        <v>96</v>
      </c>
      <c r="C332" s="11">
        <v>804.46</v>
      </c>
      <c r="D332" s="11">
        <v>804.41</v>
      </c>
      <c r="E332" s="11">
        <v>899.6</v>
      </c>
      <c r="F332" s="11">
        <v>883.96</v>
      </c>
      <c r="G332" s="11">
        <v>830.25</v>
      </c>
      <c r="H332" s="11">
        <v>826.62</v>
      </c>
      <c r="I332" s="11">
        <v>840.93</v>
      </c>
      <c r="J332" s="11">
        <v>755.3</v>
      </c>
      <c r="K332" s="11">
        <v>826.63</v>
      </c>
      <c r="L332" s="11">
        <v>837.06</v>
      </c>
      <c r="M332" s="11">
        <v>815.88</v>
      </c>
      <c r="N332" s="11">
        <v>826.62</v>
      </c>
      <c r="O332" s="11">
        <v>9951.7199999999993</v>
      </c>
      <c r="P332" s="11">
        <v>9951.7199999999993</v>
      </c>
    </row>
    <row r="333" spans="2:16" x14ac:dyDescent="0.25">
      <c r="B333" s="9" t="s">
        <v>97</v>
      </c>
      <c r="C333" s="11">
        <v>20888.310000000001</v>
      </c>
      <c r="D333" s="11">
        <v>32803.31</v>
      </c>
      <c r="E333" s="11">
        <v>30089.11</v>
      </c>
      <c r="F333" s="11">
        <v>3232.84</v>
      </c>
      <c r="G333" s="11">
        <v>20129.23</v>
      </c>
      <c r="H333" s="11">
        <v>15507.97</v>
      </c>
      <c r="I333" s="11">
        <v>35150.29</v>
      </c>
      <c r="J333" s="11">
        <v>9657.4</v>
      </c>
      <c r="K333" s="11">
        <v>12796.48</v>
      </c>
      <c r="L333" s="11">
        <v>30402.7</v>
      </c>
      <c r="M333" s="11">
        <v>47075.93</v>
      </c>
      <c r="N333" s="11">
        <v>-40215.65</v>
      </c>
      <c r="O333" s="11">
        <v>217517.92</v>
      </c>
      <c r="P333" s="11">
        <v>217517.92</v>
      </c>
    </row>
    <row r="334" spans="2:16" x14ac:dyDescent="0.25">
      <c r="B334" s="9" t="s">
        <v>98</v>
      </c>
      <c r="C334" s="11">
        <v>11411.51</v>
      </c>
      <c r="D334" s="11">
        <v>12415.52</v>
      </c>
      <c r="E334" s="11">
        <v>19911.37</v>
      </c>
      <c r="F334" s="11">
        <v>13162.15</v>
      </c>
      <c r="G334" s="11">
        <v>11807.12</v>
      </c>
      <c r="H334" s="11">
        <v>17405.55</v>
      </c>
      <c r="I334" s="11">
        <v>12533.61</v>
      </c>
      <c r="J334" s="11">
        <v>14507.28</v>
      </c>
      <c r="K334" s="11">
        <v>16587.29</v>
      </c>
      <c r="L334" s="11">
        <v>17304.54</v>
      </c>
      <c r="M334" s="11">
        <v>17717.82</v>
      </c>
      <c r="N334" s="11">
        <v>15830.6</v>
      </c>
      <c r="O334" s="11">
        <v>180594.36</v>
      </c>
      <c r="P334" s="11">
        <v>180594.36</v>
      </c>
    </row>
    <row r="335" spans="2:16" x14ac:dyDescent="0.25">
      <c r="B335" s="9" t="s">
        <v>99</v>
      </c>
      <c r="C335" s="11">
        <v>17732.28</v>
      </c>
      <c r="D335" s="11">
        <v>18572.41</v>
      </c>
      <c r="E335" s="11">
        <v>29919.49</v>
      </c>
      <c r="F335" s="11">
        <v>19431.39</v>
      </c>
      <c r="G335" s="11">
        <v>17546.669999999998</v>
      </c>
      <c r="H335" s="11">
        <v>22400.12</v>
      </c>
      <c r="I335" s="11">
        <v>23103.67</v>
      </c>
      <c r="J335" s="11">
        <v>20435.080000000002</v>
      </c>
      <c r="K335" s="11">
        <v>24137.69</v>
      </c>
      <c r="L335" s="11">
        <v>22586.38</v>
      </c>
      <c r="M335" s="11">
        <v>23554.720000000001</v>
      </c>
      <c r="N335" s="11">
        <v>23101.27</v>
      </c>
      <c r="O335" s="11">
        <v>262521.17</v>
      </c>
      <c r="P335" s="11">
        <v>262521.17</v>
      </c>
    </row>
    <row r="336" spans="2:16" x14ac:dyDescent="0.25">
      <c r="B336" s="9" t="s">
        <v>100</v>
      </c>
      <c r="C336" s="11">
        <v>11037.73</v>
      </c>
      <c r="D336" s="11">
        <v>12835.97</v>
      </c>
      <c r="E336" s="11">
        <v>18810.77</v>
      </c>
      <c r="F336" s="11">
        <v>14028.52</v>
      </c>
      <c r="G336" s="11">
        <v>10736.86</v>
      </c>
      <c r="H336" s="11">
        <v>14141.28</v>
      </c>
      <c r="I336" s="11">
        <v>12793.1</v>
      </c>
      <c r="J336" s="11">
        <v>12738.13</v>
      </c>
      <c r="K336" s="11">
        <v>15759.7</v>
      </c>
      <c r="L336" s="11">
        <v>15592.7</v>
      </c>
      <c r="M336" s="11">
        <v>15255.74</v>
      </c>
      <c r="N336" s="11">
        <v>16214.64</v>
      </c>
      <c r="O336" s="11">
        <v>169945.14</v>
      </c>
      <c r="P336" s="11">
        <v>169945.14</v>
      </c>
    </row>
    <row r="337" spans="2:16" x14ac:dyDescent="0.25">
      <c r="B337" s="9" t="s">
        <v>101</v>
      </c>
      <c r="C337" s="11">
        <v>76.5</v>
      </c>
      <c r="D337" s="11">
        <v>3039.43</v>
      </c>
      <c r="E337" s="11">
        <v>3011.52</v>
      </c>
      <c r="F337" s="11">
        <v>3114.66</v>
      </c>
      <c r="G337" s="11">
        <v>1619.18</v>
      </c>
      <c r="H337" s="11">
        <v>1952.47</v>
      </c>
      <c r="I337" s="11">
        <v>2058.36</v>
      </c>
      <c r="J337" s="11">
        <v>2236.1799999999998</v>
      </c>
      <c r="K337" s="11">
        <v>2704.39</v>
      </c>
      <c r="L337" s="11">
        <v>2537.6999999999998</v>
      </c>
      <c r="M337" s="11">
        <v>1901.78</v>
      </c>
      <c r="N337" s="11">
        <v>1806.87</v>
      </c>
      <c r="O337" s="11">
        <v>26059.040000000001</v>
      </c>
      <c r="P337" s="11">
        <v>26059.040000000001</v>
      </c>
    </row>
    <row r="338" spans="2:16" x14ac:dyDescent="0.25">
      <c r="B338" s="9" t="s">
        <v>104</v>
      </c>
      <c r="C338" s="11">
        <v>12.42</v>
      </c>
      <c r="D338" s="11">
        <v>41.88</v>
      </c>
      <c r="E338" s="11"/>
      <c r="F338" s="11">
        <v>16.059999999999999</v>
      </c>
      <c r="G338" s="11">
        <v>5.74</v>
      </c>
      <c r="H338" s="11"/>
      <c r="I338" s="11">
        <v>18.45</v>
      </c>
      <c r="J338" s="11"/>
      <c r="K338" s="11"/>
      <c r="L338" s="11">
        <v>7.06</v>
      </c>
      <c r="M338" s="11"/>
      <c r="N338" s="11">
        <v>56.99</v>
      </c>
      <c r="O338" s="11">
        <v>158.6</v>
      </c>
      <c r="P338" s="11">
        <v>158.6</v>
      </c>
    </row>
    <row r="339" spans="2:16" x14ac:dyDescent="0.25">
      <c r="B339" s="9" t="s">
        <v>105</v>
      </c>
      <c r="C339" s="11"/>
      <c r="D339" s="11"/>
      <c r="E339" s="11"/>
      <c r="F339" s="11"/>
      <c r="G339" s="11"/>
      <c r="H339" s="11"/>
      <c r="I339" s="11"/>
      <c r="J339" s="11">
        <v>0.1</v>
      </c>
      <c r="K339" s="11"/>
      <c r="L339" s="11"/>
      <c r="M339" s="11"/>
      <c r="N339" s="11"/>
      <c r="O339" s="11">
        <v>0.1</v>
      </c>
      <c r="P339" s="11">
        <v>0.1</v>
      </c>
    </row>
    <row r="340" spans="2:16" x14ac:dyDescent="0.25">
      <c r="B340" s="9" t="s">
        <v>106</v>
      </c>
      <c r="C340" s="11">
        <v>17.89</v>
      </c>
      <c r="D340" s="11">
        <v>1533.64</v>
      </c>
      <c r="E340" s="11">
        <v>1515.23</v>
      </c>
      <c r="F340" s="11"/>
      <c r="G340" s="11"/>
      <c r="H340" s="11"/>
      <c r="I340" s="11"/>
      <c r="J340" s="11">
        <v>773.2</v>
      </c>
      <c r="K340" s="11">
        <v>3733.14</v>
      </c>
      <c r="L340" s="11"/>
      <c r="M340" s="11"/>
      <c r="N340" s="11"/>
      <c r="O340" s="11">
        <v>7573.1</v>
      </c>
      <c r="P340" s="11">
        <v>7573.1</v>
      </c>
    </row>
    <row r="341" spans="2:16" x14ac:dyDescent="0.25">
      <c r="B341" s="9" t="s">
        <v>107</v>
      </c>
      <c r="C341" s="11">
        <v>13.93</v>
      </c>
      <c r="D341" s="11">
        <v>14.06</v>
      </c>
      <c r="E341" s="11">
        <v>20.010000000000002</v>
      </c>
      <c r="F341" s="11">
        <v>6382.69</v>
      </c>
      <c r="G341" s="11">
        <v>35.65</v>
      </c>
      <c r="H341" s="11">
        <v>17.34</v>
      </c>
      <c r="I341" s="11">
        <v>3200.21</v>
      </c>
      <c r="J341" s="11">
        <v>3321.66</v>
      </c>
      <c r="K341" s="11">
        <v>15.64</v>
      </c>
      <c r="L341" s="11">
        <v>6554.21</v>
      </c>
      <c r="M341" s="11">
        <v>716.51</v>
      </c>
      <c r="N341" s="11">
        <v>4279.34</v>
      </c>
      <c r="O341" s="11">
        <v>24571.25</v>
      </c>
      <c r="P341" s="11">
        <v>24571.25</v>
      </c>
    </row>
    <row r="342" spans="2:16" x14ac:dyDescent="0.25">
      <c r="B342" s="9" t="s">
        <v>108</v>
      </c>
      <c r="C342" s="11">
        <v>9994.4699999999993</v>
      </c>
      <c r="D342" s="11">
        <v>129.77000000000001</v>
      </c>
      <c r="E342" s="11">
        <v>2978.57</v>
      </c>
      <c r="F342" s="11">
        <v>7942.28</v>
      </c>
      <c r="G342" s="11">
        <v>2826.96</v>
      </c>
      <c r="H342" s="11">
        <v>3461.19</v>
      </c>
      <c r="I342" s="11">
        <v>8658.31</v>
      </c>
      <c r="J342" s="11">
        <v>2809.78</v>
      </c>
      <c r="K342" s="11">
        <v>2662.44</v>
      </c>
      <c r="L342" s="11">
        <v>10309.39</v>
      </c>
      <c r="M342" s="11">
        <v>1715.25</v>
      </c>
      <c r="N342" s="11">
        <v>2015.55</v>
      </c>
      <c r="O342" s="11">
        <v>55503.96</v>
      </c>
      <c r="P342" s="11">
        <v>55503.96</v>
      </c>
    </row>
    <row r="343" spans="2:16" x14ac:dyDescent="0.25">
      <c r="B343" s="9" t="s">
        <v>109</v>
      </c>
      <c r="C343" s="11">
        <v>69011.399999999994</v>
      </c>
      <c r="D343" s="11">
        <v>59507.7</v>
      </c>
      <c r="E343" s="11">
        <v>68614.87</v>
      </c>
      <c r="F343" s="11">
        <v>61531.62</v>
      </c>
      <c r="G343" s="11">
        <v>64994.2</v>
      </c>
      <c r="H343" s="11">
        <v>72052.94</v>
      </c>
      <c r="I343" s="11">
        <v>59815.33</v>
      </c>
      <c r="J343" s="11">
        <v>70179.600000000006</v>
      </c>
      <c r="K343" s="11">
        <v>48729.39</v>
      </c>
      <c r="L343" s="11">
        <v>56457.86</v>
      </c>
      <c r="M343" s="11">
        <v>67070.19</v>
      </c>
      <c r="N343" s="11">
        <v>51004.01</v>
      </c>
      <c r="O343" s="11">
        <v>748969.11</v>
      </c>
      <c r="P343" s="11">
        <v>748969.11</v>
      </c>
    </row>
    <row r="344" spans="2:16" x14ac:dyDescent="0.25">
      <c r="B344" s="9" t="s">
        <v>112</v>
      </c>
      <c r="C344" s="11">
        <v>6623.05</v>
      </c>
      <c r="D344" s="11">
        <v>2907.36</v>
      </c>
      <c r="E344" s="11">
        <v>616.96</v>
      </c>
      <c r="F344" s="11">
        <v>865.27</v>
      </c>
      <c r="G344" s="11">
        <v>-357.01</v>
      </c>
      <c r="H344" s="11">
        <v>631.53</v>
      </c>
      <c r="I344" s="11">
        <v>1855.09</v>
      </c>
      <c r="J344" s="11">
        <v>136.80000000000001</v>
      </c>
      <c r="K344" s="11">
        <v>1491.55</v>
      </c>
      <c r="L344" s="11">
        <v>2001.48</v>
      </c>
      <c r="M344" s="11">
        <v>1114.25</v>
      </c>
      <c r="N344" s="11">
        <v>2276.16</v>
      </c>
      <c r="O344" s="11">
        <v>20162.490000000002</v>
      </c>
      <c r="P344" s="11">
        <v>20162.490000000002</v>
      </c>
    </row>
    <row r="345" spans="2:16" x14ac:dyDescent="0.25">
      <c r="B345" s="9" t="s">
        <v>113</v>
      </c>
      <c r="C345" s="11">
        <v>140387.07</v>
      </c>
      <c r="D345" s="11">
        <v>161938.6</v>
      </c>
      <c r="E345" s="11">
        <v>166200.12</v>
      </c>
      <c r="F345" s="11">
        <v>159861.87</v>
      </c>
      <c r="G345" s="11">
        <v>162653.70000000001</v>
      </c>
      <c r="H345" s="11">
        <v>170098.97</v>
      </c>
      <c r="I345" s="11">
        <v>165255.79</v>
      </c>
      <c r="J345" s="11">
        <v>184843.13</v>
      </c>
      <c r="K345" s="11">
        <v>170081.66</v>
      </c>
      <c r="L345" s="11">
        <v>178518.16</v>
      </c>
      <c r="M345" s="11">
        <v>167499.63</v>
      </c>
      <c r="N345" s="11">
        <v>152186.12</v>
      </c>
      <c r="O345" s="11">
        <v>1979524.82</v>
      </c>
      <c r="P345" s="11">
        <v>1979524.82</v>
      </c>
    </row>
    <row r="346" spans="2:16" x14ac:dyDescent="0.25">
      <c r="B346" s="9" t="s">
        <v>115</v>
      </c>
      <c r="C346" s="11">
        <v>1.5</v>
      </c>
      <c r="D346" s="11">
        <v>5.83</v>
      </c>
      <c r="E346" s="11"/>
      <c r="F346" s="11">
        <v>34.22</v>
      </c>
      <c r="G346" s="11"/>
      <c r="H346" s="11">
        <v>16.48</v>
      </c>
      <c r="I346" s="11">
        <v>12.42</v>
      </c>
      <c r="J346" s="11">
        <v>1.6</v>
      </c>
      <c r="K346" s="11"/>
      <c r="L346" s="11">
        <v>37.590000000000003</v>
      </c>
      <c r="M346" s="11">
        <v>3.79</v>
      </c>
      <c r="N346" s="11">
        <v>6.43</v>
      </c>
      <c r="O346" s="11">
        <v>119.86</v>
      </c>
      <c r="P346" s="11">
        <v>119.86</v>
      </c>
    </row>
    <row r="347" spans="2:16" x14ac:dyDescent="0.25">
      <c r="B347" s="9" t="s">
        <v>116</v>
      </c>
      <c r="C347" s="11">
        <v>934.27</v>
      </c>
      <c r="D347" s="11">
        <v>1143.4069999999999</v>
      </c>
      <c r="E347" s="11">
        <v>1595.96</v>
      </c>
      <c r="F347" s="11">
        <v>2127.06</v>
      </c>
      <c r="G347" s="11">
        <v>4402.2110000000002</v>
      </c>
      <c r="H347" s="11">
        <v>4186.8599999999997</v>
      </c>
      <c r="I347" s="11">
        <v>2659.43</v>
      </c>
      <c r="J347" s="11">
        <v>4141.6099999999997</v>
      </c>
      <c r="K347" s="11">
        <v>14908.19</v>
      </c>
      <c r="L347" s="11">
        <v>3053.7739999999999</v>
      </c>
      <c r="M347" s="11">
        <v>-8179.0590000000002</v>
      </c>
      <c r="N347" s="11">
        <v>6060.49</v>
      </c>
      <c r="O347" s="11">
        <v>37034.203000000001</v>
      </c>
      <c r="P347" s="11">
        <v>37034.203000000001</v>
      </c>
    </row>
    <row r="348" spans="2:16" x14ac:dyDescent="0.25">
      <c r="B348" s="9" t="s">
        <v>117</v>
      </c>
      <c r="C348" s="11"/>
      <c r="D348" s="11"/>
      <c r="E348" s="11"/>
      <c r="F348" s="11"/>
      <c r="G348" s="11"/>
      <c r="H348" s="11"/>
      <c r="I348" s="11"/>
      <c r="J348" s="11"/>
      <c r="K348" s="11"/>
      <c r="L348" s="11"/>
      <c r="M348" s="11">
        <v>0.41</v>
      </c>
      <c r="N348" s="11">
        <v>0.81</v>
      </c>
      <c r="O348" s="11">
        <v>1.22</v>
      </c>
      <c r="P348" s="11">
        <v>1.22</v>
      </c>
    </row>
    <row r="349" spans="2:16" x14ac:dyDescent="0.25">
      <c r="B349" s="9" t="s">
        <v>119</v>
      </c>
      <c r="C349" s="11">
        <v>13458.36</v>
      </c>
      <c r="D349" s="11">
        <v>342.53</v>
      </c>
      <c r="E349" s="11">
        <v>2393.6439999999998</v>
      </c>
      <c r="F349" s="11">
        <v>556.64</v>
      </c>
      <c r="G349" s="11">
        <v>246.28</v>
      </c>
      <c r="H349" s="11">
        <v>328.05</v>
      </c>
      <c r="I349" s="11">
        <v>157749.79</v>
      </c>
      <c r="J349" s="11">
        <v>-115386.28</v>
      </c>
      <c r="K349" s="11">
        <v>377.31</v>
      </c>
      <c r="L349" s="11">
        <v>482.77</v>
      </c>
      <c r="M349" s="11">
        <v>40415.019999999997</v>
      </c>
      <c r="N349" s="11">
        <v>120049.25</v>
      </c>
      <c r="O349" s="11">
        <v>221013.364</v>
      </c>
      <c r="P349" s="11">
        <v>221013.364</v>
      </c>
    </row>
    <row r="350" spans="2:16" x14ac:dyDescent="0.25">
      <c r="B350" s="9" t="s">
        <v>120</v>
      </c>
      <c r="C350" s="11">
        <v>0.84</v>
      </c>
      <c r="D350" s="11">
        <v>0.84</v>
      </c>
      <c r="E350" s="11">
        <v>0.84</v>
      </c>
      <c r="F350" s="11">
        <v>0.84</v>
      </c>
      <c r="G350" s="11">
        <v>0.84</v>
      </c>
      <c r="H350" s="11">
        <v>0.84</v>
      </c>
      <c r="I350" s="11">
        <v>0.84</v>
      </c>
      <c r="J350" s="11">
        <v>0.84</v>
      </c>
      <c r="K350" s="11">
        <v>0.84</v>
      </c>
      <c r="L350" s="11">
        <v>0.84</v>
      </c>
      <c r="M350" s="11">
        <v>0.84</v>
      </c>
      <c r="N350" s="11"/>
      <c r="O350" s="11">
        <v>9.24</v>
      </c>
      <c r="P350" s="11">
        <v>9.24</v>
      </c>
    </row>
    <row r="351" spans="2:16" x14ac:dyDescent="0.25">
      <c r="B351" s="9" t="s">
        <v>121</v>
      </c>
      <c r="C351" s="11">
        <v>722.7</v>
      </c>
      <c r="D351" s="11">
        <v>1282.58</v>
      </c>
      <c r="E351" s="11">
        <v>-898.92</v>
      </c>
      <c r="F351" s="11">
        <v>1361.33</v>
      </c>
      <c r="G351" s="11">
        <v>231.41</v>
      </c>
      <c r="H351" s="11">
        <v>852.97</v>
      </c>
      <c r="I351" s="11">
        <v>642.52</v>
      </c>
      <c r="J351" s="11">
        <v>528.89</v>
      </c>
      <c r="K351" s="11">
        <v>1137.24</v>
      </c>
      <c r="L351" s="11">
        <v>958.03</v>
      </c>
      <c r="M351" s="11">
        <v>618.59</v>
      </c>
      <c r="N351" s="11">
        <v>2029.07</v>
      </c>
      <c r="O351" s="11">
        <v>9466.41</v>
      </c>
      <c r="P351" s="11">
        <v>9466.41</v>
      </c>
    </row>
    <row r="352" spans="2:16" x14ac:dyDescent="0.25">
      <c r="B352" s="9" t="s">
        <v>122</v>
      </c>
      <c r="C352" s="11">
        <v>599.35</v>
      </c>
      <c r="D352" s="11">
        <v>599.35</v>
      </c>
      <c r="E352" s="11">
        <v>599.35</v>
      </c>
      <c r="F352" s="11">
        <v>338.1</v>
      </c>
      <c r="G352" s="11">
        <v>338.1</v>
      </c>
      <c r="H352" s="11">
        <v>81</v>
      </c>
      <c r="I352" s="11">
        <v>81</v>
      </c>
      <c r="J352" s="11">
        <v>81</v>
      </c>
      <c r="K352" s="11">
        <v>81</v>
      </c>
      <c r="L352" s="11">
        <v>81</v>
      </c>
      <c r="M352" s="11">
        <v>81</v>
      </c>
      <c r="N352" s="11">
        <v>81</v>
      </c>
      <c r="O352" s="11">
        <v>3041.25</v>
      </c>
      <c r="P352" s="11">
        <v>3041.25</v>
      </c>
    </row>
    <row r="353" spans="1:16" x14ac:dyDescent="0.25">
      <c r="B353" s="9" t="s">
        <v>123</v>
      </c>
      <c r="C353" s="11">
        <v>-1000</v>
      </c>
      <c r="D353" s="11">
        <v>0</v>
      </c>
      <c r="E353" s="11"/>
      <c r="F353" s="11"/>
      <c r="G353" s="11"/>
      <c r="H353" s="11"/>
      <c r="I353" s="11"/>
      <c r="J353" s="11"/>
      <c r="K353" s="11"/>
      <c r="L353" s="11"/>
      <c r="M353" s="11"/>
      <c r="N353" s="11"/>
      <c r="O353" s="11">
        <v>-1000</v>
      </c>
      <c r="P353" s="11">
        <v>-1000</v>
      </c>
    </row>
    <row r="354" spans="1:16" x14ac:dyDescent="0.25">
      <c r="B354" s="9" t="s">
        <v>124</v>
      </c>
      <c r="C354" s="11"/>
      <c r="D354" s="11"/>
      <c r="E354" s="11"/>
      <c r="F354" s="11"/>
      <c r="G354" s="11"/>
      <c r="H354" s="11"/>
      <c r="I354" s="11">
        <v>2.34</v>
      </c>
      <c r="J354" s="11"/>
      <c r="K354" s="11"/>
      <c r="L354" s="11">
        <v>0.43</v>
      </c>
      <c r="M354" s="11">
        <v>1.19</v>
      </c>
      <c r="N354" s="11"/>
      <c r="O354" s="11">
        <v>3.96</v>
      </c>
      <c r="P354" s="11">
        <v>3.96</v>
      </c>
    </row>
    <row r="355" spans="1:16" x14ac:dyDescent="0.25">
      <c r="B355" s="9" t="s">
        <v>125</v>
      </c>
      <c r="C355" s="11">
        <v>6652.19</v>
      </c>
      <c r="D355" s="11">
        <v>10110.49</v>
      </c>
      <c r="E355" s="11">
        <v>9242.07</v>
      </c>
      <c r="F355" s="11">
        <v>7441.38</v>
      </c>
      <c r="G355" s="11">
        <v>8712.7900000000009</v>
      </c>
      <c r="H355" s="11">
        <v>24107.91</v>
      </c>
      <c r="I355" s="11">
        <v>20847.080000000002</v>
      </c>
      <c r="J355" s="11">
        <v>24485.22</v>
      </c>
      <c r="K355" s="11">
        <v>6229.92</v>
      </c>
      <c r="L355" s="11">
        <v>17917.52</v>
      </c>
      <c r="M355" s="11">
        <v>26222.94</v>
      </c>
      <c r="N355" s="11">
        <v>172499.21</v>
      </c>
      <c r="O355" s="11">
        <v>334468.71999999997</v>
      </c>
      <c r="P355" s="11">
        <v>334468.71999999997</v>
      </c>
    </row>
    <row r="356" spans="1:16" x14ac:dyDescent="0.25">
      <c r="B356" s="9" t="s">
        <v>135</v>
      </c>
      <c r="C356" s="11">
        <v>31.49</v>
      </c>
      <c r="D356" s="11">
        <v>3.38</v>
      </c>
      <c r="E356" s="11">
        <v>11.81</v>
      </c>
      <c r="F356" s="11"/>
      <c r="G356" s="11">
        <v>5.42</v>
      </c>
      <c r="H356" s="11">
        <v>653.24</v>
      </c>
      <c r="I356" s="11">
        <v>55.93</v>
      </c>
      <c r="J356" s="11">
        <v>149.28</v>
      </c>
      <c r="K356" s="11">
        <v>1.18</v>
      </c>
      <c r="L356" s="11">
        <v>17.14</v>
      </c>
      <c r="M356" s="11">
        <v>14.88</v>
      </c>
      <c r="N356" s="11">
        <v>248.02</v>
      </c>
      <c r="O356" s="11">
        <v>1191.77</v>
      </c>
      <c r="P356" s="11">
        <v>1191.77</v>
      </c>
    </row>
    <row r="357" spans="1:16" x14ac:dyDescent="0.25">
      <c r="B357" s="9" t="s">
        <v>137</v>
      </c>
      <c r="C357" s="11">
        <v>0.84</v>
      </c>
      <c r="D357" s="11">
        <v>0.84</v>
      </c>
      <c r="E357" s="11">
        <v>0.84</v>
      </c>
      <c r="F357" s="11">
        <v>0.84</v>
      </c>
      <c r="G357" s="11">
        <v>0.84</v>
      </c>
      <c r="H357" s="11">
        <v>0.84</v>
      </c>
      <c r="I357" s="11">
        <v>0.84</v>
      </c>
      <c r="J357" s="11"/>
      <c r="K357" s="11"/>
      <c r="L357" s="11"/>
      <c r="M357" s="11"/>
      <c r="N357" s="11"/>
      <c r="O357" s="11">
        <v>5.88</v>
      </c>
      <c r="P357" s="11">
        <v>5.88</v>
      </c>
    </row>
    <row r="358" spans="1:16" x14ac:dyDescent="0.25">
      <c r="B358" s="9" t="s">
        <v>138</v>
      </c>
      <c r="C358" s="11">
        <v>66680.75</v>
      </c>
      <c r="D358" s="11">
        <v>71493.45</v>
      </c>
      <c r="E358" s="11">
        <v>78079.679999999993</v>
      </c>
      <c r="F358" s="11">
        <v>74391.28</v>
      </c>
      <c r="G358" s="11">
        <v>73809.67</v>
      </c>
      <c r="H358" s="11">
        <v>74297.63</v>
      </c>
      <c r="I358" s="11">
        <v>83730.5</v>
      </c>
      <c r="J358" s="11">
        <v>78469.210000000006</v>
      </c>
      <c r="K358" s="11">
        <v>70753.710000000006</v>
      </c>
      <c r="L358" s="11">
        <v>75014.039999999994</v>
      </c>
      <c r="M358" s="11">
        <v>18466.5</v>
      </c>
      <c r="N358" s="11">
        <v>21225.64</v>
      </c>
      <c r="O358" s="11">
        <v>786412.06</v>
      </c>
      <c r="P358" s="11">
        <v>786412.06</v>
      </c>
    </row>
    <row r="359" spans="1:16" x14ac:dyDescent="0.25">
      <c r="B359" s="9" t="s">
        <v>144</v>
      </c>
      <c r="C359" s="11"/>
      <c r="D359" s="11">
        <v>150</v>
      </c>
      <c r="E359" s="11">
        <v>0.7</v>
      </c>
      <c r="F359" s="11"/>
      <c r="G359" s="11">
        <v>0.38</v>
      </c>
      <c r="H359" s="11">
        <v>5.83</v>
      </c>
      <c r="I359" s="11"/>
      <c r="J359" s="11">
        <v>900</v>
      </c>
      <c r="K359" s="11"/>
      <c r="L359" s="11"/>
      <c r="M359" s="11">
        <v>0.37</v>
      </c>
      <c r="N359" s="11">
        <v>0.13</v>
      </c>
      <c r="O359" s="11">
        <v>1057.4100000000001</v>
      </c>
      <c r="P359" s="11">
        <v>1057.4100000000001</v>
      </c>
    </row>
    <row r="360" spans="1:16" x14ac:dyDescent="0.25">
      <c r="B360" s="9" t="s">
        <v>145</v>
      </c>
      <c r="C360" s="11">
        <v>169.19</v>
      </c>
      <c r="D360" s="11">
        <v>267.72000000000003</v>
      </c>
      <c r="E360" s="11">
        <v>222.96</v>
      </c>
      <c r="F360" s="11">
        <v>195.32</v>
      </c>
      <c r="G360" s="11">
        <v>133.26</v>
      </c>
      <c r="H360" s="11">
        <v>731.63</v>
      </c>
      <c r="I360" s="11">
        <v>159.75</v>
      </c>
      <c r="J360" s="11">
        <v>348.43</v>
      </c>
      <c r="K360" s="11">
        <v>237.5</v>
      </c>
      <c r="L360" s="11">
        <v>200.35</v>
      </c>
      <c r="M360" s="11">
        <v>208.2</v>
      </c>
      <c r="N360" s="11">
        <v>145.66999999999999</v>
      </c>
      <c r="O360" s="11">
        <v>3019.98</v>
      </c>
      <c r="P360" s="11">
        <v>3019.98</v>
      </c>
    </row>
    <row r="361" spans="1:16" x14ac:dyDescent="0.25">
      <c r="B361" s="9" t="s">
        <v>146</v>
      </c>
      <c r="C361" s="11"/>
      <c r="D361" s="11"/>
      <c r="E361" s="11"/>
      <c r="F361" s="11"/>
      <c r="G361" s="11"/>
      <c r="H361" s="11"/>
      <c r="I361" s="11"/>
      <c r="J361" s="11">
        <v>2375</v>
      </c>
      <c r="K361" s="11"/>
      <c r="L361" s="11"/>
      <c r="M361" s="11"/>
      <c r="N361" s="11"/>
      <c r="O361" s="11">
        <v>2375</v>
      </c>
      <c r="P361" s="11">
        <v>2375</v>
      </c>
    </row>
    <row r="362" spans="1:16" x14ac:dyDescent="0.25">
      <c r="B362" s="9" t="s">
        <v>148</v>
      </c>
      <c r="C362" s="11"/>
      <c r="D362" s="11"/>
      <c r="E362" s="11"/>
      <c r="F362" s="11"/>
      <c r="G362" s="11">
        <v>1.21</v>
      </c>
      <c r="H362" s="11">
        <v>0.59</v>
      </c>
      <c r="I362" s="11"/>
      <c r="J362" s="11"/>
      <c r="K362" s="11">
        <v>2.88</v>
      </c>
      <c r="L362" s="11"/>
      <c r="M362" s="11">
        <v>30</v>
      </c>
      <c r="N362" s="11">
        <v>6</v>
      </c>
      <c r="O362" s="11">
        <v>40.68</v>
      </c>
      <c r="P362" s="11">
        <v>40.68</v>
      </c>
    </row>
    <row r="363" spans="1:16" x14ac:dyDescent="0.25">
      <c r="B363" s="9" t="s">
        <v>150</v>
      </c>
      <c r="C363" s="11"/>
      <c r="D363" s="11"/>
      <c r="E363" s="11"/>
      <c r="F363" s="11"/>
      <c r="G363" s="11"/>
      <c r="H363" s="11"/>
      <c r="I363" s="11"/>
      <c r="J363" s="11"/>
      <c r="K363" s="11"/>
      <c r="L363" s="11"/>
      <c r="M363" s="11"/>
      <c r="N363" s="11">
        <v>434.42</v>
      </c>
      <c r="O363" s="11">
        <v>434.42</v>
      </c>
      <c r="P363" s="11">
        <v>434.42</v>
      </c>
    </row>
    <row r="364" spans="1:16" x14ac:dyDescent="0.25">
      <c r="B364" s="9" t="s">
        <v>190</v>
      </c>
      <c r="C364" s="11"/>
      <c r="D364" s="11"/>
      <c r="E364" s="11">
        <v>34.36</v>
      </c>
      <c r="F364" s="11"/>
      <c r="G364" s="11"/>
      <c r="H364" s="11"/>
      <c r="I364" s="11"/>
      <c r="J364" s="11"/>
      <c r="K364" s="11"/>
      <c r="L364" s="11"/>
      <c r="M364" s="11"/>
      <c r="N364" s="11"/>
      <c r="O364" s="11">
        <v>34.36</v>
      </c>
      <c r="P364" s="11">
        <v>34.36</v>
      </c>
    </row>
    <row r="365" spans="1:16" x14ac:dyDescent="0.25">
      <c r="B365" s="9" t="s">
        <v>152</v>
      </c>
      <c r="C365" s="11"/>
      <c r="D365" s="11"/>
      <c r="E365" s="11"/>
      <c r="F365" s="11"/>
      <c r="G365" s="11"/>
      <c r="H365" s="11">
        <v>1.23</v>
      </c>
      <c r="I365" s="11"/>
      <c r="J365" s="11">
        <v>2.95</v>
      </c>
      <c r="K365" s="11"/>
      <c r="L365" s="11"/>
      <c r="M365" s="11">
        <v>0.38</v>
      </c>
      <c r="N365" s="11"/>
      <c r="O365" s="11">
        <v>4.5599999999999996</v>
      </c>
      <c r="P365" s="11">
        <v>4.5599999999999996</v>
      </c>
    </row>
    <row r="366" spans="1:16" x14ac:dyDescent="0.25">
      <c r="B366" s="9" t="s">
        <v>153</v>
      </c>
      <c r="C366" s="11">
        <v>1919.09</v>
      </c>
      <c r="D366" s="11">
        <v>2014.17</v>
      </c>
      <c r="E366" s="11">
        <v>1917.83</v>
      </c>
      <c r="F366" s="11">
        <v>2122.86</v>
      </c>
      <c r="G366" s="11">
        <v>1924.64</v>
      </c>
      <c r="H366" s="11">
        <v>1920.66</v>
      </c>
      <c r="I366" s="11">
        <v>1918.12</v>
      </c>
      <c r="J366" s="11">
        <v>1919.35</v>
      </c>
      <c r="K366" s="11">
        <v>1921.62</v>
      </c>
      <c r="L366" s="11">
        <v>1918.08</v>
      </c>
      <c r="M366" s="11">
        <v>2804.52</v>
      </c>
      <c r="N366" s="11">
        <v>2801.66</v>
      </c>
      <c r="O366" s="11">
        <v>25102.6</v>
      </c>
      <c r="P366" s="11">
        <v>25102.6</v>
      </c>
    </row>
    <row r="367" spans="1:16" x14ac:dyDescent="0.25">
      <c r="A367" t="s">
        <v>168</v>
      </c>
      <c r="C367" s="11">
        <v>692454.40000000002</v>
      </c>
      <c r="D367" s="11">
        <v>1086422.6869999999</v>
      </c>
      <c r="E367" s="11">
        <v>906620.44400000002</v>
      </c>
      <c r="F367" s="11">
        <v>940091.99</v>
      </c>
      <c r="G367" s="11">
        <v>699615.571</v>
      </c>
      <c r="H367" s="11">
        <v>1015470.416</v>
      </c>
      <c r="I367" s="11">
        <v>1254585.1000000001</v>
      </c>
      <c r="J367" s="11">
        <v>808573.12</v>
      </c>
      <c r="K367" s="11">
        <v>-1352664.41</v>
      </c>
      <c r="L367" s="11">
        <v>769594.94400000002</v>
      </c>
      <c r="M367" s="11">
        <v>614980.69099999999</v>
      </c>
      <c r="N367" s="11">
        <v>601157.77</v>
      </c>
      <c r="O367" s="11">
        <v>8036902.7230000002</v>
      </c>
      <c r="P367" s="11">
        <v>8036902.7230000002</v>
      </c>
    </row>
    <row r="368" spans="1:16" x14ac:dyDescent="0.25">
      <c r="A368" t="s">
        <v>11</v>
      </c>
      <c r="C368" s="11">
        <v>8140306.0300000003</v>
      </c>
      <c r="D368" s="11">
        <v>9373547.1270000003</v>
      </c>
      <c r="E368" s="11">
        <v>10271868.175000001</v>
      </c>
      <c r="F368" s="11">
        <v>9321155.0500000007</v>
      </c>
      <c r="G368" s="11">
        <v>10074015.759</v>
      </c>
      <c r="H368" s="11">
        <v>11775545.446</v>
      </c>
      <c r="I368" s="11">
        <v>12808416.5</v>
      </c>
      <c r="J368" s="11">
        <v>8183972.8729999997</v>
      </c>
      <c r="K368" s="11">
        <v>9765891.7699999996</v>
      </c>
      <c r="L368" s="11">
        <v>9605490.3200000003</v>
      </c>
      <c r="M368" s="11">
        <v>6543945.1909999996</v>
      </c>
      <c r="N368" s="11">
        <v>9307516.5460000001</v>
      </c>
      <c r="O368" s="11">
        <v>115171670.787</v>
      </c>
      <c r="P368" s="11">
        <v>115171670.787</v>
      </c>
    </row>
    <row r="369" spans="3:16" x14ac:dyDescent="0.25">
      <c r="C369"/>
      <c r="D369"/>
    </row>
    <row r="370" spans="3:16" x14ac:dyDescent="0.25">
      <c r="C370"/>
      <c r="D370"/>
      <c r="O370" s="13" t="s">
        <v>235</v>
      </c>
      <c r="P370" s="12">
        <v>-9121135</v>
      </c>
    </row>
    <row r="371" spans="3:16" x14ac:dyDescent="0.25">
      <c r="C371"/>
      <c r="D371"/>
      <c r="P371" s="11">
        <f>GETPIVOTDATA("[Measures].[MTD Actual Amount]",$A$18)-P370</f>
        <v>124292805.787</v>
      </c>
    </row>
    <row r="372" spans="3:16" x14ac:dyDescent="0.25">
      <c r="C372"/>
      <c r="D372"/>
    </row>
    <row r="373" spans="3:16" x14ac:dyDescent="0.25">
      <c r="C373"/>
      <c r="D373"/>
    </row>
    <row r="374" spans="3:16" x14ac:dyDescent="0.25">
      <c r="C374"/>
      <c r="D374"/>
    </row>
    <row r="375" spans="3:16" x14ac:dyDescent="0.25">
      <c r="C375"/>
      <c r="D375"/>
    </row>
    <row r="376" spans="3:16" x14ac:dyDescent="0.25">
      <c r="C376"/>
      <c r="D376"/>
    </row>
    <row r="377" spans="3:16" x14ac:dyDescent="0.25">
      <c r="C377"/>
      <c r="D377"/>
    </row>
    <row r="378" spans="3:16" x14ac:dyDescent="0.25">
      <c r="C378"/>
      <c r="D378"/>
    </row>
    <row r="379" spans="3:16" x14ac:dyDescent="0.25">
      <c r="C379"/>
      <c r="D379"/>
    </row>
    <row r="380" spans="3:16" x14ac:dyDescent="0.25">
      <c r="C380"/>
      <c r="D380"/>
    </row>
    <row r="381" spans="3:16" x14ac:dyDescent="0.25">
      <c r="C381"/>
      <c r="D381"/>
    </row>
    <row r="382" spans="3:16" x14ac:dyDescent="0.25">
      <c r="C382"/>
      <c r="D382"/>
    </row>
    <row r="383" spans="3:16" x14ac:dyDescent="0.25">
      <c r="C383"/>
      <c r="D383"/>
    </row>
    <row r="384" spans="3:16" x14ac:dyDescent="0.25">
      <c r="C384"/>
      <c r="D384"/>
    </row>
    <row r="385" spans="3:4" x14ac:dyDescent="0.25">
      <c r="C385"/>
      <c r="D385"/>
    </row>
    <row r="386" spans="3:4" x14ac:dyDescent="0.25">
      <c r="C386"/>
      <c r="D386"/>
    </row>
    <row r="387" spans="3:4" x14ac:dyDescent="0.25">
      <c r="C387"/>
      <c r="D387"/>
    </row>
    <row r="388" spans="3:4" x14ac:dyDescent="0.25">
      <c r="C388"/>
      <c r="D388"/>
    </row>
    <row r="389" spans="3:4" x14ac:dyDescent="0.25">
      <c r="C389"/>
      <c r="D389"/>
    </row>
    <row r="390" spans="3:4" x14ac:dyDescent="0.25">
      <c r="C390"/>
      <c r="D390"/>
    </row>
    <row r="391" spans="3:4" x14ac:dyDescent="0.25">
      <c r="C391"/>
      <c r="D391"/>
    </row>
    <row r="392" spans="3:4" x14ac:dyDescent="0.25">
      <c r="C392"/>
      <c r="D392"/>
    </row>
    <row r="393" spans="3:4" x14ac:dyDescent="0.25">
      <c r="C393"/>
      <c r="D393"/>
    </row>
    <row r="394" spans="3:4" x14ac:dyDescent="0.25">
      <c r="C394"/>
      <c r="D394"/>
    </row>
    <row r="395" spans="3:4" x14ac:dyDescent="0.25">
      <c r="C395"/>
      <c r="D395"/>
    </row>
    <row r="396" spans="3:4" x14ac:dyDescent="0.25">
      <c r="C396"/>
      <c r="D396"/>
    </row>
    <row r="397" spans="3:4" x14ac:dyDescent="0.25">
      <c r="C397"/>
      <c r="D397"/>
    </row>
    <row r="398" spans="3:4" x14ac:dyDescent="0.25">
      <c r="C398"/>
      <c r="D398"/>
    </row>
    <row r="399" spans="3:4" x14ac:dyDescent="0.25">
      <c r="C399"/>
      <c r="D399"/>
    </row>
    <row r="400" spans="3:4" x14ac:dyDescent="0.25">
      <c r="C400"/>
      <c r="D400"/>
    </row>
    <row r="401" spans="3:4" x14ac:dyDescent="0.25">
      <c r="C401"/>
      <c r="D401"/>
    </row>
    <row r="402" spans="3:4" x14ac:dyDescent="0.25">
      <c r="C402"/>
      <c r="D402"/>
    </row>
    <row r="403" spans="3:4" x14ac:dyDescent="0.25">
      <c r="C403"/>
      <c r="D403"/>
    </row>
    <row r="404" spans="3:4" x14ac:dyDescent="0.25">
      <c r="C404"/>
      <c r="D404"/>
    </row>
    <row r="405" spans="3:4" x14ac:dyDescent="0.25">
      <c r="C405"/>
      <c r="D405"/>
    </row>
    <row r="406" spans="3:4" x14ac:dyDescent="0.25">
      <c r="C406"/>
      <c r="D406"/>
    </row>
    <row r="407" spans="3:4" x14ac:dyDescent="0.25">
      <c r="C407"/>
      <c r="D407"/>
    </row>
    <row r="408" spans="3:4" x14ac:dyDescent="0.25">
      <c r="C408"/>
      <c r="D408"/>
    </row>
    <row r="409" spans="3:4" x14ac:dyDescent="0.25">
      <c r="C409"/>
      <c r="D409"/>
    </row>
    <row r="410" spans="3:4" x14ac:dyDescent="0.25">
      <c r="C410"/>
      <c r="D410"/>
    </row>
    <row r="411" spans="3:4" x14ac:dyDescent="0.25">
      <c r="C411"/>
      <c r="D411"/>
    </row>
    <row r="412" spans="3:4" x14ac:dyDescent="0.25">
      <c r="C412"/>
      <c r="D412"/>
    </row>
    <row r="413" spans="3:4" x14ac:dyDescent="0.25">
      <c r="C413"/>
      <c r="D413"/>
    </row>
    <row r="414" spans="3:4" x14ac:dyDescent="0.25">
      <c r="C414"/>
      <c r="D414"/>
    </row>
    <row r="415" spans="3:4" x14ac:dyDescent="0.25">
      <c r="C415"/>
      <c r="D415"/>
    </row>
    <row r="416" spans="3:4" x14ac:dyDescent="0.25">
      <c r="C416"/>
      <c r="D416"/>
    </row>
    <row r="417" spans="3:4" x14ac:dyDescent="0.25">
      <c r="C417"/>
      <c r="D417"/>
    </row>
    <row r="418" spans="3:4" x14ac:dyDescent="0.25">
      <c r="C418"/>
      <c r="D418"/>
    </row>
    <row r="419" spans="3:4" x14ac:dyDescent="0.25">
      <c r="C419"/>
      <c r="D419"/>
    </row>
    <row r="420" spans="3:4" x14ac:dyDescent="0.25">
      <c r="C420"/>
      <c r="D420"/>
    </row>
    <row r="421" spans="3:4" x14ac:dyDescent="0.25">
      <c r="C421"/>
      <c r="D421"/>
    </row>
    <row r="422" spans="3:4" x14ac:dyDescent="0.25">
      <c r="C422"/>
      <c r="D422"/>
    </row>
    <row r="423" spans="3:4" x14ac:dyDescent="0.25">
      <c r="C423"/>
      <c r="D423"/>
    </row>
    <row r="424" spans="3:4" x14ac:dyDescent="0.25">
      <c r="C424"/>
      <c r="D424"/>
    </row>
    <row r="425" spans="3:4" x14ac:dyDescent="0.25">
      <c r="C425"/>
      <c r="D425"/>
    </row>
    <row r="426" spans="3:4" x14ac:dyDescent="0.25">
      <c r="C426"/>
      <c r="D426"/>
    </row>
    <row r="427" spans="3:4" x14ac:dyDescent="0.25">
      <c r="C427"/>
      <c r="D427"/>
    </row>
    <row r="428" spans="3:4" x14ac:dyDescent="0.25">
      <c r="C428"/>
      <c r="D428"/>
    </row>
    <row r="429" spans="3:4" x14ac:dyDescent="0.25">
      <c r="C429"/>
      <c r="D429"/>
    </row>
    <row r="430" spans="3:4" x14ac:dyDescent="0.25">
      <c r="C430"/>
      <c r="D430"/>
    </row>
    <row r="431" spans="3:4" x14ac:dyDescent="0.25">
      <c r="C431"/>
      <c r="D431"/>
    </row>
    <row r="432" spans="3:4" x14ac:dyDescent="0.25">
      <c r="C432"/>
      <c r="D432"/>
    </row>
    <row r="433" spans="3:4" x14ac:dyDescent="0.25">
      <c r="C433"/>
      <c r="D433"/>
    </row>
    <row r="434" spans="3:4" x14ac:dyDescent="0.25">
      <c r="C434"/>
      <c r="D434"/>
    </row>
    <row r="435" spans="3:4" x14ac:dyDescent="0.25">
      <c r="C435"/>
      <c r="D435"/>
    </row>
    <row r="436" spans="3:4" x14ac:dyDescent="0.25">
      <c r="C436"/>
      <c r="D436"/>
    </row>
    <row r="437" spans="3:4" x14ac:dyDescent="0.25">
      <c r="C437"/>
      <c r="D437"/>
    </row>
    <row r="438" spans="3:4" x14ac:dyDescent="0.25">
      <c r="C438"/>
      <c r="D438"/>
    </row>
    <row r="439" spans="3:4" x14ac:dyDescent="0.25">
      <c r="C439"/>
      <c r="D439"/>
    </row>
    <row r="440" spans="3:4" x14ac:dyDescent="0.25">
      <c r="C440"/>
      <c r="D440"/>
    </row>
    <row r="441" spans="3:4" x14ac:dyDescent="0.25">
      <c r="C441"/>
      <c r="D441"/>
    </row>
    <row r="442" spans="3:4" x14ac:dyDescent="0.25">
      <c r="C442"/>
      <c r="D442"/>
    </row>
    <row r="443" spans="3:4" x14ac:dyDescent="0.25">
      <c r="C443"/>
      <c r="D443"/>
    </row>
    <row r="444" spans="3:4" x14ac:dyDescent="0.25">
      <c r="C444"/>
      <c r="D444"/>
    </row>
    <row r="445" spans="3:4" x14ac:dyDescent="0.25">
      <c r="C445"/>
      <c r="D445"/>
    </row>
    <row r="446" spans="3:4" x14ac:dyDescent="0.25">
      <c r="C446"/>
      <c r="D446"/>
    </row>
    <row r="447" spans="3:4" x14ac:dyDescent="0.25">
      <c r="C447"/>
      <c r="D447"/>
    </row>
    <row r="448" spans="3:4" x14ac:dyDescent="0.25">
      <c r="C448"/>
      <c r="D448"/>
    </row>
    <row r="449" spans="3:4" x14ac:dyDescent="0.25">
      <c r="C449"/>
      <c r="D449"/>
    </row>
    <row r="450" spans="3:4" x14ac:dyDescent="0.25">
      <c r="C450"/>
      <c r="D450"/>
    </row>
    <row r="451" spans="3:4" x14ac:dyDescent="0.25">
      <c r="C451"/>
      <c r="D451"/>
    </row>
    <row r="452" spans="3:4" x14ac:dyDescent="0.25">
      <c r="C452"/>
      <c r="D452"/>
    </row>
    <row r="453" spans="3:4" x14ac:dyDescent="0.25">
      <c r="C453"/>
      <c r="D453"/>
    </row>
    <row r="454" spans="3:4" x14ac:dyDescent="0.25">
      <c r="C454"/>
      <c r="D454"/>
    </row>
    <row r="455" spans="3:4" x14ac:dyDescent="0.25">
      <c r="C455"/>
      <c r="D455"/>
    </row>
    <row r="456" spans="3:4" x14ac:dyDescent="0.25">
      <c r="C456"/>
      <c r="D456"/>
    </row>
    <row r="457" spans="3:4" x14ac:dyDescent="0.25">
      <c r="C457"/>
      <c r="D457"/>
    </row>
    <row r="458" spans="3:4" x14ac:dyDescent="0.25">
      <c r="C458"/>
      <c r="D458"/>
    </row>
    <row r="459" spans="3:4" x14ac:dyDescent="0.25">
      <c r="C459"/>
      <c r="D459"/>
    </row>
    <row r="460" spans="3:4" x14ac:dyDescent="0.25">
      <c r="C460"/>
      <c r="D460"/>
    </row>
    <row r="461" spans="3:4" x14ac:dyDescent="0.25">
      <c r="C461"/>
      <c r="D461"/>
    </row>
    <row r="462" spans="3:4" x14ac:dyDescent="0.25">
      <c r="C462"/>
      <c r="D462"/>
    </row>
    <row r="463" spans="3:4" x14ac:dyDescent="0.25">
      <c r="C463"/>
      <c r="D463"/>
    </row>
    <row r="464" spans="3:4" x14ac:dyDescent="0.25">
      <c r="C464"/>
      <c r="D464"/>
    </row>
    <row r="465" spans="3:4" x14ac:dyDescent="0.25">
      <c r="C465"/>
      <c r="D465"/>
    </row>
    <row r="466" spans="3:4" x14ac:dyDescent="0.25">
      <c r="C466"/>
      <c r="D466"/>
    </row>
    <row r="467" spans="3:4" x14ac:dyDescent="0.25">
      <c r="C467"/>
      <c r="D467"/>
    </row>
    <row r="468" spans="3:4" x14ac:dyDescent="0.25">
      <c r="C468"/>
      <c r="D468"/>
    </row>
    <row r="469" spans="3:4" x14ac:dyDescent="0.25">
      <c r="C469"/>
      <c r="D469"/>
    </row>
    <row r="470" spans="3:4" x14ac:dyDescent="0.25">
      <c r="C470"/>
      <c r="D470"/>
    </row>
    <row r="471" spans="3:4" x14ac:dyDescent="0.25">
      <c r="C471"/>
      <c r="D471"/>
    </row>
    <row r="472" spans="3:4" x14ac:dyDescent="0.25">
      <c r="C472"/>
      <c r="D472"/>
    </row>
    <row r="473" spans="3:4" x14ac:dyDescent="0.25">
      <c r="C473"/>
      <c r="D473"/>
    </row>
    <row r="474" spans="3:4" x14ac:dyDescent="0.25">
      <c r="C474"/>
      <c r="D474"/>
    </row>
    <row r="475" spans="3:4" x14ac:dyDescent="0.25">
      <c r="C475"/>
      <c r="D475"/>
    </row>
    <row r="476" spans="3:4" x14ac:dyDescent="0.25">
      <c r="C476"/>
      <c r="D476"/>
    </row>
    <row r="477" spans="3:4" x14ac:dyDescent="0.25">
      <c r="C477"/>
      <c r="D477"/>
    </row>
    <row r="478" spans="3:4" x14ac:dyDescent="0.25">
      <c r="C478"/>
      <c r="D478"/>
    </row>
    <row r="479" spans="3:4" x14ac:dyDescent="0.25">
      <c r="C479"/>
      <c r="D479"/>
    </row>
    <row r="480" spans="3:4" x14ac:dyDescent="0.25">
      <c r="C480"/>
      <c r="D480"/>
    </row>
    <row r="481" spans="3:4" x14ac:dyDescent="0.25">
      <c r="C481"/>
      <c r="D481"/>
    </row>
    <row r="482" spans="3:4" x14ac:dyDescent="0.25">
      <c r="C482"/>
      <c r="D482"/>
    </row>
    <row r="483" spans="3:4" x14ac:dyDescent="0.25">
      <c r="C483"/>
      <c r="D483"/>
    </row>
    <row r="484" spans="3:4" x14ac:dyDescent="0.25">
      <c r="C484"/>
      <c r="D484"/>
    </row>
    <row r="485" spans="3:4" x14ac:dyDescent="0.25">
      <c r="C485"/>
      <c r="D485"/>
    </row>
    <row r="486" spans="3:4" x14ac:dyDescent="0.25">
      <c r="C486"/>
      <c r="D486"/>
    </row>
    <row r="487" spans="3:4" x14ac:dyDescent="0.25">
      <c r="C487"/>
      <c r="D487"/>
    </row>
    <row r="488" spans="3:4" x14ac:dyDescent="0.25">
      <c r="C488"/>
      <c r="D488"/>
    </row>
    <row r="489" spans="3:4" x14ac:dyDescent="0.25">
      <c r="C489"/>
      <c r="D489"/>
    </row>
    <row r="490" spans="3:4" x14ac:dyDescent="0.25">
      <c r="C490"/>
      <c r="D490"/>
    </row>
    <row r="491" spans="3:4" x14ac:dyDescent="0.25">
      <c r="C491"/>
      <c r="D491"/>
    </row>
    <row r="492" spans="3:4" x14ac:dyDescent="0.25">
      <c r="C492"/>
      <c r="D492"/>
    </row>
    <row r="493" spans="3:4" x14ac:dyDescent="0.25">
      <c r="C493"/>
      <c r="D493"/>
    </row>
    <row r="494" spans="3:4" x14ac:dyDescent="0.25">
      <c r="C494"/>
      <c r="D494"/>
    </row>
    <row r="495" spans="3:4" x14ac:dyDescent="0.25">
      <c r="C495"/>
      <c r="D495"/>
    </row>
    <row r="496" spans="3:4" x14ac:dyDescent="0.25">
      <c r="C496"/>
      <c r="D496"/>
    </row>
    <row r="497" spans="3:4" x14ac:dyDescent="0.25">
      <c r="C497"/>
      <c r="D497"/>
    </row>
    <row r="498" spans="3:4" x14ac:dyDescent="0.25">
      <c r="C498"/>
      <c r="D498"/>
    </row>
    <row r="499" spans="3:4" x14ac:dyDescent="0.25">
      <c r="C499"/>
      <c r="D499"/>
    </row>
    <row r="500" spans="3:4" x14ac:dyDescent="0.25">
      <c r="C500"/>
      <c r="D500"/>
    </row>
    <row r="501" spans="3:4" x14ac:dyDescent="0.25">
      <c r="C501"/>
      <c r="D501"/>
    </row>
    <row r="502" spans="3:4" x14ac:dyDescent="0.25">
      <c r="C502"/>
      <c r="D502"/>
    </row>
    <row r="503" spans="3:4" x14ac:dyDescent="0.25">
      <c r="C503"/>
      <c r="D503"/>
    </row>
    <row r="504" spans="3:4" x14ac:dyDescent="0.25">
      <c r="C504"/>
      <c r="D504"/>
    </row>
    <row r="505" spans="3:4" x14ac:dyDescent="0.25">
      <c r="C505"/>
      <c r="D505"/>
    </row>
    <row r="506" spans="3:4" x14ac:dyDescent="0.25">
      <c r="C506"/>
      <c r="D506"/>
    </row>
    <row r="507" spans="3:4" x14ac:dyDescent="0.25">
      <c r="C507"/>
      <c r="D507"/>
    </row>
    <row r="508" spans="3:4" x14ac:dyDescent="0.25">
      <c r="C508"/>
      <c r="D508"/>
    </row>
    <row r="509" spans="3:4" x14ac:dyDescent="0.25">
      <c r="C509"/>
      <c r="D509"/>
    </row>
    <row r="510" spans="3:4" x14ac:dyDescent="0.25">
      <c r="C510"/>
      <c r="D510"/>
    </row>
    <row r="511" spans="3:4" x14ac:dyDescent="0.25">
      <c r="C511"/>
      <c r="D511"/>
    </row>
    <row r="512" spans="3:4" x14ac:dyDescent="0.25">
      <c r="C512"/>
      <c r="D512"/>
    </row>
    <row r="513" spans="3:4" x14ac:dyDescent="0.25">
      <c r="C513"/>
      <c r="D513"/>
    </row>
    <row r="514" spans="3:4" x14ac:dyDescent="0.25">
      <c r="C514"/>
      <c r="D514"/>
    </row>
    <row r="515" spans="3:4" x14ac:dyDescent="0.25">
      <c r="C515"/>
      <c r="D515"/>
    </row>
    <row r="516" spans="3:4" x14ac:dyDescent="0.25">
      <c r="C516"/>
      <c r="D516"/>
    </row>
    <row r="517" spans="3:4" x14ac:dyDescent="0.25">
      <c r="C517"/>
      <c r="D517"/>
    </row>
    <row r="518" spans="3:4" x14ac:dyDescent="0.25">
      <c r="C518"/>
      <c r="D518"/>
    </row>
    <row r="519" spans="3:4" x14ac:dyDescent="0.25">
      <c r="C519"/>
      <c r="D519"/>
    </row>
    <row r="520" spans="3:4" x14ac:dyDescent="0.25">
      <c r="C520"/>
      <c r="D520"/>
    </row>
    <row r="521" spans="3:4" x14ac:dyDescent="0.25">
      <c r="C521"/>
      <c r="D521"/>
    </row>
    <row r="522" spans="3:4" x14ac:dyDescent="0.25">
      <c r="C522"/>
      <c r="D522"/>
    </row>
    <row r="523" spans="3:4" x14ac:dyDescent="0.25">
      <c r="C523"/>
      <c r="D523"/>
    </row>
    <row r="524" spans="3:4" x14ac:dyDescent="0.25">
      <c r="C524"/>
      <c r="D524"/>
    </row>
    <row r="525" spans="3:4" x14ac:dyDescent="0.25">
      <c r="C525"/>
      <c r="D525"/>
    </row>
    <row r="526" spans="3:4" x14ac:dyDescent="0.25">
      <c r="C526"/>
      <c r="D526"/>
    </row>
    <row r="527" spans="3:4" x14ac:dyDescent="0.25">
      <c r="C527"/>
      <c r="D527"/>
    </row>
    <row r="528" spans="3:4" x14ac:dyDescent="0.25">
      <c r="C528"/>
      <c r="D528"/>
    </row>
    <row r="529" spans="3:4" x14ac:dyDescent="0.25">
      <c r="C529"/>
      <c r="D529"/>
    </row>
    <row r="530" spans="3:4" x14ac:dyDescent="0.25">
      <c r="C530"/>
      <c r="D530"/>
    </row>
    <row r="531" spans="3:4" x14ac:dyDescent="0.25">
      <c r="C531"/>
      <c r="D531"/>
    </row>
    <row r="532" spans="3:4" x14ac:dyDescent="0.25">
      <c r="C532"/>
      <c r="D532"/>
    </row>
    <row r="533" spans="3:4" x14ac:dyDescent="0.25">
      <c r="C533"/>
      <c r="D533"/>
    </row>
    <row r="534" spans="3:4" x14ac:dyDescent="0.25">
      <c r="C534"/>
      <c r="D534"/>
    </row>
    <row r="535" spans="3:4" x14ac:dyDescent="0.25">
      <c r="C535"/>
      <c r="D535"/>
    </row>
    <row r="536" spans="3:4" x14ac:dyDescent="0.25">
      <c r="C536"/>
      <c r="D536"/>
    </row>
    <row r="537" spans="3:4" x14ac:dyDescent="0.25">
      <c r="C537"/>
      <c r="D537"/>
    </row>
    <row r="538" spans="3:4" x14ac:dyDescent="0.25">
      <c r="C538"/>
      <c r="D538"/>
    </row>
    <row r="539" spans="3:4" x14ac:dyDescent="0.25">
      <c r="C539"/>
      <c r="D539"/>
    </row>
    <row r="540" spans="3:4" x14ac:dyDescent="0.25">
      <c r="C540"/>
      <c r="D540"/>
    </row>
    <row r="541" spans="3:4" x14ac:dyDescent="0.25">
      <c r="C541"/>
      <c r="D541"/>
    </row>
    <row r="542" spans="3:4" x14ac:dyDescent="0.25">
      <c r="C542"/>
      <c r="D542"/>
    </row>
    <row r="543" spans="3:4" x14ac:dyDescent="0.25">
      <c r="C543"/>
      <c r="D543"/>
    </row>
    <row r="544" spans="3:4" x14ac:dyDescent="0.25">
      <c r="C544"/>
      <c r="D544"/>
    </row>
    <row r="545" spans="3:4" x14ac:dyDescent="0.25">
      <c r="C545"/>
      <c r="D545"/>
    </row>
    <row r="546" spans="3:4" x14ac:dyDescent="0.25">
      <c r="C546"/>
      <c r="D546"/>
    </row>
    <row r="547" spans="3:4" x14ac:dyDescent="0.25">
      <c r="C547"/>
      <c r="D547"/>
    </row>
    <row r="548" spans="3:4" x14ac:dyDescent="0.25">
      <c r="C548"/>
      <c r="D548"/>
    </row>
    <row r="549" spans="3:4" x14ac:dyDescent="0.25">
      <c r="C549"/>
      <c r="D549"/>
    </row>
    <row r="550" spans="3:4" x14ac:dyDescent="0.25">
      <c r="C550"/>
      <c r="D550"/>
    </row>
    <row r="551" spans="3:4" x14ac:dyDescent="0.25">
      <c r="C551"/>
      <c r="D551"/>
    </row>
    <row r="552" spans="3:4" x14ac:dyDescent="0.25">
      <c r="C552"/>
      <c r="D552"/>
    </row>
    <row r="553" spans="3:4" x14ac:dyDescent="0.25">
      <c r="C553"/>
      <c r="D553"/>
    </row>
    <row r="554" spans="3:4" x14ac:dyDescent="0.25">
      <c r="C554"/>
      <c r="D554"/>
    </row>
    <row r="555" spans="3:4" x14ac:dyDescent="0.25">
      <c r="C555"/>
      <c r="D555"/>
    </row>
    <row r="556" spans="3:4" x14ac:dyDescent="0.25">
      <c r="C556"/>
      <c r="D556"/>
    </row>
    <row r="557" spans="3:4" x14ac:dyDescent="0.25">
      <c r="C557"/>
      <c r="D557"/>
    </row>
    <row r="558" spans="3:4" x14ac:dyDescent="0.25">
      <c r="C558"/>
      <c r="D558"/>
    </row>
    <row r="559" spans="3:4" x14ac:dyDescent="0.25">
      <c r="C559"/>
      <c r="D559"/>
    </row>
    <row r="560" spans="3:4" x14ac:dyDescent="0.25">
      <c r="C560"/>
      <c r="D560"/>
    </row>
    <row r="561" spans="3:4" x14ac:dyDescent="0.25">
      <c r="C561"/>
      <c r="D561"/>
    </row>
    <row r="562" spans="3:4" x14ac:dyDescent="0.25">
      <c r="C562"/>
      <c r="D562"/>
    </row>
    <row r="563" spans="3:4" x14ac:dyDescent="0.25">
      <c r="C563"/>
      <c r="D563"/>
    </row>
    <row r="564" spans="3:4" x14ac:dyDescent="0.25">
      <c r="C564"/>
      <c r="D564"/>
    </row>
    <row r="565" spans="3:4" x14ac:dyDescent="0.25">
      <c r="C565"/>
      <c r="D565"/>
    </row>
    <row r="566" spans="3:4" x14ac:dyDescent="0.25">
      <c r="C566"/>
      <c r="D566"/>
    </row>
    <row r="567" spans="3:4" x14ac:dyDescent="0.25">
      <c r="C567"/>
      <c r="D567"/>
    </row>
    <row r="568" spans="3:4" x14ac:dyDescent="0.25">
      <c r="C568"/>
      <c r="D568"/>
    </row>
    <row r="569" spans="3:4" x14ac:dyDescent="0.25">
      <c r="C569"/>
      <c r="D569"/>
    </row>
    <row r="570" spans="3:4" x14ac:dyDescent="0.25">
      <c r="C570"/>
      <c r="D570"/>
    </row>
    <row r="571" spans="3:4" x14ac:dyDescent="0.25">
      <c r="C571"/>
      <c r="D571"/>
    </row>
    <row r="572" spans="3:4" x14ac:dyDescent="0.25">
      <c r="C572"/>
      <c r="D572"/>
    </row>
    <row r="573" spans="3:4" x14ac:dyDescent="0.25">
      <c r="C573"/>
      <c r="D573"/>
    </row>
    <row r="574" spans="3:4" x14ac:dyDescent="0.25">
      <c r="C574"/>
      <c r="D574"/>
    </row>
    <row r="575" spans="3:4" x14ac:dyDescent="0.25">
      <c r="C575"/>
      <c r="D575"/>
    </row>
    <row r="576" spans="3:4" x14ac:dyDescent="0.25">
      <c r="C576"/>
      <c r="D576"/>
    </row>
    <row r="577" spans="3:4" x14ac:dyDescent="0.25">
      <c r="C577"/>
      <c r="D577"/>
    </row>
    <row r="578" spans="3:4" x14ac:dyDescent="0.25">
      <c r="C578"/>
      <c r="D578"/>
    </row>
    <row r="579" spans="3:4" x14ac:dyDescent="0.25">
      <c r="C579"/>
      <c r="D579"/>
    </row>
    <row r="580" spans="3:4" x14ac:dyDescent="0.25">
      <c r="C580"/>
      <c r="D580"/>
    </row>
    <row r="581" spans="3:4" x14ac:dyDescent="0.25">
      <c r="C581"/>
      <c r="D581"/>
    </row>
    <row r="582" spans="3:4" x14ac:dyDescent="0.25">
      <c r="C582"/>
      <c r="D582"/>
    </row>
    <row r="583" spans="3:4" x14ac:dyDescent="0.25">
      <c r="C583"/>
      <c r="D583"/>
    </row>
    <row r="584" spans="3:4" x14ac:dyDescent="0.25">
      <c r="C584"/>
      <c r="D584"/>
    </row>
    <row r="585" spans="3:4" x14ac:dyDescent="0.25">
      <c r="C585"/>
      <c r="D585"/>
    </row>
    <row r="586" spans="3:4" x14ac:dyDescent="0.25">
      <c r="C586"/>
      <c r="D586"/>
    </row>
    <row r="587" spans="3:4" x14ac:dyDescent="0.25">
      <c r="C587"/>
      <c r="D587"/>
    </row>
    <row r="588" spans="3:4" x14ac:dyDescent="0.25">
      <c r="C588"/>
      <c r="D588"/>
    </row>
    <row r="589" spans="3:4" x14ac:dyDescent="0.25">
      <c r="C589"/>
      <c r="D589"/>
    </row>
    <row r="590" spans="3:4" x14ac:dyDescent="0.25">
      <c r="C590"/>
      <c r="D590"/>
    </row>
    <row r="591" spans="3:4" x14ac:dyDescent="0.25">
      <c r="C591"/>
      <c r="D591"/>
    </row>
    <row r="592" spans="3:4" x14ac:dyDescent="0.25">
      <c r="C592"/>
      <c r="D592"/>
    </row>
    <row r="593" spans="3:4" x14ac:dyDescent="0.25">
      <c r="C593"/>
      <c r="D593"/>
    </row>
    <row r="594" spans="3:4" x14ac:dyDescent="0.25">
      <c r="C594"/>
      <c r="D594"/>
    </row>
    <row r="595" spans="3:4" x14ac:dyDescent="0.25">
      <c r="C595"/>
      <c r="D595"/>
    </row>
    <row r="596" spans="3:4" x14ac:dyDescent="0.25">
      <c r="C596"/>
      <c r="D596"/>
    </row>
    <row r="597" spans="3:4" x14ac:dyDescent="0.25">
      <c r="C597"/>
      <c r="D597"/>
    </row>
    <row r="598" spans="3:4" x14ac:dyDescent="0.25">
      <c r="C598"/>
      <c r="D598"/>
    </row>
    <row r="599" spans="3:4" x14ac:dyDescent="0.25">
      <c r="C599"/>
      <c r="D599"/>
    </row>
    <row r="600" spans="3:4" x14ac:dyDescent="0.25">
      <c r="C600"/>
      <c r="D600"/>
    </row>
    <row r="601" spans="3:4" x14ac:dyDescent="0.25">
      <c r="C601"/>
      <c r="D601"/>
    </row>
    <row r="602" spans="3:4" x14ac:dyDescent="0.25">
      <c r="C602"/>
      <c r="D602"/>
    </row>
    <row r="603" spans="3:4" x14ac:dyDescent="0.25">
      <c r="C603"/>
      <c r="D603"/>
    </row>
    <row r="604" spans="3:4" x14ac:dyDescent="0.25">
      <c r="C604"/>
      <c r="D604"/>
    </row>
    <row r="605" spans="3:4" x14ac:dyDescent="0.25">
      <c r="C605"/>
      <c r="D605"/>
    </row>
    <row r="606" spans="3:4" x14ac:dyDescent="0.25">
      <c r="C606"/>
      <c r="D606"/>
    </row>
    <row r="607" spans="3:4" x14ac:dyDescent="0.25">
      <c r="C607"/>
      <c r="D607"/>
    </row>
    <row r="608" spans="3:4" x14ac:dyDescent="0.25">
      <c r="C608"/>
      <c r="D608"/>
    </row>
    <row r="609" spans="3:4" x14ac:dyDescent="0.25">
      <c r="C609"/>
      <c r="D609"/>
    </row>
    <row r="610" spans="3:4" x14ac:dyDescent="0.25">
      <c r="C610"/>
      <c r="D610"/>
    </row>
    <row r="611" spans="3:4" x14ac:dyDescent="0.25">
      <c r="C611"/>
      <c r="D611"/>
    </row>
    <row r="612" spans="3:4" x14ac:dyDescent="0.25">
      <c r="C612"/>
      <c r="D612"/>
    </row>
    <row r="613" spans="3:4" x14ac:dyDescent="0.25">
      <c r="C613"/>
      <c r="D613"/>
    </row>
    <row r="614" spans="3:4" x14ac:dyDescent="0.25">
      <c r="C614"/>
      <c r="D614"/>
    </row>
    <row r="615" spans="3:4" x14ac:dyDescent="0.25">
      <c r="C615"/>
      <c r="D615"/>
    </row>
    <row r="616" spans="3:4" x14ac:dyDescent="0.25">
      <c r="C616"/>
      <c r="D616"/>
    </row>
    <row r="617" spans="3:4" x14ac:dyDescent="0.25">
      <c r="C617"/>
      <c r="D617"/>
    </row>
    <row r="618" spans="3:4" x14ac:dyDescent="0.25">
      <c r="C618"/>
      <c r="D618"/>
    </row>
    <row r="619" spans="3:4" x14ac:dyDescent="0.25">
      <c r="C619"/>
      <c r="D619"/>
    </row>
    <row r="620" spans="3:4" x14ac:dyDescent="0.25">
      <c r="C620"/>
      <c r="D620"/>
    </row>
    <row r="621" spans="3:4" x14ac:dyDescent="0.25">
      <c r="C621"/>
      <c r="D621"/>
    </row>
    <row r="622" spans="3:4" x14ac:dyDescent="0.25">
      <c r="C622"/>
      <c r="D622"/>
    </row>
    <row r="623" spans="3:4" x14ac:dyDescent="0.25">
      <c r="C623"/>
      <c r="D623"/>
    </row>
    <row r="624" spans="3:4" x14ac:dyDescent="0.25">
      <c r="C624"/>
      <c r="D624"/>
    </row>
    <row r="625" spans="3:4" x14ac:dyDescent="0.25">
      <c r="C625"/>
      <c r="D625"/>
    </row>
    <row r="626" spans="3:4" x14ac:dyDescent="0.25">
      <c r="C626"/>
      <c r="D626"/>
    </row>
    <row r="627" spans="3:4" x14ac:dyDescent="0.25">
      <c r="C627"/>
      <c r="D627"/>
    </row>
    <row r="628" spans="3:4" x14ac:dyDescent="0.25">
      <c r="C628"/>
      <c r="D628"/>
    </row>
    <row r="629" spans="3:4" x14ac:dyDescent="0.25">
      <c r="C629"/>
      <c r="D629"/>
    </row>
    <row r="630" spans="3:4" x14ac:dyDescent="0.25">
      <c r="C630"/>
      <c r="D630"/>
    </row>
    <row r="631" spans="3:4" x14ac:dyDescent="0.25">
      <c r="C631"/>
      <c r="D631"/>
    </row>
    <row r="632" spans="3:4" x14ac:dyDescent="0.25">
      <c r="C632"/>
      <c r="D632"/>
    </row>
    <row r="633" spans="3:4" x14ac:dyDescent="0.25">
      <c r="C633"/>
      <c r="D633"/>
    </row>
    <row r="634" spans="3:4" x14ac:dyDescent="0.25">
      <c r="C634"/>
      <c r="D634"/>
    </row>
    <row r="635" spans="3:4" x14ac:dyDescent="0.25">
      <c r="C635"/>
      <c r="D635"/>
    </row>
    <row r="636" spans="3:4" x14ac:dyDescent="0.25">
      <c r="C636"/>
      <c r="D636"/>
    </row>
    <row r="637" spans="3:4" x14ac:dyDescent="0.25">
      <c r="C637"/>
      <c r="D637"/>
    </row>
    <row r="638" spans="3:4" x14ac:dyDescent="0.25">
      <c r="C638"/>
      <c r="D638"/>
    </row>
    <row r="639" spans="3:4" x14ac:dyDescent="0.25">
      <c r="C639"/>
      <c r="D639"/>
    </row>
    <row r="640" spans="3:4" x14ac:dyDescent="0.25">
      <c r="C640"/>
      <c r="D640"/>
    </row>
    <row r="641" spans="3:4" x14ac:dyDescent="0.25">
      <c r="C641"/>
      <c r="D641"/>
    </row>
    <row r="642" spans="3:4" x14ac:dyDescent="0.25">
      <c r="C642"/>
      <c r="D642"/>
    </row>
    <row r="643" spans="3:4" x14ac:dyDescent="0.25">
      <c r="C643"/>
      <c r="D643"/>
    </row>
    <row r="644" spans="3:4" x14ac:dyDescent="0.25">
      <c r="C644"/>
      <c r="D644"/>
    </row>
    <row r="645" spans="3:4" x14ac:dyDescent="0.25">
      <c r="C645"/>
      <c r="D645"/>
    </row>
    <row r="646" spans="3:4" x14ac:dyDescent="0.25">
      <c r="C646"/>
      <c r="D646"/>
    </row>
    <row r="647" spans="3:4" x14ac:dyDescent="0.25">
      <c r="C647"/>
      <c r="D647"/>
    </row>
    <row r="648" spans="3:4" x14ac:dyDescent="0.25">
      <c r="C648"/>
      <c r="D648"/>
    </row>
    <row r="649" spans="3:4" x14ac:dyDescent="0.25">
      <c r="C649"/>
      <c r="D649"/>
    </row>
    <row r="650" spans="3:4" x14ac:dyDescent="0.25">
      <c r="C650"/>
      <c r="D650"/>
    </row>
    <row r="651" spans="3:4" x14ac:dyDescent="0.25">
      <c r="C651"/>
      <c r="D651"/>
    </row>
    <row r="652" spans="3:4" x14ac:dyDescent="0.25">
      <c r="C652"/>
      <c r="D652"/>
    </row>
    <row r="653" spans="3:4" x14ac:dyDescent="0.25">
      <c r="C653"/>
      <c r="D653"/>
    </row>
    <row r="654" spans="3:4" x14ac:dyDescent="0.25">
      <c r="C654"/>
      <c r="D654"/>
    </row>
    <row r="655" spans="3:4" x14ac:dyDescent="0.25">
      <c r="C655"/>
      <c r="D655"/>
    </row>
    <row r="656" spans="3:4" x14ac:dyDescent="0.25">
      <c r="C656"/>
      <c r="D656"/>
    </row>
    <row r="657" spans="3:4" x14ac:dyDescent="0.25">
      <c r="C657"/>
      <c r="D657"/>
    </row>
    <row r="658" spans="3:4" x14ac:dyDescent="0.25">
      <c r="C658"/>
      <c r="D658"/>
    </row>
    <row r="659" spans="3:4" x14ac:dyDescent="0.25">
      <c r="C659"/>
      <c r="D659"/>
    </row>
    <row r="660" spans="3:4" x14ac:dyDescent="0.25">
      <c r="C660"/>
      <c r="D660"/>
    </row>
    <row r="661" spans="3:4" x14ac:dyDescent="0.25">
      <c r="C661"/>
      <c r="D661"/>
    </row>
    <row r="662" spans="3:4" x14ac:dyDescent="0.25">
      <c r="C662"/>
      <c r="D662"/>
    </row>
    <row r="663" spans="3:4" x14ac:dyDescent="0.25">
      <c r="C663"/>
      <c r="D663"/>
    </row>
    <row r="664" spans="3:4" x14ac:dyDescent="0.25">
      <c r="C664"/>
      <c r="D664"/>
    </row>
    <row r="665" spans="3:4" x14ac:dyDescent="0.25">
      <c r="C665"/>
      <c r="D665"/>
    </row>
    <row r="666" spans="3:4" x14ac:dyDescent="0.25">
      <c r="C666"/>
      <c r="D666"/>
    </row>
    <row r="667" spans="3:4" x14ac:dyDescent="0.25">
      <c r="C667"/>
      <c r="D667"/>
    </row>
    <row r="668" spans="3:4" x14ac:dyDescent="0.25">
      <c r="C668"/>
      <c r="D668"/>
    </row>
    <row r="669" spans="3:4" x14ac:dyDescent="0.25">
      <c r="C669"/>
      <c r="D669"/>
    </row>
    <row r="670" spans="3:4" x14ac:dyDescent="0.25">
      <c r="C670"/>
      <c r="D670"/>
    </row>
    <row r="671" spans="3:4" x14ac:dyDescent="0.25">
      <c r="C671"/>
      <c r="D671"/>
    </row>
    <row r="672" spans="3:4" x14ac:dyDescent="0.25">
      <c r="C672"/>
      <c r="D672"/>
    </row>
    <row r="673" spans="3:4" x14ac:dyDescent="0.25">
      <c r="C673"/>
      <c r="D673"/>
    </row>
    <row r="674" spans="3:4" x14ac:dyDescent="0.25">
      <c r="C674"/>
      <c r="D674"/>
    </row>
    <row r="675" spans="3:4" x14ac:dyDescent="0.25">
      <c r="C675"/>
      <c r="D675"/>
    </row>
    <row r="676" spans="3:4" x14ac:dyDescent="0.25">
      <c r="C676"/>
      <c r="D676"/>
    </row>
    <row r="677" spans="3:4" x14ac:dyDescent="0.25">
      <c r="C677"/>
      <c r="D677"/>
    </row>
    <row r="678" spans="3:4" x14ac:dyDescent="0.25">
      <c r="C678"/>
      <c r="D678"/>
    </row>
    <row r="679" spans="3:4" x14ac:dyDescent="0.25">
      <c r="C679"/>
      <c r="D679"/>
    </row>
    <row r="680" spans="3:4" x14ac:dyDescent="0.25">
      <c r="C680"/>
      <c r="D680"/>
    </row>
    <row r="681" spans="3:4" x14ac:dyDescent="0.25">
      <c r="C681"/>
      <c r="D681"/>
    </row>
    <row r="682" spans="3:4" x14ac:dyDescent="0.25">
      <c r="C682"/>
      <c r="D682"/>
    </row>
    <row r="683" spans="3:4" x14ac:dyDescent="0.25">
      <c r="C683"/>
      <c r="D683"/>
    </row>
    <row r="684" spans="3:4" x14ac:dyDescent="0.25">
      <c r="C684"/>
      <c r="D684"/>
    </row>
    <row r="685" spans="3:4" x14ac:dyDescent="0.25">
      <c r="C685"/>
      <c r="D685"/>
    </row>
    <row r="686" spans="3:4" x14ac:dyDescent="0.25">
      <c r="C686"/>
      <c r="D686"/>
    </row>
    <row r="687" spans="3:4" x14ac:dyDescent="0.25">
      <c r="C687"/>
      <c r="D687"/>
    </row>
    <row r="688" spans="3:4" x14ac:dyDescent="0.25">
      <c r="C688"/>
      <c r="D688"/>
    </row>
    <row r="689" spans="3:4" x14ac:dyDescent="0.25">
      <c r="C689"/>
      <c r="D689"/>
    </row>
    <row r="690" spans="3:4" x14ac:dyDescent="0.25">
      <c r="C690"/>
      <c r="D690"/>
    </row>
    <row r="691" spans="3:4" x14ac:dyDescent="0.25">
      <c r="C691"/>
      <c r="D691"/>
    </row>
    <row r="692" spans="3:4" x14ac:dyDescent="0.25">
      <c r="C692"/>
      <c r="D692"/>
    </row>
    <row r="693" spans="3:4" x14ac:dyDescent="0.25">
      <c r="C693"/>
      <c r="D693"/>
    </row>
    <row r="694" spans="3:4" x14ac:dyDescent="0.25">
      <c r="C694"/>
      <c r="D694"/>
    </row>
    <row r="695" spans="3:4" x14ac:dyDescent="0.25">
      <c r="C695"/>
      <c r="D695"/>
    </row>
    <row r="696" spans="3:4" x14ac:dyDescent="0.25">
      <c r="C696"/>
      <c r="D696"/>
    </row>
    <row r="697" spans="3:4" x14ac:dyDescent="0.25">
      <c r="C697"/>
      <c r="D697"/>
    </row>
    <row r="698" spans="3:4" x14ac:dyDescent="0.25">
      <c r="C698"/>
      <c r="D698"/>
    </row>
    <row r="699" spans="3:4" x14ac:dyDescent="0.25">
      <c r="C699"/>
      <c r="D699"/>
    </row>
    <row r="700" spans="3:4" x14ac:dyDescent="0.25">
      <c r="C700"/>
      <c r="D700"/>
    </row>
    <row r="701" spans="3:4" x14ac:dyDescent="0.25">
      <c r="C701"/>
      <c r="D701"/>
    </row>
    <row r="702" spans="3:4" x14ac:dyDescent="0.25">
      <c r="C702"/>
      <c r="D702"/>
    </row>
    <row r="703" spans="3:4" x14ac:dyDescent="0.25">
      <c r="C703"/>
      <c r="D703"/>
    </row>
    <row r="704" spans="3:4" x14ac:dyDescent="0.25">
      <c r="C704"/>
      <c r="D704"/>
    </row>
    <row r="705" spans="3:4" x14ac:dyDescent="0.25">
      <c r="C705"/>
      <c r="D705"/>
    </row>
    <row r="706" spans="3:4" x14ac:dyDescent="0.25">
      <c r="C706"/>
      <c r="D706"/>
    </row>
    <row r="707" spans="3:4" x14ac:dyDescent="0.25">
      <c r="C707"/>
      <c r="D707"/>
    </row>
    <row r="708" spans="3:4" x14ac:dyDescent="0.25">
      <c r="C708"/>
      <c r="D708"/>
    </row>
    <row r="709" spans="3:4" x14ac:dyDescent="0.25">
      <c r="C709"/>
      <c r="D709"/>
    </row>
    <row r="710" spans="3:4" x14ac:dyDescent="0.25">
      <c r="C710"/>
      <c r="D710"/>
    </row>
    <row r="711" spans="3:4" x14ac:dyDescent="0.25">
      <c r="C711"/>
      <c r="D711"/>
    </row>
    <row r="712" spans="3:4" x14ac:dyDescent="0.25">
      <c r="C712"/>
      <c r="D712"/>
    </row>
    <row r="713" spans="3:4" x14ac:dyDescent="0.25">
      <c r="C713"/>
      <c r="D713"/>
    </row>
    <row r="714" spans="3:4" x14ac:dyDescent="0.25">
      <c r="C714"/>
      <c r="D714"/>
    </row>
    <row r="715" spans="3:4" x14ac:dyDescent="0.25">
      <c r="C715"/>
      <c r="D715"/>
    </row>
    <row r="716" spans="3:4" x14ac:dyDescent="0.25">
      <c r="C716"/>
      <c r="D716"/>
    </row>
    <row r="717" spans="3:4" x14ac:dyDescent="0.25">
      <c r="C717"/>
      <c r="D717"/>
    </row>
    <row r="718" spans="3:4" x14ac:dyDescent="0.25">
      <c r="C718"/>
      <c r="D718"/>
    </row>
    <row r="719" spans="3:4" x14ac:dyDescent="0.25">
      <c r="C719"/>
      <c r="D719"/>
    </row>
    <row r="720" spans="3:4" x14ac:dyDescent="0.25">
      <c r="C720"/>
      <c r="D720"/>
    </row>
    <row r="721" spans="3:4" x14ac:dyDescent="0.25">
      <c r="C721"/>
      <c r="D721"/>
    </row>
    <row r="722" spans="3:4" x14ac:dyDescent="0.25">
      <c r="C722"/>
      <c r="D722"/>
    </row>
    <row r="723" spans="3:4" x14ac:dyDescent="0.25">
      <c r="C723"/>
      <c r="D723"/>
    </row>
    <row r="724" spans="3:4" x14ac:dyDescent="0.25">
      <c r="C724"/>
      <c r="D724"/>
    </row>
    <row r="725" spans="3:4" x14ac:dyDescent="0.25">
      <c r="C725"/>
      <c r="D725"/>
    </row>
    <row r="726" spans="3:4" x14ac:dyDescent="0.25">
      <c r="C726"/>
      <c r="D726"/>
    </row>
    <row r="727" spans="3:4" x14ac:dyDescent="0.25">
      <c r="C727"/>
      <c r="D727"/>
    </row>
    <row r="728" spans="3:4" x14ac:dyDescent="0.25">
      <c r="C728"/>
      <c r="D728"/>
    </row>
    <row r="729" spans="3:4" x14ac:dyDescent="0.25">
      <c r="C729"/>
      <c r="D729"/>
    </row>
    <row r="730" spans="3:4" x14ac:dyDescent="0.25">
      <c r="C730"/>
      <c r="D730"/>
    </row>
    <row r="731" spans="3:4" x14ac:dyDescent="0.25">
      <c r="C731"/>
      <c r="D731"/>
    </row>
    <row r="732" spans="3:4" x14ac:dyDescent="0.25">
      <c r="C732"/>
      <c r="D732"/>
    </row>
    <row r="733" spans="3:4" x14ac:dyDescent="0.25">
      <c r="C733"/>
      <c r="D733"/>
    </row>
    <row r="734" spans="3:4" x14ac:dyDescent="0.25">
      <c r="C734"/>
      <c r="D734"/>
    </row>
    <row r="735" spans="3:4" x14ac:dyDescent="0.25">
      <c r="C735"/>
      <c r="D735"/>
    </row>
    <row r="736" spans="3:4" x14ac:dyDescent="0.25">
      <c r="C736"/>
      <c r="D736"/>
    </row>
    <row r="737" spans="3:4" x14ac:dyDescent="0.25">
      <c r="C737"/>
      <c r="D737"/>
    </row>
    <row r="738" spans="3:4" x14ac:dyDescent="0.25">
      <c r="C738"/>
      <c r="D738"/>
    </row>
    <row r="739" spans="3:4" x14ac:dyDescent="0.25">
      <c r="C739"/>
      <c r="D739"/>
    </row>
    <row r="740" spans="3:4" x14ac:dyDescent="0.25">
      <c r="C740"/>
      <c r="D740"/>
    </row>
    <row r="741" spans="3:4" x14ac:dyDescent="0.25">
      <c r="C741"/>
      <c r="D741"/>
    </row>
    <row r="742" spans="3:4" x14ac:dyDescent="0.25">
      <c r="C742"/>
      <c r="D742"/>
    </row>
    <row r="743" spans="3:4" x14ac:dyDescent="0.25">
      <c r="C743"/>
      <c r="D743"/>
    </row>
    <row r="744" spans="3:4" x14ac:dyDescent="0.25">
      <c r="C744"/>
      <c r="D744"/>
    </row>
    <row r="745" spans="3:4" x14ac:dyDescent="0.25">
      <c r="C745"/>
      <c r="D745"/>
    </row>
    <row r="746" spans="3:4" x14ac:dyDescent="0.25">
      <c r="C746"/>
      <c r="D746"/>
    </row>
    <row r="747" spans="3:4" x14ac:dyDescent="0.25">
      <c r="C747"/>
      <c r="D747"/>
    </row>
    <row r="748" spans="3:4" x14ac:dyDescent="0.25">
      <c r="C748"/>
      <c r="D748"/>
    </row>
    <row r="749" spans="3:4" x14ac:dyDescent="0.25">
      <c r="C749"/>
      <c r="D749"/>
    </row>
    <row r="750" spans="3:4" x14ac:dyDescent="0.25">
      <c r="C750"/>
      <c r="D750"/>
    </row>
    <row r="751" spans="3:4" x14ac:dyDescent="0.25">
      <c r="C751"/>
      <c r="D751"/>
    </row>
    <row r="752" spans="3:4" x14ac:dyDescent="0.25">
      <c r="C752"/>
      <c r="D752"/>
    </row>
    <row r="753" spans="3:4" x14ac:dyDescent="0.25">
      <c r="C753"/>
      <c r="D753"/>
    </row>
    <row r="754" spans="3:4" x14ac:dyDescent="0.25">
      <c r="C754"/>
      <c r="D754"/>
    </row>
    <row r="755" spans="3:4" x14ac:dyDescent="0.25">
      <c r="C755"/>
      <c r="D755"/>
    </row>
    <row r="756" spans="3:4" x14ac:dyDescent="0.25">
      <c r="C756"/>
      <c r="D756"/>
    </row>
    <row r="757" spans="3:4" x14ac:dyDescent="0.25">
      <c r="C757"/>
      <c r="D757"/>
    </row>
    <row r="758" spans="3:4" x14ac:dyDescent="0.25">
      <c r="C758"/>
      <c r="D758"/>
    </row>
    <row r="759" spans="3:4" x14ac:dyDescent="0.25">
      <c r="C759"/>
      <c r="D759"/>
    </row>
    <row r="760" spans="3:4" x14ac:dyDescent="0.25">
      <c r="C760"/>
      <c r="D760"/>
    </row>
    <row r="761" spans="3:4" x14ac:dyDescent="0.25">
      <c r="C761"/>
      <c r="D761"/>
    </row>
    <row r="762" spans="3:4" x14ac:dyDescent="0.25">
      <c r="C762"/>
      <c r="D762"/>
    </row>
    <row r="763" spans="3:4" x14ac:dyDescent="0.25">
      <c r="C763"/>
      <c r="D763"/>
    </row>
    <row r="764" spans="3:4" x14ac:dyDescent="0.25">
      <c r="C764"/>
      <c r="D764"/>
    </row>
    <row r="765" spans="3:4" x14ac:dyDescent="0.25">
      <c r="C765"/>
      <c r="D765"/>
    </row>
    <row r="766" spans="3:4" x14ac:dyDescent="0.25">
      <c r="C766"/>
      <c r="D766"/>
    </row>
    <row r="767" spans="3:4" x14ac:dyDescent="0.25">
      <c r="C767"/>
      <c r="D767"/>
    </row>
    <row r="768" spans="3:4" x14ac:dyDescent="0.25">
      <c r="C768"/>
      <c r="D768"/>
    </row>
    <row r="769" spans="3:4" x14ac:dyDescent="0.25">
      <c r="C769"/>
      <c r="D769"/>
    </row>
    <row r="770" spans="3:4" x14ac:dyDescent="0.25">
      <c r="C770"/>
      <c r="D770"/>
    </row>
    <row r="771" spans="3:4" x14ac:dyDescent="0.25">
      <c r="C771"/>
      <c r="D771"/>
    </row>
    <row r="772" spans="3:4" x14ac:dyDescent="0.25">
      <c r="C772"/>
      <c r="D772"/>
    </row>
    <row r="773" spans="3:4" x14ac:dyDescent="0.25">
      <c r="C773"/>
      <c r="D773"/>
    </row>
    <row r="774" spans="3:4" x14ac:dyDescent="0.25">
      <c r="C774"/>
      <c r="D774"/>
    </row>
    <row r="775" spans="3:4" x14ac:dyDescent="0.25">
      <c r="C775"/>
      <c r="D775"/>
    </row>
    <row r="776" spans="3:4" x14ac:dyDescent="0.25">
      <c r="C776"/>
      <c r="D776"/>
    </row>
    <row r="777" spans="3:4" x14ac:dyDescent="0.25">
      <c r="C777"/>
      <c r="D777"/>
    </row>
    <row r="778" spans="3:4" x14ac:dyDescent="0.25">
      <c r="C778"/>
      <c r="D778"/>
    </row>
    <row r="779" spans="3:4" x14ac:dyDescent="0.25">
      <c r="C779"/>
      <c r="D779"/>
    </row>
    <row r="780" spans="3:4" x14ac:dyDescent="0.25">
      <c r="C780"/>
      <c r="D780"/>
    </row>
    <row r="781" spans="3:4" x14ac:dyDescent="0.25">
      <c r="C781"/>
      <c r="D781"/>
    </row>
    <row r="782" spans="3:4" x14ac:dyDescent="0.25">
      <c r="C782"/>
      <c r="D782"/>
    </row>
    <row r="783" spans="3:4" x14ac:dyDescent="0.25">
      <c r="C783"/>
      <c r="D783"/>
    </row>
    <row r="784" spans="3:4" x14ac:dyDescent="0.25">
      <c r="C784"/>
      <c r="D784"/>
    </row>
    <row r="785" spans="3:4" x14ac:dyDescent="0.25">
      <c r="C785"/>
      <c r="D785"/>
    </row>
    <row r="786" spans="3:4" x14ac:dyDescent="0.25">
      <c r="C786"/>
      <c r="D786"/>
    </row>
    <row r="787" spans="3:4" x14ac:dyDescent="0.25">
      <c r="C787"/>
      <c r="D787"/>
    </row>
    <row r="788" spans="3:4" x14ac:dyDescent="0.25">
      <c r="C788"/>
      <c r="D788"/>
    </row>
    <row r="789" spans="3:4" x14ac:dyDescent="0.25">
      <c r="C789"/>
      <c r="D789"/>
    </row>
    <row r="790" spans="3:4" x14ac:dyDescent="0.25">
      <c r="C790"/>
      <c r="D790"/>
    </row>
    <row r="791" spans="3:4" x14ac:dyDescent="0.25">
      <c r="C791"/>
      <c r="D791"/>
    </row>
    <row r="792" spans="3:4" x14ac:dyDescent="0.25">
      <c r="C792"/>
      <c r="D792"/>
    </row>
    <row r="793" spans="3:4" x14ac:dyDescent="0.25">
      <c r="C793"/>
      <c r="D793"/>
    </row>
    <row r="794" spans="3:4" x14ac:dyDescent="0.25">
      <c r="C794"/>
      <c r="D794"/>
    </row>
    <row r="795" spans="3:4" x14ac:dyDescent="0.25">
      <c r="C795"/>
      <c r="D795"/>
    </row>
    <row r="796" spans="3:4" x14ac:dyDescent="0.25">
      <c r="C796"/>
      <c r="D796"/>
    </row>
    <row r="797" spans="3:4" x14ac:dyDescent="0.25">
      <c r="C797"/>
      <c r="D797"/>
    </row>
    <row r="798" spans="3:4" x14ac:dyDescent="0.25">
      <c r="C798"/>
      <c r="D798"/>
    </row>
    <row r="799" spans="3:4" x14ac:dyDescent="0.25">
      <c r="C799"/>
      <c r="D799"/>
    </row>
    <row r="800" spans="3:4" x14ac:dyDescent="0.25">
      <c r="C800"/>
      <c r="D800"/>
    </row>
    <row r="801" spans="3:4" x14ac:dyDescent="0.25">
      <c r="C801"/>
      <c r="D801"/>
    </row>
    <row r="802" spans="3:4" x14ac:dyDescent="0.25">
      <c r="C802"/>
      <c r="D802"/>
    </row>
    <row r="803" spans="3:4" x14ac:dyDescent="0.25">
      <c r="C803"/>
      <c r="D803"/>
    </row>
    <row r="804" spans="3:4" x14ac:dyDescent="0.25">
      <c r="C804"/>
      <c r="D804"/>
    </row>
    <row r="805" spans="3:4" x14ac:dyDescent="0.25">
      <c r="C805"/>
      <c r="D805"/>
    </row>
    <row r="806" spans="3:4" x14ac:dyDescent="0.25">
      <c r="C806"/>
      <c r="D806"/>
    </row>
    <row r="807" spans="3:4" x14ac:dyDescent="0.25">
      <c r="C807"/>
      <c r="D807"/>
    </row>
    <row r="808" spans="3:4" x14ac:dyDescent="0.25">
      <c r="C808"/>
      <c r="D808"/>
    </row>
    <row r="809" spans="3:4" x14ac:dyDescent="0.25">
      <c r="C809"/>
      <c r="D809"/>
    </row>
    <row r="810" spans="3:4" x14ac:dyDescent="0.25">
      <c r="C810"/>
      <c r="D810"/>
    </row>
    <row r="811" spans="3:4" x14ac:dyDescent="0.25">
      <c r="C811"/>
      <c r="D811"/>
    </row>
    <row r="812" spans="3:4" x14ac:dyDescent="0.25">
      <c r="C812"/>
      <c r="D812"/>
    </row>
    <row r="813" spans="3:4" x14ac:dyDescent="0.25">
      <c r="C813"/>
      <c r="D813"/>
    </row>
    <row r="814" spans="3:4" x14ac:dyDescent="0.25">
      <c r="C814"/>
      <c r="D814"/>
    </row>
    <row r="815" spans="3:4" x14ac:dyDescent="0.25">
      <c r="C815"/>
      <c r="D815"/>
    </row>
    <row r="816" spans="3:4" x14ac:dyDescent="0.25">
      <c r="C816"/>
      <c r="D816"/>
    </row>
    <row r="817" spans="3:4" x14ac:dyDescent="0.25">
      <c r="C817"/>
      <c r="D817"/>
    </row>
    <row r="818" spans="3:4" x14ac:dyDescent="0.25">
      <c r="C818"/>
      <c r="D818"/>
    </row>
    <row r="819" spans="3:4" x14ac:dyDescent="0.25">
      <c r="C819"/>
      <c r="D819"/>
    </row>
    <row r="820" spans="3:4" x14ac:dyDescent="0.25">
      <c r="C820"/>
      <c r="D820"/>
    </row>
    <row r="821" spans="3:4" x14ac:dyDescent="0.25">
      <c r="C821"/>
      <c r="D821"/>
    </row>
    <row r="822" spans="3:4" x14ac:dyDescent="0.25">
      <c r="C822"/>
      <c r="D822"/>
    </row>
    <row r="823" spans="3:4" x14ac:dyDescent="0.25">
      <c r="C823"/>
      <c r="D823"/>
    </row>
    <row r="824" spans="3:4" x14ac:dyDescent="0.25">
      <c r="C824"/>
      <c r="D824"/>
    </row>
    <row r="825" spans="3:4" x14ac:dyDescent="0.25">
      <c r="C825"/>
      <c r="D825"/>
    </row>
    <row r="826" spans="3:4" x14ac:dyDescent="0.25">
      <c r="C826"/>
      <c r="D826"/>
    </row>
    <row r="827" spans="3:4" x14ac:dyDescent="0.25">
      <c r="C827"/>
      <c r="D827"/>
    </row>
    <row r="828" spans="3:4" x14ac:dyDescent="0.25">
      <c r="C828"/>
      <c r="D828"/>
    </row>
    <row r="829" spans="3:4" x14ac:dyDescent="0.25">
      <c r="C829"/>
      <c r="D829"/>
    </row>
    <row r="830" spans="3:4" x14ac:dyDescent="0.25">
      <c r="C830"/>
      <c r="D830"/>
    </row>
    <row r="831" spans="3:4" x14ac:dyDescent="0.25">
      <c r="C831"/>
      <c r="D831"/>
    </row>
    <row r="832" spans="3:4" x14ac:dyDescent="0.25">
      <c r="C832"/>
      <c r="D832"/>
    </row>
    <row r="833" spans="3:4" x14ac:dyDescent="0.25">
      <c r="C833"/>
      <c r="D833"/>
    </row>
    <row r="834" spans="3:4" x14ac:dyDescent="0.25">
      <c r="C834"/>
      <c r="D834"/>
    </row>
    <row r="835" spans="3:4" x14ac:dyDescent="0.25">
      <c r="C835"/>
      <c r="D835"/>
    </row>
    <row r="836" spans="3:4" x14ac:dyDescent="0.25">
      <c r="C836"/>
      <c r="D836"/>
    </row>
    <row r="837" spans="3:4" x14ac:dyDescent="0.25">
      <c r="C837"/>
      <c r="D837"/>
    </row>
    <row r="838" spans="3:4" x14ac:dyDescent="0.25">
      <c r="C838"/>
      <c r="D838"/>
    </row>
    <row r="839" spans="3:4" x14ac:dyDescent="0.25">
      <c r="C839"/>
      <c r="D839"/>
    </row>
    <row r="840" spans="3:4" x14ac:dyDescent="0.25">
      <c r="C840"/>
      <c r="D840"/>
    </row>
    <row r="841" spans="3:4" x14ac:dyDescent="0.25">
      <c r="C841"/>
      <c r="D841"/>
    </row>
    <row r="842" spans="3:4" x14ac:dyDescent="0.25">
      <c r="C842"/>
      <c r="D842"/>
    </row>
    <row r="843" spans="3:4" x14ac:dyDescent="0.25">
      <c r="C843"/>
      <c r="D843"/>
    </row>
    <row r="844" spans="3:4" x14ac:dyDescent="0.25">
      <c r="C844"/>
      <c r="D844"/>
    </row>
    <row r="845" spans="3:4" x14ac:dyDescent="0.25">
      <c r="C845"/>
      <c r="D845"/>
    </row>
    <row r="846" spans="3:4" x14ac:dyDescent="0.25">
      <c r="C846"/>
      <c r="D846"/>
    </row>
    <row r="847" spans="3:4" x14ac:dyDescent="0.25">
      <c r="C847"/>
      <c r="D847"/>
    </row>
    <row r="848" spans="3:4" x14ac:dyDescent="0.25">
      <c r="C848"/>
      <c r="D848"/>
    </row>
    <row r="849" spans="3:4" x14ac:dyDescent="0.25">
      <c r="C849"/>
      <c r="D849"/>
    </row>
    <row r="850" spans="3:4" x14ac:dyDescent="0.25">
      <c r="C850"/>
      <c r="D850"/>
    </row>
    <row r="851" spans="3:4" x14ac:dyDescent="0.25">
      <c r="C851"/>
      <c r="D851"/>
    </row>
    <row r="852" spans="3:4" x14ac:dyDescent="0.25">
      <c r="C852"/>
      <c r="D852"/>
    </row>
    <row r="853" spans="3:4" x14ac:dyDescent="0.25">
      <c r="C853"/>
      <c r="D853"/>
    </row>
    <row r="854" spans="3:4" x14ac:dyDescent="0.25">
      <c r="C854"/>
      <c r="D854"/>
    </row>
    <row r="855" spans="3:4" x14ac:dyDescent="0.25">
      <c r="C855"/>
      <c r="D855"/>
    </row>
    <row r="856" spans="3:4" x14ac:dyDescent="0.25">
      <c r="C856"/>
      <c r="D856"/>
    </row>
    <row r="857" spans="3:4" x14ac:dyDescent="0.25">
      <c r="C857"/>
      <c r="D857"/>
    </row>
    <row r="858" spans="3:4" x14ac:dyDescent="0.25">
      <c r="C858"/>
      <c r="D858"/>
    </row>
    <row r="859" spans="3:4" x14ac:dyDescent="0.25">
      <c r="C859"/>
      <c r="D859"/>
    </row>
    <row r="860" spans="3:4" x14ac:dyDescent="0.25">
      <c r="C860"/>
      <c r="D860"/>
    </row>
    <row r="861" spans="3:4" x14ac:dyDescent="0.25">
      <c r="C861"/>
      <c r="D861"/>
    </row>
    <row r="862" spans="3:4" x14ac:dyDescent="0.25">
      <c r="C862"/>
      <c r="D862"/>
    </row>
    <row r="863" spans="3:4" x14ac:dyDescent="0.25">
      <c r="C863"/>
      <c r="D863"/>
    </row>
    <row r="864" spans="3:4" x14ac:dyDescent="0.25">
      <c r="C864"/>
      <c r="D864"/>
    </row>
    <row r="865" spans="3:4" x14ac:dyDescent="0.25">
      <c r="C865"/>
      <c r="D865"/>
    </row>
    <row r="866" spans="3:4" x14ac:dyDescent="0.25">
      <c r="C866"/>
      <c r="D866"/>
    </row>
    <row r="867" spans="3:4" x14ac:dyDescent="0.25">
      <c r="C867"/>
      <c r="D867"/>
    </row>
    <row r="868" spans="3:4" x14ac:dyDescent="0.25">
      <c r="C868"/>
      <c r="D868"/>
    </row>
    <row r="869" spans="3:4" x14ac:dyDescent="0.25">
      <c r="C869"/>
      <c r="D869"/>
    </row>
    <row r="870" spans="3:4" x14ac:dyDescent="0.25">
      <c r="C870"/>
      <c r="D870"/>
    </row>
    <row r="871" spans="3:4" x14ac:dyDescent="0.25">
      <c r="C871"/>
      <c r="D871"/>
    </row>
    <row r="872" spans="3:4" x14ac:dyDescent="0.25">
      <c r="C872"/>
      <c r="D872"/>
    </row>
    <row r="873" spans="3:4" x14ac:dyDescent="0.25">
      <c r="C873"/>
      <c r="D873"/>
    </row>
    <row r="874" spans="3:4" x14ac:dyDescent="0.25">
      <c r="C874"/>
      <c r="D874"/>
    </row>
    <row r="875" spans="3:4" x14ac:dyDescent="0.25">
      <c r="C875"/>
      <c r="D875"/>
    </row>
    <row r="876" spans="3:4" x14ac:dyDescent="0.25">
      <c r="C876"/>
      <c r="D876"/>
    </row>
    <row r="877" spans="3:4" x14ac:dyDescent="0.25">
      <c r="C877"/>
      <c r="D877"/>
    </row>
    <row r="878" spans="3:4" x14ac:dyDescent="0.25">
      <c r="C878"/>
      <c r="D878"/>
    </row>
    <row r="879" spans="3:4" x14ac:dyDescent="0.25">
      <c r="C879"/>
      <c r="D879"/>
    </row>
    <row r="880" spans="3:4" x14ac:dyDescent="0.25">
      <c r="C880"/>
      <c r="D880"/>
    </row>
    <row r="881" spans="3:4" x14ac:dyDescent="0.25">
      <c r="C881"/>
      <c r="D881"/>
    </row>
    <row r="882" spans="3:4" x14ac:dyDescent="0.25">
      <c r="C882"/>
      <c r="D882"/>
    </row>
    <row r="883" spans="3:4" x14ac:dyDescent="0.25">
      <c r="C883"/>
      <c r="D883"/>
    </row>
    <row r="884" spans="3:4" x14ac:dyDescent="0.25">
      <c r="C884"/>
      <c r="D884"/>
    </row>
    <row r="885" spans="3:4" x14ac:dyDescent="0.25">
      <c r="C885"/>
      <c r="D885"/>
    </row>
    <row r="886" spans="3:4" x14ac:dyDescent="0.25">
      <c r="C886"/>
      <c r="D886"/>
    </row>
    <row r="887" spans="3:4" x14ac:dyDescent="0.25">
      <c r="C887"/>
      <c r="D887"/>
    </row>
    <row r="888" spans="3:4" x14ac:dyDescent="0.25">
      <c r="C888"/>
      <c r="D888"/>
    </row>
    <row r="889" spans="3:4" x14ac:dyDescent="0.25">
      <c r="C889"/>
      <c r="D889"/>
    </row>
    <row r="890" spans="3:4" x14ac:dyDescent="0.25">
      <c r="C890"/>
      <c r="D890"/>
    </row>
    <row r="891" spans="3:4" x14ac:dyDescent="0.25">
      <c r="C891"/>
      <c r="D891"/>
    </row>
    <row r="892" spans="3:4" x14ac:dyDescent="0.25">
      <c r="C892"/>
      <c r="D892"/>
    </row>
    <row r="893" spans="3:4" x14ac:dyDescent="0.25">
      <c r="C893"/>
      <c r="D893"/>
    </row>
    <row r="894" spans="3:4" x14ac:dyDescent="0.25">
      <c r="C894"/>
      <c r="D894"/>
    </row>
    <row r="895" spans="3:4" x14ac:dyDescent="0.25">
      <c r="C895"/>
      <c r="D895"/>
    </row>
    <row r="896" spans="3:4" x14ac:dyDescent="0.25">
      <c r="C896"/>
      <c r="D896"/>
    </row>
    <row r="897" spans="3:4" x14ac:dyDescent="0.25">
      <c r="C897"/>
      <c r="D897"/>
    </row>
    <row r="898" spans="3:4" x14ac:dyDescent="0.25">
      <c r="C898"/>
      <c r="D898"/>
    </row>
    <row r="899" spans="3:4" x14ac:dyDescent="0.25">
      <c r="C899"/>
      <c r="D899"/>
    </row>
    <row r="900" spans="3:4" x14ac:dyDescent="0.25">
      <c r="C900"/>
      <c r="D900"/>
    </row>
    <row r="901" spans="3:4" x14ac:dyDescent="0.25">
      <c r="C901"/>
      <c r="D901"/>
    </row>
    <row r="902" spans="3:4" x14ac:dyDescent="0.25">
      <c r="C902"/>
      <c r="D902"/>
    </row>
    <row r="903" spans="3:4" x14ac:dyDescent="0.25">
      <c r="C903"/>
      <c r="D903"/>
    </row>
    <row r="904" spans="3:4" x14ac:dyDescent="0.25">
      <c r="C904"/>
      <c r="D904"/>
    </row>
    <row r="905" spans="3:4" x14ac:dyDescent="0.25">
      <c r="C905"/>
      <c r="D905"/>
    </row>
    <row r="906" spans="3:4" x14ac:dyDescent="0.25">
      <c r="C906"/>
      <c r="D906"/>
    </row>
    <row r="907" spans="3:4" x14ac:dyDescent="0.25">
      <c r="C907"/>
      <c r="D907"/>
    </row>
    <row r="908" spans="3:4" x14ac:dyDescent="0.25">
      <c r="C908"/>
      <c r="D908"/>
    </row>
    <row r="909" spans="3:4" x14ac:dyDescent="0.25">
      <c r="C909"/>
      <c r="D909"/>
    </row>
    <row r="910" spans="3:4" x14ac:dyDescent="0.25">
      <c r="C910"/>
      <c r="D910"/>
    </row>
    <row r="911" spans="3:4" x14ac:dyDescent="0.25">
      <c r="C911"/>
      <c r="D911"/>
    </row>
    <row r="912" spans="3:4" x14ac:dyDescent="0.25">
      <c r="C912"/>
      <c r="D912"/>
    </row>
    <row r="913" spans="3:4" x14ac:dyDescent="0.25">
      <c r="C913"/>
      <c r="D913"/>
    </row>
    <row r="914" spans="3:4" x14ac:dyDescent="0.25">
      <c r="C914"/>
      <c r="D914"/>
    </row>
    <row r="915" spans="3:4" x14ac:dyDescent="0.25">
      <c r="C915"/>
      <c r="D915"/>
    </row>
    <row r="916" spans="3:4" x14ac:dyDescent="0.25">
      <c r="C916"/>
      <c r="D916"/>
    </row>
    <row r="917" spans="3:4" x14ac:dyDescent="0.25">
      <c r="C917"/>
      <c r="D917"/>
    </row>
    <row r="918" spans="3:4" x14ac:dyDescent="0.25">
      <c r="C918"/>
      <c r="D918"/>
    </row>
    <row r="919" spans="3:4" x14ac:dyDescent="0.25">
      <c r="C919"/>
      <c r="D919"/>
    </row>
    <row r="920" spans="3:4" x14ac:dyDescent="0.25">
      <c r="C920"/>
      <c r="D920"/>
    </row>
    <row r="921" spans="3:4" x14ac:dyDescent="0.25">
      <c r="C921"/>
      <c r="D921"/>
    </row>
    <row r="922" spans="3:4" x14ac:dyDescent="0.25">
      <c r="C922"/>
      <c r="D922"/>
    </row>
    <row r="923" spans="3:4" x14ac:dyDescent="0.25">
      <c r="C923"/>
      <c r="D923"/>
    </row>
    <row r="924" spans="3:4" x14ac:dyDescent="0.25">
      <c r="C924"/>
      <c r="D924"/>
    </row>
    <row r="925" spans="3:4" x14ac:dyDescent="0.25">
      <c r="C925"/>
      <c r="D925"/>
    </row>
    <row r="926" spans="3:4" x14ac:dyDescent="0.25">
      <c r="C926"/>
      <c r="D926"/>
    </row>
    <row r="927" spans="3:4" x14ac:dyDescent="0.25">
      <c r="C927"/>
      <c r="D927"/>
    </row>
    <row r="928" spans="3:4" x14ac:dyDescent="0.25">
      <c r="C928"/>
      <c r="D928"/>
    </row>
    <row r="929" spans="3:4" x14ac:dyDescent="0.25">
      <c r="C929"/>
      <c r="D929"/>
    </row>
    <row r="930" spans="3:4" x14ac:dyDescent="0.25">
      <c r="C930"/>
      <c r="D930"/>
    </row>
    <row r="931" spans="3:4" x14ac:dyDescent="0.25">
      <c r="C931"/>
      <c r="D931"/>
    </row>
    <row r="932" spans="3:4" x14ac:dyDescent="0.25">
      <c r="C932"/>
      <c r="D932"/>
    </row>
    <row r="933" spans="3:4" x14ac:dyDescent="0.25">
      <c r="C933"/>
      <c r="D933"/>
    </row>
    <row r="934" spans="3:4" x14ac:dyDescent="0.25">
      <c r="C934"/>
      <c r="D934"/>
    </row>
    <row r="935" spans="3:4" x14ac:dyDescent="0.25">
      <c r="C935"/>
      <c r="D935"/>
    </row>
    <row r="936" spans="3:4" x14ac:dyDescent="0.25">
      <c r="C936"/>
      <c r="D936"/>
    </row>
    <row r="937" spans="3:4" x14ac:dyDescent="0.25">
      <c r="C937"/>
      <c r="D937"/>
    </row>
    <row r="938" spans="3:4" x14ac:dyDescent="0.25">
      <c r="C938"/>
      <c r="D938"/>
    </row>
    <row r="939" spans="3:4" x14ac:dyDescent="0.25">
      <c r="C939"/>
      <c r="D939"/>
    </row>
    <row r="940" spans="3:4" x14ac:dyDescent="0.25">
      <c r="C940"/>
      <c r="D940"/>
    </row>
    <row r="941" spans="3:4" x14ac:dyDescent="0.25">
      <c r="C941"/>
      <c r="D941"/>
    </row>
    <row r="942" spans="3:4" x14ac:dyDescent="0.25">
      <c r="C942"/>
      <c r="D942"/>
    </row>
    <row r="943" spans="3:4" x14ac:dyDescent="0.25">
      <c r="C943"/>
      <c r="D943"/>
    </row>
    <row r="944" spans="3:4" x14ac:dyDescent="0.25">
      <c r="C944"/>
      <c r="D944"/>
    </row>
    <row r="945" spans="3:4" x14ac:dyDescent="0.25">
      <c r="C945"/>
      <c r="D945"/>
    </row>
    <row r="946" spans="3:4" x14ac:dyDescent="0.25">
      <c r="C946"/>
      <c r="D946"/>
    </row>
    <row r="947" spans="3:4" x14ac:dyDescent="0.25">
      <c r="C947"/>
      <c r="D947"/>
    </row>
    <row r="948" spans="3:4" x14ac:dyDescent="0.25">
      <c r="C948"/>
      <c r="D948"/>
    </row>
    <row r="949" spans="3:4" x14ac:dyDescent="0.25">
      <c r="C949"/>
      <c r="D949"/>
    </row>
    <row r="950" spans="3:4" x14ac:dyDescent="0.25">
      <c r="C950"/>
      <c r="D950"/>
    </row>
    <row r="951" spans="3:4" x14ac:dyDescent="0.25">
      <c r="C951"/>
      <c r="D951"/>
    </row>
    <row r="952" spans="3:4" x14ac:dyDescent="0.25">
      <c r="C952"/>
      <c r="D952"/>
    </row>
    <row r="953" spans="3:4" x14ac:dyDescent="0.25">
      <c r="C953"/>
      <c r="D953"/>
    </row>
    <row r="954" spans="3:4" x14ac:dyDescent="0.25">
      <c r="C954"/>
      <c r="D954"/>
    </row>
    <row r="955" spans="3:4" x14ac:dyDescent="0.25">
      <c r="C955"/>
      <c r="D955"/>
    </row>
    <row r="956" spans="3:4" x14ac:dyDescent="0.25">
      <c r="C956"/>
      <c r="D956"/>
    </row>
    <row r="957" spans="3:4" x14ac:dyDescent="0.25">
      <c r="C957"/>
      <c r="D957"/>
    </row>
    <row r="958" spans="3:4" x14ac:dyDescent="0.25">
      <c r="C958"/>
      <c r="D958"/>
    </row>
    <row r="959" spans="3:4" x14ac:dyDescent="0.25">
      <c r="C959"/>
      <c r="D959"/>
    </row>
    <row r="960" spans="3:4" x14ac:dyDescent="0.25">
      <c r="C960"/>
      <c r="D960"/>
    </row>
    <row r="961" spans="3:4" x14ac:dyDescent="0.25">
      <c r="C961"/>
      <c r="D961"/>
    </row>
    <row r="962" spans="3:4" x14ac:dyDescent="0.25">
      <c r="C962"/>
      <c r="D962"/>
    </row>
    <row r="963" spans="3:4" x14ac:dyDescent="0.25">
      <c r="C963"/>
      <c r="D963"/>
    </row>
    <row r="964" spans="3:4" x14ac:dyDescent="0.25">
      <c r="C964"/>
      <c r="D964"/>
    </row>
    <row r="965" spans="3:4" x14ac:dyDescent="0.25">
      <c r="C965"/>
      <c r="D965"/>
    </row>
    <row r="966" spans="3:4" x14ac:dyDescent="0.25">
      <c r="C966"/>
      <c r="D966"/>
    </row>
    <row r="967" spans="3:4" x14ac:dyDescent="0.25">
      <c r="C967"/>
      <c r="D967"/>
    </row>
    <row r="968" spans="3:4" x14ac:dyDescent="0.25">
      <c r="C968"/>
      <c r="D968"/>
    </row>
    <row r="969" spans="3:4" x14ac:dyDescent="0.25">
      <c r="C969"/>
      <c r="D969"/>
    </row>
    <row r="970" spans="3:4" x14ac:dyDescent="0.25">
      <c r="C970"/>
      <c r="D970"/>
    </row>
    <row r="971" spans="3:4" x14ac:dyDescent="0.25">
      <c r="C971"/>
      <c r="D971"/>
    </row>
    <row r="972" spans="3:4" x14ac:dyDescent="0.25">
      <c r="C972"/>
      <c r="D972"/>
    </row>
    <row r="973" spans="3:4" x14ac:dyDescent="0.25">
      <c r="C973"/>
      <c r="D973"/>
    </row>
    <row r="974" spans="3:4" x14ac:dyDescent="0.25">
      <c r="C974"/>
      <c r="D974"/>
    </row>
    <row r="975" spans="3:4" x14ac:dyDescent="0.25">
      <c r="C975"/>
      <c r="D975"/>
    </row>
    <row r="976" spans="3:4" x14ac:dyDescent="0.25">
      <c r="C976"/>
      <c r="D976"/>
    </row>
    <row r="977" spans="3:4" x14ac:dyDescent="0.25">
      <c r="C977"/>
      <c r="D977"/>
    </row>
    <row r="978" spans="3:4" x14ac:dyDescent="0.25">
      <c r="C978"/>
      <c r="D978"/>
    </row>
    <row r="979" spans="3:4" x14ac:dyDescent="0.25">
      <c r="C979"/>
      <c r="D979"/>
    </row>
    <row r="980" spans="3:4" x14ac:dyDescent="0.25">
      <c r="C980"/>
      <c r="D980"/>
    </row>
    <row r="981" spans="3:4" x14ac:dyDescent="0.25">
      <c r="C981"/>
      <c r="D981"/>
    </row>
    <row r="982" spans="3:4" x14ac:dyDescent="0.25">
      <c r="C982"/>
      <c r="D982"/>
    </row>
    <row r="983" spans="3:4" x14ac:dyDescent="0.25">
      <c r="C983"/>
      <c r="D983"/>
    </row>
    <row r="984" spans="3:4" x14ac:dyDescent="0.25">
      <c r="C984"/>
      <c r="D984"/>
    </row>
    <row r="985" spans="3:4" x14ac:dyDescent="0.25">
      <c r="C985"/>
      <c r="D985"/>
    </row>
    <row r="986" spans="3:4" x14ac:dyDescent="0.25">
      <c r="C986"/>
      <c r="D986"/>
    </row>
    <row r="987" spans="3:4" x14ac:dyDescent="0.25">
      <c r="C987"/>
      <c r="D987"/>
    </row>
    <row r="988" spans="3:4" x14ac:dyDescent="0.25">
      <c r="C988"/>
      <c r="D988"/>
    </row>
    <row r="989" spans="3:4" x14ac:dyDescent="0.25">
      <c r="C989"/>
      <c r="D989"/>
    </row>
    <row r="990" spans="3:4" x14ac:dyDescent="0.25">
      <c r="C990"/>
      <c r="D990"/>
    </row>
    <row r="991" spans="3:4" x14ac:dyDescent="0.25">
      <c r="C991"/>
      <c r="D991"/>
    </row>
    <row r="992" spans="3:4" x14ac:dyDescent="0.25">
      <c r="C992"/>
      <c r="D992"/>
    </row>
    <row r="993" spans="3:4" x14ac:dyDescent="0.25">
      <c r="C993"/>
      <c r="D993"/>
    </row>
    <row r="994" spans="3:4" x14ac:dyDescent="0.25">
      <c r="C994"/>
      <c r="D994"/>
    </row>
    <row r="995" spans="3:4" x14ac:dyDescent="0.25">
      <c r="C995"/>
      <c r="D995"/>
    </row>
    <row r="996" spans="3:4" x14ac:dyDescent="0.25">
      <c r="C996"/>
      <c r="D996"/>
    </row>
    <row r="997" spans="3:4" x14ac:dyDescent="0.25">
      <c r="C997"/>
      <c r="D997"/>
    </row>
    <row r="998" spans="3:4" x14ac:dyDescent="0.25">
      <c r="C998"/>
      <c r="D998"/>
    </row>
    <row r="999" spans="3:4" x14ac:dyDescent="0.25">
      <c r="C999"/>
      <c r="D999"/>
    </row>
    <row r="1000" spans="3:4" x14ac:dyDescent="0.25">
      <c r="C1000"/>
      <c r="D1000"/>
    </row>
    <row r="1001" spans="3:4" x14ac:dyDescent="0.25">
      <c r="C1001"/>
      <c r="D1001"/>
    </row>
    <row r="1002" spans="3:4" x14ac:dyDescent="0.25">
      <c r="C1002"/>
      <c r="D1002"/>
    </row>
    <row r="1003" spans="3:4" x14ac:dyDescent="0.25">
      <c r="C1003"/>
      <c r="D1003"/>
    </row>
    <row r="1004" spans="3:4" x14ac:dyDescent="0.25">
      <c r="C1004"/>
      <c r="D1004"/>
    </row>
    <row r="1005" spans="3:4" x14ac:dyDescent="0.25">
      <c r="C1005"/>
      <c r="D1005"/>
    </row>
    <row r="1006" spans="3:4" x14ac:dyDescent="0.25">
      <c r="C1006"/>
      <c r="D1006"/>
    </row>
    <row r="1007" spans="3:4" x14ac:dyDescent="0.25">
      <c r="C1007"/>
      <c r="D1007"/>
    </row>
    <row r="1008" spans="3:4" x14ac:dyDescent="0.25">
      <c r="C1008"/>
      <c r="D1008"/>
    </row>
    <row r="1009" spans="3:4" x14ac:dyDescent="0.25">
      <c r="C1009"/>
      <c r="D1009"/>
    </row>
    <row r="1010" spans="3:4" x14ac:dyDescent="0.25">
      <c r="C1010"/>
      <c r="D1010"/>
    </row>
    <row r="1011" spans="3:4" x14ac:dyDescent="0.25">
      <c r="C1011"/>
      <c r="D1011"/>
    </row>
    <row r="1012" spans="3:4" x14ac:dyDescent="0.25">
      <c r="C1012"/>
      <c r="D1012"/>
    </row>
    <row r="1013" spans="3:4" x14ac:dyDescent="0.25">
      <c r="C1013"/>
      <c r="D1013"/>
    </row>
    <row r="1014" spans="3:4" x14ac:dyDescent="0.25">
      <c r="C1014"/>
      <c r="D1014"/>
    </row>
    <row r="1015" spans="3:4" x14ac:dyDescent="0.25">
      <c r="C1015"/>
      <c r="D1015"/>
    </row>
    <row r="1016" spans="3:4" x14ac:dyDescent="0.25">
      <c r="C1016"/>
      <c r="D1016"/>
    </row>
    <row r="1017" spans="3:4" x14ac:dyDescent="0.25">
      <c r="C1017"/>
      <c r="D1017"/>
    </row>
    <row r="1018" spans="3:4" x14ac:dyDescent="0.25">
      <c r="C1018"/>
      <c r="D1018"/>
    </row>
    <row r="1019" spans="3:4" x14ac:dyDescent="0.25">
      <c r="C1019"/>
      <c r="D1019"/>
    </row>
    <row r="1020" spans="3:4" x14ac:dyDescent="0.25">
      <c r="C1020"/>
      <c r="D1020"/>
    </row>
    <row r="1021" spans="3:4" x14ac:dyDescent="0.25">
      <c r="C1021"/>
      <c r="D1021"/>
    </row>
    <row r="1022" spans="3:4" x14ac:dyDescent="0.25">
      <c r="C1022"/>
      <c r="D1022"/>
    </row>
    <row r="1023" spans="3:4" x14ac:dyDescent="0.25">
      <c r="C1023"/>
      <c r="D1023"/>
    </row>
    <row r="1024" spans="3:4" x14ac:dyDescent="0.25">
      <c r="C1024"/>
      <c r="D1024"/>
    </row>
    <row r="1025" spans="3:4" x14ac:dyDescent="0.25">
      <c r="C1025"/>
      <c r="D1025"/>
    </row>
    <row r="1026" spans="3:4" x14ac:dyDescent="0.25">
      <c r="C1026"/>
      <c r="D1026"/>
    </row>
    <row r="1027" spans="3:4" x14ac:dyDescent="0.25">
      <c r="C1027"/>
      <c r="D1027"/>
    </row>
    <row r="1028" spans="3:4" x14ac:dyDescent="0.25">
      <c r="C1028"/>
      <c r="D1028"/>
    </row>
    <row r="1029" spans="3:4" x14ac:dyDescent="0.25">
      <c r="C1029"/>
      <c r="D1029"/>
    </row>
    <row r="1030" spans="3:4" x14ac:dyDescent="0.25">
      <c r="C1030"/>
      <c r="D1030"/>
    </row>
    <row r="1031" spans="3:4" x14ac:dyDescent="0.25">
      <c r="C1031"/>
      <c r="D1031"/>
    </row>
    <row r="1032" spans="3:4" x14ac:dyDescent="0.25">
      <c r="C1032"/>
      <c r="D1032"/>
    </row>
    <row r="1033" spans="3:4" x14ac:dyDescent="0.25">
      <c r="C1033"/>
      <c r="D1033"/>
    </row>
    <row r="1034" spans="3:4" x14ac:dyDescent="0.25">
      <c r="C1034"/>
      <c r="D1034"/>
    </row>
    <row r="1035" spans="3:4" x14ac:dyDescent="0.25">
      <c r="C1035"/>
      <c r="D1035"/>
    </row>
    <row r="1036" spans="3:4" x14ac:dyDescent="0.25">
      <c r="C1036"/>
      <c r="D1036"/>
    </row>
    <row r="1037" spans="3:4" x14ac:dyDescent="0.25">
      <c r="C1037"/>
      <c r="D1037"/>
    </row>
    <row r="1038" spans="3:4" x14ac:dyDescent="0.25">
      <c r="C1038"/>
      <c r="D1038"/>
    </row>
    <row r="1039" spans="3:4" x14ac:dyDescent="0.25">
      <c r="C1039"/>
      <c r="D1039"/>
    </row>
    <row r="1040" spans="3:4" x14ac:dyDescent="0.25">
      <c r="C1040"/>
      <c r="D1040"/>
    </row>
    <row r="1041" spans="3:4" x14ac:dyDescent="0.25">
      <c r="C1041"/>
      <c r="D1041"/>
    </row>
    <row r="1042" spans="3:4" x14ac:dyDescent="0.25">
      <c r="C1042"/>
      <c r="D1042"/>
    </row>
    <row r="1043" spans="3:4" x14ac:dyDescent="0.25">
      <c r="C1043"/>
      <c r="D1043"/>
    </row>
    <row r="1044" spans="3:4" x14ac:dyDescent="0.25">
      <c r="C1044"/>
      <c r="D1044"/>
    </row>
    <row r="1045" spans="3:4" x14ac:dyDescent="0.25">
      <c r="C1045"/>
      <c r="D1045"/>
    </row>
    <row r="1046" spans="3:4" x14ac:dyDescent="0.25">
      <c r="C1046"/>
      <c r="D1046"/>
    </row>
    <row r="1047" spans="3:4" x14ac:dyDescent="0.25">
      <c r="C1047"/>
      <c r="D1047"/>
    </row>
    <row r="1048" spans="3:4" x14ac:dyDescent="0.25">
      <c r="C1048"/>
      <c r="D1048"/>
    </row>
    <row r="1049" spans="3:4" x14ac:dyDescent="0.25">
      <c r="C1049"/>
      <c r="D1049"/>
    </row>
    <row r="1050" spans="3:4" x14ac:dyDescent="0.25">
      <c r="C1050"/>
      <c r="D1050"/>
    </row>
    <row r="1051" spans="3:4" x14ac:dyDescent="0.25">
      <c r="C1051"/>
      <c r="D1051"/>
    </row>
    <row r="1052" spans="3:4" x14ac:dyDescent="0.25">
      <c r="C1052"/>
      <c r="D1052"/>
    </row>
    <row r="1053" spans="3:4" x14ac:dyDescent="0.25">
      <c r="C1053"/>
      <c r="D1053"/>
    </row>
    <row r="1054" spans="3:4" x14ac:dyDescent="0.25">
      <c r="C1054"/>
      <c r="D1054"/>
    </row>
    <row r="1055" spans="3:4" x14ac:dyDescent="0.25">
      <c r="C1055"/>
      <c r="D1055"/>
    </row>
    <row r="1056" spans="3:4" x14ac:dyDescent="0.25">
      <c r="C1056"/>
      <c r="D1056"/>
    </row>
    <row r="1057" spans="3:4" x14ac:dyDescent="0.25">
      <c r="C1057"/>
      <c r="D1057"/>
    </row>
    <row r="1058" spans="3:4" x14ac:dyDescent="0.25">
      <c r="C1058"/>
      <c r="D1058"/>
    </row>
    <row r="1059" spans="3:4" x14ac:dyDescent="0.25">
      <c r="C1059"/>
      <c r="D1059"/>
    </row>
    <row r="1060" spans="3:4" x14ac:dyDescent="0.25">
      <c r="C1060"/>
      <c r="D1060"/>
    </row>
    <row r="1061" spans="3:4" x14ac:dyDescent="0.25">
      <c r="C1061"/>
      <c r="D1061"/>
    </row>
    <row r="1062" spans="3:4" x14ac:dyDescent="0.25">
      <c r="C1062"/>
      <c r="D1062"/>
    </row>
    <row r="1063" spans="3:4" x14ac:dyDescent="0.25">
      <c r="C1063"/>
      <c r="D1063"/>
    </row>
    <row r="1064" spans="3:4" x14ac:dyDescent="0.25">
      <c r="C1064"/>
      <c r="D1064"/>
    </row>
    <row r="1065" spans="3:4" x14ac:dyDescent="0.25">
      <c r="C1065"/>
      <c r="D1065"/>
    </row>
    <row r="1066" spans="3:4" x14ac:dyDescent="0.25">
      <c r="C1066"/>
      <c r="D1066"/>
    </row>
    <row r="1067" spans="3:4" x14ac:dyDescent="0.25">
      <c r="C1067"/>
      <c r="D1067"/>
    </row>
    <row r="1068" spans="3:4" x14ac:dyDescent="0.25">
      <c r="C1068"/>
      <c r="D1068"/>
    </row>
    <row r="1069" spans="3:4" x14ac:dyDescent="0.25">
      <c r="C1069"/>
      <c r="D1069"/>
    </row>
    <row r="1070" spans="3:4" x14ac:dyDescent="0.25">
      <c r="C1070"/>
      <c r="D1070"/>
    </row>
    <row r="1071" spans="3:4" x14ac:dyDescent="0.25">
      <c r="C1071"/>
      <c r="D1071"/>
    </row>
    <row r="1072" spans="3:4" x14ac:dyDescent="0.25">
      <c r="C1072"/>
      <c r="D1072"/>
    </row>
    <row r="1073" spans="3:4" x14ac:dyDescent="0.25">
      <c r="C1073"/>
      <c r="D1073"/>
    </row>
    <row r="1074" spans="3:4" x14ac:dyDescent="0.25">
      <c r="C1074"/>
      <c r="D1074"/>
    </row>
    <row r="1075" spans="3:4" x14ac:dyDescent="0.25">
      <c r="C1075"/>
      <c r="D1075"/>
    </row>
    <row r="1076" spans="3:4" x14ac:dyDescent="0.25">
      <c r="C1076"/>
      <c r="D1076"/>
    </row>
    <row r="1077" spans="3:4" x14ac:dyDescent="0.25">
      <c r="C1077"/>
      <c r="D1077"/>
    </row>
    <row r="1078" spans="3:4" x14ac:dyDescent="0.25">
      <c r="C1078"/>
      <c r="D1078"/>
    </row>
    <row r="1079" spans="3:4" x14ac:dyDescent="0.25">
      <c r="C1079"/>
      <c r="D1079"/>
    </row>
    <row r="1080" spans="3:4" x14ac:dyDescent="0.25">
      <c r="C1080"/>
      <c r="D1080"/>
    </row>
    <row r="1081" spans="3:4" x14ac:dyDescent="0.25">
      <c r="C1081"/>
      <c r="D1081"/>
    </row>
    <row r="1082" spans="3:4" x14ac:dyDescent="0.25">
      <c r="C1082"/>
      <c r="D1082"/>
    </row>
    <row r="1083" spans="3:4" x14ac:dyDescent="0.25">
      <c r="C1083"/>
      <c r="D1083"/>
    </row>
    <row r="1084" spans="3:4" x14ac:dyDescent="0.25">
      <c r="C1084"/>
      <c r="D1084"/>
    </row>
    <row r="1085" spans="3:4" x14ac:dyDescent="0.25">
      <c r="C1085"/>
      <c r="D1085"/>
    </row>
    <row r="1086" spans="3:4" x14ac:dyDescent="0.25">
      <c r="C1086"/>
      <c r="D1086"/>
    </row>
    <row r="1087" spans="3:4" x14ac:dyDescent="0.25">
      <c r="C1087"/>
      <c r="D1087"/>
    </row>
    <row r="1088" spans="3:4" x14ac:dyDescent="0.25">
      <c r="C1088"/>
      <c r="D1088"/>
    </row>
    <row r="1089" spans="3:4" x14ac:dyDescent="0.25">
      <c r="C1089"/>
      <c r="D1089"/>
    </row>
    <row r="1090" spans="3:4" x14ac:dyDescent="0.25">
      <c r="C1090"/>
      <c r="D1090"/>
    </row>
    <row r="1091" spans="3:4" x14ac:dyDescent="0.25">
      <c r="C1091"/>
      <c r="D1091"/>
    </row>
    <row r="1092" spans="3:4" x14ac:dyDescent="0.25">
      <c r="C1092"/>
      <c r="D1092"/>
    </row>
    <row r="1093" spans="3:4" x14ac:dyDescent="0.25">
      <c r="C1093"/>
      <c r="D1093"/>
    </row>
    <row r="1094" spans="3:4" x14ac:dyDescent="0.25">
      <c r="C1094"/>
      <c r="D1094"/>
    </row>
    <row r="1095" spans="3:4" x14ac:dyDescent="0.25">
      <c r="C1095"/>
      <c r="D1095"/>
    </row>
    <row r="1096" spans="3:4" x14ac:dyDescent="0.25">
      <c r="C1096"/>
      <c r="D1096"/>
    </row>
    <row r="1097" spans="3:4" x14ac:dyDescent="0.25">
      <c r="C1097"/>
      <c r="D1097"/>
    </row>
    <row r="1098" spans="3:4" x14ac:dyDescent="0.25">
      <c r="C1098"/>
      <c r="D1098"/>
    </row>
    <row r="1099" spans="3:4" x14ac:dyDescent="0.25">
      <c r="C1099"/>
      <c r="D1099"/>
    </row>
    <row r="1100" spans="3:4" x14ac:dyDescent="0.25">
      <c r="C1100"/>
      <c r="D1100"/>
    </row>
    <row r="1101" spans="3:4" x14ac:dyDescent="0.25">
      <c r="C1101"/>
      <c r="D1101"/>
    </row>
    <row r="1102" spans="3:4" x14ac:dyDescent="0.25">
      <c r="C1102"/>
      <c r="D1102"/>
    </row>
    <row r="1103" spans="3:4" x14ac:dyDescent="0.25">
      <c r="C1103"/>
      <c r="D1103"/>
    </row>
    <row r="1104" spans="3:4" x14ac:dyDescent="0.25">
      <c r="C1104"/>
      <c r="D1104"/>
    </row>
    <row r="1105" spans="3:4" x14ac:dyDescent="0.25">
      <c r="C1105"/>
      <c r="D1105"/>
    </row>
    <row r="1106" spans="3:4" x14ac:dyDescent="0.25">
      <c r="C1106"/>
      <c r="D1106"/>
    </row>
    <row r="1107" spans="3:4" x14ac:dyDescent="0.25">
      <c r="C1107"/>
      <c r="D1107"/>
    </row>
    <row r="1108" spans="3:4" x14ac:dyDescent="0.25">
      <c r="C1108"/>
      <c r="D1108"/>
    </row>
    <row r="1109" spans="3:4" x14ac:dyDescent="0.25">
      <c r="C1109"/>
      <c r="D1109"/>
    </row>
    <row r="1110" spans="3:4" x14ac:dyDescent="0.25">
      <c r="C1110"/>
      <c r="D1110"/>
    </row>
    <row r="1111" spans="3:4" x14ac:dyDescent="0.25">
      <c r="C1111"/>
      <c r="D1111"/>
    </row>
    <row r="1112" spans="3:4" x14ac:dyDescent="0.25">
      <c r="C1112"/>
      <c r="D1112"/>
    </row>
    <row r="1113" spans="3:4" x14ac:dyDescent="0.25">
      <c r="C1113"/>
      <c r="D1113"/>
    </row>
    <row r="1114" spans="3:4" x14ac:dyDescent="0.25">
      <c r="C1114"/>
      <c r="D1114"/>
    </row>
    <row r="1115" spans="3:4" x14ac:dyDescent="0.25">
      <c r="C1115"/>
      <c r="D1115"/>
    </row>
    <row r="1116" spans="3:4" x14ac:dyDescent="0.25">
      <c r="C1116"/>
      <c r="D1116"/>
    </row>
    <row r="1117" spans="3:4" x14ac:dyDescent="0.25">
      <c r="C1117"/>
      <c r="D1117"/>
    </row>
    <row r="1118" spans="3:4" x14ac:dyDescent="0.25">
      <c r="C1118"/>
      <c r="D1118"/>
    </row>
    <row r="1119" spans="3:4" x14ac:dyDescent="0.25">
      <c r="C1119"/>
      <c r="D1119"/>
    </row>
    <row r="1120" spans="3:4" x14ac:dyDescent="0.25">
      <c r="C1120"/>
      <c r="D1120"/>
    </row>
    <row r="1121" spans="3:4" x14ac:dyDescent="0.25">
      <c r="C1121"/>
      <c r="D1121"/>
    </row>
    <row r="1122" spans="3:4" x14ac:dyDescent="0.25">
      <c r="C1122"/>
      <c r="D1122"/>
    </row>
    <row r="1123" spans="3:4" x14ac:dyDescent="0.25">
      <c r="C1123"/>
      <c r="D1123"/>
    </row>
    <row r="1124" spans="3:4" x14ac:dyDescent="0.25">
      <c r="C1124"/>
      <c r="D1124"/>
    </row>
    <row r="1125" spans="3:4" x14ac:dyDescent="0.25">
      <c r="C1125"/>
      <c r="D1125"/>
    </row>
    <row r="1126" spans="3:4" x14ac:dyDescent="0.25">
      <c r="C1126"/>
      <c r="D1126"/>
    </row>
    <row r="1127" spans="3:4" x14ac:dyDescent="0.25">
      <c r="C1127"/>
      <c r="D1127"/>
    </row>
    <row r="1128" spans="3:4" x14ac:dyDescent="0.25">
      <c r="C1128"/>
      <c r="D1128"/>
    </row>
    <row r="1129" spans="3:4" x14ac:dyDescent="0.25">
      <c r="C1129"/>
      <c r="D1129"/>
    </row>
    <row r="1130" spans="3:4" x14ac:dyDescent="0.25">
      <c r="C1130"/>
      <c r="D1130"/>
    </row>
    <row r="1131" spans="3:4" x14ac:dyDescent="0.25">
      <c r="C1131"/>
      <c r="D1131"/>
    </row>
    <row r="1132" spans="3:4" x14ac:dyDescent="0.25">
      <c r="C1132"/>
      <c r="D1132"/>
    </row>
    <row r="1133" spans="3:4" x14ac:dyDescent="0.25">
      <c r="C1133"/>
      <c r="D1133"/>
    </row>
    <row r="1134" spans="3:4" x14ac:dyDescent="0.25">
      <c r="C1134"/>
      <c r="D1134"/>
    </row>
    <row r="1135" spans="3:4" x14ac:dyDescent="0.25">
      <c r="C1135"/>
      <c r="D1135"/>
    </row>
    <row r="1136" spans="3:4" x14ac:dyDescent="0.25">
      <c r="C1136"/>
      <c r="D1136"/>
    </row>
    <row r="1137" spans="3:4" x14ac:dyDescent="0.25">
      <c r="C1137"/>
      <c r="D1137"/>
    </row>
    <row r="1138" spans="3:4" x14ac:dyDescent="0.25">
      <c r="C1138"/>
      <c r="D1138"/>
    </row>
    <row r="1139" spans="3:4" x14ac:dyDescent="0.25">
      <c r="C1139"/>
      <c r="D1139"/>
    </row>
    <row r="1140" spans="3:4" x14ac:dyDescent="0.25">
      <c r="C1140"/>
      <c r="D1140"/>
    </row>
    <row r="1141" spans="3:4" x14ac:dyDescent="0.25">
      <c r="C1141"/>
      <c r="D1141"/>
    </row>
    <row r="1142" spans="3:4" x14ac:dyDescent="0.25">
      <c r="C1142"/>
      <c r="D1142"/>
    </row>
    <row r="1143" spans="3:4" x14ac:dyDescent="0.25">
      <c r="C1143"/>
      <c r="D1143"/>
    </row>
    <row r="1144" spans="3:4" x14ac:dyDescent="0.25">
      <c r="C1144"/>
      <c r="D1144"/>
    </row>
    <row r="1145" spans="3:4" x14ac:dyDescent="0.25">
      <c r="C1145"/>
      <c r="D1145"/>
    </row>
    <row r="1146" spans="3:4" x14ac:dyDescent="0.25">
      <c r="C1146"/>
      <c r="D1146"/>
    </row>
    <row r="1147" spans="3:4" x14ac:dyDescent="0.25">
      <c r="C1147"/>
      <c r="D1147"/>
    </row>
    <row r="1148" spans="3:4" x14ac:dyDescent="0.25">
      <c r="C1148"/>
      <c r="D1148"/>
    </row>
    <row r="1149" spans="3:4" x14ac:dyDescent="0.25">
      <c r="C1149"/>
      <c r="D1149"/>
    </row>
    <row r="1150" spans="3:4" x14ac:dyDescent="0.25">
      <c r="C1150"/>
      <c r="D1150"/>
    </row>
    <row r="1151" spans="3:4" x14ac:dyDescent="0.25">
      <c r="C1151"/>
      <c r="D1151"/>
    </row>
    <row r="1152" spans="3:4" x14ac:dyDescent="0.25">
      <c r="C1152"/>
      <c r="D1152"/>
    </row>
    <row r="1153" spans="3:4" x14ac:dyDescent="0.25">
      <c r="C1153"/>
      <c r="D1153"/>
    </row>
    <row r="1154" spans="3:4" x14ac:dyDescent="0.25">
      <c r="C1154"/>
      <c r="D1154"/>
    </row>
    <row r="1155" spans="3:4" x14ac:dyDescent="0.25">
      <c r="C1155"/>
      <c r="D1155"/>
    </row>
    <row r="1156" spans="3:4" x14ac:dyDescent="0.25">
      <c r="C1156"/>
      <c r="D1156"/>
    </row>
    <row r="1157" spans="3:4" x14ac:dyDescent="0.25">
      <c r="C1157"/>
      <c r="D1157"/>
    </row>
    <row r="1158" spans="3:4" x14ac:dyDescent="0.25">
      <c r="C1158"/>
      <c r="D1158"/>
    </row>
    <row r="1159" spans="3:4" x14ac:dyDescent="0.25">
      <c r="C1159"/>
      <c r="D1159"/>
    </row>
    <row r="1160" spans="3:4" x14ac:dyDescent="0.25">
      <c r="C1160"/>
      <c r="D1160"/>
    </row>
    <row r="1161" spans="3:4" x14ac:dyDescent="0.25">
      <c r="C1161"/>
      <c r="D1161"/>
    </row>
    <row r="1162" spans="3:4" x14ac:dyDescent="0.25">
      <c r="C1162"/>
      <c r="D1162"/>
    </row>
    <row r="1163" spans="3:4" x14ac:dyDescent="0.25">
      <c r="C1163"/>
      <c r="D1163"/>
    </row>
    <row r="1164" spans="3:4" x14ac:dyDescent="0.25">
      <c r="C1164"/>
      <c r="D1164"/>
    </row>
    <row r="1165" spans="3:4" x14ac:dyDescent="0.25">
      <c r="C1165"/>
      <c r="D1165"/>
    </row>
    <row r="1166" spans="3:4" x14ac:dyDescent="0.25">
      <c r="C1166"/>
      <c r="D1166"/>
    </row>
    <row r="1167" spans="3:4" x14ac:dyDescent="0.25">
      <c r="C1167"/>
      <c r="D1167"/>
    </row>
    <row r="1168" spans="3:4" x14ac:dyDescent="0.25">
      <c r="C1168"/>
      <c r="D1168"/>
    </row>
    <row r="1169" spans="3:4" x14ac:dyDescent="0.25">
      <c r="C1169"/>
      <c r="D1169"/>
    </row>
    <row r="1170" spans="3:4" x14ac:dyDescent="0.25">
      <c r="C1170"/>
      <c r="D1170"/>
    </row>
    <row r="1171" spans="3:4" x14ac:dyDescent="0.25">
      <c r="C1171"/>
      <c r="D1171"/>
    </row>
    <row r="1172" spans="3:4" x14ac:dyDescent="0.25">
      <c r="C1172"/>
      <c r="D1172"/>
    </row>
    <row r="1173" spans="3:4" x14ac:dyDescent="0.25">
      <c r="C1173"/>
      <c r="D1173"/>
    </row>
    <row r="1174" spans="3:4" x14ac:dyDescent="0.25">
      <c r="C1174"/>
      <c r="D1174"/>
    </row>
    <row r="1175" spans="3:4" x14ac:dyDescent="0.25">
      <c r="C1175"/>
      <c r="D1175"/>
    </row>
    <row r="1176" spans="3:4" x14ac:dyDescent="0.25">
      <c r="C1176"/>
      <c r="D1176"/>
    </row>
    <row r="1177" spans="3:4" x14ac:dyDescent="0.25">
      <c r="C1177"/>
      <c r="D1177"/>
    </row>
    <row r="1178" spans="3:4" x14ac:dyDescent="0.25">
      <c r="C1178"/>
      <c r="D1178"/>
    </row>
    <row r="1179" spans="3:4" x14ac:dyDescent="0.25">
      <c r="C1179"/>
      <c r="D1179"/>
    </row>
    <row r="1180" spans="3:4" x14ac:dyDescent="0.25">
      <c r="C1180"/>
      <c r="D1180"/>
    </row>
    <row r="1181" spans="3:4" x14ac:dyDescent="0.25">
      <c r="C1181"/>
      <c r="D1181"/>
    </row>
    <row r="1182" spans="3:4" x14ac:dyDescent="0.25">
      <c r="C1182"/>
      <c r="D1182"/>
    </row>
    <row r="1183" spans="3:4" x14ac:dyDescent="0.25">
      <c r="C1183"/>
      <c r="D1183"/>
    </row>
    <row r="1184" spans="3:4" x14ac:dyDescent="0.25">
      <c r="C1184"/>
      <c r="D1184"/>
    </row>
    <row r="1185" spans="3:4" x14ac:dyDescent="0.25">
      <c r="C1185"/>
      <c r="D1185"/>
    </row>
    <row r="1186" spans="3:4" x14ac:dyDescent="0.25">
      <c r="C1186"/>
      <c r="D1186"/>
    </row>
    <row r="1187" spans="3:4" x14ac:dyDescent="0.25">
      <c r="C1187"/>
      <c r="D1187"/>
    </row>
    <row r="1188" spans="3:4" x14ac:dyDescent="0.25">
      <c r="C1188"/>
      <c r="D1188"/>
    </row>
    <row r="1189" spans="3:4" x14ac:dyDescent="0.25">
      <c r="C1189"/>
      <c r="D1189"/>
    </row>
    <row r="1190" spans="3:4" x14ac:dyDescent="0.25">
      <c r="C1190"/>
      <c r="D1190"/>
    </row>
    <row r="1191" spans="3:4" x14ac:dyDescent="0.25">
      <c r="C1191"/>
      <c r="D1191"/>
    </row>
    <row r="1192" spans="3:4" x14ac:dyDescent="0.25">
      <c r="C1192"/>
      <c r="D1192"/>
    </row>
    <row r="1193" spans="3:4" x14ac:dyDescent="0.25">
      <c r="C1193"/>
      <c r="D1193"/>
    </row>
    <row r="1194" spans="3:4" x14ac:dyDescent="0.25">
      <c r="C1194"/>
      <c r="D1194"/>
    </row>
    <row r="1195" spans="3:4" x14ac:dyDescent="0.25">
      <c r="C1195"/>
      <c r="D1195"/>
    </row>
    <row r="1196" spans="3:4" x14ac:dyDescent="0.25">
      <c r="C1196"/>
      <c r="D1196"/>
    </row>
    <row r="1197" spans="3:4" x14ac:dyDescent="0.25">
      <c r="C1197"/>
      <c r="D1197"/>
    </row>
    <row r="1198" spans="3:4" x14ac:dyDescent="0.25">
      <c r="C1198"/>
      <c r="D1198"/>
    </row>
    <row r="1199" spans="3:4" x14ac:dyDescent="0.25">
      <c r="C1199"/>
      <c r="D1199"/>
    </row>
    <row r="1200" spans="3:4" x14ac:dyDescent="0.25">
      <c r="C1200"/>
      <c r="D1200"/>
    </row>
    <row r="1201" spans="3:4" x14ac:dyDescent="0.25">
      <c r="C1201"/>
      <c r="D1201"/>
    </row>
    <row r="1202" spans="3:4" x14ac:dyDescent="0.25">
      <c r="C1202"/>
      <c r="D1202"/>
    </row>
    <row r="1203" spans="3:4" x14ac:dyDescent="0.25">
      <c r="C1203"/>
      <c r="D1203"/>
    </row>
    <row r="1204" spans="3:4" x14ac:dyDescent="0.25">
      <c r="C1204"/>
      <c r="D1204"/>
    </row>
    <row r="1205" spans="3:4" x14ac:dyDescent="0.25">
      <c r="C1205"/>
      <c r="D1205"/>
    </row>
    <row r="1206" spans="3:4" x14ac:dyDescent="0.25">
      <c r="C1206"/>
      <c r="D1206"/>
    </row>
    <row r="1207" spans="3:4" x14ac:dyDescent="0.25">
      <c r="C1207"/>
      <c r="D1207"/>
    </row>
    <row r="1208" spans="3:4" x14ac:dyDescent="0.25">
      <c r="C1208"/>
      <c r="D1208"/>
    </row>
    <row r="1209" spans="3:4" x14ac:dyDescent="0.25">
      <c r="C1209"/>
      <c r="D1209"/>
    </row>
    <row r="1210" spans="3:4" x14ac:dyDescent="0.25">
      <c r="C1210"/>
      <c r="D1210"/>
    </row>
    <row r="1211" spans="3:4" x14ac:dyDescent="0.25">
      <c r="C1211"/>
      <c r="D1211"/>
    </row>
    <row r="1212" spans="3:4" x14ac:dyDescent="0.25">
      <c r="C1212"/>
      <c r="D1212"/>
    </row>
    <row r="1213" spans="3:4" x14ac:dyDescent="0.25">
      <c r="C1213"/>
      <c r="D1213"/>
    </row>
    <row r="1214" spans="3:4" x14ac:dyDescent="0.25">
      <c r="C1214"/>
      <c r="D1214"/>
    </row>
    <row r="1215" spans="3:4" x14ac:dyDescent="0.25">
      <c r="C1215"/>
      <c r="D1215"/>
    </row>
    <row r="1216" spans="3:4" x14ac:dyDescent="0.25">
      <c r="C1216"/>
      <c r="D1216"/>
    </row>
    <row r="1217" spans="3:4" x14ac:dyDescent="0.25">
      <c r="C1217"/>
      <c r="D1217"/>
    </row>
    <row r="1218" spans="3:4" x14ac:dyDescent="0.25">
      <c r="C1218"/>
      <c r="D1218"/>
    </row>
    <row r="1219" spans="3:4" x14ac:dyDescent="0.25">
      <c r="C1219"/>
      <c r="D1219"/>
    </row>
    <row r="1220" spans="3:4" x14ac:dyDescent="0.25">
      <c r="C1220"/>
      <c r="D1220"/>
    </row>
    <row r="1221" spans="3:4" x14ac:dyDescent="0.25">
      <c r="C1221"/>
      <c r="D1221"/>
    </row>
    <row r="1222" spans="3:4" x14ac:dyDescent="0.25">
      <c r="C1222"/>
      <c r="D1222"/>
    </row>
    <row r="1223" spans="3:4" x14ac:dyDescent="0.25">
      <c r="C1223"/>
      <c r="D1223"/>
    </row>
    <row r="1224" spans="3:4" x14ac:dyDescent="0.25">
      <c r="C1224"/>
      <c r="D1224"/>
    </row>
    <row r="1225" spans="3:4" x14ac:dyDescent="0.25">
      <c r="C1225"/>
      <c r="D1225"/>
    </row>
    <row r="1226" spans="3:4" x14ac:dyDescent="0.25">
      <c r="C1226"/>
      <c r="D1226"/>
    </row>
    <row r="1227" spans="3:4" x14ac:dyDescent="0.25">
      <c r="C1227"/>
      <c r="D1227"/>
    </row>
    <row r="1228" spans="3:4" x14ac:dyDescent="0.25">
      <c r="C1228"/>
      <c r="D1228"/>
    </row>
    <row r="1229" spans="3:4" x14ac:dyDescent="0.25">
      <c r="C1229"/>
      <c r="D1229"/>
    </row>
    <row r="1230" spans="3:4" x14ac:dyDescent="0.25">
      <c r="C1230"/>
      <c r="D1230"/>
    </row>
    <row r="1231" spans="3:4" x14ac:dyDescent="0.25">
      <c r="C1231"/>
      <c r="D1231"/>
    </row>
    <row r="1232" spans="3:4" x14ac:dyDescent="0.25">
      <c r="C1232"/>
      <c r="D1232"/>
    </row>
    <row r="1233" spans="3:4" x14ac:dyDescent="0.25">
      <c r="C1233"/>
      <c r="D1233"/>
    </row>
    <row r="1234" spans="3:4" x14ac:dyDescent="0.25">
      <c r="C1234"/>
      <c r="D1234"/>
    </row>
    <row r="1235" spans="3:4" x14ac:dyDescent="0.25">
      <c r="C1235"/>
      <c r="D1235"/>
    </row>
    <row r="1236" spans="3:4" x14ac:dyDescent="0.25">
      <c r="C1236"/>
      <c r="D1236"/>
    </row>
    <row r="1237" spans="3:4" x14ac:dyDescent="0.25">
      <c r="C1237"/>
      <c r="D1237"/>
    </row>
    <row r="1238" spans="3:4" x14ac:dyDescent="0.25">
      <c r="C1238"/>
      <c r="D1238"/>
    </row>
    <row r="1239" spans="3:4" x14ac:dyDescent="0.25">
      <c r="C1239"/>
      <c r="D1239"/>
    </row>
    <row r="1240" spans="3:4" x14ac:dyDescent="0.25">
      <c r="C1240"/>
      <c r="D1240"/>
    </row>
    <row r="1241" spans="3:4" x14ac:dyDescent="0.25">
      <c r="C1241"/>
      <c r="D1241"/>
    </row>
    <row r="1242" spans="3:4" x14ac:dyDescent="0.25">
      <c r="C1242"/>
      <c r="D1242"/>
    </row>
    <row r="1243" spans="3:4" x14ac:dyDescent="0.25">
      <c r="C1243"/>
      <c r="D1243"/>
    </row>
    <row r="1244" spans="3:4" x14ac:dyDescent="0.25">
      <c r="C1244"/>
      <c r="D1244"/>
    </row>
    <row r="1245" spans="3:4" x14ac:dyDescent="0.25">
      <c r="C1245"/>
      <c r="D1245"/>
    </row>
    <row r="1246" spans="3:4" x14ac:dyDescent="0.25">
      <c r="C1246"/>
      <c r="D1246"/>
    </row>
    <row r="1247" spans="3:4" x14ac:dyDescent="0.25">
      <c r="C1247"/>
      <c r="D1247"/>
    </row>
    <row r="1248" spans="3:4" x14ac:dyDescent="0.25">
      <c r="C1248"/>
      <c r="D1248"/>
    </row>
    <row r="1249" spans="3:4" x14ac:dyDescent="0.25">
      <c r="C1249"/>
      <c r="D1249"/>
    </row>
    <row r="1250" spans="3:4" x14ac:dyDescent="0.25">
      <c r="C1250"/>
      <c r="D1250"/>
    </row>
    <row r="1251" spans="3:4" x14ac:dyDescent="0.25">
      <c r="C1251"/>
      <c r="D1251"/>
    </row>
    <row r="1252" spans="3:4" x14ac:dyDescent="0.25">
      <c r="C1252"/>
      <c r="D1252"/>
    </row>
    <row r="1253" spans="3:4" x14ac:dyDescent="0.25">
      <c r="C1253"/>
      <c r="D1253"/>
    </row>
    <row r="1254" spans="3:4" x14ac:dyDescent="0.25">
      <c r="C1254"/>
      <c r="D1254"/>
    </row>
    <row r="1255" spans="3:4" x14ac:dyDescent="0.25">
      <c r="C1255"/>
      <c r="D1255"/>
    </row>
    <row r="1256" spans="3:4" x14ac:dyDescent="0.25">
      <c r="C1256"/>
      <c r="D1256"/>
    </row>
    <row r="1257" spans="3:4" x14ac:dyDescent="0.25">
      <c r="C1257"/>
      <c r="D1257"/>
    </row>
    <row r="1258" spans="3:4" x14ac:dyDescent="0.25">
      <c r="C1258"/>
      <c r="D1258"/>
    </row>
    <row r="1259" spans="3:4" x14ac:dyDescent="0.25">
      <c r="C1259"/>
      <c r="D1259"/>
    </row>
    <row r="1260" spans="3:4" x14ac:dyDescent="0.25">
      <c r="C1260"/>
      <c r="D1260"/>
    </row>
    <row r="1261" spans="3:4" x14ac:dyDescent="0.25">
      <c r="C1261"/>
      <c r="D1261"/>
    </row>
    <row r="1262" spans="3:4" x14ac:dyDescent="0.25">
      <c r="C1262"/>
      <c r="D1262"/>
    </row>
    <row r="1263" spans="3:4" x14ac:dyDescent="0.25">
      <c r="C1263"/>
      <c r="D1263"/>
    </row>
    <row r="1264" spans="3:4" x14ac:dyDescent="0.25">
      <c r="C1264"/>
      <c r="D1264"/>
    </row>
    <row r="1265" spans="3:4" x14ac:dyDescent="0.25">
      <c r="C1265"/>
      <c r="D1265"/>
    </row>
    <row r="1266" spans="3:4" x14ac:dyDescent="0.25">
      <c r="C1266"/>
      <c r="D1266"/>
    </row>
    <row r="1267" spans="3:4" x14ac:dyDescent="0.25">
      <c r="C1267"/>
      <c r="D1267"/>
    </row>
    <row r="1268" spans="3:4" x14ac:dyDescent="0.25">
      <c r="C1268"/>
      <c r="D1268"/>
    </row>
    <row r="1269" spans="3:4" x14ac:dyDescent="0.25">
      <c r="C1269"/>
      <c r="D1269"/>
    </row>
    <row r="1270" spans="3:4" x14ac:dyDescent="0.25">
      <c r="C1270"/>
      <c r="D1270"/>
    </row>
    <row r="1271" spans="3:4" x14ac:dyDescent="0.25">
      <c r="C1271"/>
      <c r="D1271"/>
    </row>
    <row r="1272" spans="3:4" x14ac:dyDescent="0.25">
      <c r="C1272"/>
      <c r="D1272"/>
    </row>
    <row r="1273" spans="3:4" x14ac:dyDescent="0.25">
      <c r="C1273"/>
      <c r="D1273"/>
    </row>
    <row r="1274" spans="3:4" x14ac:dyDescent="0.25">
      <c r="C1274"/>
      <c r="D1274"/>
    </row>
    <row r="1275" spans="3:4" x14ac:dyDescent="0.25">
      <c r="C1275"/>
      <c r="D1275"/>
    </row>
    <row r="1276" spans="3:4" x14ac:dyDescent="0.25">
      <c r="C1276"/>
      <c r="D1276"/>
    </row>
    <row r="1277" spans="3:4" x14ac:dyDescent="0.25">
      <c r="C1277"/>
      <c r="D1277"/>
    </row>
    <row r="1278" spans="3:4" x14ac:dyDescent="0.25">
      <c r="C1278"/>
      <c r="D1278"/>
    </row>
    <row r="1279" spans="3:4" x14ac:dyDescent="0.25">
      <c r="C1279"/>
      <c r="D1279"/>
    </row>
    <row r="1280" spans="3:4" x14ac:dyDescent="0.25">
      <c r="C1280"/>
      <c r="D1280"/>
    </row>
    <row r="1281" spans="3:4" x14ac:dyDescent="0.25">
      <c r="C1281"/>
      <c r="D1281"/>
    </row>
    <row r="1282" spans="3:4" x14ac:dyDescent="0.25">
      <c r="C1282"/>
      <c r="D1282"/>
    </row>
    <row r="1283" spans="3:4" x14ac:dyDescent="0.25">
      <c r="C1283"/>
      <c r="D1283"/>
    </row>
    <row r="1284" spans="3:4" x14ac:dyDescent="0.25">
      <c r="C1284"/>
      <c r="D1284"/>
    </row>
    <row r="1285" spans="3:4" x14ac:dyDescent="0.25">
      <c r="C1285"/>
      <c r="D1285"/>
    </row>
    <row r="1286" spans="3:4" x14ac:dyDescent="0.25">
      <c r="C1286"/>
      <c r="D1286"/>
    </row>
    <row r="1287" spans="3:4" x14ac:dyDescent="0.25">
      <c r="C1287"/>
      <c r="D1287"/>
    </row>
    <row r="1288" spans="3:4" x14ac:dyDescent="0.25">
      <c r="C1288"/>
      <c r="D1288"/>
    </row>
    <row r="1289" spans="3:4" x14ac:dyDescent="0.25">
      <c r="C1289"/>
      <c r="D1289"/>
    </row>
    <row r="1290" spans="3:4" x14ac:dyDescent="0.25">
      <c r="C1290"/>
      <c r="D1290"/>
    </row>
    <row r="1291" spans="3:4" x14ac:dyDescent="0.25">
      <c r="C1291"/>
      <c r="D1291"/>
    </row>
    <row r="1292" spans="3:4" x14ac:dyDescent="0.25">
      <c r="C1292"/>
      <c r="D1292"/>
    </row>
    <row r="1293" spans="3:4" x14ac:dyDescent="0.25">
      <c r="C1293"/>
      <c r="D1293"/>
    </row>
    <row r="1294" spans="3:4" x14ac:dyDescent="0.25">
      <c r="C1294"/>
      <c r="D1294"/>
    </row>
    <row r="1295" spans="3:4" x14ac:dyDescent="0.25">
      <c r="C1295"/>
      <c r="D1295"/>
    </row>
    <row r="1296" spans="3:4" x14ac:dyDescent="0.25">
      <c r="C1296"/>
      <c r="D1296"/>
    </row>
    <row r="1297" spans="3:4" x14ac:dyDescent="0.25">
      <c r="C1297"/>
      <c r="D1297"/>
    </row>
    <row r="1298" spans="3:4" x14ac:dyDescent="0.25">
      <c r="C1298"/>
      <c r="D1298"/>
    </row>
    <row r="1299" spans="3:4" x14ac:dyDescent="0.25">
      <c r="C1299"/>
      <c r="D1299"/>
    </row>
    <row r="1300" spans="3:4" x14ac:dyDescent="0.25">
      <c r="C1300"/>
      <c r="D1300"/>
    </row>
    <row r="1301" spans="3:4" x14ac:dyDescent="0.25">
      <c r="C1301"/>
      <c r="D1301"/>
    </row>
    <row r="1302" spans="3:4" x14ac:dyDescent="0.25">
      <c r="C1302"/>
      <c r="D1302"/>
    </row>
    <row r="1303" spans="3:4" x14ac:dyDescent="0.25">
      <c r="C1303"/>
      <c r="D1303"/>
    </row>
    <row r="1304" spans="3:4" x14ac:dyDescent="0.25">
      <c r="C1304"/>
      <c r="D1304"/>
    </row>
    <row r="1305" spans="3:4" x14ac:dyDescent="0.25">
      <c r="C1305"/>
      <c r="D1305"/>
    </row>
    <row r="1306" spans="3:4" x14ac:dyDescent="0.25">
      <c r="C1306"/>
      <c r="D1306"/>
    </row>
    <row r="1307" spans="3:4" x14ac:dyDescent="0.25">
      <c r="C1307"/>
      <c r="D1307"/>
    </row>
    <row r="1308" spans="3:4" x14ac:dyDescent="0.25">
      <c r="C1308"/>
      <c r="D1308"/>
    </row>
    <row r="1309" spans="3:4" x14ac:dyDescent="0.25">
      <c r="C1309"/>
      <c r="D1309"/>
    </row>
    <row r="1310" spans="3:4" x14ac:dyDescent="0.25">
      <c r="C1310"/>
      <c r="D1310"/>
    </row>
    <row r="1311" spans="3:4" x14ac:dyDescent="0.25">
      <c r="C1311"/>
      <c r="D1311"/>
    </row>
    <row r="1312" spans="3:4" x14ac:dyDescent="0.25">
      <c r="C1312"/>
      <c r="D1312"/>
    </row>
    <row r="1313" spans="3:4" x14ac:dyDescent="0.25">
      <c r="C1313"/>
      <c r="D1313"/>
    </row>
    <row r="1314" spans="3:4" x14ac:dyDescent="0.25">
      <c r="C1314"/>
      <c r="D1314"/>
    </row>
    <row r="1315" spans="3:4" x14ac:dyDescent="0.25">
      <c r="C1315"/>
      <c r="D1315"/>
    </row>
    <row r="1316" spans="3:4" x14ac:dyDescent="0.25">
      <c r="C1316"/>
      <c r="D1316"/>
    </row>
    <row r="1317" spans="3:4" x14ac:dyDescent="0.25">
      <c r="C1317"/>
      <c r="D1317"/>
    </row>
    <row r="1318" spans="3:4" x14ac:dyDescent="0.25">
      <c r="C1318"/>
      <c r="D1318"/>
    </row>
    <row r="1319" spans="3:4" x14ac:dyDescent="0.25">
      <c r="C1319"/>
      <c r="D1319"/>
    </row>
    <row r="1320" spans="3:4" x14ac:dyDescent="0.25">
      <c r="C1320"/>
      <c r="D1320"/>
    </row>
    <row r="1321" spans="3:4" x14ac:dyDescent="0.25">
      <c r="C1321"/>
      <c r="D1321"/>
    </row>
    <row r="1322" spans="3:4" x14ac:dyDescent="0.25">
      <c r="C1322"/>
      <c r="D1322"/>
    </row>
    <row r="1323" spans="3:4" x14ac:dyDescent="0.25">
      <c r="C1323"/>
      <c r="D1323"/>
    </row>
    <row r="1324" spans="3:4" x14ac:dyDescent="0.25">
      <c r="C1324"/>
      <c r="D1324"/>
    </row>
    <row r="1325" spans="3:4" x14ac:dyDescent="0.25">
      <c r="C1325"/>
      <c r="D1325"/>
    </row>
    <row r="1326" spans="3:4" x14ac:dyDescent="0.25">
      <c r="C1326"/>
      <c r="D1326"/>
    </row>
    <row r="1327" spans="3:4" x14ac:dyDescent="0.25">
      <c r="C1327"/>
      <c r="D1327"/>
    </row>
    <row r="1328" spans="3:4" x14ac:dyDescent="0.25">
      <c r="C1328"/>
      <c r="D1328"/>
    </row>
    <row r="1329" spans="3:4" x14ac:dyDescent="0.25">
      <c r="C1329"/>
      <c r="D1329"/>
    </row>
    <row r="1330" spans="3:4" x14ac:dyDescent="0.25">
      <c r="C1330"/>
      <c r="D1330"/>
    </row>
    <row r="1331" spans="3:4" x14ac:dyDescent="0.25">
      <c r="C1331"/>
      <c r="D1331"/>
    </row>
    <row r="1332" spans="3:4" x14ac:dyDescent="0.25">
      <c r="C1332"/>
      <c r="D1332"/>
    </row>
    <row r="1333" spans="3:4" x14ac:dyDescent="0.25">
      <c r="C1333"/>
      <c r="D1333"/>
    </row>
    <row r="1334" spans="3:4" x14ac:dyDescent="0.25">
      <c r="C1334"/>
      <c r="D1334"/>
    </row>
    <row r="1335" spans="3:4" x14ac:dyDescent="0.25">
      <c r="C1335"/>
      <c r="D1335"/>
    </row>
    <row r="1336" spans="3:4" x14ac:dyDescent="0.25">
      <c r="C1336"/>
      <c r="D1336"/>
    </row>
    <row r="1337" spans="3:4" x14ac:dyDescent="0.25">
      <c r="C1337"/>
      <c r="D1337"/>
    </row>
    <row r="1338" spans="3:4" x14ac:dyDescent="0.25">
      <c r="C1338"/>
      <c r="D1338"/>
    </row>
    <row r="1339" spans="3:4" x14ac:dyDescent="0.25">
      <c r="C1339"/>
      <c r="D1339"/>
    </row>
    <row r="1340" spans="3:4" x14ac:dyDescent="0.25">
      <c r="C1340"/>
      <c r="D1340"/>
    </row>
    <row r="1341" spans="3:4" x14ac:dyDescent="0.25">
      <c r="C1341"/>
      <c r="D1341"/>
    </row>
    <row r="1342" spans="3:4" x14ac:dyDescent="0.25">
      <c r="C1342"/>
      <c r="D1342"/>
    </row>
    <row r="1343" spans="3:4" x14ac:dyDescent="0.25">
      <c r="C1343"/>
      <c r="D1343"/>
    </row>
    <row r="1344" spans="3:4" x14ac:dyDescent="0.25">
      <c r="C1344"/>
      <c r="D1344"/>
    </row>
    <row r="1345" spans="3:4" x14ac:dyDescent="0.25">
      <c r="C1345"/>
      <c r="D1345"/>
    </row>
    <row r="1346" spans="3:4" x14ac:dyDescent="0.25">
      <c r="C1346"/>
      <c r="D1346"/>
    </row>
    <row r="1347" spans="3:4" x14ac:dyDescent="0.25">
      <c r="C1347"/>
      <c r="D1347"/>
    </row>
    <row r="1348" spans="3:4" x14ac:dyDescent="0.25">
      <c r="C1348"/>
      <c r="D1348"/>
    </row>
    <row r="1349" spans="3:4" x14ac:dyDescent="0.25">
      <c r="C1349"/>
      <c r="D1349"/>
    </row>
    <row r="1350" spans="3:4" x14ac:dyDescent="0.25">
      <c r="C1350"/>
      <c r="D1350"/>
    </row>
    <row r="1351" spans="3:4" x14ac:dyDescent="0.25">
      <c r="C1351"/>
      <c r="D1351"/>
    </row>
    <row r="1352" spans="3:4" x14ac:dyDescent="0.25">
      <c r="C1352"/>
      <c r="D1352"/>
    </row>
    <row r="1353" spans="3:4" x14ac:dyDescent="0.25">
      <c r="C1353"/>
      <c r="D1353"/>
    </row>
    <row r="1354" spans="3:4" x14ac:dyDescent="0.25">
      <c r="C1354"/>
      <c r="D1354"/>
    </row>
    <row r="1355" spans="3:4" x14ac:dyDescent="0.25">
      <c r="C1355"/>
      <c r="D1355"/>
    </row>
    <row r="1356" spans="3:4" x14ac:dyDescent="0.25">
      <c r="C1356"/>
      <c r="D1356"/>
    </row>
    <row r="1357" spans="3:4" x14ac:dyDescent="0.25">
      <c r="C1357"/>
      <c r="D1357"/>
    </row>
    <row r="1358" spans="3:4" x14ac:dyDescent="0.25">
      <c r="C1358"/>
      <c r="D1358"/>
    </row>
    <row r="1359" spans="3:4" x14ac:dyDescent="0.25">
      <c r="C1359"/>
      <c r="D1359"/>
    </row>
    <row r="1360" spans="3:4" x14ac:dyDescent="0.25">
      <c r="C1360"/>
      <c r="D1360"/>
    </row>
    <row r="1361" spans="3:4" x14ac:dyDescent="0.25">
      <c r="C1361"/>
      <c r="D1361"/>
    </row>
    <row r="1362" spans="3:4" x14ac:dyDescent="0.25">
      <c r="C1362"/>
      <c r="D1362"/>
    </row>
    <row r="1363" spans="3:4" x14ac:dyDescent="0.25">
      <c r="C1363"/>
      <c r="D1363"/>
    </row>
    <row r="1364" spans="3:4" x14ac:dyDescent="0.25">
      <c r="C1364"/>
      <c r="D1364"/>
    </row>
    <row r="1365" spans="3:4" x14ac:dyDescent="0.25">
      <c r="C1365"/>
      <c r="D1365"/>
    </row>
    <row r="1366" spans="3:4" x14ac:dyDescent="0.25">
      <c r="C1366"/>
      <c r="D1366"/>
    </row>
    <row r="1367" spans="3:4" x14ac:dyDescent="0.25">
      <c r="C1367"/>
      <c r="D1367"/>
    </row>
    <row r="1368" spans="3:4" x14ac:dyDescent="0.25">
      <c r="C1368"/>
      <c r="D1368"/>
    </row>
    <row r="1369" spans="3:4" x14ac:dyDescent="0.25">
      <c r="C1369"/>
      <c r="D1369"/>
    </row>
    <row r="1370" spans="3:4" x14ac:dyDescent="0.25">
      <c r="C1370"/>
      <c r="D1370"/>
    </row>
    <row r="1371" spans="3:4" x14ac:dyDescent="0.25">
      <c r="C1371"/>
      <c r="D1371"/>
    </row>
    <row r="1372" spans="3:4" x14ac:dyDescent="0.25">
      <c r="C1372"/>
      <c r="D1372"/>
    </row>
    <row r="1373" spans="3:4" x14ac:dyDescent="0.25">
      <c r="C1373"/>
      <c r="D1373"/>
    </row>
    <row r="1374" spans="3:4" x14ac:dyDescent="0.25">
      <c r="C1374"/>
      <c r="D1374"/>
    </row>
    <row r="1375" spans="3:4" x14ac:dyDescent="0.25">
      <c r="C1375"/>
      <c r="D1375"/>
    </row>
    <row r="1376" spans="3:4" x14ac:dyDescent="0.25">
      <c r="C1376"/>
      <c r="D1376"/>
    </row>
    <row r="1377" spans="3:4" x14ac:dyDescent="0.25">
      <c r="C1377"/>
      <c r="D1377"/>
    </row>
    <row r="1378" spans="3:4" x14ac:dyDescent="0.25">
      <c r="C1378"/>
      <c r="D1378"/>
    </row>
    <row r="1379" spans="3:4" x14ac:dyDescent="0.25">
      <c r="C1379"/>
      <c r="D1379"/>
    </row>
    <row r="1380" spans="3:4" x14ac:dyDescent="0.25">
      <c r="C1380"/>
      <c r="D1380"/>
    </row>
    <row r="1381" spans="3:4" x14ac:dyDescent="0.25">
      <c r="C1381"/>
      <c r="D1381"/>
    </row>
    <row r="1382" spans="3:4" x14ac:dyDescent="0.25">
      <c r="C1382"/>
      <c r="D1382"/>
    </row>
    <row r="1383" spans="3:4" x14ac:dyDescent="0.25">
      <c r="C1383"/>
      <c r="D1383"/>
    </row>
    <row r="1384" spans="3:4" x14ac:dyDescent="0.25">
      <c r="C1384"/>
      <c r="D1384"/>
    </row>
    <row r="1385" spans="3:4" x14ac:dyDescent="0.25">
      <c r="C1385"/>
      <c r="D1385"/>
    </row>
    <row r="1386" spans="3:4" x14ac:dyDescent="0.25">
      <c r="C1386"/>
      <c r="D1386"/>
    </row>
    <row r="1387" spans="3:4" x14ac:dyDescent="0.25">
      <c r="C1387"/>
      <c r="D1387"/>
    </row>
    <row r="1388" spans="3:4" x14ac:dyDescent="0.25">
      <c r="C1388"/>
      <c r="D1388"/>
    </row>
    <row r="1389" spans="3:4" x14ac:dyDescent="0.25">
      <c r="C1389"/>
      <c r="D1389"/>
    </row>
    <row r="1390" spans="3:4" x14ac:dyDescent="0.25">
      <c r="C1390"/>
      <c r="D1390"/>
    </row>
    <row r="1391" spans="3:4" x14ac:dyDescent="0.25">
      <c r="C1391"/>
      <c r="D1391"/>
    </row>
    <row r="1392" spans="3:4" x14ac:dyDescent="0.25">
      <c r="C1392"/>
      <c r="D1392"/>
    </row>
    <row r="1393" spans="3:4" x14ac:dyDescent="0.25">
      <c r="C1393"/>
      <c r="D1393"/>
    </row>
    <row r="1394" spans="3:4" x14ac:dyDescent="0.25">
      <c r="C1394"/>
      <c r="D1394"/>
    </row>
    <row r="1395" spans="3:4" x14ac:dyDescent="0.25">
      <c r="C1395"/>
      <c r="D1395"/>
    </row>
    <row r="1396" spans="3:4" x14ac:dyDescent="0.25">
      <c r="C1396"/>
      <c r="D1396"/>
    </row>
    <row r="1397" spans="3:4" x14ac:dyDescent="0.25">
      <c r="C1397"/>
      <c r="D1397"/>
    </row>
    <row r="1398" spans="3:4" x14ac:dyDescent="0.25">
      <c r="C1398"/>
      <c r="D1398"/>
    </row>
    <row r="1399" spans="3:4" x14ac:dyDescent="0.25">
      <c r="C1399"/>
      <c r="D1399"/>
    </row>
    <row r="1400" spans="3:4" x14ac:dyDescent="0.25">
      <c r="C1400"/>
      <c r="D1400"/>
    </row>
    <row r="1401" spans="3:4" x14ac:dyDescent="0.25">
      <c r="C1401"/>
      <c r="D1401"/>
    </row>
    <row r="1402" spans="3:4" x14ac:dyDescent="0.25">
      <c r="C1402"/>
      <c r="D1402"/>
    </row>
    <row r="1403" spans="3:4" x14ac:dyDescent="0.25">
      <c r="C1403"/>
      <c r="D1403"/>
    </row>
    <row r="1404" spans="3:4" x14ac:dyDescent="0.25">
      <c r="C1404"/>
      <c r="D1404"/>
    </row>
    <row r="1405" spans="3:4" x14ac:dyDescent="0.25">
      <c r="C1405"/>
      <c r="D1405"/>
    </row>
    <row r="1406" spans="3:4" x14ac:dyDescent="0.25">
      <c r="C1406"/>
      <c r="D1406"/>
    </row>
    <row r="1407" spans="3:4" x14ac:dyDescent="0.25">
      <c r="C1407"/>
      <c r="D1407"/>
    </row>
    <row r="1408" spans="3:4" x14ac:dyDescent="0.25">
      <c r="C1408"/>
      <c r="D1408"/>
    </row>
    <row r="1409" spans="3:4" x14ac:dyDescent="0.25">
      <c r="C1409"/>
      <c r="D1409"/>
    </row>
    <row r="1410" spans="3:4" x14ac:dyDescent="0.25">
      <c r="C1410"/>
      <c r="D1410"/>
    </row>
    <row r="1411" spans="3:4" x14ac:dyDescent="0.25">
      <c r="C1411"/>
      <c r="D1411"/>
    </row>
    <row r="1412" spans="3:4" x14ac:dyDescent="0.25">
      <c r="C1412"/>
      <c r="D1412"/>
    </row>
    <row r="1413" spans="3:4" x14ac:dyDescent="0.25">
      <c r="C1413"/>
      <c r="D1413"/>
    </row>
    <row r="1414" spans="3:4" x14ac:dyDescent="0.25">
      <c r="C1414"/>
      <c r="D1414"/>
    </row>
    <row r="1415" spans="3:4" x14ac:dyDescent="0.25">
      <c r="C1415"/>
      <c r="D1415"/>
    </row>
    <row r="1416" spans="3:4" x14ac:dyDescent="0.25">
      <c r="C1416"/>
      <c r="D1416"/>
    </row>
    <row r="1417" spans="3:4" x14ac:dyDescent="0.25">
      <c r="C1417"/>
      <c r="D1417"/>
    </row>
    <row r="1418" spans="3:4" x14ac:dyDescent="0.25">
      <c r="C1418"/>
      <c r="D1418"/>
    </row>
    <row r="1419" spans="3:4" x14ac:dyDescent="0.25">
      <c r="C1419"/>
      <c r="D1419"/>
    </row>
    <row r="1420" spans="3:4" x14ac:dyDescent="0.25">
      <c r="C1420"/>
      <c r="D1420"/>
    </row>
    <row r="1421" spans="3:4" x14ac:dyDescent="0.25">
      <c r="C1421"/>
      <c r="D1421"/>
    </row>
    <row r="1422" spans="3:4" x14ac:dyDescent="0.25">
      <c r="C1422"/>
      <c r="D1422"/>
    </row>
    <row r="1423" spans="3:4" x14ac:dyDescent="0.25">
      <c r="C1423"/>
      <c r="D1423"/>
    </row>
    <row r="1424" spans="3:4" x14ac:dyDescent="0.25">
      <c r="C1424"/>
      <c r="D1424"/>
    </row>
    <row r="1425" spans="3:4" x14ac:dyDescent="0.25">
      <c r="C1425"/>
      <c r="D1425"/>
    </row>
    <row r="1426" spans="3:4" x14ac:dyDescent="0.25">
      <c r="C1426"/>
      <c r="D1426"/>
    </row>
    <row r="1427" spans="3:4" x14ac:dyDescent="0.25">
      <c r="C1427"/>
      <c r="D1427"/>
    </row>
    <row r="1428" spans="3:4" x14ac:dyDescent="0.25">
      <c r="C1428"/>
      <c r="D1428"/>
    </row>
    <row r="1429" spans="3:4" x14ac:dyDescent="0.25">
      <c r="C1429"/>
      <c r="D1429"/>
    </row>
    <row r="1430" spans="3:4" x14ac:dyDescent="0.25">
      <c r="C1430"/>
      <c r="D1430"/>
    </row>
    <row r="1431" spans="3:4" x14ac:dyDescent="0.25">
      <c r="C1431"/>
      <c r="D1431"/>
    </row>
    <row r="1432" spans="3:4" x14ac:dyDescent="0.25">
      <c r="C1432"/>
      <c r="D1432"/>
    </row>
    <row r="1433" spans="3:4" x14ac:dyDescent="0.25">
      <c r="C1433"/>
      <c r="D1433"/>
    </row>
    <row r="1434" spans="3:4" x14ac:dyDescent="0.25">
      <c r="C1434"/>
      <c r="D1434"/>
    </row>
    <row r="1435" spans="3:4" x14ac:dyDescent="0.25">
      <c r="C1435"/>
      <c r="D1435"/>
    </row>
    <row r="1436" spans="3:4" x14ac:dyDescent="0.25">
      <c r="C1436"/>
      <c r="D1436"/>
    </row>
    <row r="1437" spans="3:4" x14ac:dyDescent="0.25">
      <c r="C1437"/>
      <c r="D1437"/>
    </row>
    <row r="1438" spans="3:4" x14ac:dyDescent="0.25">
      <c r="C1438"/>
      <c r="D1438"/>
    </row>
    <row r="1439" spans="3:4" x14ac:dyDescent="0.25">
      <c r="C1439"/>
      <c r="D1439"/>
    </row>
    <row r="1440" spans="3:4" x14ac:dyDescent="0.25">
      <c r="C1440"/>
      <c r="D1440"/>
    </row>
    <row r="1441" spans="3:4" x14ac:dyDescent="0.25">
      <c r="C1441"/>
      <c r="D1441"/>
    </row>
    <row r="1442" spans="3:4" x14ac:dyDescent="0.25">
      <c r="C1442"/>
      <c r="D1442"/>
    </row>
    <row r="1443" spans="3:4" x14ac:dyDescent="0.25">
      <c r="C1443"/>
      <c r="D1443"/>
    </row>
    <row r="1444" spans="3:4" x14ac:dyDescent="0.25">
      <c r="C1444"/>
      <c r="D1444"/>
    </row>
    <row r="1445" spans="3:4" x14ac:dyDescent="0.25">
      <c r="C1445"/>
      <c r="D1445"/>
    </row>
    <row r="1446" spans="3:4" x14ac:dyDescent="0.25">
      <c r="C1446"/>
      <c r="D1446"/>
    </row>
    <row r="1447" spans="3:4" x14ac:dyDescent="0.25">
      <c r="C1447"/>
      <c r="D1447"/>
    </row>
    <row r="1448" spans="3:4" x14ac:dyDescent="0.25">
      <c r="C1448"/>
      <c r="D1448"/>
    </row>
    <row r="1449" spans="3:4" x14ac:dyDescent="0.25">
      <c r="C1449"/>
      <c r="D1449"/>
    </row>
    <row r="1450" spans="3:4" x14ac:dyDescent="0.25">
      <c r="C1450"/>
      <c r="D1450"/>
    </row>
    <row r="1451" spans="3:4" x14ac:dyDescent="0.25">
      <c r="C1451"/>
      <c r="D1451"/>
    </row>
    <row r="1452" spans="3:4" x14ac:dyDescent="0.25">
      <c r="C1452"/>
      <c r="D1452"/>
    </row>
    <row r="1453" spans="3:4" x14ac:dyDescent="0.25">
      <c r="C1453"/>
      <c r="D1453"/>
    </row>
    <row r="1454" spans="3:4" x14ac:dyDescent="0.25">
      <c r="C1454"/>
      <c r="D1454"/>
    </row>
    <row r="1455" spans="3:4" x14ac:dyDescent="0.25">
      <c r="C1455"/>
      <c r="D1455"/>
    </row>
    <row r="1456" spans="3:4" x14ac:dyDescent="0.25">
      <c r="C1456"/>
      <c r="D1456"/>
    </row>
    <row r="1457" spans="3:4" x14ac:dyDescent="0.25">
      <c r="C1457"/>
      <c r="D1457"/>
    </row>
    <row r="1458" spans="3:4" x14ac:dyDescent="0.25">
      <c r="C1458"/>
      <c r="D1458"/>
    </row>
    <row r="1459" spans="3:4" x14ac:dyDescent="0.25">
      <c r="C1459"/>
      <c r="D1459"/>
    </row>
    <row r="1460" spans="3:4" x14ac:dyDescent="0.25">
      <c r="C1460"/>
      <c r="D1460"/>
    </row>
    <row r="1461" spans="3:4" x14ac:dyDescent="0.25">
      <c r="C1461"/>
      <c r="D1461"/>
    </row>
    <row r="1462" spans="3:4" x14ac:dyDescent="0.25">
      <c r="C1462"/>
      <c r="D1462"/>
    </row>
    <row r="1463" spans="3:4" x14ac:dyDescent="0.25">
      <c r="C1463"/>
      <c r="D1463"/>
    </row>
    <row r="1464" spans="3:4" x14ac:dyDescent="0.25">
      <c r="C1464"/>
      <c r="D1464"/>
    </row>
    <row r="1465" spans="3:4" x14ac:dyDescent="0.25">
      <c r="C1465"/>
      <c r="D1465"/>
    </row>
    <row r="1466" spans="3:4" x14ac:dyDescent="0.25">
      <c r="C1466"/>
      <c r="D1466"/>
    </row>
    <row r="1467" spans="3:4" x14ac:dyDescent="0.25">
      <c r="C1467"/>
      <c r="D1467"/>
    </row>
    <row r="1468" spans="3:4" x14ac:dyDescent="0.25">
      <c r="C1468"/>
      <c r="D1468"/>
    </row>
    <row r="1469" spans="3:4" x14ac:dyDescent="0.25">
      <c r="C1469"/>
      <c r="D1469"/>
    </row>
    <row r="1470" spans="3:4" x14ac:dyDescent="0.25">
      <c r="C1470"/>
      <c r="D1470"/>
    </row>
    <row r="1471" spans="3:4" x14ac:dyDescent="0.25">
      <c r="C1471"/>
      <c r="D1471"/>
    </row>
    <row r="1472" spans="3:4" x14ac:dyDescent="0.25">
      <c r="C1472"/>
      <c r="D1472"/>
    </row>
    <row r="1473" spans="3:4" x14ac:dyDescent="0.25">
      <c r="C1473"/>
      <c r="D1473"/>
    </row>
    <row r="1474" spans="3:4" x14ac:dyDescent="0.25">
      <c r="C1474"/>
      <c r="D1474"/>
    </row>
    <row r="1475" spans="3:4" x14ac:dyDescent="0.25">
      <c r="C1475"/>
      <c r="D1475"/>
    </row>
    <row r="1476" spans="3:4" x14ac:dyDescent="0.25">
      <c r="C1476"/>
      <c r="D1476"/>
    </row>
    <row r="1477" spans="3:4" x14ac:dyDescent="0.25">
      <c r="C1477"/>
      <c r="D1477"/>
    </row>
    <row r="1478" spans="3:4" x14ac:dyDescent="0.25">
      <c r="C1478"/>
      <c r="D1478"/>
    </row>
    <row r="1479" spans="3:4" x14ac:dyDescent="0.25">
      <c r="C1479"/>
      <c r="D1479"/>
    </row>
    <row r="1480" spans="3:4" x14ac:dyDescent="0.25">
      <c r="C1480"/>
      <c r="D1480"/>
    </row>
    <row r="1481" spans="3:4" x14ac:dyDescent="0.25">
      <c r="C1481"/>
      <c r="D1481"/>
    </row>
    <row r="1482" spans="3:4" x14ac:dyDescent="0.25">
      <c r="C1482"/>
      <c r="D1482"/>
    </row>
    <row r="1483" spans="3:4" x14ac:dyDescent="0.25">
      <c r="C1483"/>
      <c r="D1483"/>
    </row>
    <row r="1484" spans="3:4" x14ac:dyDescent="0.25">
      <c r="C1484"/>
      <c r="D1484"/>
    </row>
    <row r="1485" spans="3:4" x14ac:dyDescent="0.25">
      <c r="C1485"/>
      <c r="D1485"/>
    </row>
    <row r="1486" spans="3:4" x14ac:dyDescent="0.25">
      <c r="C1486"/>
      <c r="D1486"/>
    </row>
    <row r="1487" spans="3:4" x14ac:dyDescent="0.25">
      <c r="C1487"/>
      <c r="D1487"/>
    </row>
    <row r="1488" spans="3:4" x14ac:dyDescent="0.25">
      <c r="C1488"/>
      <c r="D1488"/>
    </row>
    <row r="1489" spans="3:4" x14ac:dyDescent="0.25">
      <c r="C1489"/>
      <c r="D1489"/>
    </row>
    <row r="1490" spans="3:4" x14ac:dyDescent="0.25">
      <c r="C1490"/>
      <c r="D1490"/>
    </row>
    <row r="1491" spans="3:4" x14ac:dyDescent="0.25">
      <c r="C1491"/>
      <c r="D1491"/>
    </row>
    <row r="1492" spans="3:4" x14ac:dyDescent="0.25">
      <c r="C1492"/>
      <c r="D1492"/>
    </row>
    <row r="1493" spans="3:4" x14ac:dyDescent="0.25">
      <c r="C1493"/>
      <c r="D1493"/>
    </row>
    <row r="1494" spans="3:4" x14ac:dyDescent="0.25">
      <c r="C1494"/>
      <c r="D1494"/>
    </row>
    <row r="1495" spans="3:4" x14ac:dyDescent="0.25">
      <c r="C1495"/>
      <c r="D1495"/>
    </row>
    <row r="1496" spans="3:4" x14ac:dyDescent="0.25">
      <c r="C1496"/>
      <c r="D1496"/>
    </row>
    <row r="1497" spans="3:4" x14ac:dyDescent="0.25">
      <c r="C1497"/>
      <c r="D1497"/>
    </row>
    <row r="1498" spans="3:4" x14ac:dyDescent="0.25">
      <c r="C1498"/>
      <c r="D1498"/>
    </row>
    <row r="1499" spans="3:4" x14ac:dyDescent="0.25">
      <c r="C1499"/>
      <c r="D1499"/>
    </row>
    <row r="1500" spans="3:4" x14ac:dyDescent="0.25">
      <c r="C1500"/>
      <c r="D1500"/>
    </row>
    <row r="1501" spans="3:4" x14ac:dyDescent="0.25">
      <c r="C1501"/>
      <c r="D1501"/>
    </row>
    <row r="1502" spans="3:4" x14ac:dyDescent="0.25">
      <c r="C1502"/>
      <c r="D1502"/>
    </row>
    <row r="1503" spans="3:4" x14ac:dyDescent="0.25">
      <c r="C1503"/>
      <c r="D1503"/>
    </row>
    <row r="1504" spans="3:4" x14ac:dyDescent="0.25">
      <c r="C1504"/>
      <c r="D1504"/>
    </row>
    <row r="1505" spans="3:4" x14ac:dyDescent="0.25">
      <c r="C1505"/>
      <c r="D1505"/>
    </row>
    <row r="1506" spans="3:4" x14ac:dyDescent="0.25">
      <c r="C1506"/>
      <c r="D1506"/>
    </row>
    <row r="1507" spans="3:4" x14ac:dyDescent="0.25">
      <c r="C1507"/>
      <c r="D1507"/>
    </row>
    <row r="1508" spans="3:4" x14ac:dyDescent="0.25">
      <c r="C1508"/>
      <c r="D1508"/>
    </row>
    <row r="1509" spans="3:4" x14ac:dyDescent="0.25">
      <c r="C1509"/>
      <c r="D1509"/>
    </row>
    <row r="1510" spans="3:4" x14ac:dyDescent="0.25">
      <c r="C1510"/>
      <c r="D1510"/>
    </row>
    <row r="1511" spans="3:4" x14ac:dyDescent="0.25">
      <c r="C1511"/>
      <c r="D1511"/>
    </row>
    <row r="1512" spans="3:4" x14ac:dyDescent="0.25">
      <c r="C1512"/>
      <c r="D1512"/>
    </row>
    <row r="1513" spans="3:4" x14ac:dyDescent="0.25">
      <c r="C1513"/>
      <c r="D1513"/>
    </row>
    <row r="1514" spans="3:4" x14ac:dyDescent="0.25">
      <c r="C1514"/>
      <c r="D1514"/>
    </row>
    <row r="1515" spans="3:4" x14ac:dyDescent="0.25">
      <c r="C1515"/>
      <c r="D1515"/>
    </row>
    <row r="1516" spans="3:4" x14ac:dyDescent="0.25">
      <c r="C1516"/>
      <c r="D1516"/>
    </row>
    <row r="1517" spans="3:4" x14ac:dyDescent="0.25">
      <c r="C1517"/>
      <c r="D1517"/>
    </row>
    <row r="1518" spans="3:4" x14ac:dyDescent="0.25">
      <c r="C1518"/>
      <c r="D1518"/>
    </row>
    <row r="1519" spans="3:4" x14ac:dyDescent="0.25">
      <c r="C1519"/>
      <c r="D1519"/>
    </row>
    <row r="1520" spans="3:4" x14ac:dyDescent="0.25">
      <c r="C1520"/>
      <c r="D1520"/>
    </row>
    <row r="1521" spans="3:4" x14ac:dyDescent="0.25">
      <c r="C1521"/>
      <c r="D1521"/>
    </row>
    <row r="1522" spans="3:4" x14ac:dyDescent="0.25">
      <c r="C1522"/>
      <c r="D1522"/>
    </row>
    <row r="1523" spans="3:4" x14ac:dyDescent="0.25">
      <c r="C1523"/>
      <c r="D1523"/>
    </row>
    <row r="1524" spans="3:4" x14ac:dyDescent="0.25">
      <c r="C1524"/>
      <c r="D1524"/>
    </row>
    <row r="1525" spans="3:4" x14ac:dyDescent="0.25">
      <c r="C1525"/>
      <c r="D1525"/>
    </row>
    <row r="1526" spans="3:4" x14ac:dyDescent="0.25">
      <c r="C1526"/>
      <c r="D1526"/>
    </row>
    <row r="1527" spans="3:4" x14ac:dyDescent="0.25">
      <c r="C1527"/>
      <c r="D1527"/>
    </row>
    <row r="1528" spans="3:4" x14ac:dyDescent="0.25">
      <c r="C1528"/>
      <c r="D1528"/>
    </row>
    <row r="1529" spans="3:4" x14ac:dyDescent="0.25">
      <c r="C1529"/>
      <c r="D1529"/>
    </row>
    <row r="1530" spans="3:4" x14ac:dyDescent="0.25">
      <c r="C1530"/>
      <c r="D1530"/>
    </row>
    <row r="1531" spans="3:4" x14ac:dyDescent="0.25">
      <c r="C1531"/>
      <c r="D1531"/>
    </row>
    <row r="1532" spans="3:4" x14ac:dyDescent="0.25">
      <c r="C1532"/>
      <c r="D1532"/>
    </row>
    <row r="1533" spans="3:4" x14ac:dyDescent="0.25">
      <c r="C1533"/>
      <c r="D1533"/>
    </row>
    <row r="1534" spans="3:4" x14ac:dyDescent="0.25">
      <c r="C1534"/>
      <c r="D1534"/>
    </row>
    <row r="1535" spans="3:4" x14ac:dyDescent="0.25">
      <c r="C1535"/>
      <c r="D1535"/>
    </row>
    <row r="1536" spans="3:4" x14ac:dyDescent="0.25">
      <c r="C1536"/>
      <c r="D1536"/>
    </row>
    <row r="1537" spans="3:4" x14ac:dyDescent="0.25">
      <c r="C1537"/>
      <c r="D1537"/>
    </row>
    <row r="1538" spans="3:4" x14ac:dyDescent="0.25">
      <c r="C1538"/>
      <c r="D1538"/>
    </row>
    <row r="1539" spans="3:4" x14ac:dyDescent="0.25">
      <c r="C1539"/>
      <c r="D1539"/>
    </row>
    <row r="1540" spans="3:4" x14ac:dyDescent="0.25">
      <c r="C1540"/>
      <c r="D1540"/>
    </row>
    <row r="1541" spans="3:4" x14ac:dyDescent="0.25">
      <c r="C1541"/>
      <c r="D1541"/>
    </row>
    <row r="1542" spans="3:4" x14ac:dyDescent="0.25">
      <c r="C1542"/>
      <c r="D1542"/>
    </row>
    <row r="1543" spans="3:4" x14ac:dyDescent="0.25">
      <c r="C1543"/>
      <c r="D1543"/>
    </row>
    <row r="1544" spans="3:4" x14ac:dyDescent="0.25">
      <c r="C1544"/>
      <c r="D1544"/>
    </row>
    <row r="1545" spans="3:4" x14ac:dyDescent="0.25">
      <c r="C1545"/>
      <c r="D1545"/>
    </row>
    <row r="1546" spans="3:4" x14ac:dyDescent="0.25">
      <c r="C1546"/>
      <c r="D1546"/>
    </row>
    <row r="1547" spans="3:4" x14ac:dyDescent="0.25">
      <c r="C1547"/>
      <c r="D1547"/>
    </row>
    <row r="1548" spans="3:4" x14ac:dyDescent="0.25">
      <c r="C1548"/>
      <c r="D1548"/>
    </row>
    <row r="1549" spans="3:4" x14ac:dyDescent="0.25">
      <c r="C1549"/>
      <c r="D1549"/>
    </row>
    <row r="1550" spans="3:4" x14ac:dyDescent="0.25">
      <c r="C1550"/>
      <c r="D1550"/>
    </row>
    <row r="1551" spans="3:4" x14ac:dyDescent="0.25">
      <c r="C1551"/>
      <c r="D1551"/>
    </row>
    <row r="1552" spans="3:4" x14ac:dyDescent="0.25">
      <c r="C1552"/>
      <c r="D1552"/>
    </row>
    <row r="1553" spans="3:4" x14ac:dyDescent="0.25">
      <c r="C1553"/>
      <c r="D1553"/>
    </row>
    <row r="1554" spans="3:4" x14ac:dyDescent="0.25">
      <c r="C1554"/>
      <c r="D1554"/>
    </row>
    <row r="1555" spans="3:4" x14ac:dyDescent="0.25">
      <c r="C1555"/>
      <c r="D1555"/>
    </row>
    <row r="1556" spans="3:4" x14ac:dyDescent="0.25">
      <c r="C1556"/>
      <c r="D1556"/>
    </row>
    <row r="1557" spans="3:4" x14ac:dyDescent="0.25">
      <c r="C1557"/>
      <c r="D1557"/>
    </row>
    <row r="1558" spans="3:4" x14ac:dyDescent="0.25">
      <c r="C1558"/>
      <c r="D1558"/>
    </row>
    <row r="1559" spans="3:4" x14ac:dyDescent="0.25">
      <c r="C1559"/>
      <c r="D1559"/>
    </row>
    <row r="1560" spans="3:4" x14ac:dyDescent="0.25">
      <c r="C1560"/>
      <c r="D1560"/>
    </row>
    <row r="1561" spans="3:4" x14ac:dyDescent="0.25">
      <c r="C1561"/>
      <c r="D1561"/>
    </row>
    <row r="1562" spans="3:4" x14ac:dyDescent="0.25">
      <c r="C1562"/>
      <c r="D1562"/>
    </row>
    <row r="1563" spans="3:4" x14ac:dyDescent="0.25">
      <c r="C1563"/>
      <c r="D1563"/>
    </row>
    <row r="1564" spans="3:4" x14ac:dyDescent="0.25">
      <c r="C1564"/>
      <c r="D1564"/>
    </row>
    <row r="1565" spans="3:4" x14ac:dyDescent="0.25">
      <c r="C1565"/>
      <c r="D1565"/>
    </row>
    <row r="1566" spans="3:4" x14ac:dyDescent="0.25">
      <c r="C1566"/>
      <c r="D1566"/>
    </row>
    <row r="1567" spans="3:4" x14ac:dyDescent="0.25">
      <c r="C1567"/>
      <c r="D1567"/>
    </row>
    <row r="1568" spans="3:4" x14ac:dyDescent="0.25">
      <c r="C1568"/>
      <c r="D1568"/>
    </row>
    <row r="1569" spans="3:4" x14ac:dyDescent="0.25">
      <c r="C1569"/>
      <c r="D1569"/>
    </row>
    <row r="1570" spans="3:4" x14ac:dyDescent="0.25">
      <c r="C1570"/>
      <c r="D1570"/>
    </row>
    <row r="1571" spans="3:4" x14ac:dyDescent="0.25">
      <c r="C1571"/>
      <c r="D1571"/>
    </row>
    <row r="1572" spans="3:4" x14ac:dyDescent="0.25">
      <c r="C1572"/>
      <c r="D1572"/>
    </row>
    <row r="1573" spans="3:4" x14ac:dyDescent="0.25">
      <c r="C1573"/>
      <c r="D1573"/>
    </row>
    <row r="1574" spans="3:4" x14ac:dyDescent="0.25">
      <c r="C1574"/>
      <c r="D1574"/>
    </row>
    <row r="1575" spans="3:4" x14ac:dyDescent="0.25">
      <c r="C1575"/>
      <c r="D1575"/>
    </row>
    <row r="1576" spans="3:4" x14ac:dyDescent="0.25">
      <c r="C1576"/>
      <c r="D1576"/>
    </row>
    <row r="1577" spans="3:4" x14ac:dyDescent="0.25">
      <c r="C1577"/>
      <c r="D1577"/>
    </row>
    <row r="1578" spans="3:4" x14ac:dyDescent="0.25">
      <c r="C1578"/>
      <c r="D1578"/>
    </row>
    <row r="1579" spans="3:4" x14ac:dyDescent="0.25">
      <c r="C1579"/>
      <c r="D1579"/>
    </row>
    <row r="1580" spans="3:4" x14ac:dyDescent="0.25">
      <c r="C1580"/>
      <c r="D1580"/>
    </row>
    <row r="1581" spans="3:4" x14ac:dyDescent="0.25">
      <c r="C1581"/>
      <c r="D1581"/>
    </row>
    <row r="1582" spans="3:4" x14ac:dyDescent="0.25">
      <c r="C1582"/>
      <c r="D1582"/>
    </row>
    <row r="1583" spans="3:4" x14ac:dyDescent="0.25">
      <c r="C1583"/>
      <c r="D1583"/>
    </row>
    <row r="1584" spans="3:4" x14ac:dyDescent="0.25">
      <c r="C1584"/>
      <c r="D1584"/>
    </row>
    <row r="1585" spans="3:4" x14ac:dyDescent="0.25">
      <c r="C1585"/>
      <c r="D1585"/>
    </row>
    <row r="1586" spans="3:4" x14ac:dyDescent="0.25">
      <c r="C1586"/>
      <c r="D1586"/>
    </row>
    <row r="1587" spans="3:4" x14ac:dyDescent="0.25">
      <c r="C1587"/>
      <c r="D1587"/>
    </row>
    <row r="1588" spans="3:4" x14ac:dyDescent="0.25">
      <c r="C1588"/>
      <c r="D1588"/>
    </row>
    <row r="1589" spans="3:4" x14ac:dyDescent="0.25">
      <c r="C1589"/>
      <c r="D1589"/>
    </row>
    <row r="1590" spans="3:4" x14ac:dyDescent="0.25">
      <c r="C1590"/>
      <c r="D1590"/>
    </row>
    <row r="1591" spans="3:4" x14ac:dyDescent="0.25">
      <c r="C1591"/>
      <c r="D1591"/>
    </row>
    <row r="1592" spans="3:4" x14ac:dyDescent="0.25">
      <c r="C1592"/>
      <c r="D1592"/>
    </row>
    <row r="1593" spans="3:4" x14ac:dyDescent="0.25">
      <c r="C1593"/>
      <c r="D1593"/>
    </row>
    <row r="1594" spans="3:4" x14ac:dyDescent="0.25">
      <c r="C1594"/>
      <c r="D1594"/>
    </row>
    <row r="1595" spans="3:4" x14ac:dyDescent="0.25">
      <c r="C1595"/>
      <c r="D1595"/>
    </row>
    <row r="1596" spans="3:4" x14ac:dyDescent="0.25">
      <c r="C1596"/>
      <c r="D1596"/>
    </row>
    <row r="1597" spans="3:4" x14ac:dyDescent="0.25">
      <c r="C1597"/>
      <c r="D1597"/>
    </row>
    <row r="1598" spans="3:4" x14ac:dyDescent="0.25">
      <c r="C1598"/>
      <c r="D1598"/>
    </row>
    <row r="1599" spans="3:4" x14ac:dyDescent="0.25">
      <c r="C1599"/>
      <c r="D1599"/>
    </row>
    <row r="1600" spans="3:4" x14ac:dyDescent="0.25">
      <c r="C1600"/>
      <c r="D1600"/>
    </row>
    <row r="1601" spans="3:4" x14ac:dyDescent="0.25">
      <c r="C1601"/>
      <c r="D1601"/>
    </row>
    <row r="1602" spans="3:4" x14ac:dyDescent="0.25">
      <c r="C1602"/>
      <c r="D1602"/>
    </row>
    <row r="1603" spans="3:4" x14ac:dyDescent="0.25">
      <c r="C1603"/>
      <c r="D1603"/>
    </row>
    <row r="1604" spans="3:4" x14ac:dyDescent="0.25">
      <c r="C1604"/>
      <c r="D1604"/>
    </row>
    <row r="1605" spans="3:4" x14ac:dyDescent="0.25">
      <c r="C1605"/>
      <c r="D1605"/>
    </row>
    <row r="1606" spans="3:4" x14ac:dyDescent="0.25">
      <c r="C1606"/>
      <c r="D1606"/>
    </row>
    <row r="1607" spans="3:4" x14ac:dyDescent="0.25">
      <c r="C1607"/>
      <c r="D1607"/>
    </row>
    <row r="1608" spans="3:4" x14ac:dyDescent="0.25">
      <c r="C1608"/>
      <c r="D1608"/>
    </row>
    <row r="1609" spans="3:4" x14ac:dyDescent="0.25">
      <c r="C1609"/>
      <c r="D1609"/>
    </row>
    <row r="1610" spans="3:4" x14ac:dyDescent="0.25">
      <c r="C1610"/>
      <c r="D1610"/>
    </row>
    <row r="1611" spans="3:4" x14ac:dyDescent="0.25">
      <c r="C1611"/>
      <c r="D1611"/>
    </row>
    <row r="1612" spans="3:4" x14ac:dyDescent="0.25">
      <c r="C1612"/>
      <c r="D1612"/>
    </row>
    <row r="1613" spans="3:4" x14ac:dyDescent="0.25">
      <c r="C1613"/>
      <c r="D1613"/>
    </row>
    <row r="1614" spans="3:4" x14ac:dyDescent="0.25">
      <c r="C1614"/>
      <c r="D1614"/>
    </row>
    <row r="1615" spans="3:4" x14ac:dyDescent="0.25">
      <c r="C1615"/>
      <c r="D1615"/>
    </row>
    <row r="1616" spans="3:4" x14ac:dyDescent="0.25">
      <c r="C1616"/>
      <c r="D1616"/>
    </row>
    <row r="1617" spans="3:4" x14ac:dyDescent="0.25">
      <c r="C1617"/>
      <c r="D1617"/>
    </row>
    <row r="1618" spans="3:4" x14ac:dyDescent="0.25">
      <c r="C1618"/>
      <c r="D1618"/>
    </row>
    <row r="1619" spans="3:4" x14ac:dyDescent="0.25">
      <c r="C1619"/>
      <c r="D1619"/>
    </row>
    <row r="1620" spans="3:4" x14ac:dyDescent="0.25">
      <c r="C1620"/>
      <c r="D1620"/>
    </row>
    <row r="1621" spans="3:4" x14ac:dyDescent="0.25">
      <c r="C1621"/>
      <c r="D1621"/>
    </row>
    <row r="1622" spans="3:4" x14ac:dyDescent="0.25">
      <c r="C1622"/>
      <c r="D1622"/>
    </row>
    <row r="1623" spans="3:4" x14ac:dyDescent="0.25">
      <c r="C1623"/>
      <c r="D1623"/>
    </row>
    <row r="1624" spans="3:4" x14ac:dyDescent="0.25">
      <c r="C1624"/>
      <c r="D1624"/>
    </row>
    <row r="1625" spans="3:4" x14ac:dyDescent="0.25">
      <c r="C1625"/>
      <c r="D1625"/>
    </row>
    <row r="1626" spans="3:4" x14ac:dyDescent="0.25">
      <c r="C1626"/>
      <c r="D1626"/>
    </row>
    <row r="1627" spans="3:4" x14ac:dyDescent="0.25">
      <c r="C1627"/>
      <c r="D1627"/>
    </row>
    <row r="1628" spans="3:4" x14ac:dyDescent="0.25">
      <c r="C1628"/>
      <c r="D1628"/>
    </row>
    <row r="1629" spans="3:4" x14ac:dyDescent="0.25">
      <c r="C1629"/>
      <c r="D1629"/>
    </row>
    <row r="1630" spans="3:4" x14ac:dyDescent="0.25">
      <c r="C1630"/>
      <c r="D1630"/>
    </row>
    <row r="1631" spans="3:4" x14ac:dyDescent="0.25">
      <c r="C1631"/>
      <c r="D1631"/>
    </row>
    <row r="1632" spans="3:4" x14ac:dyDescent="0.25">
      <c r="C1632"/>
      <c r="D1632"/>
    </row>
    <row r="1633" spans="3:4" x14ac:dyDescent="0.25">
      <c r="C1633"/>
      <c r="D1633"/>
    </row>
    <row r="1634" spans="3:4" x14ac:dyDescent="0.25">
      <c r="C1634"/>
      <c r="D1634"/>
    </row>
    <row r="1635" spans="3:4" x14ac:dyDescent="0.25">
      <c r="C1635"/>
      <c r="D1635"/>
    </row>
    <row r="1636" spans="3:4" x14ac:dyDescent="0.25">
      <c r="C1636"/>
      <c r="D1636"/>
    </row>
    <row r="1637" spans="3:4" x14ac:dyDescent="0.25">
      <c r="C1637"/>
      <c r="D1637"/>
    </row>
    <row r="1638" spans="3:4" x14ac:dyDescent="0.25">
      <c r="C1638"/>
      <c r="D1638"/>
    </row>
    <row r="1639" spans="3:4" x14ac:dyDescent="0.25">
      <c r="C1639"/>
      <c r="D1639"/>
    </row>
    <row r="1640" spans="3:4" x14ac:dyDescent="0.25">
      <c r="C1640"/>
      <c r="D1640"/>
    </row>
    <row r="1641" spans="3:4" x14ac:dyDescent="0.25">
      <c r="C1641"/>
      <c r="D1641"/>
    </row>
    <row r="1642" spans="3:4" x14ac:dyDescent="0.25">
      <c r="C1642"/>
      <c r="D1642"/>
    </row>
    <row r="1643" spans="3:4" x14ac:dyDescent="0.25">
      <c r="C1643"/>
      <c r="D1643"/>
    </row>
    <row r="1644" spans="3:4" x14ac:dyDescent="0.25">
      <c r="C1644"/>
      <c r="D1644"/>
    </row>
    <row r="1645" spans="3:4" x14ac:dyDescent="0.25">
      <c r="C1645"/>
      <c r="D1645"/>
    </row>
    <row r="1646" spans="3:4" x14ac:dyDescent="0.25">
      <c r="C1646"/>
      <c r="D1646"/>
    </row>
    <row r="1647" spans="3:4" x14ac:dyDescent="0.25">
      <c r="C1647"/>
      <c r="D1647"/>
    </row>
    <row r="1648" spans="3:4" x14ac:dyDescent="0.25">
      <c r="C1648"/>
      <c r="D1648"/>
    </row>
    <row r="1649" spans="3:4" x14ac:dyDescent="0.25">
      <c r="C1649"/>
      <c r="D1649"/>
    </row>
    <row r="1650" spans="3:4" x14ac:dyDescent="0.25">
      <c r="C1650"/>
      <c r="D1650"/>
    </row>
    <row r="1651" spans="3:4" x14ac:dyDescent="0.25">
      <c r="C1651"/>
      <c r="D1651"/>
    </row>
    <row r="1652" spans="3:4" x14ac:dyDescent="0.25">
      <c r="C1652"/>
      <c r="D1652"/>
    </row>
    <row r="1653" spans="3:4" x14ac:dyDescent="0.25">
      <c r="C1653"/>
      <c r="D1653"/>
    </row>
    <row r="1654" spans="3:4" x14ac:dyDescent="0.25">
      <c r="C1654"/>
      <c r="D1654"/>
    </row>
    <row r="1655" spans="3:4" x14ac:dyDescent="0.25">
      <c r="C1655"/>
      <c r="D1655"/>
    </row>
    <row r="1656" spans="3:4" x14ac:dyDescent="0.25">
      <c r="C1656"/>
      <c r="D1656"/>
    </row>
    <row r="1657" spans="3:4" x14ac:dyDescent="0.25">
      <c r="C1657"/>
      <c r="D1657"/>
    </row>
    <row r="1658" spans="3:4" x14ac:dyDescent="0.25">
      <c r="C1658"/>
      <c r="D1658"/>
    </row>
    <row r="1659" spans="3:4" x14ac:dyDescent="0.25">
      <c r="C1659"/>
      <c r="D1659"/>
    </row>
    <row r="1660" spans="3:4" x14ac:dyDescent="0.25">
      <c r="C1660"/>
      <c r="D1660"/>
    </row>
    <row r="1661" spans="3:4" x14ac:dyDescent="0.25">
      <c r="C1661"/>
      <c r="D1661"/>
    </row>
    <row r="1662" spans="3:4" x14ac:dyDescent="0.25">
      <c r="C1662"/>
      <c r="D1662"/>
    </row>
    <row r="1663" spans="3:4" x14ac:dyDescent="0.25">
      <c r="C1663"/>
      <c r="D1663"/>
    </row>
    <row r="1664" spans="3:4" x14ac:dyDescent="0.25">
      <c r="C1664"/>
      <c r="D1664"/>
    </row>
    <row r="1665" spans="3:4" x14ac:dyDescent="0.25">
      <c r="C1665"/>
      <c r="D1665"/>
    </row>
    <row r="1666" spans="3:4" x14ac:dyDescent="0.25">
      <c r="C1666"/>
      <c r="D1666"/>
    </row>
    <row r="1667" spans="3:4" x14ac:dyDescent="0.25">
      <c r="C1667"/>
      <c r="D1667"/>
    </row>
    <row r="1668" spans="3:4" x14ac:dyDescent="0.25">
      <c r="C1668"/>
      <c r="D1668"/>
    </row>
    <row r="1669" spans="3:4" x14ac:dyDescent="0.25">
      <c r="C1669"/>
      <c r="D1669"/>
    </row>
    <row r="1670" spans="3:4" x14ac:dyDescent="0.25">
      <c r="C1670"/>
      <c r="D1670"/>
    </row>
    <row r="1671" spans="3:4" x14ac:dyDescent="0.25">
      <c r="C1671"/>
      <c r="D1671"/>
    </row>
    <row r="1672" spans="3:4" x14ac:dyDescent="0.25">
      <c r="C1672"/>
      <c r="D1672"/>
    </row>
    <row r="1673" spans="3:4" x14ac:dyDescent="0.25">
      <c r="C1673"/>
      <c r="D1673"/>
    </row>
    <row r="1674" spans="3:4" x14ac:dyDescent="0.25">
      <c r="C1674"/>
      <c r="D1674"/>
    </row>
    <row r="1675" spans="3:4" x14ac:dyDescent="0.25">
      <c r="C1675"/>
      <c r="D1675"/>
    </row>
    <row r="1676" spans="3:4" x14ac:dyDescent="0.25">
      <c r="C1676"/>
      <c r="D1676"/>
    </row>
    <row r="1677" spans="3:4" x14ac:dyDescent="0.25">
      <c r="C1677"/>
      <c r="D1677"/>
    </row>
    <row r="1678" spans="3:4" x14ac:dyDescent="0.25">
      <c r="C1678"/>
      <c r="D1678"/>
    </row>
    <row r="1679" spans="3:4" x14ac:dyDescent="0.25">
      <c r="C1679"/>
      <c r="D1679"/>
    </row>
    <row r="1680" spans="3:4" x14ac:dyDescent="0.25">
      <c r="C1680"/>
      <c r="D1680"/>
    </row>
    <row r="1681" spans="3:4" x14ac:dyDescent="0.25">
      <c r="C1681"/>
      <c r="D1681"/>
    </row>
    <row r="1682" spans="3:4" x14ac:dyDescent="0.25">
      <c r="C1682"/>
      <c r="D1682"/>
    </row>
    <row r="1683" spans="3:4" x14ac:dyDescent="0.25">
      <c r="C1683"/>
      <c r="D1683"/>
    </row>
    <row r="1684" spans="3:4" x14ac:dyDescent="0.25">
      <c r="C1684"/>
      <c r="D1684"/>
    </row>
    <row r="1685" spans="3:4" x14ac:dyDescent="0.25">
      <c r="C1685"/>
      <c r="D1685"/>
    </row>
    <row r="1686" spans="3:4" x14ac:dyDescent="0.25">
      <c r="C1686"/>
      <c r="D1686"/>
    </row>
    <row r="1687" spans="3:4" x14ac:dyDescent="0.25">
      <c r="C1687"/>
      <c r="D1687"/>
    </row>
    <row r="1688" spans="3:4" x14ac:dyDescent="0.25">
      <c r="C1688"/>
      <c r="D1688"/>
    </row>
    <row r="1689" spans="3:4" x14ac:dyDescent="0.25">
      <c r="C1689"/>
      <c r="D1689"/>
    </row>
    <row r="1690" spans="3:4" x14ac:dyDescent="0.25">
      <c r="C1690"/>
      <c r="D1690"/>
    </row>
    <row r="1691" spans="3:4" x14ac:dyDescent="0.25">
      <c r="C1691"/>
      <c r="D1691"/>
    </row>
    <row r="1692" spans="3:4" x14ac:dyDescent="0.25">
      <c r="C1692"/>
      <c r="D1692"/>
    </row>
    <row r="1693" spans="3:4" x14ac:dyDescent="0.25">
      <c r="C1693"/>
      <c r="D1693"/>
    </row>
    <row r="1694" spans="3:4" x14ac:dyDescent="0.25">
      <c r="C1694"/>
      <c r="D1694"/>
    </row>
    <row r="1695" spans="3:4" x14ac:dyDescent="0.25">
      <c r="C1695"/>
      <c r="D1695"/>
    </row>
    <row r="1696" spans="3:4" x14ac:dyDescent="0.25">
      <c r="C1696"/>
      <c r="D1696"/>
    </row>
    <row r="1697" spans="3:4" x14ac:dyDescent="0.25">
      <c r="C1697"/>
      <c r="D1697"/>
    </row>
    <row r="1698" spans="3:4" x14ac:dyDescent="0.25">
      <c r="C1698"/>
      <c r="D1698"/>
    </row>
    <row r="1699" spans="3:4" x14ac:dyDescent="0.25">
      <c r="C1699"/>
      <c r="D1699"/>
    </row>
    <row r="1700" spans="3:4" x14ac:dyDescent="0.25">
      <c r="C1700"/>
      <c r="D1700"/>
    </row>
    <row r="1701" spans="3:4" x14ac:dyDescent="0.25">
      <c r="C1701"/>
      <c r="D1701"/>
    </row>
    <row r="1702" spans="3:4" x14ac:dyDescent="0.25">
      <c r="C1702"/>
      <c r="D1702"/>
    </row>
    <row r="1703" spans="3:4" x14ac:dyDescent="0.25">
      <c r="C1703"/>
      <c r="D1703"/>
    </row>
    <row r="1704" spans="3:4" x14ac:dyDescent="0.25">
      <c r="C1704"/>
      <c r="D1704"/>
    </row>
    <row r="1705" spans="3:4" x14ac:dyDescent="0.25">
      <c r="C1705"/>
      <c r="D1705"/>
    </row>
    <row r="1706" spans="3:4" x14ac:dyDescent="0.25">
      <c r="C1706"/>
      <c r="D1706"/>
    </row>
    <row r="1707" spans="3:4" x14ac:dyDescent="0.25">
      <c r="C1707"/>
      <c r="D1707"/>
    </row>
    <row r="1708" spans="3:4" x14ac:dyDescent="0.25">
      <c r="C1708"/>
      <c r="D1708"/>
    </row>
    <row r="1709" spans="3:4" x14ac:dyDescent="0.25">
      <c r="C1709"/>
      <c r="D1709"/>
    </row>
    <row r="1710" spans="3:4" x14ac:dyDescent="0.25">
      <c r="C1710"/>
      <c r="D1710"/>
    </row>
    <row r="1711" spans="3:4" x14ac:dyDescent="0.25">
      <c r="C1711"/>
      <c r="D1711"/>
    </row>
    <row r="1712" spans="3:4" x14ac:dyDescent="0.25">
      <c r="C1712"/>
      <c r="D1712"/>
    </row>
    <row r="1713" spans="3:4" x14ac:dyDescent="0.25">
      <c r="C1713"/>
      <c r="D1713"/>
    </row>
    <row r="1714" spans="3:4" x14ac:dyDescent="0.25">
      <c r="C1714"/>
      <c r="D1714"/>
    </row>
    <row r="1715" spans="3:4" x14ac:dyDescent="0.25">
      <c r="C1715"/>
      <c r="D1715"/>
    </row>
    <row r="1716" spans="3:4" x14ac:dyDescent="0.25">
      <c r="C1716"/>
      <c r="D1716"/>
    </row>
    <row r="1717" spans="3:4" x14ac:dyDescent="0.25">
      <c r="C1717"/>
      <c r="D1717"/>
    </row>
    <row r="1718" spans="3:4" x14ac:dyDescent="0.25">
      <c r="C1718"/>
      <c r="D1718"/>
    </row>
    <row r="1719" spans="3:4" x14ac:dyDescent="0.25">
      <c r="C1719"/>
      <c r="D1719"/>
    </row>
    <row r="1720" spans="3:4" x14ac:dyDescent="0.25">
      <c r="C1720"/>
      <c r="D1720"/>
    </row>
    <row r="1721" spans="3:4" x14ac:dyDescent="0.25">
      <c r="C1721"/>
      <c r="D1721"/>
    </row>
    <row r="1722" spans="3:4" x14ac:dyDescent="0.25">
      <c r="C1722"/>
      <c r="D1722"/>
    </row>
    <row r="1723" spans="3:4" x14ac:dyDescent="0.25">
      <c r="C1723"/>
      <c r="D1723"/>
    </row>
    <row r="1724" spans="3:4" x14ac:dyDescent="0.25">
      <c r="C1724"/>
      <c r="D1724"/>
    </row>
    <row r="1725" spans="3:4" x14ac:dyDescent="0.25">
      <c r="C1725"/>
      <c r="D1725"/>
    </row>
    <row r="1726" spans="3:4" x14ac:dyDescent="0.25">
      <c r="C1726"/>
      <c r="D1726"/>
    </row>
    <row r="1727" spans="3:4" x14ac:dyDescent="0.25">
      <c r="C1727"/>
      <c r="D1727"/>
    </row>
    <row r="1728" spans="3:4" x14ac:dyDescent="0.25">
      <c r="C1728"/>
      <c r="D1728"/>
    </row>
    <row r="1729" spans="3:4" x14ac:dyDescent="0.25">
      <c r="C1729"/>
      <c r="D1729"/>
    </row>
    <row r="1730" spans="3:4" x14ac:dyDescent="0.25">
      <c r="C1730"/>
      <c r="D1730"/>
    </row>
    <row r="1731" spans="3:4" x14ac:dyDescent="0.25">
      <c r="C1731"/>
      <c r="D1731"/>
    </row>
    <row r="1732" spans="3:4" x14ac:dyDescent="0.25">
      <c r="C1732"/>
      <c r="D1732"/>
    </row>
    <row r="1733" spans="3:4" x14ac:dyDescent="0.25">
      <c r="C1733"/>
      <c r="D1733"/>
    </row>
    <row r="1734" spans="3:4" x14ac:dyDescent="0.25">
      <c r="C1734"/>
      <c r="D1734"/>
    </row>
    <row r="1735" spans="3:4" x14ac:dyDescent="0.25">
      <c r="C1735"/>
      <c r="D1735"/>
    </row>
    <row r="1736" spans="3:4" x14ac:dyDescent="0.25">
      <c r="C1736"/>
      <c r="D1736"/>
    </row>
    <row r="1737" spans="3:4" x14ac:dyDescent="0.25">
      <c r="C1737"/>
      <c r="D1737"/>
    </row>
    <row r="1738" spans="3:4" x14ac:dyDescent="0.25">
      <c r="C1738"/>
      <c r="D1738"/>
    </row>
    <row r="1739" spans="3:4" x14ac:dyDescent="0.25">
      <c r="C1739"/>
      <c r="D1739"/>
    </row>
    <row r="1740" spans="3:4" x14ac:dyDescent="0.25">
      <c r="C1740"/>
      <c r="D1740"/>
    </row>
    <row r="1741" spans="3:4" x14ac:dyDescent="0.25">
      <c r="C1741"/>
      <c r="D1741"/>
    </row>
    <row r="1742" spans="3:4" x14ac:dyDescent="0.25">
      <c r="C1742"/>
      <c r="D1742"/>
    </row>
    <row r="1743" spans="3:4" x14ac:dyDescent="0.25">
      <c r="C1743"/>
      <c r="D1743"/>
    </row>
    <row r="1744" spans="3:4" x14ac:dyDescent="0.25">
      <c r="C1744"/>
      <c r="D1744"/>
    </row>
    <row r="1745" spans="3:4" x14ac:dyDescent="0.25">
      <c r="C1745"/>
      <c r="D1745"/>
    </row>
    <row r="1746" spans="3:4" x14ac:dyDescent="0.25">
      <c r="C1746"/>
      <c r="D1746"/>
    </row>
    <row r="1747" spans="3:4" x14ac:dyDescent="0.25">
      <c r="C1747"/>
      <c r="D1747"/>
    </row>
    <row r="1748" spans="3:4" x14ac:dyDescent="0.25">
      <c r="C1748"/>
      <c r="D1748"/>
    </row>
    <row r="1749" spans="3:4" x14ac:dyDescent="0.25">
      <c r="C1749"/>
      <c r="D1749"/>
    </row>
    <row r="1750" spans="3:4" x14ac:dyDescent="0.25">
      <c r="C1750"/>
      <c r="D1750"/>
    </row>
    <row r="1751" spans="3:4" x14ac:dyDescent="0.25">
      <c r="C1751"/>
      <c r="D1751"/>
    </row>
    <row r="1752" spans="3:4" x14ac:dyDescent="0.25">
      <c r="C1752"/>
      <c r="D1752"/>
    </row>
    <row r="1753" spans="3:4" x14ac:dyDescent="0.25">
      <c r="C1753"/>
      <c r="D1753"/>
    </row>
    <row r="1754" spans="3:4" x14ac:dyDescent="0.25">
      <c r="C1754"/>
      <c r="D1754"/>
    </row>
    <row r="1755" spans="3:4" x14ac:dyDescent="0.25">
      <c r="C1755"/>
      <c r="D1755"/>
    </row>
    <row r="1756" spans="3:4" x14ac:dyDescent="0.25">
      <c r="C1756"/>
      <c r="D1756"/>
    </row>
    <row r="1757" spans="3:4" x14ac:dyDescent="0.25">
      <c r="C1757"/>
      <c r="D1757"/>
    </row>
    <row r="1758" spans="3:4" x14ac:dyDescent="0.25">
      <c r="C1758"/>
      <c r="D1758"/>
    </row>
    <row r="1759" spans="3:4" x14ac:dyDescent="0.25">
      <c r="C1759"/>
      <c r="D1759"/>
    </row>
    <row r="1760" spans="3:4" x14ac:dyDescent="0.25">
      <c r="C1760"/>
      <c r="D1760"/>
    </row>
    <row r="1761" spans="3:4" x14ac:dyDescent="0.25">
      <c r="C1761"/>
      <c r="D1761"/>
    </row>
    <row r="1762" spans="3:4" x14ac:dyDescent="0.25">
      <c r="C1762"/>
      <c r="D1762"/>
    </row>
    <row r="1763" spans="3:4" x14ac:dyDescent="0.25">
      <c r="C1763"/>
      <c r="D1763"/>
    </row>
    <row r="1764" spans="3:4" x14ac:dyDescent="0.25">
      <c r="C1764"/>
      <c r="D1764"/>
    </row>
    <row r="1765" spans="3:4" x14ac:dyDescent="0.25">
      <c r="C1765"/>
      <c r="D1765"/>
    </row>
    <row r="1766" spans="3:4" x14ac:dyDescent="0.25">
      <c r="C1766"/>
      <c r="D1766"/>
    </row>
    <row r="1767" spans="3:4" x14ac:dyDescent="0.25">
      <c r="C1767"/>
      <c r="D1767"/>
    </row>
    <row r="1768" spans="3:4" x14ac:dyDescent="0.25">
      <c r="C1768"/>
      <c r="D1768"/>
    </row>
    <row r="1769" spans="3:4" x14ac:dyDescent="0.25">
      <c r="C1769"/>
      <c r="D1769"/>
    </row>
    <row r="1770" spans="3:4" x14ac:dyDescent="0.25">
      <c r="C1770"/>
      <c r="D1770"/>
    </row>
    <row r="1771" spans="3:4" x14ac:dyDescent="0.25">
      <c r="C1771"/>
      <c r="D1771"/>
    </row>
    <row r="1772" spans="3:4" x14ac:dyDescent="0.25">
      <c r="C1772"/>
      <c r="D1772"/>
    </row>
    <row r="1773" spans="3:4" x14ac:dyDescent="0.25">
      <c r="C1773"/>
      <c r="D1773"/>
    </row>
    <row r="1774" spans="3:4" x14ac:dyDescent="0.25">
      <c r="C1774"/>
      <c r="D1774"/>
    </row>
    <row r="1775" spans="3:4" x14ac:dyDescent="0.25">
      <c r="C1775"/>
      <c r="D1775"/>
    </row>
    <row r="1776" spans="3:4" x14ac:dyDescent="0.25">
      <c r="C1776"/>
      <c r="D1776"/>
    </row>
    <row r="1777" spans="3:4" x14ac:dyDescent="0.25">
      <c r="C1777"/>
      <c r="D1777"/>
    </row>
    <row r="1778" spans="3:4" x14ac:dyDescent="0.25">
      <c r="C1778"/>
      <c r="D1778"/>
    </row>
    <row r="1779" spans="3:4" x14ac:dyDescent="0.25">
      <c r="C1779"/>
      <c r="D1779"/>
    </row>
    <row r="1780" spans="3:4" x14ac:dyDescent="0.25">
      <c r="C1780"/>
      <c r="D1780"/>
    </row>
    <row r="1781" spans="3:4" x14ac:dyDescent="0.25">
      <c r="C1781"/>
      <c r="D1781"/>
    </row>
    <row r="1782" spans="3:4" x14ac:dyDescent="0.25">
      <c r="C1782"/>
      <c r="D1782"/>
    </row>
    <row r="1783" spans="3:4" x14ac:dyDescent="0.25">
      <c r="C1783"/>
      <c r="D1783"/>
    </row>
    <row r="1784" spans="3:4" x14ac:dyDescent="0.25">
      <c r="C1784"/>
      <c r="D1784"/>
    </row>
    <row r="1785" spans="3:4" x14ac:dyDescent="0.25">
      <c r="C1785"/>
      <c r="D1785"/>
    </row>
    <row r="1786" spans="3:4" x14ac:dyDescent="0.25">
      <c r="C1786"/>
      <c r="D1786"/>
    </row>
    <row r="1787" spans="3:4" x14ac:dyDescent="0.25">
      <c r="C1787"/>
      <c r="D1787"/>
    </row>
    <row r="1788" spans="3:4" x14ac:dyDescent="0.25">
      <c r="C1788"/>
      <c r="D1788"/>
    </row>
    <row r="1789" spans="3:4" x14ac:dyDescent="0.25">
      <c r="C1789"/>
      <c r="D1789"/>
    </row>
    <row r="1790" spans="3:4" x14ac:dyDescent="0.25">
      <c r="C1790"/>
      <c r="D1790"/>
    </row>
    <row r="1791" spans="3:4" x14ac:dyDescent="0.25">
      <c r="C1791"/>
      <c r="D1791"/>
    </row>
    <row r="1792" spans="3:4" x14ac:dyDescent="0.25">
      <c r="C1792"/>
      <c r="D1792"/>
    </row>
    <row r="1793" spans="3:4" x14ac:dyDescent="0.25">
      <c r="C1793"/>
      <c r="D1793"/>
    </row>
    <row r="1794" spans="3:4" x14ac:dyDescent="0.25">
      <c r="C1794"/>
      <c r="D1794"/>
    </row>
    <row r="1795" spans="3:4" x14ac:dyDescent="0.25">
      <c r="C1795"/>
      <c r="D1795"/>
    </row>
    <row r="1796" spans="3:4" x14ac:dyDescent="0.25">
      <c r="C1796"/>
      <c r="D1796"/>
    </row>
    <row r="1797" spans="3:4" x14ac:dyDescent="0.25">
      <c r="C1797"/>
      <c r="D1797"/>
    </row>
    <row r="1798" spans="3:4" x14ac:dyDescent="0.25">
      <c r="C1798"/>
      <c r="D1798"/>
    </row>
    <row r="1799" spans="3:4" x14ac:dyDescent="0.25">
      <c r="C1799"/>
      <c r="D1799"/>
    </row>
    <row r="1800" spans="3:4" x14ac:dyDescent="0.25">
      <c r="C1800"/>
      <c r="D1800"/>
    </row>
    <row r="1801" spans="3:4" x14ac:dyDescent="0.25">
      <c r="C1801"/>
      <c r="D1801"/>
    </row>
    <row r="1802" spans="3:4" x14ac:dyDescent="0.25">
      <c r="C1802"/>
      <c r="D1802"/>
    </row>
    <row r="1803" spans="3:4" x14ac:dyDescent="0.25">
      <c r="C1803"/>
      <c r="D1803"/>
    </row>
    <row r="1804" spans="3:4" x14ac:dyDescent="0.25">
      <c r="C1804"/>
      <c r="D1804"/>
    </row>
    <row r="1805" spans="3:4" x14ac:dyDescent="0.25">
      <c r="C1805"/>
      <c r="D1805"/>
    </row>
    <row r="1806" spans="3:4" x14ac:dyDescent="0.25">
      <c r="C1806"/>
      <c r="D1806"/>
    </row>
    <row r="1807" spans="3:4" x14ac:dyDescent="0.25">
      <c r="C1807"/>
      <c r="D1807"/>
    </row>
    <row r="1808" spans="3:4" x14ac:dyDescent="0.25">
      <c r="C1808"/>
      <c r="D1808"/>
    </row>
    <row r="1809" spans="3:4" x14ac:dyDescent="0.25">
      <c r="C1809"/>
      <c r="D1809"/>
    </row>
    <row r="1810" spans="3:4" x14ac:dyDescent="0.25">
      <c r="C1810"/>
      <c r="D1810"/>
    </row>
    <row r="1811" spans="3:4" x14ac:dyDescent="0.25">
      <c r="C1811"/>
      <c r="D1811"/>
    </row>
    <row r="1812" spans="3:4" x14ac:dyDescent="0.25">
      <c r="C1812"/>
      <c r="D1812"/>
    </row>
    <row r="1813" spans="3:4" x14ac:dyDescent="0.25">
      <c r="C1813"/>
      <c r="D1813"/>
    </row>
    <row r="1814" spans="3:4" x14ac:dyDescent="0.25">
      <c r="C1814"/>
      <c r="D1814"/>
    </row>
    <row r="1815" spans="3:4" x14ac:dyDescent="0.25">
      <c r="C1815"/>
      <c r="D1815"/>
    </row>
    <row r="1816" spans="3:4" x14ac:dyDescent="0.25">
      <c r="C1816"/>
      <c r="D1816"/>
    </row>
    <row r="1817" spans="3:4" x14ac:dyDescent="0.25">
      <c r="C1817"/>
      <c r="D1817"/>
    </row>
    <row r="1818" spans="3:4" x14ac:dyDescent="0.25">
      <c r="C1818"/>
      <c r="D1818"/>
    </row>
    <row r="1819" spans="3:4" x14ac:dyDescent="0.25">
      <c r="C1819"/>
      <c r="D1819"/>
    </row>
    <row r="1820" spans="3:4" x14ac:dyDescent="0.25">
      <c r="C1820"/>
      <c r="D1820"/>
    </row>
    <row r="1821" spans="3:4" x14ac:dyDescent="0.25">
      <c r="C1821"/>
      <c r="D1821"/>
    </row>
    <row r="1822" spans="3:4" x14ac:dyDescent="0.25">
      <c r="C1822"/>
      <c r="D1822"/>
    </row>
    <row r="1823" spans="3:4" x14ac:dyDescent="0.25">
      <c r="C1823"/>
      <c r="D1823"/>
    </row>
    <row r="1824" spans="3:4" x14ac:dyDescent="0.25">
      <c r="C1824"/>
      <c r="D1824"/>
    </row>
    <row r="1825" spans="3:4" x14ac:dyDescent="0.25">
      <c r="C1825"/>
      <c r="D1825"/>
    </row>
    <row r="1826" spans="3:4" x14ac:dyDescent="0.25">
      <c r="C1826"/>
      <c r="D1826"/>
    </row>
    <row r="1827" spans="3:4" x14ac:dyDescent="0.25">
      <c r="C1827"/>
      <c r="D1827"/>
    </row>
    <row r="1828" spans="3:4" x14ac:dyDescent="0.25">
      <c r="C1828"/>
      <c r="D1828"/>
    </row>
    <row r="1829" spans="3:4" x14ac:dyDescent="0.25">
      <c r="C1829"/>
      <c r="D1829"/>
    </row>
    <row r="1830" spans="3:4" x14ac:dyDescent="0.25">
      <c r="C1830"/>
      <c r="D1830"/>
    </row>
    <row r="1831" spans="3:4" x14ac:dyDescent="0.25">
      <c r="C1831"/>
      <c r="D1831"/>
    </row>
    <row r="1832" spans="3:4" x14ac:dyDescent="0.25">
      <c r="C1832"/>
      <c r="D1832"/>
    </row>
    <row r="1833" spans="3:4" x14ac:dyDescent="0.25">
      <c r="C1833"/>
      <c r="D1833"/>
    </row>
    <row r="1834" spans="3:4" x14ac:dyDescent="0.25">
      <c r="C1834"/>
      <c r="D1834"/>
    </row>
    <row r="1835" spans="3:4" x14ac:dyDescent="0.25">
      <c r="C1835"/>
      <c r="D1835"/>
    </row>
    <row r="1836" spans="3:4" x14ac:dyDescent="0.25">
      <c r="C1836"/>
      <c r="D1836"/>
    </row>
    <row r="1837" spans="3:4" x14ac:dyDescent="0.25">
      <c r="C1837"/>
      <c r="D1837"/>
    </row>
    <row r="1838" spans="3:4" x14ac:dyDescent="0.25">
      <c r="C1838"/>
      <c r="D1838"/>
    </row>
    <row r="1839" spans="3:4" x14ac:dyDescent="0.25">
      <c r="C1839"/>
      <c r="D1839"/>
    </row>
    <row r="1840" spans="3:4" x14ac:dyDescent="0.25">
      <c r="C1840"/>
      <c r="D1840"/>
    </row>
    <row r="1841" spans="3:4" x14ac:dyDescent="0.25">
      <c r="C1841"/>
      <c r="D1841"/>
    </row>
    <row r="1842" spans="3:4" x14ac:dyDescent="0.25">
      <c r="C1842"/>
      <c r="D1842"/>
    </row>
    <row r="1843" spans="3:4" x14ac:dyDescent="0.25">
      <c r="C1843"/>
      <c r="D1843"/>
    </row>
    <row r="1844" spans="3:4" x14ac:dyDescent="0.25">
      <c r="C1844"/>
      <c r="D1844"/>
    </row>
    <row r="1845" spans="3:4" x14ac:dyDescent="0.25">
      <c r="C1845"/>
      <c r="D1845"/>
    </row>
    <row r="1846" spans="3:4" x14ac:dyDescent="0.25">
      <c r="C1846"/>
      <c r="D1846"/>
    </row>
    <row r="1847" spans="3:4" x14ac:dyDescent="0.25">
      <c r="C1847"/>
      <c r="D1847"/>
    </row>
    <row r="1848" spans="3:4" x14ac:dyDescent="0.25">
      <c r="C1848"/>
      <c r="D1848"/>
    </row>
    <row r="1849" spans="3:4" x14ac:dyDescent="0.25">
      <c r="C1849"/>
      <c r="D1849"/>
    </row>
    <row r="1850" spans="3:4" x14ac:dyDescent="0.25">
      <c r="C1850"/>
      <c r="D1850"/>
    </row>
    <row r="1851" spans="3:4" x14ac:dyDescent="0.25">
      <c r="C1851"/>
      <c r="D1851"/>
    </row>
    <row r="1852" spans="3:4" x14ac:dyDescent="0.25">
      <c r="C1852"/>
      <c r="D1852"/>
    </row>
    <row r="1853" spans="3:4" x14ac:dyDescent="0.25">
      <c r="C1853"/>
      <c r="D1853"/>
    </row>
    <row r="1854" spans="3:4" x14ac:dyDescent="0.25">
      <c r="C1854"/>
      <c r="D1854"/>
    </row>
    <row r="1855" spans="3:4" x14ac:dyDescent="0.25">
      <c r="C1855"/>
      <c r="D1855"/>
    </row>
    <row r="1856" spans="3:4" x14ac:dyDescent="0.25">
      <c r="C1856"/>
      <c r="D1856"/>
    </row>
    <row r="1857" spans="3:4" x14ac:dyDescent="0.25">
      <c r="C1857"/>
      <c r="D1857"/>
    </row>
    <row r="1858" spans="3:4" x14ac:dyDescent="0.25">
      <c r="C1858"/>
      <c r="D1858"/>
    </row>
    <row r="1859" spans="3:4" x14ac:dyDescent="0.25">
      <c r="C1859"/>
      <c r="D1859"/>
    </row>
    <row r="1860" spans="3:4" x14ac:dyDescent="0.25">
      <c r="C1860"/>
      <c r="D1860"/>
    </row>
    <row r="1861" spans="3:4" x14ac:dyDescent="0.25">
      <c r="C1861"/>
      <c r="D1861"/>
    </row>
    <row r="1862" spans="3:4" x14ac:dyDescent="0.25">
      <c r="C1862"/>
      <c r="D1862"/>
    </row>
    <row r="1863" spans="3:4" x14ac:dyDescent="0.25">
      <c r="C1863"/>
      <c r="D1863"/>
    </row>
    <row r="1864" spans="3:4" x14ac:dyDescent="0.25">
      <c r="C1864"/>
      <c r="D1864"/>
    </row>
    <row r="1865" spans="3:4" x14ac:dyDescent="0.25">
      <c r="C1865"/>
      <c r="D1865"/>
    </row>
    <row r="1866" spans="3:4" x14ac:dyDescent="0.25">
      <c r="C1866"/>
      <c r="D1866"/>
    </row>
    <row r="1867" spans="3:4" x14ac:dyDescent="0.25">
      <c r="C1867"/>
      <c r="D1867"/>
    </row>
    <row r="1868" spans="3:4" x14ac:dyDescent="0.25">
      <c r="C1868"/>
      <c r="D1868"/>
    </row>
    <row r="1869" spans="3:4" x14ac:dyDescent="0.25">
      <c r="C1869"/>
      <c r="D1869"/>
    </row>
    <row r="1870" spans="3:4" x14ac:dyDescent="0.25">
      <c r="C1870"/>
      <c r="D1870"/>
    </row>
    <row r="1871" spans="3:4" x14ac:dyDescent="0.25">
      <c r="C1871"/>
      <c r="D1871"/>
    </row>
    <row r="1872" spans="3:4" x14ac:dyDescent="0.25">
      <c r="C1872"/>
      <c r="D1872"/>
    </row>
    <row r="1873" spans="3:4" x14ac:dyDescent="0.25">
      <c r="C1873"/>
      <c r="D1873"/>
    </row>
    <row r="1874" spans="3:4" x14ac:dyDescent="0.25">
      <c r="C1874"/>
      <c r="D1874"/>
    </row>
    <row r="1875" spans="3:4" x14ac:dyDescent="0.25">
      <c r="C1875"/>
      <c r="D1875"/>
    </row>
    <row r="1876" spans="3:4" x14ac:dyDescent="0.25">
      <c r="C1876"/>
      <c r="D1876"/>
    </row>
    <row r="1877" spans="3:4" x14ac:dyDescent="0.25">
      <c r="C1877"/>
      <c r="D1877"/>
    </row>
    <row r="1878" spans="3:4" x14ac:dyDescent="0.25">
      <c r="C1878"/>
      <c r="D1878"/>
    </row>
    <row r="1879" spans="3:4" x14ac:dyDescent="0.25">
      <c r="C1879"/>
      <c r="D1879"/>
    </row>
    <row r="1880" spans="3:4" x14ac:dyDescent="0.25">
      <c r="C1880"/>
      <c r="D1880"/>
    </row>
    <row r="1881" spans="3:4" x14ac:dyDescent="0.25">
      <c r="C1881"/>
      <c r="D1881"/>
    </row>
    <row r="1882" spans="3:4" x14ac:dyDescent="0.25">
      <c r="C1882"/>
      <c r="D1882"/>
    </row>
    <row r="1883" spans="3:4" x14ac:dyDescent="0.25">
      <c r="C1883"/>
      <c r="D1883"/>
    </row>
    <row r="1884" spans="3:4" x14ac:dyDescent="0.25">
      <c r="C1884"/>
      <c r="D1884"/>
    </row>
    <row r="1885" spans="3:4" x14ac:dyDescent="0.25">
      <c r="C1885"/>
      <c r="D1885"/>
    </row>
    <row r="1886" spans="3:4" x14ac:dyDescent="0.25">
      <c r="C1886"/>
      <c r="D1886"/>
    </row>
    <row r="1887" spans="3:4" x14ac:dyDescent="0.25">
      <c r="C1887"/>
      <c r="D1887"/>
    </row>
    <row r="1888" spans="3:4" x14ac:dyDescent="0.25">
      <c r="C1888"/>
      <c r="D1888"/>
    </row>
    <row r="1889" spans="3:4" x14ac:dyDescent="0.25">
      <c r="C1889"/>
      <c r="D1889"/>
    </row>
    <row r="1890" spans="3:4" x14ac:dyDescent="0.25">
      <c r="C1890"/>
      <c r="D1890"/>
    </row>
    <row r="1891" spans="3:4" x14ac:dyDescent="0.25">
      <c r="C1891"/>
      <c r="D1891"/>
    </row>
    <row r="1892" spans="3:4" x14ac:dyDescent="0.25">
      <c r="C1892"/>
      <c r="D1892"/>
    </row>
    <row r="1893" spans="3:4" x14ac:dyDescent="0.25">
      <c r="C1893"/>
      <c r="D1893"/>
    </row>
    <row r="1894" spans="3:4" x14ac:dyDescent="0.25">
      <c r="C1894"/>
      <c r="D1894"/>
    </row>
    <row r="1895" spans="3:4" x14ac:dyDescent="0.25">
      <c r="C1895"/>
      <c r="D1895"/>
    </row>
    <row r="1896" spans="3:4" x14ac:dyDescent="0.25">
      <c r="C1896"/>
      <c r="D1896"/>
    </row>
    <row r="1897" spans="3:4" x14ac:dyDescent="0.25">
      <c r="C1897"/>
      <c r="D1897"/>
    </row>
    <row r="1898" spans="3:4" x14ac:dyDescent="0.25">
      <c r="C1898"/>
      <c r="D1898"/>
    </row>
    <row r="1899" spans="3:4" x14ac:dyDescent="0.25">
      <c r="C1899"/>
      <c r="D1899"/>
    </row>
    <row r="1900" spans="3:4" x14ac:dyDescent="0.25">
      <c r="C1900"/>
      <c r="D1900"/>
    </row>
    <row r="1901" spans="3:4" x14ac:dyDescent="0.25">
      <c r="C1901"/>
      <c r="D1901"/>
    </row>
    <row r="1902" spans="3:4" x14ac:dyDescent="0.25">
      <c r="C1902"/>
      <c r="D1902"/>
    </row>
    <row r="1903" spans="3:4" x14ac:dyDescent="0.25">
      <c r="C1903"/>
      <c r="D1903"/>
    </row>
    <row r="1904" spans="3:4" x14ac:dyDescent="0.25">
      <c r="C1904"/>
      <c r="D1904"/>
    </row>
    <row r="1905" spans="3:4" x14ac:dyDescent="0.25">
      <c r="C1905"/>
      <c r="D1905"/>
    </row>
    <row r="1906" spans="3:4" x14ac:dyDescent="0.25">
      <c r="C1906"/>
      <c r="D1906"/>
    </row>
    <row r="1907" spans="3:4" x14ac:dyDescent="0.25">
      <c r="C1907"/>
      <c r="D1907"/>
    </row>
    <row r="1908" spans="3:4" x14ac:dyDescent="0.25">
      <c r="C1908"/>
      <c r="D1908"/>
    </row>
    <row r="1909" spans="3:4" x14ac:dyDescent="0.25">
      <c r="C1909"/>
      <c r="D1909"/>
    </row>
    <row r="1910" spans="3:4" x14ac:dyDescent="0.25">
      <c r="C1910"/>
      <c r="D1910"/>
    </row>
    <row r="1911" spans="3:4" x14ac:dyDescent="0.25">
      <c r="C1911"/>
      <c r="D1911"/>
    </row>
    <row r="1912" spans="3:4" x14ac:dyDescent="0.25">
      <c r="C1912"/>
      <c r="D1912"/>
    </row>
    <row r="1913" spans="3:4" x14ac:dyDescent="0.25">
      <c r="C1913"/>
      <c r="D1913"/>
    </row>
    <row r="1914" spans="3:4" x14ac:dyDescent="0.25">
      <c r="C1914"/>
      <c r="D1914"/>
    </row>
    <row r="1915" spans="3:4" x14ac:dyDescent="0.25">
      <c r="C1915"/>
      <c r="D1915"/>
    </row>
    <row r="1916" spans="3:4" x14ac:dyDescent="0.25">
      <c r="C1916"/>
      <c r="D1916"/>
    </row>
    <row r="1917" spans="3:4" x14ac:dyDescent="0.25">
      <c r="C1917"/>
      <c r="D1917"/>
    </row>
    <row r="1918" spans="3:4" x14ac:dyDescent="0.25">
      <c r="C1918"/>
      <c r="D1918"/>
    </row>
    <row r="1919" spans="3:4" x14ac:dyDescent="0.25">
      <c r="C1919"/>
      <c r="D1919"/>
    </row>
    <row r="1920" spans="3:4" x14ac:dyDescent="0.25">
      <c r="C1920"/>
      <c r="D1920"/>
    </row>
    <row r="1921" spans="3:4" x14ac:dyDescent="0.25">
      <c r="C1921"/>
      <c r="D1921"/>
    </row>
    <row r="1922" spans="3:4" x14ac:dyDescent="0.25">
      <c r="C1922"/>
      <c r="D1922"/>
    </row>
    <row r="1923" spans="3:4" x14ac:dyDescent="0.25">
      <c r="C1923"/>
      <c r="D1923"/>
    </row>
    <row r="1924" spans="3:4" x14ac:dyDescent="0.25">
      <c r="C1924"/>
      <c r="D1924"/>
    </row>
    <row r="1925" spans="3:4" x14ac:dyDescent="0.25">
      <c r="C1925"/>
      <c r="D1925"/>
    </row>
    <row r="1926" spans="3:4" x14ac:dyDescent="0.25">
      <c r="C1926"/>
      <c r="D1926"/>
    </row>
    <row r="1927" spans="3:4" x14ac:dyDescent="0.25">
      <c r="C1927"/>
      <c r="D1927"/>
    </row>
    <row r="1928" spans="3:4" x14ac:dyDescent="0.25">
      <c r="C1928"/>
      <c r="D1928"/>
    </row>
    <row r="1929" spans="3:4" x14ac:dyDescent="0.25">
      <c r="C1929"/>
      <c r="D1929"/>
    </row>
    <row r="1930" spans="3:4" x14ac:dyDescent="0.25">
      <c r="C1930"/>
      <c r="D1930"/>
    </row>
    <row r="1931" spans="3:4" x14ac:dyDescent="0.25">
      <c r="C1931"/>
      <c r="D1931"/>
    </row>
    <row r="1932" spans="3:4" x14ac:dyDescent="0.25">
      <c r="C1932"/>
      <c r="D1932"/>
    </row>
    <row r="1933" spans="3:4" x14ac:dyDescent="0.25">
      <c r="C1933"/>
      <c r="D1933"/>
    </row>
    <row r="1934" spans="3:4" x14ac:dyDescent="0.25">
      <c r="C1934"/>
      <c r="D1934"/>
    </row>
    <row r="1935" spans="3:4" x14ac:dyDescent="0.25">
      <c r="C1935"/>
      <c r="D1935"/>
    </row>
    <row r="1936" spans="3:4" x14ac:dyDescent="0.25">
      <c r="C1936"/>
      <c r="D1936"/>
    </row>
    <row r="1937" spans="3:4" x14ac:dyDescent="0.25">
      <c r="C1937"/>
      <c r="D1937"/>
    </row>
    <row r="1938" spans="3:4" x14ac:dyDescent="0.25">
      <c r="C1938"/>
      <c r="D1938"/>
    </row>
    <row r="1939" spans="3:4" x14ac:dyDescent="0.25">
      <c r="C1939"/>
      <c r="D1939"/>
    </row>
    <row r="1940" spans="3:4" x14ac:dyDescent="0.25">
      <c r="C1940"/>
      <c r="D1940"/>
    </row>
    <row r="1941" spans="3:4" x14ac:dyDescent="0.25">
      <c r="C1941"/>
      <c r="D1941"/>
    </row>
    <row r="1942" spans="3:4" x14ac:dyDescent="0.25">
      <c r="C1942"/>
      <c r="D1942"/>
    </row>
    <row r="1943" spans="3:4" x14ac:dyDescent="0.25">
      <c r="C1943"/>
      <c r="D1943"/>
    </row>
    <row r="1944" spans="3:4" x14ac:dyDescent="0.25">
      <c r="C1944"/>
      <c r="D1944"/>
    </row>
    <row r="1945" spans="3:4" x14ac:dyDescent="0.25">
      <c r="C1945"/>
      <c r="D1945"/>
    </row>
    <row r="1946" spans="3:4" x14ac:dyDescent="0.25">
      <c r="C1946"/>
      <c r="D1946"/>
    </row>
    <row r="1947" spans="3:4" x14ac:dyDescent="0.25">
      <c r="C1947"/>
      <c r="D1947"/>
    </row>
    <row r="1948" spans="3:4" x14ac:dyDescent="0.25">
      <c r="C1948"/>
      <c r="D1948"/>
    </row>
    <row r="1949" spans="3:4" x14ac:dyDescent="0.25">
      <c r="C1949"/>
      <c r="D1949"/>
    </row>
    <row r="1950" spans="3:4" x14ac:dyDescent="0.25">
      <c r="C1950"/>
      <c r="D1950"/>
    </row>
    <row r="1951" spans="3:4" x14ac:dyDescent="0.25">
      <c r="C1951"/>
      <c r="D1951"/>
    </row>
    <row r="1952" spans="3:4" x14ac:dyDescent="0.25">
      <c r="C1952"/>
      <c r="D1952"/>
    </row>
    <row r="1953" spans="3:4" x14ac:dyDescent="0.25">
      <c r="C1953"/>
      <c r="D1953"/>
    </row>
    <row r="1954" spans="3:4" x14ac:dyDescent="0.25">
      <c r="C1954"/>
      <c r="D1954"/>
    </row>
    <row r="1955" spans="3:4" x14ac:dyDescent="0.25">
      <c r="C1955"/>
      <c r="D1955"/>
    </row>
    <row r="1956" spans="3:4" x14ac:dyDescent="0.25">
      <c r="C1956"/>
      <c r="D1956"/>
    </row>
    <row r="1957" spans="3:4" x14ac:dyDescent="0.25">
      <c r="C1957"/>
      <c r="D1957"/>
    </row>
    <row r="1958" spans="3:4" x14ac:dyDescent="0.25">
      <c r="C1958"/>
      <c r="D1958"/>
    </row>
    <row r="1959" spans="3:4" x14ac:dyDescent="0.25">
      <c r="C1959"/>
      <c r="D1959"/>
    </row>
    <row r="1960" spans="3:4" x14ac:dyDescent="0.25">
      <c r="C1960"/>
      <c r="D1960"/>
    </row>
    <row r="1961" spans="3:4" x14ac:dyDescent="0.25">
      <c r="C1961"/>
      <c r="D1961"/>
    </row>
    <row r="1962" spans="3:4" x14ac:dyDescent="0.25">
      <c r="C1962"/>
      <c r="D1962"/>
    </row>
    <row r="1963" spans="3:4" x14ac:dyDescent="0.25">
      <c r="C1963"/>
      <c r="D1963"/>
    </row>
    <row r="1964" spans="3:4" x14ac:dyDescent="0.25">
      <c r="C1964"/>
      <c r="D1964"/>
    </row>
    <row r="1965" spans="3:4" x14ac:dyDescent="0.25">
      <c r="C1965"/>
      <c r="D1965"/>
    </row>
    <row r="1966" spans="3:4" x14ac:dyDescent="0.25">
      <c r="C1966"/>
      <c r="D1966"/>
    </row>
    <row r="1967" spans="3:4" x14ac:dyDescent="0.25">
      <c r="C1967"/>
      <c r="D1967"/>
    </row>
    <row r="1968" spans="3:4" x14ac:dyDescent="0.25">
      <c r="C1968"/>
      <c r="D1968"/>
    </row>
    <row r="1969" spans="3:4" x14ac:dyDescent="0.25">
      <c r="C1969"/>
      <c r="D1969"/>
    </row>
    <row r="1970" spans="3:4" x14ac:dyDescent="0.25">
      <c r="C1970"/>
      <c r="D1970"/>
    </row>
    <row r="1971" spans="3:4" x14ac:dyDescent="0.25">
      <c r="C1971"/>
      <c r="D1971"/>
    </row>
    <row r="1972" spans="3:4" x14ac:dyDescent="0.25">
      <c r="C1972"/>
      <c r="D1972"/>
    </row>
    <row r="1973" spans="3:4" x14ac:dyDescent="0.25">
      <c r="C1973"/>
      <c r="D1973"/>
    </row>
    <row r="1974" spans="3:4" x14ac:dyDescent="0.25">
      <c r="C1974"/>
      <c r="D1974"/>
    </row>
    <row r="1975" spans="3:4" x14ac:dyDescent="0.25">
      <c r="C1975"/>
      <c r="D1975"/>
    </row>
    <row r="1976" spans="3:4" x14ac:dyDescent="0.25">
      <c r="C1976"/>
      <c r="D1976"/>
    </row>
    <row r="1977" spans="3:4" x14ac:dyDescent="0.25">
      <c r="C1977"/>
      <c r="D1977"/>
    </row>
    <row r="1978" spans="3:4" x14ac:dyDescent="0.25">
      <c r="C1978"/>
      <c r="D1978"/>
    </row>
    <row r="1979" spans="3:4" x14ac:dyDescent="0.25">
      <c r="C1979"/>
      <c r="D1979"/>
    </row>
    <row r="1980" spans="3:4" x14ac:dyDescent="0.25">
      <c r="C1980"/>
      <c r="D1980"/>
    </row>
    <row r="1981" spans="3:4" x14ac:dyDescent="0.25">
      <c r="C1981"/>
      <c r="D1981"/>
    </row>
    <row r="1982" spans="3:4" x14ac:dyDescent="0.25">
      <c r="C1982"/>
      <c r="D1982"/>
    </row>
    <row r="1983" spans="3:4" x14ac:dyDescent="0.25">
      <c r="C1983"/>
      <c r="D1983"/>
    </row>
    <row r="1984" spans="3:4" x14ac:dyDescent="0.25">
      <c r="C1984"/>
      <c r="D1984"/>
    </row>
    <row r="1985" spans="3:4" x14ac:dyDescent="0.25">
      <c r="C1985"/>
      <c r="D1985"/>
    </row>
    <row r="1986" spans="3:4" x14ac:dyDescent="0.25">
      <c r="C1986"/>
      <c r="D1986"/>
    </row>
    <row r="1987" spans="3:4" x14ac:dyDescent="0.25">
      <c r="C1987"/>
      <c r="D1987"/>
    </row>
    <row r="1988" spans="3:4" x14ac:dyDescent="0.25">
      <c r="C1988"/>
      <c r="D1988"/>
    </row>
    <row r="1989" spans="3:4" x14ac:dyDescent="0.25">
      <c r="C1989"/>
      <c r="D1989"/>
    </row>
    <row r="1990" spans="3:4" x14ac:dyDescent="0.25">
      <c r="C1990"/>
      <c r="D1990"/>
    </row>
    <row r="1991" spans="3:4" x14ac:dyDescent="0.25">
      <c r="C1991"/>
      <c r="D1991"/>
    </row>
    <row r="1992" spans="3:4" x14ac:dyDescent="0.25">
      <c r="C1992"/>
      <c r="D1992"/>
    </row>
    <row r="1993" spans="3:4" x14ac:dyDescent="0.25">
      <c r="C1993"/>
      <c r="D1993"/>
    </row>
    <row r="1994" spans="3:4" x14ac:dyDescent="0.25">
      <c r="C1994"/>
      <c r="D1994"/>
    </row>
    <row r="1995" spans="3:4" x14ac:dyDescent="0.25">
      <c r="C1995"/>
      <c r="D1995"/>
    </row>
    <row r="1996" spans="3:4" x14ac:dyDescent="0.25">
      <c r="C1996"/>
      <c r="D1996"/>
    </row>
    <row r="1997" spans="3:4" x14ac:dyDescent="0.25">
      <c r="C1997"/>
      <c r="D1997"/>
    </row>
    <row r="1998" spans="3:4" x14ac:dyDescent="0.25">
      <c r="C1998"/>
      <c r="D1998"/>
    </row>
    <row r="1999" spans="3:4" x14ac:dyDescent="0.25">
      <c r="C1999"/>
      <c r="D1999"/>
    </row>
    <row r="2000" spans="3:4" x14ac:dyDescent="0.25">
      <c r="C2000"/>
      <c r="D2000"/>
    </row>
    <row r="2001" spans="3:4" x14ac:dyDescent="0.25">
      <c r="C2001"/>
      <c r="D2001"/>
    </row>
    <row r="2002" spans="3:4" x14ac:dyDescent="0.25">
      <c r="C2002"/>
      <c r="D2002"/>
    </row>
    <row r="2003" spans="3:4" x14ac:dyDescent="0.25">
      <c r="C2003"/>
      <c r="D2003"/>
    </row>
    <row r="2004" spans="3:4" x14ac:dyDescent="0.25">
      <c r="C2004"/>
      <c r="D2004"/>
    </row>
    <row r="2005" spans="3:4" x14ac:dyDescent="0.25">
      <c r="C2005"/>
      <c r="D2005"/>
    </row>
    <row r="2006" spans="3:4" x14ac:dyDescent="0.25">
      <c r="C2006"/>
      <c r="D2006"/>
    </row>
    <row r="2007" spans="3:4" x14ac:dyDescent="0.25">
      <c r="C2007"/>
      <c r="D2007"/>
    </row>
    <row r="2008" spans="3:4" x14ac:dyDescent="0.25">
      <c r="C2008"/>
      <c r="D2008"/>
    </row>
    <row r="2009" spans="3:4" x14ac:dyDescent="0.25">
      <c r="C2009"/>
      <c r="D2009"/>
    </row>
    <row r="2010" spans="3:4" x14ac:dyDescent="0.25">
      <c r="C2010"/>
      <c r="D2010"/>
    </row>
    <row r="2011" spans="3:4" x14ac:dyDescent="0.25">
      <c r="C2011"/>
      <c r="D2011"/>
    </row>
    <row r="2012" spans="3:4" x14ac:dyDescent="0.25">
      <c r="C2012"/>
      <c r="D2012"/>
    </row>
    <row r="2013" spans="3:4" x14ac:dyDescent="0.25">
      <c r="C2013"/>
      <c r="D2013"/>
    </row>
    <row r="2014" spans="3:4" x14ac:dyDescent="0.25">
      <c r="C2014"/>
      <c r="D2014"/>
    </row>
    <row r="2015" spans="3:4" x14ac:dyDescent="0.25">
      <c r="C2015"/>
      <c r="D2015"/>
    </row>
    <row r="2016" spans="3:4" x14ac:dyDescent="0.25">
      <c r="C2016"/>
      <c r="D2016"/>
    </row>
    <row r="2017" spans="3:4" x14ac:dyDescent="0.25">
      <c r="C2017"/>
      <c r="D2017"/>
    </row>
    <row r="2018" spans="3:4" x14ac:dyDescent="0.25">
      <c r="C2018"/>
      <c r="D2018"/>
    </row>
    <row r="2019" spans="3:4" x14ac:dyDescent="0.25">
      <c r="C2019"/>
      <c r="D2019"/>
    </row>
    <row r="2020" spans="3:4" x14ac:dyDescent="0.25">
      <c r="C2020"/>
      <c r="D2020"/>
    </row>
    <row r="2021" spans="3:4" x14ac:dyDescent="0.25">
      <c r="C2021"/>
      <c r="D2021"/>
    </row>
    <row r="2022" spans="3:4" x14ac:dyDescent="0.25">
      <c r="C2022"/>
      <c r="D2022"/>
    </row>
    <row r="2023" spans="3:4" x14ac:dyDescent="0.25">
      <c r="C2023"/>
      <c r="D2023"/>
    </row>
    <row r="2024" spans="3:4" x14ac:dyDescent="0.25">
      <c r="C2024"/>
      <c r="D2024"/>
    </row>
    <row r="2025" spans="3:4" x14ac:dyDescent="0.25">
      <c r="C2025"/>
      <c r="D2025"/>
    </row>
    <row r="2026" spans="3:4" x14ac:dyDescent="0.25">
      <c r="C2026"/>
      <c r="D2026"/>
    </row>
    <row r="2027" spans="3:4" x14ac:dyDescent="0.25">
      <c r="C2027"/>
      <c r="D2027"/>
    </row>
    <row r="2028" spans="3:4" x14ac:dyDescent="0.25">
      <c r="C2028"/>
      <c r="D2028"/>
    </row>
    <row r="2029" spans="3:4" x14ac:dyDescent="0.25">
      <c r="C2029"/>
      <c r="D2029"/>
    </row>
    <row r="2030" spans="3:4" x14ac:dyDescent="0.25">
      <c r="C2030"/>
      <c r="D2030"/>
    </row>
    <row r="2031" spans="3:4" x14ac:dyDescent="0.25">
      <c r="C2031"/>
      <c r="D2031"/>
    </row>
    <row r="2032" spans="3:4" x14ac:dyDescent="0.25">
      <c r="C2032"/>
      <c r="D2032"/>
    </row>
    <row r="2033" spans="3:4" x14ac:dyDescent="0.25">
      <c r="C2033"/>
      <c r="D2033"/>
    </row>
    <row r="2034" spans="3:4" x14ac:dyDescent="0.25">
      <c r="C2034"/>
      <c r="D2034"/>
    </row>
    <row r="2035" spans="3:4" x14ac:dyDescent="0.25">
      <c r="C2035"/>
      <c r="D2035"/>
    </row>
    <row r="2036" spans="3:4" x14ac:dyDescent="0.25">
      <c r="C2036"/>
      <c r="D2036"/>
    </row>
    <row r="2037" spans="3:4" x14ac:dyDescent="0.25">
      <c r="C2037"/>
      <c r="D2037"/>
    </row>
    <row r="2038" spans="3:4" x14ac:dyDescent="0.25">
      <c r="C2038"/>
      <c r="D2038"/>
    </row>
    <row r="2039" spans="3:4" x14ac:dyDescent="0.25">
      <c r="C2039"/>
      <c r="D2039"/>
    </row>
    <row r="2040" spans="3:4" x14ac:dyDescent="0.25">
      <c r="C2040"/>
      <c r="D2040"/>
    </row>
    <row r="2041" spans="3:4" x14ac:dyDescent="0.25">
      <c r="C2041"/>
      <c r="D2041"/>
    </row>
    <row r="2042" spans="3:4" x14ac:dyDescent="0.25">
      <c r="C2042"/>
      <c r="D2042"/>
    </row>
    <row r="2043" spans="3:4" x14ac:dyDescent="0.25">
      <c r="C2043"/>
      <c r="D2043"/>
    </row>
    <row r="2044" spans="3:4" x14ac:dyDescent="0.25">
      <c r="C2044"/>
      <c r="D2044"/>
    </row>
    <row r="2045" spans="3:4" x14ac:dyDescent="0.25">
      <c r="C2045"/>
      <c r="D2045"/>
    </row>
    <row r="2046" spans="3:4" x14ac:dyDescent="0.25">
      <c r="C2046"/>
      <c r="D2046"/>
    </row>
    <row r="2047" spans="3:4" x14ac:dyDescent="0.25">
      <c r="C2047"/>
      <c r="D2047"/>
    </row>
    <row r="2048" spans="3:4" x14ac:dyDescent="0.25">
      <c r="C2048"/>
      <c r="D2048"/>
    </row>
    <row r="2049" spans="3:4" x14ac:dyDescent="0.25">
      <c r="C2049"/>
      <c r="D2049"/>
    </row>
    <row r="2050" spans="3:4" x14ac:dyDescent="0.25">
      <c r="C2050"/>
      <c r="D2050"/>
    </row>
    <row r="2051" spans="3:4" x14ac:dyDescent="0.25">
      <c r="C2051"/>
      <c r="D2051"/>
    </row>
    <row r="2052" spans="3:4" x14ac:dyDescent="0.25">
      <c r="C2052"/>
      <c r="D2052"/>
    </row>
    <row r="2053" spans="3:4" x14ac:dyDescent="0.25">
      <c r="C2053"/>
      <c r="D2053"/>
    </row>
    <row r="2054" spans="3:4" x14ac:dyDescent="0.25">
      <c r="C2054"/>
      <c r="D2054"/>
    </row>
    <row r="2055" spans="3:4" x14ac:dyDescent="0.25">
      <c r="C2055"/>
      <c r="D2055"/>
    </row>
    <row r="2056" spans="3:4" x14ac:dyDescent="0.25">
      <c r="C2056"/>
      <c r="D2056"/>
    </row>
    <row r="2057" spans="3:4" x14ac:dyDescent="0.25">
      <c r="C2057"/>
      <c r="D2057"/>
    </row>
    <row r="2058" spans="3:4" x14ac:dyDescent="0.25">
      <c r="C2058"/>
      <c r="D2058"/>
    </row>
    <row r="2059" spans="3:4" x14ac:dyDescent="0.25">
      <c r="C2059"/>
      <c r="D2059"/>
    </row>
    <row r="2060" spans="3:4" x14ac:dyDescent="0.25">
      <c r="C2060"/>
      <c r="D2060"/>
    </row>
    <row r="2061" spans="3:4" x14ac:dyDescent="0.25">
      <c r="C2061"/>
      <c r="D2061"/>
    </row>
    <row r="2062" spans="3:4" x14ac:dyDescent="0.25">
      <c r="C2062"/>
      <c r="D2062"/>
    </row>
    <row r="2063" spans="3:4" x14ac:dyDescent="0.25">
      <c r="C2063"/>
      <c r="D2063"/>
    </row>
    <row r="2064" spans="3:4" x14ac:dyDescent="0.25">
      <c r="C2064"/>
      <c r="D2064"/>
    </row>
    <row r="2065" spans="3:4" x14ac:dyDescent="0.25">
      <c r="C2065"/>
      <c r="D2065"/>
    </row>
    <row r="2066" spans="3:4" x14ac:dyDescent="0.25">
      <c r="C2066"/>
      <c r="D2066"/>
    </row>
    <row r="2067" spans="3:4" x14ac:dyDescent="0.25">
      <c r="C2067"/>
      <c r="D2067"/>
    </row>
    <row r="2068" spans="3:4" x14ac:dyDescent="0.25">
      <c r="C2068"/>
      <c r="D2068"/>
    </row>
    <row r="2069" spans="3:4" x14ac:dyDescent="0.25">
      <c r="C2069"/>
      <c r="D2069"/>
    </row>
    <row r="2070" spans="3:4" x14ac:dyDescent="0.25">
      <c r="C2070"/>
      <c r="D2070"/>
    </row>
    <row r="2071" spans="3:4" x14ac:dyDescent="0.25">
      <c r="C2071"/>
      <c r="D2071"/>
    </row>
    <row r="2072" spans="3:4" x14ac:dyDescent="0.25">
      <c r="C2072"/>
      <c r="D2072"/>
    </row>
    <row r="2073" spans="3:4" x14ac:dyDescent="0.25">
      <c r="C2073"/>
      <c r="D2073"/>
    </row>
    <row r="2074" spans="3:4" x14ac:dyDescent="0.25">
      <c r="C2074"/>
      <c r="D2074"/>
    </row>
    <row r="2075" spans="3:4" x14ac:dyDescent="0.25">
      <c r="C2075"/>
      <c r="D2075"/>
    </row>
    <row r="2076" spans="3:4" x14ac:dyDescent="0.25">
      <c r="C2076"/>
      <c r="D2076"/>
    </row>
    <row r="2077" spans="3:4" x14ac:dyDescent="0.25">
      <c r="C2077"/>
      <c r="D2077"/>
    </row>
    <row r="2078" spans="3:4" x14ac:dyDescent="0.25">
      <c r="C2078"/>
      <c r="D2078"/>
    </row>
    <row r="2079" spans="3:4" x14ac:dyDescent="0.25">
      <c r="C2079"/>
      <c r="D2079"/>
    </row>
    <row r="2080" spans="3:4" x14ac:dyDescent="0.25">
      <c r="C2080"/>
      <c r="D2080"/>
    </row>
    <row r="2081" spans="3:4" x14ac:dyDescent="0.25">
      <c r="C2081"/>
      <c r="D2081"/>
    </row>
    <row r="2082" spans="3:4" x14ac:dyDescent="0.25">
      <c r="C2082"/>
      <c r="D2082"/>
    </row>
    <row r="2083" spans="3:4" x14ac:dyDescent="0.25">
      <c r="C2083"/>
      <c r="D2083"/>
    </row>
    <row r="2084" spans="3:4" x14ac:dyDescent="0.25">
      <c r="C2084"/>
      <c r="D2084"/>
    </row>
    <row r="2085" spans="3:4" x14ac:dyDescent="0.25">
      <c r="C2085"/>
      <c r="D2085"/>
    </row>
    <row r="2086" spans="3:4" x14ac:dyDescent="0.25">
      <c r="C2086"/>
      <c r="D2086"/>
    </row>
    <row r="2087" spans="3:4" x14ac:dyDescent="0.25">
      <c r="C2087"/>
      <c r="D2087"/>
    </row>
    <row r="2088" spans="3:4" x14ac:dyDescent="0.25">
      <c r="C2088"/>
      <c r="D2088"/>
    </row>
    <row r="2089" spans="3:4" x14ac:dyDescent="0.25">
      <c r="C2089"/>
      <c r="D2089"/>
    </row>
    <row r="2090" spans="3:4" x14ac:dyDescent="0.25">
      <c r="C2090"/>
      <c r="D2090"/>
    </row>
    <row r="2091" spans="3:4" x14ac:dyDescent="0.25">
      <c r="C2091"/>
      <c r="D2091"/>
    </row>
    <row r="2092" spans="3:4" x14ac:dyDescent="0.25">
      <c r="C2092"/>
      <c r="D2092"/>
    </row>
    <row r="2093" spans="3:4" x14ac:dyDescent="0.25">
      <c r="C2093"/>
      <c r="D2093"/>
    </row>
    <row r="2094" spans="3:4" x14ac:dyDescent="0.25">
      <c r="C2094"/>
      <c r="D2094"/>
    </row>
    <row r="2095" spans="3:4" x14ac:dyDescent="0.25">
      <c r="C2095"/>
      <c r="D2095"/>
    </row>
    <row r="2096" spans="3:4" x14ac:dyDescent="0.25">
      <c r="C2096"/>
      <c r="D2096"/>
    </row>
    <row r="2097" spans="3:4" x14ac:dyDescent="0.25">
      <c r="C2097"/>
      <c r="D2097"/>
    </row>
    <row r="2098" spans="3:4" x14ac:dyDescent="0.25">
      <c r="C2098"/>
      <c r="D2098"/>
    </row>
    <row r="2099" spans="3:4" x14ac:dyDescent="0.25">
      <c r="C2099"/>
      <c r="D2099"/>
    </row>
    <row r="2100" spans="3:4" x14ac:dyDescent="0.25">
      <c r="C2100"/>
      <c r="D2100"/>
    </row>
    <row r="2101" spans="3:4" x14ac:dyDescent="0.25">
      <c r="C2101"/>
      <c r="D2101"/>
    </row>
    <row r="2102" spans="3:4" x14ac:dyDescent="0.25">
      <c r="C2102"/>
      <c r="D2102"/>
    </row>
    <row r="2103" spans="3:4" x14ac:dyDescent="0.25">
      <c r="C2103"/>
      <c r="D2103"/>
    </row>
    <row r="2104" spans="3:4" x14ac:dyDescent="0.25">
      <c r="C2104"/>
      <c r="D2104"/>
    </row>
    <row r="2105" spans="3:4" x14ac:dyDescent="0.25">
      <c r="C2105"/>
      <c r="D2105"/>
    </row>
    <row r="2106" spans="3:4" x14ac:dyDescent="0.25">
      <c r="C2106"/>
      <c r="D2106"/>
    </row>
    <row r="2107" spans="3:4" x14ac:dyDescent="0.25">
      <c r="C2107"/>
      <c r="D2107"/>
    </row>
    <row r="2108" spans="3:4" x14ac:dyDescent="0.25">
      <c r="C2108"/>
      <c r="D2108"/>
    </row>
    <row r="2109" spans="3:4" x14ac:dyDescent="0.25">
      <c r="C2109"/>
      <c r="D2109"/>
    </row>
    <row r="2110" spans="3:4" x14ac:dyDescent="0.25">
      <c r="C2110"/>
      <c r="D2110"/>
    </row>
    <row r="2111" spans="3:4" x14ac:dyDescent="0.25">
      <c r="C2111"/>
      <c r="D2111"/>
    </row>
    <row r="2112" spans="3:4" x14ac:dyDescent="0.25">
      <c r="C2112"/>
      <c r="D2112"/>
    </row>
    <row r="2113" spans="3:4" x14ac:dyDescent="0.25">
      <c r="C2113"/>
      <c r="D2113"/>
    </row>
    <row r="2114" spans="3:4" x14ac:dyDescent="0.25">
      <c r="C2114"/>
      <c r="D2114"/>
    </row>
    <row r="2115" spans="3:4" x14ac:dyDescent="0.25">
      <c r="C2115"/>
      <c r="D2115"/>
    </row>
    <row r="2116" spans="3:4" x14ac:dyDescent="0.25">
      <c r="C2116"/>
      <c r="D2116"/>
    </row>
    <row r="2117" spans="3:4" x14ac:dyDescent="0.25">
      <c r="C2117"/>
      <c r="D2117"/>
    </row>
    <row r="2118" spans="3:4" x14ac:dyDescent="0.25">
      <c r="C2118"/>
      <c r="D2118"/>
    </row>
    <row r="2119" spans="3:4" x14ac:dyDescent="0.25">
      <c r="C2119"/>
      <c r="D2119"/>
    </row>
    <row r="2120" spans="3:4" x14ac:dyDescent="0.25">
      <c r="C2120"/>
      <c r="D2120"/>
    </row>
    <row r="2121" spans="3:4" x14ac:dyDescent="0.25">
      <c r="C2121"/>
      <c r="D2121"/>
    </row>
    <row r="2122" spans="3:4" x14ac:dyDescent="0.25">
      <c r="C2122"/>
      <c r="D2122"/>
    </row>
    <row r="2123" spans="3:4" x14ac:dyDescent="0.25">
      <c r="C2123"/>
      <c r="D2123"/>
    </row>
    <row r="2124" spans="3:4" x14ac:dyDescent="0.25">
      <c r="C2124"/>
      <c r="D2124"/>
    </row>
    <row r="2125" spans="3:4" x14ac:dyDescent="0.25">
      <c r="C2125"/>
      <c r="D2125"/>
    </row>
    <row r="2126" spans="3:4" x14ac:dyDescent="0.25">
      <c r="C2126"/>
      <c r="D2126"/>
    </row>
    <row r="2127" spans="3:4" x14ac:dyDescent="0.25">
      <c r="C2127"/>
      <c r="D2127"/>
    </row>
    <row r="2128" spans="3:4" x14ac:dyDescent="0.25">
      <c r="C2128"/>
      <c r="D2128"/>
    </row>
    <row r="2129" spans="3:4" x14ac:dyDescent="0.25">
      <c r="C2129"/>
      <c r="D2129"/>
    </row>
    <row r="2130" spans="3:4" x14ac:dyDescent="0.25">
      <c r="C2130"/>
      <c r="D2130"/>
    </row>
    <row r="2131" spans="3:4" x14ac:dyDescent="0.25">
      <c r="C2131"/>
      <c r="D2131"/>
    </row>
    <row r="2132" spans="3:4" x14ac:dyDescent="0.25">
      <c r="C2132"/>
      <c r="D2132"/>
    </row>
    <row r="2133" spans="3:4" x14ac:dyDescent="0.25">
      <c r="C2133"/>
      <c r="D2133"/>
    </row>
    <row r="2134" spans="3:4" x14ac:dyDescent="0.25">
      <c r="C2134"/>
      <c r="D2134"/>
    </row>
    <row r="2135" spans="3:4" x14ac:dyDescent="0.25">
      <c r="C2135"/>
      <c r="D2135"/>
    </row>
    <row r="2136" spans="3:4" x14ac:dyDescent="0.25">
      <c r="C2136"/>
      <c r="D2136"/>
    </row>
    <row r="2137" spans="3:4" x14ac:dyDescent="0.25">
      <c r="C2137"/>
      <c r="D2137"/>
    </row>
    <row r="2138" spans="3:4" x14ac:dyDescent="0.25">
      <c r="C2138"/>
      <c r="D2138"/>
    </row>
    <row r="2139" spans="3:4" x14ac:dyDescent="0.25">
      <c r="C2139"/>
      <c r="D2139"/>
    </row>
    <row r="2140" spans="3:4" x14ac:dyDescent="0.25">
      <c r="C2140"/>
      <c r="D2140"/>
    </row>
    <row r="2141" spans="3:4" x14ac:dyDescent="0.25">
      <c r="C2141"/>
      <c r="D2141"/>
    </row>
    <row r="2142" spans="3:4" x14ac:dyDescent="0.25">
      <c r="C2142"/>
      <c r="D2142"/>
    </row>
    <row r="2143" spans="3:4" x14ac:dyDescent="0.25">
      <c r="C2143"/>
      <c r="D2143"/>
    </row>
    <row r="2144" spans="3:4" x14ac:dyDescent="0.25">
      <c r="C2144"/>
      <c r="D2144"/>
    </row>
    <row r="2145" spans="3:4" x14ac:dyDescent="0.25">
      <c r="C2145"/>
      <c r="D2145"/>
    </row>
    <row r="2146" spans="3:4" x14ac:dyDescent="0.25">
      <c r="C2146"/>
      <c r="D2146"/>
    </row>
    <row r="2147" spans="3:4" x14ac:dyDescent="0.25">
      <c r="C2147"/>
      <c r="D2147"/>
    </row>
    <row r="2148" spans="3:4" x14ac:dyDescent="0.25">
      <c r="C2148"/>
      <c r="D2148"/>
    </row>
    <row r="2149" spans="3:4" x14ac:dyDescent="0.25">
      <c r="C2149"/>
      <c r="D2149"/>
    </row>
    <row r="2150" spans="3:4" x14ac:dyDescent="0.25">
      <c r="C2150"/>
      <c r="D2150"/>
    </row>
    <row r="2151" spans="3:4" x14ac:dyDescent="0.25">
      <c r="C2151"/>
      <c r="D2151"/>
    </row>
    <row r="2152" spans="3:4" x14ac:dyDescent="0.25">
      <c r="C2152"/>
      <c r="D2152"/>
    </row>
    <row r="2153" spans="3:4" x14ac:dyDescent="0.25">
      <c r="C2153"/>
      <c r="D2153"/>
    </row>
    <row r="2154" spans="3:4" x14ac:dyDescent="0.25">
      <c r="C2154"/>
      <c r="D2154"/>
    </row>
    <row r="2155" spans="3:4" x14ac:dyDescent="0.25">
      <c r="C2155"/>
      <c r="D2155"/>
    </row>
    <row r="2156" spans="3:4" x14ac:dyDescent="0.25">
      <c r="C2156"/>
      <c r="D2156"/>
    </row>
    <row r="2157" spans="3:4" x14ac:dyDescent="0.25">
      <c r="C2157"/>
      <c r="D2157"/>
    </row>
    <row r="2158" spans="3:4" x14ac:dyDescent="0.25">
      <c r="C2158"/>
      <c r="D2158"/>
    </row>
    <row r="2159" spans="3:4" x14ac:dyDescent="0.25">
      <c r="C2159"/>
      <c r="D2159"/>
    </row>
    <row r="2160" spans="3:4" x14ac:dyDescent="0.25">
      <c r="C2160"/>
      <c r="D2160"/>
    </row>
    <row r="2161" spans="3:4" x14ac:dyDescent="0.25">
      <c r="C2161"/>
      <c r="D2161"/>
    </row>
    <row r="2162" spans="3:4" x14ac:dyDescent="0.25">
      <c r="C2162"/>
      <c r="D2162"/>
    </row>
    <row r="2163" spans="3:4" x14ac:dyDescent="0.25">
      <c r="C2163"/>
      <c r="D2163"/>
    </row>
    <row r="2164" spans="3:4" x14ac:dyDescent="0.25">
      <c r="C2164"/>
      <c r="D2164"/>
    </row>
    <row r="2165" spans="3:4" x14ac:dyDescent="0.25">
      <c r="C2165"/>
      <c r="D2165"/>
    </row>
    <row r="2166" spans="3:4" x14ac:dyDescent="0.25">
      <c r="C2166"/>
      <c r="D2166"/>
    </row>
    <row r="2167" spans="3:4" x14ac:dyDescent="0.25">
      <c r="C2167"/>
      <c r="D2167"/>
    </row>
    <row r="2168" spans="3:4" x14ac:dyDescent="0.25">
      <c r="C2168"/>
      <c r="D2168"/>
    </row>
    <row r="2169" spans="3:4" x14ac:dyDescent="0.25">
      <c r="C2169"/>
      <c r="D2169"/>
    </row>
    <row r="2170" spans="3:4" x14ac:dyDescent="0.25">
      <c r="C2170"/>
      <c r="D2170"/>
    </row>
    <row r="2171" spans="3:4" x14ac:dyDescent="0.25">
      <c r="C2171"/>
      <c r="D2171"/>
    </row>
    <row r="2172" spans="3:4" x14ac:dyDescent="0.25">
      <c r="C2172"/>
      <c r="D2172"/>
    </row>
    <row r="2173" spans="3:4" x14ac:dyDescent="0.25">
      <c r="C2173"/>
      <c r="D2173"/>
    </row>
    <row r="2174" spans="3:4" x14ac:dyDescent="0.25">
      <c r="C2174"/>
      <c r="D2174"/>
    </row>
    <row r="2175" spans="3:4" x14ac:dyDescent="0.25">
      <c r="C2175"/>
      <c r="D2175"/>
    </row>
    <row r="2176" spans="3:4" x14ac:dyDescent="0.25">
      <c r="C2176"/>
      <c r="D2176"/>
    </row>
    <row r="2177" spans="3:4" x14ac:dyDescent="0.25">
      <c r="C2177"/>
      <c r="D2177"/>
    </row>
    <row r="2178" spans="3:4" x14ac:dyDescent="0.25">
      <c r="C2178"/>
      <c r="D2178"/>
    </row>
    <row r="2179" spans="3:4" x14ac:dyDescent="0.25">
      <c r="C2179"/>
      <c r="D2179"/>
    </row>
    <row r="2180" spans="3:4" x14ac:dyDescent="0.25">
      <c r="C2180"/>
      <c r="D2180"/>
    </row>
    <row r="2181" spans="3:4" x14ac:dyDescent="0.25">
      <c r="C2181"/>
      <c r="D2181"/>
    </row>
    <row r="2182" spans="3:4" x14ac:dyDescent="0.25">
      <c r="C2182"/>
      <c r="D2182"/>
    </row>
    <row r="2183" spans="3:4" x14ac:dyDescent="0.25">
      <c r="C2183"/>
      <c r="D2183"/>
    </row>
    <row r="2184" spans="3:4" x14ac:dyDescent="0.25">
      <c r="C2184"/>
      <c r="D2184"/>
    </row>
    <row r="2185" spans="3:4" x14ac:dyDescent="0.25">
      <c r="C2185"/>
      <c r="D2185"/>
    </row>
    <row r="2186" spans="3:4" x14ac:dyDescent="0.25">
      <c r="C2186"/>
      <c r="D2186"/>
    </row>
    <row r="2187" spans="3:4" x14ac:dyDescent="0.25">
      <c r="C2187"/>
      <c r="D2187"/>
    </row>
    <row r="2188" spans="3:4" x14ac:dyDescent="0.25">
      <c r="C2188"/>
      <c r="D2188"/>
    </row>
    <row r="2189" spans="3:4" x14ac:dyDescent="0.25">
      <c r="C2189"/>
      <c r="D2189"/>
    </row>
    <row r="2190" spans="3:4" x14ac:dyDescent="0.25">
      <c r="C2190"/>
      <c r="D2190"/>
    </row>
    <row r="2191" spans="3:4" x14ac:dyDescent="0.25">
      <c r="C2191"/>
      <c r="D2191"/>
    </row>
    <row r="2192" spans="3:4" x14ac:dyDescent="0.25">
      <c r="C2192"/>
      <c r="D2192"/>
    </row>
    <row r="2193" spans="3:4" x14ac:dyDescent="0.25">
      <c r="C2193"/>
      <c r="D2193"/>
    </row>
    <row r="2194" spans="3:4" x14ac:dyDescent="0.25">
      <c r="C2194"/>
      <c r="D2194"/>
    </row>
    <row r="2195" spans="3:4" x14ac:dyDescent="0.25">
      <c r="C2195"/>
      <c r="D2195"/>
    </row>
    <row r="2196" spans="3:4" x14ac:dyDescent="0.25">
      <c r="C2196"/>
      <c r="D2196"/>
    </row>
    <row r="2197" spans="3:4" x14ac:dyDescent="0.25">
      <c r="C2197"/>
      <c r="D2197"/>
    </row>
    <row r="2198" spans="3:4" x14ac:dyDescent="0.25">
      <c r="C2198"/>
      <c r="D2198"/>
    </row>
    <row r="2199" spans="3:4" x14ac:dyDescent="0.25">
      <c r="C2199"/>
      <c r="D2199"/>
    </row>
    <row r="2200" spans="3:4" x14ac:dyDescent="0.25">
      <c r="C2200"/>
      <c r="D2200"/>
    </row>
    <row r="2201" spans="3:4" x14ac:dyDescent="0.25">
      <c r="C2201"/>
      <c r="D2201"/>
    </row>
    <row r="2202" spans="3:4" x14ac:dyDescent="0.25">
      <c r="C2202"/>
      <c r="D2202"/>
    </row>
    <row r="2203" spans="3:4" x14ac:dyDescent="0.25">
      <c r="C2203"/>
      <c r="D2203"/>
    </row>
    <row r="2204" spans="3:4" x14ac:dyDescent="0.25">
      <c r="C2204"/>
      <c r="D2204"/>
    </row>
    <row r="2205" spans="3:4" x14ac:dyDescent="0.25">
      <c r="C2205"/>
      <c r="D2205"/>
    </row>
    <row r="2206" spans="3:4" x14ac:dyDescent="0.25">
      <c r="C2206"/>
      <c r="D2206"/>
    </row>
    <row r="2207" spans="3:4" x14ac:dyDescent="0.25">
      <c r="C2207"/>
      <c r="D2207"/>
    </row>
    <row r="2208" spans="3:4" x14ac:dyDescent="0.25">
      <c r="C2208"/>
      <c r="D2208"/>
    </row>
    <row r="2209" spans="3:4" x14ac:dyDescent="0.25">
      <c r="C2209"/>
      <c r="D2209"/>
    </row>
    <row r="2210" spans="3:4" x14ac:dyDescent="0.25">
      <c r="C2210"/>
      <c r="D2210"/>
    </row>
    <row r="2211" spans="3:4" x14ac:dyDescent="0.25">
      <c r="C2211"/>
      <c r="D2211"/>
    </row>
    <row r="2212" spans="3:4" x14ac:dyDescent="0.25">
      <c r="C2212"/>
      <c r="D2212"/>
    </row>
    <row r="2213" spans="3:4" x14ac:dyDescent="0.25">
      <c r="C2213"/>
      <c r="D2213"/>
    </row>
    <row r="2214" spans="3:4" x14ac:dyDescent="0.25">
      <c r="C2214"/>
      <c r="D2214"/>
    </row>
    <row r="2215" spans="3:4" x14ac:dyDescent="0.25">
      <c r="C2215"/>
      <c r="D2215"/>
    </row>
    <row r="2216" spans="3:4" x14ac:dyDescent="0.25">
      <c r="C2216"/>
      <c r="D2216"/>
    </row>
    <row r="2217" spans="3:4" x14ac:dyDescent="0.25">
      <c r="C2217"/>
      <c r="D2217"/>
    </row>
    <row r="2218" spans="3:4" x14ac:dyDescent="0.25">
      <c r="C2218"/>
      <c r="D2218"/>
    </row>
    <row r="2219" spans="3:4" x14ac:dyDescent="0.25">
      <c r="C2219"/>
      <c r="D2219"/>
    </row>
    <row r="2220" spans="3:4" x14ac:dyDescent="0.25">
      <c r="C2220"/>
      <c r="D2220"/>
    </row>
    <row r="2221" spans="3:4" x14ac:dyDescent="0.25">
      <c r="C2221"/>
      <c r="D2221"/>
    </row>
    <row r="2222" spans="3:4" x14ac:dyDescent="0.25">
      <c r="C2222"/>
      <c r="D2222"/>
    </row>
    <row r="2223" spans="3:4" x14ac:dyDescent="0.25">
      <c r="C2223"/>
      <c r="D2223"/>
    </row>
    <row r="2224" spans="3:4" x14ac:dyDescent="0.25">
      <c r="C2224"/>
      <c r="D2224"/>
    </row>
    <row r="2225" spans="3:4" x14ac:dyDescent="0.25">
      <c r="C2225"/>
      <c r="D2225"/>
    </row>
    <row r="2226" spans="3:4" x14ac:dyDescent="0.25">
      <c r="C2226"/>
      <c r="D2226"/>
    </row>
    <row r="2227" spans="3:4" x14ac:dyDescent="0.25">
      <c r="C2227"/>
      <c r="D2227"/>
    </row>
    <row r="2228" spans="3:4" x14ac:dyDescent="0.25">
      <c r="C2228"/>
      <c r="D2228"/>
    </row>
    <row r="2229" spans="3:4" x14ac:dyDescent="0.25">
      <c r="C2229"/>
      <c r="D2229"/>
    </row>
    <row r="2230" spans="3:4" x14ac:dyDescent="0.25">
      <c r="C2230"/>
      <c r="D2230"/>
    </row>
    <row r="2231" spans="3:4" x14ac:dyDescent="0.25">
      <c r="C2231"/>
      <c r="D2231"/>
    </row>
    <row r="2232" spans="3:4" x14ac:dyDescent="0.25">
      <c r="C2232"/>
      <c r="D2232"/>
    </row>
    <row r="2233" spans="3:4" x14ac:dyDescent="0.25">
      <c r="C2233"/>
      <c r="D2233"/>
    </row>
    <row r="2234" spans="3:4" x14ac:dyDescent="0.25">
      <c r="C2234"/>
      <c r="D2234"/>
    </row>
    <row r="2235" spans="3:4" x14ac:dyDescent="0.25">
      <c r="C2235"/>
      <c r="D2235"/>
    </row>
    <row r="2236" spans="3:4" x14ac:dyDescent="0.25">
      <c r="C2236"/>
      <c r="D2236"/>
    </row>
    <row r="2237" spans="3:4" x14ac:dyDescent="0.25">
      <c r="C2237"/>
      <c r="D2237"/>
    </row>
    <row r="2238" spans="3:4" x14ac:dyDescent="0.25">
      <c r="C2238"/>
      <c r="D2238"/>
    </row>
    <row r="2239" spans="3:4" x14ac:dyDescent="0.25">
      <c r="C2239"/>
      <c r="D2239"/>
    </row>
    <row r="2240" spans="3:4" x14ac:dyDescent="0.25">
      <c r="C2240"/>
      <c r="D2240"/>
    </row>
    <row r="2241" spans="3:4" x14ac:dyDescent="0.25">
      <c r="C2241"/>
      <c r="D2241"/>
    </row>
    <row r="2242" spans="3:4" x14ac:dyDescent="0.25">
      <c r="C2242"/>
      <c r="D2242"/>
    </row>
    <row r="2243" spans="3:4" x14ac:dyDescent="0.25">
      <c r="C2243"/>
      <c r="D2243"/>
    </row>
    <row r="2244" spans="3:4" x14ac:dyDescent="0.25">
      <c r="C2244"/>
      <c r="D2244"/>
    </row>
    <row r="2245" spans="3:4" x14ac:dyDescent="0.25">
      <c r="C2245"/>
      <c r="D2245"/>
    </row>
    <row r="2246" spans="3:4" x14ac:dyDescent="0.25">
      <c r="C2246"/>
      <c r="D2246"/>
    </row>
    <row r="2247" spans="3:4" x14ac:dyDescent="0.25">
      <c r="C2247"/>
      <c r="D2247"/>
    </row>
    <row r="2248" spans="3:4" x14ac:dyDescent="0.25">
      <c r="C2248"/>
      <c r="D2248"/>
    </row>
    <row r="2249" spans="3:4" x14ac:dyDescent="0.25">
      <c r="C2249"/>
      <c r="D2249"/>
    </row>
    <row r="2250" spans="3:4" x14ac:dyDescent="0.25">
      <c r="C2250"/>
      <c r="D2250"/>
    </row>
    <row r="2251" spans="3:4" x14ac:dyDescent="0.25">
      <c r="C2251"/>
      <c r="D2251"/>
    </row>
    <row r="2252" spans="3:4" x14ac:dyDescent="0.25">
      <c r="C2252"/>
      <c r="D2252"/>
    </row>
    <row r="2253" spans="3:4" x14ac:dyDescent="0.25">
      <c r="C2253"/>
      <c r="D2253"/>
    </row>
    <row r="2254" spans="3:4" x14ac:dyDescent="0.25">
      <c r="C2254"/>
      <c r="D2254"/>
    </row>
    <row r="2255" spans="3:4" x14ac:dyDescent="0.25">
      <c r="C2255"/>
      <c r="D2255"/>
    </row>
    <row r="2256" spans="3:4" x14ac:dyDescent="0.25">
      <c r="C2256"/>
      <c r="D2256"/>
    </row>
    <row r="2257" spans="3:4" x14ac:dyDescent="0.25">
      <c r="C2257"/>
      <c r="D2257"/>
    </row>
    <row r="2258" spans="3:4" x14ac:dyDescent="0.25">
      <c r="C2258"/>
      <c r="D2258"/>
    </row>
    <row r="2259" spans="3:4" x14ac:dyDescent="0.25">
      <c r="C2259"/>
      <c r="D2259"/>
    </row>
    <row r="2260" spans="3:4" x14ac:dyDescent="0.25">
      <c r="C2260"/>
      <c r="D2260"/>
    </row>
    <row r="2261" spans="3:4" x14ac:dyDescent="0.25">
      <c r="C2261"/>
      <c r="D2261"/>
    </row>
    <row r="2262" spans="3:4" x14ac:dyDescent="0.25">
      <c r="C2262"/>
      <c r="D2262"/>
    </row>
    <row r="2263" spans="3:4" x14ac:dyDescent="0.25">
      <c r="C2263"/>
      <c r="D2263"/>
    </row>
    <row r="2264" spans="3:4" x14ac:dyDescent="0.25">
      <c r="C2264"/>
      <c r="D2264"/>
    </row>
    <row r="2265" spans="3:4" x14ac:dyDescent="0.25">
      <c r="C2265"/>
      <c r="D2265"/>
    </row>
    <row r="2266" spans="3:4" x14ac:dyDescent="0.25">
      <c r="C2266"/>
      <c r="D2266"/>
    </row>
    <row r="2267" spans="3:4" x14ac:dyDescent="0.25">
      <c r="C2267"/>
      <c r="D2267"/>
    </row>
    <row r="2268" spans="3:4" x14ac:dyDescent="0.25">
      <c r="C2268"/>
      <c r="D2268"/>
    </row>
    <row r="2269" spans="3:4" x14ac:dyDescent="0.25">
      <c r="C2269"/>
      <c r="D2269"/>
    </row>
    <row r="2270" spans="3:4" x14ac:dyDescent="0.25">
      <c r="C2270"/>
      <c r="D2270"/>
    </row>
    <row r="2271" spans="3:4" x14ac:dyDescent="0.25">
      <c r="C2271"/>
      <c r="D2271"/>
    </row>
    <row r="2272" spans="3:4" x14ac:dyDescent="0.25">
      <c r="C2272"/>
      <c r="D2272"/>
    </row>
    <row r="2273" spans="3:4" x14ac:dyDescent="0.25">
      <c r="C2273"/>
      <c r="D2273"/>
    </row>
    <row r="2274" spans="3:4" x14ac:dyDescent="0.25">
      <c r="C2274"/>
      <c r="D2274"/>
    </row>
    <row r="2275" spans="3:4" x14ac:dyDescent="0.25">
      <c r="C2275"/>
      <c r="D2275"/>
    </row>
    <row r="2276" spans="3:4" x14ac:dyDescent="0.25">
      <c r="C2276"/>
      <c r="D2276"/>
    </row>
    <row r="2277" spans="3:4" x14ac:dyDescent="0.25">
      <c r="C2277"/>
      <c r="D2277"/>
    </row>
    <row r="2278" spans="3:4" x14ac:dyDescent="0.25">
      <c r="C2278"/>
      <c r="D2278"/>
    </row>
    <row r="2279" spans="3:4" x14ac:dyDescent="0.25">
      <c r="C2279"/>
      <c r="D2279"/>
    </row>
    <row r="2280" spans="3:4" x14ac:dyDescent="0.25">
      <c r="C2280"/>
      <c r="D2280"/>
    </row>
    <row r="2281" spans="3:4" x14ac:dyDescent="0.25">
      <c r="C2281"/>
      <c r="D2281"/>
    </row>
    <row r="2282" spans="3:4" x14ac:dyDescent="0.25">
      <c r="C2282"/>
      <c r="D2282"/>
    </row>
    <row r="2283" spans="3:4" x14ac:dyDescent="0.25">
      <c r="C2283"/>
      <c r="D2283"/>
    </row>
    <row r="2284" spans="3:4" x14ac:dyDescent="0.25">
      <c r="C2284"/>
      <c r="D2284"/>
    </row>
    <row r="2285" spans="3:4" x14ac:dyDescent="0.25">
      <c r="C2285"/>
      <c r="D2285"/>
    </row>
    <row r="2286" spans="3:4" x14ac:dyDescent="0.25">
      <c r="C2286"/>
      <c r="D2286"/>
    </row>
    <row r="2287" spans="3:4" x14ac:dyDescent="0.25">
      <c r="C2287"/>
      <c r="D2287"/>
    </row>
    <row r="2288" spans="3:4" x14ac:dyDescent="0.25">
      <c r="C2288"/>
      <c r="D2288"/>
    </row>
    <row r="2289" spans="3:4" x14ac:dyDescent="0.25">
      <c r="C2289"/>
      <c r="D2289"/>
    </row>
    <row r="2290" spans="3:4" x14ac:dyDescent="0.25">
      <c r="C2290"/>
      <c r="D2290"/>
    </row>
    <row r="2291" spans="3:4" x14ac:dyDescent="0.25">
      <c r="C2291"/>
      <c r="D2291"/>
    </row>
    <row r="2292" spans="3:4" x14ac:dyDescent="0.25">
      <c r="C2292"/>
      <c r="D2292"/>
    </row>
    <row r="2293" spans="3:4" x14ac:dyDescent="0.25">
      <c r="C2293"/>
      <c r="D2293"/>
    </row>
    <row r="2294" spans="3:4" x14ac:dyDescent="0.25">
      <c r="C2294"/>
      <c r="D2294"/>
    </row>
    <row r="2295" spans="3:4" x14ac:dyDescent="0.25">
      <c r="C2295"/>
      <c r="D2295"/>
    </row>
    <row r="2296" spans="3:4" x14ac:dyDescent="0.25">
      <c r="C2296"/>
      <c r="D2296"/>
    </row>
    <row r="2297" spans="3:4" x14ac:dyDescent="0.25">
      <c r="C2297"/>
      <c r="D2297"/>
    </row>
    <row r="2298" spans="3:4" x14ac:dyDescent="0.25">
      <c r="C2298"/>
      <c r="D2298"/>
    </row>
    <row r="2299" spans="3:4" x14ac:dyDescent="0.25">
      <c r="C2299"/>
      <c r="D2299"/>
    </row>
    <row r="2300" spans="3:4" x14ac:dyDescent="0.25">
      <c r="C2300"/>
      <c r="D2300"/>
    </row>
    <row r="2301" spans="3:4" x14ac:dyDescent="0.25">
      <c r="C2301"/>
      <c r="D2301"/>
    </row>
    <row r="2302" spans="3:4" x14ac:dyDescent="0.25">
      <c r="C2302"/>
      <c r="D2302"/>
    </row>
    <row r="2303" spans="3:4" x14ac:dyDescent="0.25">
      <c r="C2303"/>
      <c r="D2303"/>
    </row>
    <row r="2304" spans="3:4" x14ac:dyDescent="0.25">
      <c r="C2304"/>
      <c r="D2304"/>
    </row>
    <row r="2305" spans="3:4" x14ac:dyDescent="0.25">
      <c r="C2305"/>
      <c r="D2305"/>
    </row>
    <row r="2306" spans="3:4" x14ac:dyDescent="0.25">
      <c r="C2306"/>
      <c r="D2306"/>
    </row>
    <row r="2307" spans="3:4" x14ac:dyDescent="0.25">
      <c r="C2307"/>
      <c r="D2307"/>
    </row>
    <row r="2308" spans="3:4" x14ac:dyDescent="0.25">
      <c r="C2308"/>
      <c r="D2308"/>
    </row>
    <row r="2309" spans="3:4" x14ac:dyDescent="0.25">
      <c r="C2309"/>
      <c r="D2309"/>
    </row>
    <row r="2310" spans="3:4" x14ac:dyDescent="0.25">
      <c r="C2310"/>
      <c r="D2310"/>
    </row>
    <row r="2311" spans="3:4" x14ac:dyDescent="0.25">
      <c r="C2311"/>
      <c r="D2311"/>
    </row>
    <row r="2312" spans="3:4" x14ac:dyDescent="0.25">
      <c r="C2312"/>
      <c r="D2312"/>
    </row>
    <row r="2313" spans="3:4" x14ac:dyDescent="0.25">
      <c r="C2313"/>
      <c r="D2313"/>
    </row>
    <row r="2314" spans="3:4" x14ac:dyDescent="0.25">
      <c r="C2314"/>
      <c r="D2314"/>
    </row>
    <row r="2315" spans="3:4" x14ac:dyDescent="0.25">
      <c r="C2315"/>
      <c r="D2315"/>
    </row>
    <row r="2316" spans="3:4" x14ac:dyDescent="0.25">
      <c r="C2316"/>
      <c r="D2316"/>
    </row>
    <row r="2317" spans="3:4" x14ac:dyDescent="0.25">
      <c r="C2317"/>
      <c r="D2317"/>
    </row>
    <row r="2318" spans="3:4" x14ac:dyDescent="0.25">
      <c r="C2318"/>
      <c r="D2318"/>
    </row>
    <row r="2319" spans="3:4" x14ac:dyDescent="0.25">
      <c r="C2319"/>
      <c r="D2319"/>
    </row>
    <row r="2320" spans="3:4" x14ac:dyDescent="0.25">
      <c r="C2320"/>
      <c r="D2320"/>
    </row>
    <row r="2321" spans="3:4" x14ac:dyDescent="0.25">
      <c r="C2321"/>
      <c r="D2321"/>
    </row>
    <row r="2322" spans="3:4" x14ac:dyDescent="0.25">
      <c r="C2322"/>
      <c r="D2322"/>
    </row>
    <row r="2323" spans="3:4" x14ac:dyDescent="0.25">
      <c r="C2323"/>
      <c r="D2323"/>
    </row>
    <row r="2324" spans="3:4" x14ac:dyDescent="0.25">
      <c r="C2324"/>
      <c r="D2324"/>
    </row>
    <row r="2325" spans="3:4" x14ac:dyDescent="0.25">
      <c r="C2325"/>
      <c r="D2325"/>
    </row>
    <row r="2326" spans="3:4" x14ac:dyDescent="0.25">
      <c r="C2326"/>
      <c r="D2326"/>
    </row>
    <row r="2327" spans="3:4" x14ac:dyDescent="0.25">
      <c r="C2327"/>
      <c r="D2327"/>
    </row>
    <row r="2328" spans="3:4" x14ac:dyDescent="0.25">
      <c r="C2328"/>
      <c r="D2328"/>
    </row>
    <row r="2329" spans="3:4" x14ac:dyDescent="0.25">
      <c r="C2329"/>
      <c r="D2329"/>
    </row>
    <row r="2330" spans="3:4" x14ac:dyDescent="0.25">
      <c r="C2330"/>
      <c r="D2330"/>
    </row>
    <row r="2331" spans="3:4" x14ac:dyDescent="0.25">
      <c r="C2331"/>
      <c r="D2331"/>
    </row>
    <row r="2332" spans="3:4" x14ac:dyDescent="0.25">
      <c r="C2332"/>
      <c r="D2332"/>
    </row>
    <row r="2333" spans="3:4" x14ac:dyDescent="0.25">
      <c r="C2333"/>
      <c r="D2333"/>
    </row>
    <row r="2334" spans="3:4" x14ac:dyDescent="0.25">
      <c r="C2334"/>
      <c r="D2334"/>
    </row>
    <row r="2335" spans="3:4" x14ac:dyDescent="0.25">
      <c r="C2335"/>
      <c r="D2335"/>
    </row>
    <row r="2336" spans="3:4" x14ac:dyDescent="0.25">
      <c r="C2336"/>
      <c r="D2336"/>
    </row>
    <row r="2337" spans="3:4" x14ac:dyDescent="0.25">
      <c r="C2337"/>
      <c r="D2337"/>
    </row>
    <row r="2338" spans="3:4" x14ac:dyDescent="0.25">
      <c r="C2338"/>
      <c r="D2338"/>
    </row>
    <row r="2339" spans="3:4" x14ac:dyDescent="0.25">
      <c r="C2339"/>
      <c r="D2339"/>
    </row>
    <row r="2340" spans="3:4" x14ac:dyDescent="0.25">
      <c r="C2340"/>
      <c r="D2340"/>
    </row>
    <row r="2341" spans="3:4" x14ac:dyDescent="0.25">
      <c r="C2341"/>
      <c r="D2341"/>
    </row>
    <row r="2342" spans="3:4" x14ac:dyDescent="0.25">
      <c r="C2342"/>
      <c r="D2342"/>
    </row>
    <row r="2343" spans="3:4" x14ac:dyDescent="0.25">
      <c r="C2343"/>
      <c r="D2343"/>
    </row>
    <row r="2344" spans="3:4" x14ac:dyDescent="0.25">
      <c r="C2344"/>
      <c r="D2344"/>
    </row>
    <row r="2345" spans="3:4" x14ac:dyDescent="0.25">
      <c r="C2345"/>
      <c r="D2345"/>
    </row>
    <row r="2346" spans="3:4" x14ac:dyDescent="0.25">
      <c r="C2346"/>
      <c r="D2346"/>
    </row>
    <row r="2347" spans="3:4" x14ac:dyDescent="0.25">
      <c r="C2347"/>
      <c r="D2347"/>
    </row>
    <row r="2348" spans="3:4" x14ac:dyDescent="0.25">
      <c r="C2348"/>
      <c r="D2348"/>
    </row>
    <row r="2349" spans="3:4" x14ac:dyDescent="0.25">
      <c r="C2349"/>
      <c r="D2349"/>
    </row>
    <row r="2350" spans="3:4" x14ac:dyDescent="0.25">
      <c r="C2350"/>
      <c r="D2350"/>
    </row>
    <row r="2351" spans="3:4" x14ac:dyDescent="0.25">
      <c r="C2351"/>
      <c r="D2351"/>
    </row>
    <row r="2352" spans="3:4" x14ac:dyDescent="0.25">
      <c r="C2352"/>
      <c r="D2352"/>
    </row>
    <row r="2353" spans="3:4" x14ac:dyDescent="0.25">
      <c r="C2353"/>
      <c r="D2353"/>
    </row>
    <row r="2354" spans="3:4" x14ac:dyDescent="0.25">
      <c r="C2354"/>
      <c r="D2354"/>
    </row>
    <row r="2355" spans="3:4" x14ac:dyDescent="0.25">
      <c r="C2355"/>
      <c r="D2355"/>
    </row>
    <row r="2356" spans="3:4" x14ac:dyDescent="0.25">
      <c r="C2356"/>
      <c r="D2356"/>
    </row>
    <row r="2357" spans="3:4" x14ac:dyDescent="0.25">
      <c r="C2357"/>
      <c r="D2357"/>
    </row>
    <row r="2358" spans="3:4" x14ac:dyDescent="0.25">
      <c r="C2358"/>
      <c r="D2358"/>
    </row>
    <row r="2359" spans="3:4" x14ac:dyDescent="0.25">
      <c r="C2359"/>
      <c r="D2359"/>
    </row>
    <row r="2360" spans="3:4" x14ac:dyDescent="0.25">
      <c r="C2360"/>
      <c r="D2360"/>
    </row>
    <row r="2361" spans="3:4" x14ac:dyDescent="0.25">
      <c r="C2361"/>
      <c r="D2361"/>
    </row>
    <row r="2362" spans="3:4" x14ac:dyDescent="0.25">
      <c r="C2362"/>
      <c r="D2362"/>
    </row>
    <row r="2363" spans="3:4" x14ac:dyDescent="0.25">
      <c r="C2363"/>
      <c r="D2363"/>
    </row>
    <row r="2364" spans="3:4" x14ac:dyDescent="0.25">
      <c r="C2364"/>
      <c r="D2364"/>
    </row>
    <row r="2365" spans="3:4" x14ac:dyDescent="0.25">
      <c r="C2365"/>
      <c r="D2365"/>
    </row>
    <row r="2366" spans="3:4" x14ac:dyDescent="0.25">
      <c r="C2366"/>
      <c r="D2366"/>
    </row>
    <row r="2367" spans="3:4" x14ac:dyDescent="0.25">
      <c r="C2367"/>
      <c r="D2367"/>
    </row>
    <row r="2368" spans="3:4" x14ac:dyDescent="0.25">
      <c r="C2368"/>
      <c r="D2368"/>
    </row>
    <row r="2369" spans="3:4" x14ac:dyDescent="0.25">
      <c r="C2369"/>
      <c r="D2369"/>
    </row>
    <row r="2370" spans="3:4" x14ac:dyDescent="0.25">
      <c r="C2370"/>
      <c r="D2370"/>
    </row>
    <row r="2371" spans="3:4" x14ac:dyDescent="0.25">
      <c r="C2371"/>
      <c r="D2371"/>
    </row>
    <row r="2372" spans="3:4" x14ac:dyDescent="0.25">
      <c r="C2372"/>
      <c r="D2372"/>
    </row>
    <row r="2373" spans="3:4" x14ac:dyDescent="0.25">
      <c r="C2373"/>
      <c r="D2373"/>
    </row>
    <row r="2374" spans="3:4" x14ac:dyDescent="0.25">
      <c r="C2374"/>
      <c r="D2374"/>
    </row>
    <row r="2375" spans="3:4" x14ac:dyDescent="0.25">
      <c r="C2375"/>
      <c r="D2375"/>
    </row>
    <row r="2376" spans="3:4" x14ac:dyDescent="0.25">
      <c r="C2376"/>
      <c r="D2376"/>
    </row>
    <row r="2377" spans="3:4" x14ac:dyDescent="0.25">
      <c r="C2377"/>
      <c r="D2377"/>
    </row>
    <row r="2378" spans="3:4" x14ac:dyDescent="0.25">
      <c r="C2378"/>
      <c r="D2378"/>
    </row>
    <row r="2379" spans="3:4" x14ac:dyDescent="0.25">
      <c r="C2379"/>
      <c r="D2379"/>
    </row>
    <row r="2380" spans="3:4" x14ac:dyDescent="0.25">
      <c r="C2380"/>
      <c r="D2380"/>
    </row>
    <row r="2381" spans="3:4" x14ac:dyDescent="0.25">
      <c r="C2381"/>
      <c r="D2381"/>
    </row>
    <row r="2382" spans="3:4" x14ac:dyDescent="0.25">
      <c r="C2382"/>
      <c r="D2382"/>
    </row>
    <row r="2383" spans="3:4" x14ac:dyDescent="0.25">
      <c r="C2383"/>
      <c r="D2383"/>
    </row>
    <row r="2384" spans="3:4" x14ac:dyDescent="0.25">
      <c r="C2384"/>
      <c r="D2384"/>
    </row>
    <row r="2385" spans="3:4" x14ac:dyDescent="0.25">
      <c r="C2385"/>
      <c r="D2385"/>
    </row>
    <row r="2386" spans="3:4" x14ac:dyDescent="0.25">
      <c r="C2386"/>
      <c r="D2386"/>
    </row>
    <row r="2387" spans="3:4" x14ac:dyDescent="0.25">
      <c r="C2387"/>
      <c r="D2387"/>
    </row>
    <row r="2388" spans="3:4" x14ac:dyDescent="0.25">
      <c r="C2388"/>
      <c r="D2388"/>
    </row>
    <row r="2389" spans="3:4" x14ac:dyDescent="0.25">
      <c r="C2389"/>
      <c r="D2389"/>
    </row>
    <row r="2390" spans="3:4" x14ac:dyDescent="0.25">
      <c r="C2390"/>
      <c r="D2390"/>
    </row>
    <row r="2391" spans="3:4" x14ac:dyDescent="0.25">
      <c r="C2391"/>
      <c r="D2391"/>
    </row>
    <row r="2392" spans="3:4" x14ac:dyDescent="0.25">
      <c r="C2392"/>
      <c r="D2392"/>
    </row>
    <row r="2393" spans="3:4" x14ac:dyDescent="0.25">
      <c r="C2393"/>
      <c r="D2393"/>
    </row>
    <row r="2394" spans="3:4" x14ac:dyDescent="0.25">
      <c r="C2394"/>
      <c r="D2394"/>
    </row>
    <row r="2395" spans="3:4" x14ac:dyDescent="0.25">
      <c r="C2395"/>
      <c r="D2395"/>
    </row>
    <row r="2396" spans="3:4" x14ac:dyDescent="0.25">
      <c r="C2396"/>
      <c r="D2396"/>
    </row>
    <row r="2397" spans="3:4" x14ac:dyDescent="0.25">
      <c r="C2397"/>
      <c r="D2397"/>
    </row>
    <row r="2398" spans="3:4" x14ac:dyDescent="0.25">
      <c r="C2398"/>
      <c r="D2398"/>
    </row>
    <row r="2399" spans="3:4" x14ac:dyDescent="0.25">
      <c r="C2399"/>
      <c r="D2399"/>
    </row>
    <row r="2400" spans="3:4" x14ac:dyDescent="0.25">
      <c r="C2400"/>
      <c r="D2400"/>
    </row>
    <row r="2401" spans="3:4" x14ac:dyDescent="0.25">
      <c r="C2401"/>
      <c r="D2401"/>
    </row>
    <row r="2402" spans="3:4" x14ac:dyDescent="0.25">
      <c r="C2402"/>
      <c r="D2402"/>
    </row>
    <row r="2403" spans="3:4" x14ac:dyDescent="0.25">
      <c r="C2403"/>
      <c r="D2403"/>
    </row>
    <row r="2404" spans="3:4" x14ac:dyDescent="0.25">
      <c r="C2404"/>
      <c r="D2404"/>
    </row>
    <row r="2405" spans="3:4" x14ac:dyDescent="0.25">
      <c r="C2405"/>
      <c r="D2405"/>
    </row>
    <row r="2406" spans="3:4" x14ac:dyDescent="0.25">
      <c r="C2406"/>
      <c r="D2406"/>
    </row>
    <row r="2407" spans="3:4" x14ac:dyDescent="0.25">
      <c r="C2407"/>
      <c r="D2407"/>
    </row>
    <row r="2408" spans="3:4" x14ac:dyDescent="0.25">
      <c r="C2408"/>
      <c r="D2408"/>
    </row>
    <row r="2409" spans="3:4" x14ac:dyDescent="0.25">
      <c r="C2409"/>
      <c r="D2409"/>
    </row>
    <row r="2410" spans="3:4" x14ac:dyDescent="0.25">
      <c r="C2410"/>
      <c r="D2410"/>
    </row>
    <row r="2411" spans="3:4" x14ac:dyDescent="0.25">
      <c r="C2411"/>
      <c r="D2411"/>
    </row>
    <row r="2412" spans="3:4" x14ac:dyDescent="0.25">
      <c r="C2412"/>
      <c r="D2412"/>
    </row>
    <row r="2413" spans="3:4" x14ac:dyDescent="0.25">
      <c r="C2413"/>
      <c r="D2413"/>
    </row>
    <row r="2414" spans="3:4" x14ac:dyDescent="0.25">
      <c r="C2414"/>
      <c r="D2414"/>
    </row>
    <row r="2415" spans="3:4" x14ac:dyDescent="0.25">
      <c r="C2415"/>
      <c r="D2415"/>
    </row>
    <row r="2416" spans="3:4" x14ac:dyDescent="0.25">
      <c r="C2416"/>
      <c r="D2416"/>
    </row>
    <row r="2417" spans="3:4" x14ac:dyDescent="0.25">
      <c r="C2417"/>
      <c r="D2417"/>
    </row>
    <row r="2418" spans="3:4" x14ac:dyDescent="0.25">
      <c r="C2418"/>
      <c r="D2418"/>
    </row>
    <row r="2419" spans="3:4" x14ac:dyDescent="0.25">
      <c r="C2419"/>
      <c r="D2419"/>
    </row>
    <row r="2420" spans="3:4" x14ac:dyDescent="0.25">
      <c r="C2420"/>
      <c r="D2420"/>
    </row>
    <row r="2421" spans="3:4" x14ac:dyDescent="0.25">
      <c r="C2421"/>
      <c r="D2421"/>
    </row>
    <row r="2422" spans="3:4" x14ac:dyDescent="0.25">
      <c r="C2422"/>
      <c r="D2422"/>
    </row>
    <row r="2423" spans="3:4" x14ac:dyDescent="0.25">
      <c r="C2423"/>
      <c r="D2423"/>
    </row>
    <row r="2424" spans="3:4" x14ac:dyDescent="0.25">
      <c r="C2424"/>
      <c r="D2424"/>
    </row>
    <row r="2425" spans="3:4" x14ac:dyDescent="0.25">
      <c r="C2425"/>
      <c r="D2425"/>
    </row>
    <row r="2426" spans="3:4" x14ac:dyDescent="0.25">
      <c r="C2426"/>
      <c r="D2426"/>
    </row>
    <row r="2427" spans="3:4" x14ac:dyDescent="0.25">
      <c r="C2427"/>
      <c r="D2427"/>
    </row>
    <row r="2428" spans="3:4" x14ac:dyDescent="0.25">
      <c r="C2428"/>
      <c r="D2428"/>
    </row>
    <row r="2429" spans="3:4" x14ac:dyDescent="0.25">
      <c r="C2429"/>
      <c r="D2429"/>
    </row>
    <row r="2430" spans="3:4" x14ac:dyDescent="0.25">
      <c r="C2430"/>
      <c r="D2430"/>
    </row>
    <row r="2431" spans="3:4" x14ac:dyDescent="0.25">
      <c r="C2431"/>
      <c r="D2431"/>
    </row>
    <row r="2432" spans="3:4" x14ac:dyDescent="0.25">
      <c r="C2432"/>
      <c r="D2432"/>
    </row>
    <row r="2433" spans="3:4" x14ac:dyDescent="0.25">
      <c r="C2433"/>
      <c r="D2433"/>
    </row>
    <row r="2434" spans="3:4" x14ac:dyDescent="0.25">
      <c r="C2434"/>
      <c r="D2434"/>
    </row>
    <row r="2435" spans="3:4" x14ac:dyDescent="0.25">
      <c r="C2435"/>
      <c r="D2435"/>
    </row>
    <row r="2436" spans="3:4" x14ac:dyDescent="0.25">
      <c r="C2436"/>
      <c r="D2436"/>
    </row>
    <row r="2437" spans="3:4" x14ac:dyDescent="0.25">
      <c r="C2437"/>
      <c r="D2437"/>
    </row>
    <row r="2438" spans="3:4" x14ac:dyDescent="0.25">
      <c r="C2438"/>
      <c r="D2438"/>
    </row>
    <row r="2439" spans="3:4" x14ac:dyDescent="0.25">
      <c r="C2439"/>
      <c r="D2439"/>
    </row>
    <row r="2440" spans="3:4" x14ac:dyDescent="0.25">
      <c r="C2440"/>
      <c r="D2440"/>
    </row>
    <row r="2441" spans="3:4" x14ac:dyDescent="0.25">
      <c r="C2441"/>
      <c r="D2441"/>
    </row>
    <row r="2442" spans="3:4" x14ac:dyDescent="0.25">
      <c r="C2442"/>
      <c r="D2442"/>
    </row>
    <row r="2443" spans="3:4" x14ac:dyDescent="0.25">
      <c r="C2443"/>
      <c r="D2443"/>
    </row>
    <row r="2444" spans="3:4" x14ac:dyDescent="0.25">
      <c r="C2444"/>
      <c r="D2444"/>
    </row>
    <row r="2445" spans="3:4" x14ac:dyDescent="0.25">
      <c r="C2445"/>
      <c r="D2445"/>
    </row>
    <row r="2446" spans="3:4" x14ac:dyDescent="0.25">
      <c r="C2446"/>
      <c r="D2446"/>
    </row>
    <row r="2447" spans="3:4" x14ac:dyDescent="0.25">
      <c r="C2447"/>
      <c r="D2447"/>
    </row>
    <row r="2448" spans="3:4" x14ac:dyDescent="0.25">
      <c r="C2448"/>
      <c r="D2448"/>
    </row>
    <row r="2449" spans="3:4" x14ac:dyDescent="0.25">
      <c r="C2449"/>
      <c r="D2449"/>
    </row>
    <row r="2450" spans="3:4" x14ac:dyDescent="0.25">
      <c r="C2450"/>
      <c r="D2450"/>
    </row>
    <row r="2451" spans="3:4" x14ac:dyDescent="0.25">
      <c r="C2451"/>
      <c r="D2451"/>
    </row>
    <row r="2452" spans="3:4" x14ac:dyDescent="0.25">
      <c r="C2452"/>
      <c r="D2452"/>
    </row>
    <row r="2453" spans="3:4" x14ac:dyDescent="0.25">
      <c r="C2453"/>
      <c r="D2453"/>
    </row>
    <row r="2454" spans="3:4" x14ac:dyDescent="0.25">
      <c r="C2454"/>
      <c r="D2454"/>
    </row>
    <row r="2455" spans="3:4" x14ac:dyDescent="0.25">
      <c r="C2455"/>
      <c r="D2455"/>
    </row>
    <row r="2456" spans="3:4" x14ac:dyDescent="0.25">
      <c r="C2456"/>
      <c r="D2456"/>
    </row>
    <row r="2457" spans="3:4" x14ac:dyDescent="0.25">
      <c r="C2457"/>
      <c r="D2457"/>
    </row>
    <row r="2458" spans="3:4" x14ac:dyDescent="0.25">
      <c r="C2458"/>
      <c r="D2458"/>
    </row>
    <row r="2459" spans="3:4" x14ac:dyDescent="0.25">
      <c r="C2459"/>
      <c r="D2459"/>
    </row>
    <row r="2460" spans="3:4" x14ac:dyDescent="0.25">
      <c r="C2460"/>
      <c r="D2460"/>
    </row>
    <row r="2461" spans="3:4" x14ac:dyDescent="0.25">
      <c r="C2461"/>
      <c r="D2461"/>
    </row>
    <row r="2462" spans="3:4" x14ac:dyDescent="0.25">
      <c r="C2462"/>
      <c r="D2462"/>
    </row>
    <row r="2463" spans="3:4" x14ac:dyDescent="0.25">
      <c r="C2463"/>
      <c r="D2463"/>
    </row>
    <row r="2464" spans="3:4" x14ac:dyDescent="0.25">
      <c r="C2464"/>
      <c r="D2464"/>
    </row>
    <row r="2465" spans="3:4" x14ac:dyDescent="0.25">
      <c r="C2465"/>
      <c r="D2465"/>
    </row>
    <row r="2466" spans="3:4" x14ac:dyDescent="0.25">
      <c r="C2466"/>
      <c r="D2466"/>
    </row>
    <row r="2467" spans="3:4" x14ac:dyDescent="0.25">
      <c r="C2467"/>
      <c r="D2467"/>
    </row>
    <row r="2468" spans="3:4" x14ac:dyDescent="0.25">
      <c r="C2468"/>
      <c r="D2468"/>
    </row>
    <row r="2469" spans="3:4" x14ac:dyDescent="0.25">
      <c r="C2469"/>
      <c r="D2469"/>
    </row>
    <row r="2470" spans="3:4" x14ac:dyDescent="0.25">
      <c r="C2470"/>
      <c r="D2470"/>
    </row>
    <row r="2471" spans="3:4" x14ac:dyDescent="0.25">
      <c r="C2471"/>
      <c r="D2471"/>
    </row>
    <row r="2472" spans="3:4" x14ac:dyDescent="0.25">
      <c r="C2472"/>
      <c r="D2472"/>
    </row>
    <row r="2473" spans="3:4" x14ac:dyDescent="0.25">
      <c r="C2473"/>
      <c r="D2473"/>
    </row>
    <row r="2474" spans="3:4" x14ac:dyDescent="0.25">
      <c r="C2474"/>
      <c r="D2474"/>
    </row>
    <row r="2475" spans="3:4" x14ac:dyDescent="0.25">
      <c r="C2475"/>
      <c r="D2475"/>
    </row>
    <row r="2476" spans="3:4" x14ac:dyDescent="0.25">
      <c r="C2476"/>
      <c r="D2476"/>
    </row>
    <row r="2477" spans="3:4" x14ac:dyDescent="0.25">
      <c r="C2477"/>
      <c r="D2477"/>
    </row>
    <row r="2478" spans="3:4" x14ac:dyDescent="0.25">
      <c r="C2478"/>
      <c r="D2478"/>
    </row>
    <row r="2479" spans="3:4" x14ac:dyDescent="0.25">
      <c r="C2479"/>
      <c r="D2479"/>
    </row>
    <row r="2480" spans="3:4" x14ac:dyDescent="0.25">
      <c r="C2480"/>
      <c r="D2480"/>
    </row>
    <row r="2481" spans="3:4" x14ac:dyDescent="0.25">
      <c r="C2481"/>
      <c r="D2481"/>
    </row>
    <row r="2482" spans="3:4" x14ac:dyDescent="0.25">
      <c r="C2482"/>
      <c r="D2482"/>
    </row>
    <row r="2483" spans="3:4" x14ac:dyDescent="0.25">
      <c r="C2483"/>
      <c r="D2483"/>
    </row>
    <row r="2484" spans="3:4" x14ac:dyDescent="0.25">
      <c r="C2484"/>
      <c r="D2484"/>
    </row>
    <row r="2485" spans="3:4" x14ac:dyDescent="0.25">
      <c r="C2485"/>
      <c r="D2485"/>
    </row>
    <row r="2486" spans="3:4" x14ac:dyDescent="0.25">
      <c r="C2486"/>
      <c r="D2486"/>
    </row>
    <row r="2487" spans="3:4" x14ac:dyDescent="0.25">
      <c r="C2487"/>
      <c r="D2487"/>
    </row>
    <row r="2488" spans="3:4" x14ac:dyDescent="0.25">
      <c r="C2488"/>
      <c r="D2488"/>
    </row>
    <row r="2489" spans="3:4" x14ac:dyDescent="0.25">
      <c r="C2489"/>
      <c r="D2489"/>
    </row>
    <row r="2490" spans="3:4" x14ac:dyDescent="0.25">
      <c r="C2490"/>
      <c r="D2490"/>
    </row>
    <row r="2491" spans="3:4" x14ac:dyDescent="0.25">
      <c r="C2491"/>
      <c r="D2491"/>
    </row>
    <row r="2492" spans="3:4" x14ac:dyDescent="0.25">
      <c r="C2492"/>
      <c r="D2492"/>
    </row>
    <row r="2493" spans="3:4" x14ac:dyDescent="0.25">
      <c r="C2493"/>
      <c r="D2493"/>
    </row>
    <row r="2494" spans="3:4" x14ac:dyDescent="0.25">
      <c r="C2494"/>
      <c r="D2494"/>
    </row>
    <row r="2495" spans="3:4" x14ac:dyDescent="0.25">
      <c r="C2495"/>
      <c r="D2495"/>
    </row>
    <row r="2496" spans="3:4" x14ac:dyDescent="0.25">
      <c r="C2496"/>
      <c r="D2496"/>
    </row>
    <row r="2497" spans="3:4" x14ac:dyDescent="0.25">
      <c r="C2497"/>
      <c r="D2497"/>
    </row>
    <row r="2498" spans="3:4" x14ac:dyDescent="0.25">
      <c r="C2498"/>
      <c r="D2498"/>
    </row>
    <row r="2499" spans="3:4" x14ac:dyDescent="0.25">
      <c r="C2499"/>
      <c r="D2499"/>
    </row>
    <row r="2500" spans="3:4" x14ac:dyDescent="0.25">
      <c r="C2500"/>
      <c r="D2500"/>
    </row>
    <row r="2501" spans="3:4" x14ac:dyDescent="0.25">
      <c r="C2501"/>
      <c r="D2501"/>
    </row>
    <row r="2502" spans="3:4" x14ac:dyDescent="0.25">
      <c r="C2502"/>
      <c r="D2502"/>
    </row>
    <row r="2503" spans="3:4" x14ac:dyDescent="0.25">
      <c r="C2503"/>
      <c r="D2503"/>
    </row>
    <row r="2504" spans="3:4" x14ac:dyDescent="0.25">
      <c r="C2504"/>
      <c r="D2504"/>
    </row>
    <row r="2505" spans="3:4" x14ac:dyDescent="0.25">
      <c r="C2505"/>
      <c r="D2505"/>
    </row>
    <row r="2506" spans="3:4" x14ac:dyDescent="0.25">
      <c r="C2506"/>
      <c r="D2506"/>
    </row>
    <row r="2507" spans="3:4" x14ac:dyDescent="0.25">
      <c r="C2507"/>
      <c r="D2507"/>
    </row>
    <row r="2508" spans="3:4" x14ac:dyDescent="0.25">
      <c r="C2508"/>
      <c r="D2508"/>
    </row>
    <row r="2509" spans="3:4" x14ac:dyDescent="0.25">
      <c r="C2509"/>
      <c r="D2509"/>
    </row>
    <row r="2510" spans="3:4" x14ac:dyDescent="0.25">
      <c r="C2510"/>
      <c r="D2510"/>
    </row>
    <row r="2511" spans="3:4" x14ac:dyDescent="0.25">
      <c r="C2511"/>
      <c r="D2511"/>
    </row>
    <row r="2512" spans="3:4" x14ac:dyDescent="0.25">
      <c r="C2512"/>
      <c r="D2512"/>
    </row>
    <row r="2513" spans="3:4" x14ac:dyDescent="0.25">
      <c r="C2513"/>
      <c r="D2513"/>
    </row>
    <row r="2514" spans="3:4" x14ac:dyDescent="0.25">
      <c r="C2514"/>
      <c r="D2514"/>
    </row>
    <row r="2515" spans="3:4" x14ac:dyDescent="0.25">
      <c r="C2515"/>
      <c r="D2515"/>
    </row>
    <row r="2516" spans="3:4" x14ac:dyDescent="0.25">
      <c r="C2516"/>
      <c r="D2516"/>
    </row>
    <row r="2517" spans="3:4" x14ac:dyDescent="0.25">
      <c r="C2517"/>
      <c r="D2517"/>
    </row>
    <row r="2518" spans="3:4" x14ac:dyDescent="0.25">
      <c r="C2518"/>
      <c r="D2518"/>
    </row>
    <row r="2519" spans="3:4" x14ac:dyDescent="0.25">
      <c r="C2519"/>
      <c r="D2519"/>
    </row>
    <row r="2520" spans="3:4" x14ac:dyDescent="0.25">
      <c r="C2520"/>
      <c r="D2520"/>
    </row>
    <row r="2521" spans="3:4" x14ac:dyDescent="0.25">
      <c r="C2521"/>
      <c r="D2521"/>
    </row>
    <row r="2522" spans="3:4" x14ac:dyDescent="0.25">
      <c r="C2522"/>
      <c r="D2522"/>
    </row>
    <row r="2523" spans="3:4" x14ac:dyDescent="0.25">
      <c r="C2523"/>
      <c r="D2523"/>
    </row>
    <row r="2524" spans="3:4" x14ac:dyDescent="0.25">
      <c r="C2524"/>
      <c r="D2524"/>
    </row>
    <row r="2525" spans="3:4" x14ac:dyDescent="0.25">
      <c r="C2525"/>
      <c r="D2525"/>
    </row>
    <row r="2526" spans="3:4" x14ac:dyDescent="0.25">
      <c r="C2526"/>
      <c r="D2526"/>
    </row>
    <row r="2527" spans="3:4" x14ac:dyDescent="0.25">
      <c r="C2527"/>
      <c r="D2527"/>
    </row>
    <row r="2528" spans="3:4" x14ac:dyDescent="0.25">
      <c r="C2528"/>
      <c r="D2528"/>
    </row>
    <row r="2529" spans="3:4" x14ac:dyDescent="0.25">
      <c r="C2529"/>
      <c r="D2529"/>
    </row>
    <row r="2530" spans="3:4" x14ac:dyDescent="0.25">
      <c r="C2530"/>
      <c r="D2530"/>
    </row>
    <row r="2531" spans="3:4" x14ac:dyDescent="0.25">
      <c r="C2531"/>
      <c r="D2531"/>
    </row>
    <row r="2532" spans="3:4" x14ac:dyDescent="0.25">
      <c r="C2532"/>
      <c r="D2532"/>
    </row>
    <row r="2533" spans="3:4" x14ac:dyDescent="0.25">
      <c r="C2533"/>
      <c r="D2533"/>
    </row>
    <row r="2534" spans="3:4" x14ac:dyDescent="0.25">
      <c r="C2534"/>
      <c r="D2534"/>
    </row>
    <row r="2535" spans="3:4" x14ac:dyDescent="0.25">
      <c r="C2535"/>
      <c r="D2535"/>
    </row>
    <row r="2536" spans="3:4" x14ac:dyDescent="0.25">
      <c r="C2536"/>
      <c r="D2536"/>
    </row>
    <row r="2537" spans="3:4" x14ac:dyDescent="0.25">
      <c r="C2537"/>
      <c r="D2537"/>
    </row>
    <row r="2538" spans="3:4" x14ac:dyDescent="0.25">
      <c r="C2538"/>
      <c r="D2538"/>
    </row>
    <row r="2539" spans="3:4" x14ac:dyDescent="0.25">
      <c r="C2539"/>
      <c r="D2539"/>
    </row>
    <row r="2540" spans="3:4" x14ac:dyDescent="0.25">
      <c r="C2540"/>
      <c r="D2540"/>
    </row>
    <row r="2541" spans="3:4" x14ac:dyDescent="0.25">
      <c r="C2541"/>
      <c r="D2541"/>
    </row>
    <row r="2542" spans="3:4" x14ac:dyDescent="0.25">
      <c r="C2542"/>
      <c r="D2542"/>
    </row>
    <row r="2543" spans="3:4" x14ac:dyDescent="0.25">
      <c r="C2543"/>
      <c r="D2543"/>
    </row>
    <row r="2544" spans="3:4" x14ac:dyDescent="0.25">
      <c r="C2544"/>
      <c r="D2544"/>
    </row>
    <row r="2545" spans="3:4" x14ac:dyDescent="0.25">
      <c r="C2545"/>
      <c r="D2545"/>
    </row>
    <row r="2546" spans="3:4" x14ac:dyDescent="0.25">
      <c r="C2546"/>
      <c r="D2546"/>
    </row>
    <row r="2547" spans="3:4" x14ac:dyDescent="0.25">
      <c r="C2547"/>
      <c r="D2547"/>
    </row>
    <row r="2548" spans="3:4" x14ac:dyDescent="0.25">
      <c r="C2548"/>
      <c r="D2548"/>
    </row>
    <row r="2549" spans="3:4" x14ac:dyDescent="0.25">
      <c r="C2549"/>
      <c r="D2549"/>
    </row>
    <row r="2550" spans="3:4" x14ac:dyDescent="0.25">
      <c r="C2550"/>
      <c r="D2550"/>
    </row>
    <row r="2551" spans="3:4" x14ac:dyDescent="0.25">
      <c r="C2551"/>
      <c r="D2551"/>
    </row>
    <row r="2552" spans="3:4" x14ac:dyDescent="0.25">
      <c r="C2552"/>
      <c r="D2552"/>
    </row>
    <row r="2553" spans="3:4" x14ac:dyDescent="0.25">
      <c r="C2553"/>
      <c r="D2553"/>
    </row>
    <row r="2554" spans="3:4" x14ac:dyDescent="0.25">
      <c r="C2554"/>
      <c r="D2554"/>
    </row>
    <row r="2555" spans="3:4" x14ac:dyDescent="0.25">
      <c r="C2555"/>
      <c r="D2555"/>
    </row>
    <row r="2556" spans="3:4" x14ac:dyDescent="0.25">
      <c r="C2556"/>
      <c r="D2556"/>
    </row>
    <row r="2557" spans="3:4" x14ac:dyDescent="0.25">
      <c r="C2557"/>
      <c r="D2557"/>
    </row>
    <row r="2558" spans="3:4" x14ac:dyDescent="0.25">
      <c r="C2558"/>
      <c r="D2558"/>
    </row>
    <row r="2559" spans="3:4" x14ac:dyDescent="0.25">
      <c r="C2559"/>
      <c r="D2559"/>
    </row>
    <row r="2560" spans="3:4" x14ac:dyDescent="0.25">
      <c r="C2560"/>
      <c r="D2560"/>
    </row>
    <row r="2561" spans="3:4" x14ac:dyDescent="0.25">
      <c r="C2561"/>
      <c r="D2561"/>
    </row>
    <row r="2562" spans="3:4" x14ac:dyDescent="0.25">
      <c r="C2562"/>
      <c r="D2562"/>
    </row>
    <row r="2563" spans="3:4" x14ac:dyDescent="0.25">
      <c r="C2563"/>
      <c r="D2563"/>
    </row>
    <row r="2564" spans="3:4" x14ac:dyDescent="0.25">
      <c r="C2564"/>
      <c r="D2564"/>
    </row>
    <row r="2565" spans="3:4" x14ac:dyDescent="0.25">
      <c r="C2565"/>
      <c r="D2565"/>
    </row>
    <row r="2566" spans="3:4" x14ac:dyDescent="0.25">
      <c r="C2566"/>
      <c r="D2566"/>
    </row>
    <row r="2567" spans="3:4" x14ac:dyDescent="0.25">
      <c r="C2567"/>
      <c r="D2567"/>
    </row>
    <row r="2568" spans="3:4" x14ac:dyDescent="0.25">
      <c r="C2568"/>
      <c r="D2568"/>
    </row>
    <row r="2569" spans="3:4" x14ac:dyDescent="0.25">
      <c r="C2569"/>
      <c r="D2569"/>
    </row>
    <row r="2570" spans="3:4" x14ac:dyDescent="0.25">
      <c r="C2570"/>
      <c r="D2570"/>
    </row>
    <row r="2571" spans="3:4" x14ac:dyDescent="0.25">
      <c r="C2571"/>
      <c r="D2571"/>
    </row>
    <row r="2572" spans="3:4" x14ac:dyDescent="0.25">
      <c r="C2572"/>
      <c r="D2572"/>
    </row>
    <row r="2573" spans="3:4" x14ac:dyDescent="0.25">
      <c r="C2573"/>
      <c r="D2573"/>
    </row>
    <row r="2574" spans="3:4" x14ac:dyDescent="0.25">
      <c r="C2574"/>
      <c r="D2574"/>
    </row>
    <row r="2575" spans="3:4" x14ac:dyDescent="0.25">
      <c r="C2575"/>
      <c r="D2575"/>
    </row>
    <row r="2576" spans="3:4" x14ac:dyDescent="0.25">
      <c r="C2576"/>
      <c r="D2576"/>
    </row>
    <row r="2577" spans="3:4" x14ac:dyDescent="0.25">
      <c r="C2577"/>
      <c r="D2577"/>
    </row>
    <row r="2578" spans="3:4" x14ac:dyDescent="0.25">
      <c r="C2578"/>
      <c r="D2578"/>
    </row>
    <row r="2579" spans="3:4" x14ac:dyDescent="0.25">
      <c r="C2579"/>
      <c r="D2579"/>
    </row>
    <row r="2580" spans="3:4" x14ac:dyDescent="0.25">
      <c r="C2580"/>
      <c r="D2580"/>
    </row>
    <row r="2581" spans="3:4" x14ac:dyDescent="0.25">
      <c r="C2581"/>
      <c r="D2581"/>
    </row>
    <row r="2582" spans="3:4" x14ac:dyDescent="0.25">
      <c r="C2582"/>
      <c r="D2582"/>
    </row>
    <row r="2583" spans="3:4" x14ac:dyDescent="0.25">
      <c r="C2583"/>
      <c r="D2583"/>
    </row>
    <row r="2584" spans="3:4" x14ac:dyDescent="0.25">
      <c r="C2584"/>
      <c r="D2584"/>
    </row>
    <row r="2585" spans="3:4" x14ac:dyDescent="0.25">
      <c r="C2585"/>
      <c r="D2585"/>
    </row>
    <row r="2586" spans="3:4" x14ac:dyDescent="0.25">
      <c r="C2586"/>
      <c r="D2586"/>
    </row>
    <row r="2587" spans="3:4" x14ac:dyDescent="0.25">
      <c r="C2587"/>
      <c r="D2587"/>
    </row>
    <row r="2588" spans="3:4" x14ac:dyDescent="0.25">
      <c r="C2588"/>
      <c r="D2588"/>
    </row>
    <row r="2589" spans="3:4" x14ac:dyDescent="0.25">
      <c r="C2589"/>
      <c r="D2589"/>
    </row>
    <row r="2590" spans="3:4" x14ac:dyDescent="0.25">
      <c r="C2590"/>
      <c r="D2590"/>
    </row>
    <row r="2591" spans="3:4" x14ac:dyDescent="0.25">
      <c r="C2591"/>
      <c r="D2591"/>
    </row>
    <row r="2592" spans="3:4" x14ac:dyDescent="0.25">
      <c r="C2592"/>
      <c r="D2592"/>
    </row>
    <row r="2593" spans="3:4" x14ac:dyDescent="0.25">
      <c r="C2593"/>
      <c r="D2593"/>
    </row>
    <row r="2594" spans="3:4" x14ac:dyDescent="0.25">
      <c r="C2594"/>
      <c r="D2594"/>
    </row>
    <row r="2595" spans="3:4" x14ac:dyDescent="0.25">
      <c r="C2595"/>
      <c r="D2595"/>
    </row>
    <row r="2596" spans="3:4" x14ac:dyDescent="0.25">
      <c r="C2596"/>
      <c r="D2596"/>
    </row>
    <row r="2597" spans="3:4" x14ac:dyDescent="0.25">
      <c r="C2597"/>
      <c r="D2597"/>
    </row>
    <row r="2598" spans="3:4" x14ac:dyDescent="0.25">
      <c r="C2598"/>
      <c r="D2598"/>
    </row>
    <row r="2599" spans="3:4" x14ac:dyDescent="0.25">
      <c r="C2599"/>
      <c r="D2599"/>
    </row>
    <row r="2600" spans="3:4" x14ac:dyDescent="0.25">
      <c r="C2600"/>
      <c r="D2600"/>
    </row>
    <row r="2601" spans="3:4" x14ac:dyDescent="0.25">
      <c r="C2601"/>
      <c r="D2601"/>
    </row>
    <row r="2602" spans="3:4" x14ac:dyDescent="0.25">
      <c r="C2602"/>
      <c r="D2602"/>
    </row>
    <row r="2603" spans="3:4" x14ac:dyDescent="0.25">
      <c r="C2603"/>
      <c r="D2603"/>
    </row>
    <row r="2604" spans="3:4" x14ac:dyDescent="0.25">
      <c r="C2604"/>
      <c r="D2604"/>
    </row>
    <row r="2605" spans="3:4" x14ac:dyDescent="0.25">
      <c r="C2605"/>
      <c r="D2605"/>
    </row>
    <row r="2606" spans="3:4" x14ac:dyDescent="0.25">
      <c r="C2606"/>
      <c r="D2606"/>
    </row>
    <row r="2607" spans="3:4" x14ac:dyDescent="0.25">
      <c r="C2607"/>
      <c r="D2607"/>
    </row>
    <row r="2608" spans="3:4" x14ac:dyDescent="0.25">
      <c r="C2608"/>
      <c r="D2608"/>
    </row>
    <row r="2609" spans="3:4" x14ac:dyDescent="0.25">
      <c r="C2609"/>
      <c r="D2609"/>
    </row>
    <row r="2610" spans="3:4" x14ac:dyDescent="0.25">
      <c r="C2610"/>
      <c r="D2610"/>
    </row>
    <row r="2611" spans="3:4" x14ac:dyDescent="0.25">
      <c r="C2611"/>
      <c r="D2611"/>
    </row>
    <row r="2612" spans="3:4" x14ac:dyDescent="0.25">
      <c r="C2612"/>
      <c r="D2612"/>
    </row>
    <row r="2613" spans="3:4" x14ac:dyDescent="0.25">
      <c r="C2613"/>
      <c r="D2613"/>
    </row>
    <row r="2614" spans="3:4" x14ac:dyDescent="0.25">
      <c r="C2614"/>
      <c r="D2614"/>
    </row>
    <row r="2615" spans="3:4" x14ac:dyDescent="0.25">
      <c r="C2615"/>
      <c r="D2615"/>
    </row>
    <row r="2616" spans="3:4" x14ac:dyDescent="0.25">
      <c r="C2616"/>
      <c r="D2616"/>
    </row>
    <row r="2617" spans="3:4" x14ac:dyDescent="0.25">
      <c r="C2617"/>
      <c r="D2617"/>
    </row>
    <row r="2618" spans="3:4" x14ac:dyDescent="0.25">
      <c r="C2618"/>
      <c r="D2618"/>
    </row>
    <row r="2619" spans="3:4" x14ac:dyDescent="0.25">
      <c r="C2619"/>
      <c r="D2619"/>
    </row>
    <row r="2620" spans="3:4" x14ac:dyDescent="0.25">
      <c r="C2620"/>
      <c r="D2620"/>
    </row>
    <row r="2621" spans="3:4" x14ac:dyDescent="0.25">
      <c r="C2621"/>
      <c r="D2621"/>
    </row>
    <row r="2622" spans="3:4" x14ac:dyDescent="0.25">
      <c r="C2622"/>
      <c r="D2622"/>
    </row>
    <row r="2623" spans="3:4" x14ac:dyDescent="0.25">
      <c r="C2623"/>
      <c r="D2623"/>
    </row>
    <row r="2624" spans="3:4" x14ac:dyDescent="0.25">
      <c r="C2624"/>
      <c r="D2624"/>
    </row>
    <row r="2625" spans="3:4" x14ac:dyDescent="0.25">
      <c r="C2625"/>
      <c r="D2625"/>
    </row>
    <row r="2626" spans="3:4" x14ac:dyDescent="0.25">
      <c r="C2626"/>
      <c r="D2626"/>
    </row>
    <row r="2627" spans="3:4" x14ac:dyDescent="0.25">
      <c r="C2627"/>
      <c r="D2627"/>
    </row>
    <row r="2628" spans="3:4" x14ac:dyDescent="0.25">
      <c r="C2628"/>
      <c r="D2628"/>
    </row>
    <row r="2629" spans="3:4" x14ac:dyDescent="0.25">
      <c r="C2629"/>
      <c r="D2629"/>
    </row>
    <row r="2630" spans="3:4" x14ac:dyDescent="0.25">
      <c r="C2630"/>
      <c r="D2630"/>
    </row>
    <row r="2631" spans="3:4" x14ac:dyDescent="0.25">
      <c r="C2631"/>
      <c r="D2631"/>
    </row>
    <row r="2632" spans="3:4" x14ac:dyDescent="0.25">
      <c r="C2632"/>
      <c r="D2632"/>
    </row>
    <row r="2633" spans="3:4" x14ac:dyDescent="0.25">
      <c r="C2633"/>
      <c r="D2633"/>
    </row>
    <row r="2634" spans="3:4" x14ac:dyDescent="0.25">
      <c r="C2634"/>
      <c r="D2634"/>
    </row>
    <row r="2635" spans="3:4" x14ac:dyDescent="0.25">
      <c r="C2635"/>
      <c r="D2635"/>
    </row>
    <row r="2636" spans="3:4" x14ac:dyDescent="0.25">
      <c r="C2636"/>
      <c r="D2636"/>
    </row>
    <row r="2637" spans="3:4" x14ac:dyDescent="0.25">
      <c r="C2637"/>
      <c r="D2637"/>
    </row>
    <row r="2638" spans="3:4" x14ac:dyDescent="0.25">
      <c r="C2638"/>
      <c r="D2638"/>
    </row>
    <row r="2639" spans="3:4" x14ac:dyDescent="0.25">
      <c r="C2639"/>
      <c r="D2639"/>
    </row>
    <row r="2640" spans="3:4" x14ac:dyDescent="0.25">
      <c r="C2640"/>
      <c r="D2640"/>
    </row>
    <row r="2641" spans="3:4" x14ac:dyDescent="0.25">
      <c r="C2641"/>
      <c r="D2641"/>
    </row>
    <row r="2642" spans="3:4" x14ac:dyDescent="0.25">
      <c r="C2642"/>
      <c r="D2642"/>
    </row>
    <row r="2643" spans="3:4" x14ac:dyDescent="0.25">
      <c r="C2643"/>
      <c r="D2643"/>
    </row>
    <row r="2644" spans="3:4" x14ac:dyDescent="0.25">
      <c r="C2644"/>
      <c r="D2644"/>
    </row>
    <row r="2645" spans="3:4" x14ac:dyDescent="0.25">
      <c r="C2645"/>
      <c r="D2645"/>
    </row>
    <row r="2646" spans="3:4" x14ac:dyDescent="0.25">
      <c r="C2646"/>
      <c r="D2646"/>
    </row>
    <row r="2647" spans="3:4" x14ac:dyDescent="0.25">
      <c r="C2647"/>
      <c r="D2647"/>
    </row>
    <row r="2648" spans="3:4" x14ac:dyDescent="0.25">
      <c r="C2648"/>
      <c r="D2648"/>
    </row>
    <row r="2649" spans="3:4" x14ac:dyDescent="0.25">
      <c r="C2649"/>
      <c r="D2649"/>
    </row>
    <row r="2650" spans="3:4" x14ac:dyDescent="0.25">
      <c r="C2650"/>
      <c r="D2650"/>
    </row>
    <row r="2651" spans="3:4" x14ac:dyDescent="0.25">
      <c r="C2651"/>
      <c r="D2651"/>
    </row>
    <row r="2652" spans="3:4" x14ac:dyDescent="0.25">
      <c r="C2652"/>
      <c r="D2652"/>
    </row>
    <row r="2653" spans="3:4" x14ac:dyDescent="0.25">
      <c r="C2653"/>
      <c r="D2653"/>
    </row>
    <row r="2654" spans="3:4" x14ac:dyDescent="0.25">
      <c r="C2654"/>
      <c r="D2654"/>
    </row>
    <row r="2655" spans="3:4" x14ac:dyDescent="0.25">
      <c r="C2655"/>
      <c r="D2655"/>
    </row>
    <row r="2656" spans="3:4" x14ac:dyDescent="0.25">
      <c r="C2656"/>
      <c r="D2656"/>
    </row>
    <row r="2657" spans="3:4" x14ac:dyDescent="0.25">
      <c r="C2657"/>
      <c r="D2657"/>
    </row>
    <row r="2658" spans="3:4" x14ac:dyDescent="0.25">
      <c r="C2658"/>
      <c r="D2658"/>
    </row>
    <row r="2659" spans="3:4" x14ac:dyDescent="0.25">
      <c r="C2659"/>
      <c r="D2659"/>
    </row>
    <row r="2660" spans="3:4" x14ac:dyDescent="0.25">
      <c r="C2660"/>
      <c r="D2660"/>
    </row>
    <row r="2661" spans="3:4" x14ac:dyDescent="0.25">
      <c r="C2661"/>
      <c r="D2661"/>
    </row>
    <row r="2662" spans="3:4" x14ac:dyDescent="0.25">
      <c r="C2662"/>
      <c r="D2662"/>
    </row>
    <row r="2663" spans="3:4" x14ac:dyDescent="0.25">
      <c r="C2663"/>
      <c r="D2663"/>
    </row>
    <row r="2664" spans="3:4" x14ac:dyDescent="0.25">
      <c r="C2664"/>
      <c r="D2664"/>
    </row>
    <row r="2665" spans="3:4" x14ac:dyDescent="0.25">
      <c r="C2665"/>
      <c r="D2665"/>
    </row>
    <row r="2666" spans="3:4" x14ac:dyDescent="0.25">
      <c r="C2666"/>
      <c r="D2666"/>
    </row>
    <row r="2667" spans="3:4" x14ac:dyDescent="0.25">
      <c r="C2667"/>
      <c r="D2667"/>
    </row>
    <row r="2668" spans="3:4" x14ac:dyDescent="0.25">
      <c r="C2668"/>
      <c r="D2668"/>
    </row>
    <row r="2669" spans="3:4" x14ac:dyDescent="0.25">
      <c r="C2669"/>
      <c r="D2669"/>
    </row>
    <row r="2670" spans="3:4" x14ac:dyDescent="0.25">
      <c r="C2670"/>
      <c r="D2670"/>
    </row>
    <row r="2671" spans="3:4" x14ac:dyDescent="0.25">
      <c r="C2671"/>
      <c r="D2671"/>
    </row>
    <row r="2672" spans="3:4" x14ac:dyDescent="0.25">
      <c r="C2672"/>
      <c r="D2672"/>
    </row>
    <row r="2673" spans="3:4" x14ac:dyDescent="0.25">
      <c r="C2673"/>
      <c r="D2673"/>
    </row>
    <row r="2674" spans="3:4" x14ac:dyDescent="0.25">
      <c r="C2674"/>
      <c r="D2674"/>
    </row>
    <row r="2675" spans="3:4" x14ac:dyDescent="0.25">
      <c r="C2675"/>
      <c r="D2675"/>
    </row>
    <row r="2676" spans="3:4" x14ac:dyDescent="0.25">
      <c r="C2676"/>
      <c r="D2676"/>
    </row>
    <row r="2677" spans="3:4" x14ac:dyDescent="0.25">
      <c r="C2677"/>
      <c r="D2677"/>
    </row>
    <row r="2678" spans="3:4" x14ac:dyDescent="0.25">
      <c r="C2678"/>
      <c r="D2678"/>
    </row>
    <row r="2679" spans="3:4" x14ac:dyDescent="0.25">
      <c r="C2679"/>
      <c r="D2679"/>
    </row>
    <row r="2680" spans="3:4" x14ac:dyDescent="0.25">
      <c r="C2680"/>
      <c r="D2680"/>
    </row>
    <row r="2681" spans="3:4" x14ac:dyDescent="0.25">
      <c r="C2681"/>
      <c r="D2681"/>
    </row>
    <row r="2682" spans="3:4" x14ac:dyDescent="0.25">
      <c r="C2682"/>
      <c r="D2682"/>
    </row>
    <row r="2683" spans="3:4" x14ac:dyDescent="0.25">
      <c r="C2683"/>
      <c r="D2683"/>
    </row>
    <row r="2684" spans="3:4" x14ac:dyDescent="0.25">
      <c r="C2684"/>
      <c r="D2684"/>
    </row>
    <row r="2685" spans="3:4" x14ac:dyDescent="0.25">
      <c r="C2685"/>
      <c r="D2685"/>
    </row>
    <row r="2686" spans="3:4" x14ac:dyDescent="0.25">
      <c r="C2686"/>
      <c r="D2686"/>
    </row>
    <row r="2687" spans="3:4" x14ac:dyDescent="0.25">
      <c r="C2687"/>
      <c r="D2687"/>
    </row>
    <row r="2688" spans="3:4" x14ac:dyDescent="0.25">
      <c r="C2688"/>
      <c r="D2688"/>
    </row>
    <row r="2689" spans="3:4" x14ac:dyDescent="0.25">
      <c r="C2689"/>
      <c r="D2689"/>
    </row>
    <row r="2690" spans="3:4" x14ac:dyDescent="0.25">
      <c r="C2690"/>
      <c r="D2690"/>
    </row>
    <row r="2691" spans="3:4" x14ac:dyDescent="0.25">
      <c r="C2691"/>
      <c r="D2691"/>
    </row>
    <row r="2692" spans="3:4" x14ac:dyDescent="0.25">
      <c r="C2692"/>
      <c r="D2692"/>
    </row>
    <row r="2693" spans="3:4" x14ac:dyDescent="0.25">
      <c r="C2693"/>
      <c r="D2693"/>
    </row>
    <row r="2694" spans="3:4" x14ac:dyDescent="0.25">
      <c r="C2694"/>
      <c r="D2694"/>
    </row>
    <row r="2695" spans="3:4" x14ac:dyDescent="0.25">
      <c r="C2695"/>
      <c r="D2695"/>
    </row>
    <row r="2696" spans="3:4" x14ac:dyDescent="0.25">
      <c r="C2696"/>
      <c r="D2696"/>
    </row>
    <row r="2697" spans="3:4" x14ac:dyDescent="0.25">
      <c r="C2697"/>
      <c r="D2697"/>
    </row>
    <row r="2698" spans="3:4" x14ac:dyDescent="0.25">
      <c r="C2698"/>
      <c r="D2698"/>
    </row>
    <row r="2699" spans="3:4" x14ac:dyDescent="0.25">
      <c r="C2699"/>
      <c r="D2699"/>
    </row>
    <row r="2700" spans="3:4" x14ac:dyDescent="0.25">
      <c r="C2700"/>
      <c r="D2700"/>
    </row>
    <row r="2701" spans="3:4" x14ac:dyDescent="0.25">
      <c r="C2701"/>
      <c r="D2701"/>
    </row>
    <row r="2702" spans="3:4" x14ac:dyDescent="0.25">
      <c r="C2702"/>
      <c r="D2702"/>
    </row>
    <row r="2703" spans="3:4" x14ac:dyDescent="0.25">
      <c r="C2703"/>
      <c r="D2703"/>
    </row>
    <row r="2704" spans="3:4" x14ac:dyDescent="0.25">
      <c r="C2704"/>
      <c r="D2704"/>
    </row>
    <row r="2705" spans="3:4" x14ac:dyDescent="0.25">
      <c r="C2705"/>
      <c r="D2705"/>
    </row>
    <row r="2706" spans="3:4" x14ac:dyDescent="0.25">
      <c r="C2706"/>
      <c r="D2706"/>
    </row>
    <row r="2707" spans="3:4" x14ac:dyDescent="0.25">
      <c r="C2707"/>
      <c r="D2707"/>
    </row>
    <row r="2708" spans="3:4" x14ac:dyDescent="0.25">
      <c r="C2708"/>
      <c r="D2708"/>
    </row>
    <row r="2709" spans="3:4" x14ac:dyDescent="0.25">
      <c r="C2709"/>
      <c r="D2709"/>
    </row>
    <row r="2710" spans="3:4" x14ac:dyDescent="0.25">
      <c r="C2710"/>
      <c r="D2710"/>
    </row>
    <row r="2711" spans="3:4" x14ac:dyDescent="0.25">
      <c r="C2711"/>
      <c r="D2711"/>
    </row>
    <row r="2712" spans="3:4" x14ac:dyDescent="0.25">
      <c r="C2712"/>
      <c r="D2712"/>
    </row>
    <row r="2713" spans="3:4" x14ac:dyDescent="0.25">
      <c r="C2713"/>
      <c r="D2713"/>
    </row>
    <row r="2714" spans="3:4" x14ac:dyDescent="0.25">
      <c r="C2714"/>
      <c r="D2714"/>
    </row>
    <row r="2715" spans="3:4" x14ac:dyDescent="0.25">
      <c r="C2715"/>
      <c r="D2715"/>
    </row>
    <row r="2716" spans="3:4" x14ac:dyDescent="0.25">
      <c r="C2716"/>
      <c r="D2716"/>
    </row>
    <row r="2717" spans="3:4" x14ac:dyDescent="0.25">
      <c r="C2717"/>
      <c r="D2717"/>
    </row>
    <row r="2718" spans="3:4" x14ac:dyDescent="0.25">
      <c r="C2718"/>
      <c r="D2718"/>
    </row>
    <row r="2719" spans="3:4" x14ac:dyDescent="0.25">
      <c r="C2719"/>
      <c r="D2719"/>
    </row>
    <row r="2720" spans="3:4" x14ac:dyDescent="0.25">
      <c r="C2720"/>
      <c r="D2720"/>
    </row>
    <row r="2721" spans="3:4" x14ac:dyDescent="0.25">
      <c r="C2721"/>
      <c r="D2721"/>
    </row>
    <row r="2722" spans="3:4" x14ac:dyDescent="0.25">
      <c r="C2722"/>
      <c r="D2722"/>
    </row>
    <row r="2723" spans="3:4" x14ac:dyDescent="0.25">
      <c r="C2723"/>
      <c r="D2723"/>
    </row>
    <row r="2724" spans="3:4" x14ac:dyDescent="0.25">
      <c r="C2724"/>
      <c r="D2724"/>
    </row>
    <row r="2725" spans="3:4" x14ac:dyDescent="0.25">
      <c r="C2725"/>
      <c r="D2725"/>
    </row>
    <row r="2726" spans="3:4" x14ac:dyDescent="0.25">
      <c r="C2726"/>
      <c r="D2726"/>
    </row>
    <row r="2727" spans="3:4" x14ac:dyDescent="0.25">
      <c r="C2727"/>
      <c r="D2727"/>
    </row>
    <row r="2728" spans="3:4" x14ac:dyDescent="0.25">
      <c r="C2728"/>
      <c r="D2728"/>
    </row>
    <row r="2729" spans="3:4" x14ac:dyDescent="0.25">
      <c r="C2729"/>
      <c r="D2729"/>
    </row>
    <row r="2730" spans="3:4" x14ac:dyDescent="0.25">
      <c r="C2730"/>
      <c r="D2730"/>
    </row>
    <row r="2731" spans="3:4" x14ac:dyDescent="0.25">
      <c r="C2731"/>
      <c r="D2731"/>
    </row>
    <row r="2732" spans="3:4" x14ac:dyDescent="0.25">
      <c r="C2732"/>
      <c r="D2732"/>
    </row>
    <row r="2733" spans="3:4" x14ac:dyDescent="0.25">
      <c r="C2733"/>
      <c r="D2733"/>
    </row>
    <row r="2734" spans="3:4" x14ac:dyDescent="0.25">
      <c r="C2734"/>
      <c r="D2734"/>
    </row>
    <row r="2735" spans="3:4" x14ac:dyDescent="0.25">
      <c r="C2735"/>
      <c r="D2735"/>
    </row>
    <row r="2736" spans="3:4" x14ac:dyDescent="0.25">
      <c r="C2736"/>
      <c r="D2736"/>
    </row>
    <row r="2737" spans="3:4" x14ac:dyDescent="0.25">
      <c r="C2737"/>
      <c r="D2737"/>
    </row>
    <row r="2738" spans="3:4" x14ac:dyDescent="0.25">
      <c r="C2738"/>
      <c r="D2738"/>
    </row>
    <row r="2739" spans="3:4" x14ac:dyDescent="0.25">
      <c r="C2739"/>
      <c r="D2739"/>
    </row>
    <row r="2740" spans="3:4" x14ac:dyDescent="0.25">
      <c r="C2740"/>
      <c r="D2740"/>
    </row>
    <row r="2741" spans="3:4" x14ac:dyDescent="0.25">
      <c r="C2741"/>
      <c r="D2741"/>
    </row>
    <row r="2742" spans="3:4" x14ac:dyDescent="0.25">
      <c r="C2742"/>
      <c r="D2742"/>
    </row>
    <row r="2743" spans="3:4" x14ac:dyDescent="0.25">
      <c r="C2743"/>
      <c r="D2743"/>
    </row>
    <row r="2744" spans="3:4" x14ac:dyDescent="0.25">
      <c r="C2744"/>
      <c r="D2744"/>
    </row>
    <row r="2745" spans="3:4" x14ac:dyDescent="0.25">
      <c r="C2745"/>
      <c r="D2745"/>
    </row>
    <row r="2746" spans="3:4" x14ac:dyDescent="0.25">
      <c r="C2746"/>
      <c r="D2746"/>
    </row>
    <row r="2747" spans="3:4" x14ac:dyDescent="0.25">
      <c r="C2747"/>
      <c r="D2747"/>
    </row>
    <row r="2748" spans="3:4" x14ac:dyDescent="0.25">
      <c r="C2748"/>
      <c r="D2748"/>
    </row>
    <row r="2749" spans="3:4" x14ac:dyDescent="0.25">
      <c r="C2749"/>
      <c r="D2749"/>
    </row>
    <row r="2750" spans="3:4" x14ac:dyDescent="0.25">
      <c r="C2750"/>
      <c r="D2750"/>
    </row>
    <row r="2751" spans="3:4" x14ac:dyDescent="0.25">
      <c r="C2751"/>
      <c r="D2751"/>
    </row>
    <row r="2752" spans="3:4" x14ac:dyDescent="0.25">
      <c r="C2752"/>
      <c r="D2752"/>
    </row>
    <row r="2753" spans="3:4" x14ac:dyDescent="0.25">
      <c r="C2753"/>
      <c r="D2753"/>
    </row>
    <row r="2754" spans="3:4" x14ac:dyDescent="0.25">
      <c r="C2754"/>
      <c r="D2754"/>
    </row>
    <row r="2755" spans="3:4" x14ac:dyDescent="0.25">
      <c r="C2755"/>
      <c r="D2755"/>
    </row>
    <row r="2756" spans="3:4" x14ac:dyDescent="0.25">
      <c r="C2756"/>
      <c r="D2756"/>
    </row>
    <row r="2757" spans="3:4" x14ac:dyDescent="0.25">
      <c r="C2757"/>
      <c r="D2757"/>
    </row>
    <row r="2758" spans="3:4" x14ac:dyDescent="0.25">
      <c r="C2758"/>
      <c r="D2758"/>
    </row>
    <row r="2759" spans="3:4" x14ac:dyDescent="0.25">
      <c r="C2759"/>
      <c r="D2759"/>
    </row>
    <row r="2760" spans="3:4" x14ac:dyDescent="0.25">
      <c r="C2760"/>
      <c r="D2760"/>
    </row>
    <row r="2761" spans="3:4" x14ac:dyDescent="0.25">
      <c r="C2761"/>
      <c r="D2761"/>
    </row>
    <row r="2762" spans="3:4" x14ac:dyDescent="0.25">
      <c r="C2762"/>
      <c r="D2762"/>
    </row>
    <row r="2763" spans="3:4" x14ac:dyDescent="0.25">
      <c r="C2763"/>
      <c r="D2763"/>
    </row>
    <row r="2764" spans="3:4" x14ac:dyDescent="0.25">
      <c r="C2764"/>
      <c r="D2764"/>
    </row>
    <row r="2765" spans="3:4" x14ac:dyDescent="0.25">
      <c r="C2765"/>
      <c r="D2765"/>
    </row>
    <row r="2766" spans="3:4" x14ac:dyDescent="0.25">
      <c r="C2766"/>
      <c r="D2766"/>
    </row>
    <row r="2767" spans="3:4" x14ac:dyDescent="0.25">
      <c r="C2767"/>
      <c r="D2767"/>
    </row>
    <row r="2768" spans="3:4" x14ac:dyDescent="0.25">
      <c r="C2768"/>
      <c r="D2768"/>
    </row>
    <row r="2769" spans="3:4" x14ac:dyDescent="0.25">
      <c r="C2769"/>
      <c r="D2769"/>
    </row>
    <row r="2770" spans="3:4" x14ac:dyDescent="0.25">
      <c r="C2770"/>
      <c r="D2770"/>
    </row>
    <row r="2771" spans="3:4" x14ac:dyDescent="0.25">
      <c r="C2771"/>
      <c r="D2771"/>
    </row>
    <row r="2772" spans="3:4" x14ac:dyDescent="0.25">
      <c r="C2772"/>
      <c r="D2772"/>
    </row>
    <row r="2773" spans="3:4" x14ac:dyDescent="0.25">
      <c r="C2773"/>
      <c r="D2773"/>
    </row>
    <row r="2774" spans="3:4" x14ac:dyDescent="0.25">
      <c r="C2774"/>
      <c r="D2774"/>
    </row>
    <row r="2775" spans="3:4" x14ac:dyDescent="0.25">
      <c r="C2775"/>
      <c r="D2775"/>
    </row>
    <row r="2776" spans="3:4" x14ac:dyDescent="0.25">
      <c r="C2776"/>
      <c r="D2776"/>
    </row>
    <row r="2777" spans="3:4" x14ac:dyDescent="0.25">
      <c r="C2777"/>
      <c r="D2777"/>
    </row>
    <row r="2778" spans="3:4" x14ac:dyDescent="0.25">
      <c r="C2778"/>
      <c r="D2778"/>
    </row>
    <row r="2779" spans="3:4" x14ac:dyDescent="0.25">
      <c r="C2779"/>
      <c r="D2779"/>
    </row>
    <row r="2780" spans="3:4" x14ac:dyDescent="0.25">
      <c r="C2780"/>
      <c r="D2780"/>
    </row>
    <row r="2781" spans="3:4" x14ac:dyDescent="0.25">
      <c r="C2781"/>
      <c r="D2781"/>
    </row>
    <row r="2782" spans="3:4" x14ac:dyDescent="0.25">
      <c r="C2782"/>
      <c r="D2782"/>
    </row>
    <row r="2783" spans="3:4" x14ac:dyDescent="0.25">
      <c r="C2783"/>
      <c r="D2783"/>
    </row>
    <row r="2784" spans="3:4" x14ac:dyDescent="0.25">
      <c r="C2784"/>
      <c r="D2784"/>
    </row>
    <row r="2785" spans="3:4" x14ac:dyDescent="0.25">
      <c r="C2785"/>
      <c r="D2785"/>
    </row>
    <row r="2786" spans="3:4" x14ac:dyDescent="0.25">
      <c r="C2786"/>
      <c r="D2786"/>
    </row>
    <row r="2787" spans="3:4" x14ac:dyDescent="0.25">
      <c r="C2787"/>
      <c r="D2787"/>
    </row>
    <row r="2788" spans="3:4" x14ac:dyDescent="0.25">
      <c r="C2788"/>
      <c r="D2788"/>
    </row>
    <row r="2789" spans="3:4" x14ac:dyDescent="0.25">
      <c r="C2789"/>
      <c r="D2789"/>
    </row>
    <row r="2790" spans="3:4" x14ac:dyDescent="0.25">
      <c r="C2790"/>
      <c r="D2790"/>
    </row>
    <row r="2791" spans="3:4" x14ac:dyDescent="0.25">
      <c r="C2791"/>
      <c r="D2791"/>
    </row>
    <row r="2792" spans="3:4" x14ac:dyDescent="0.25">
      <c r="C2792"/>
      <c r="D2792"/>
    </row>
    <row r="2793" spans="3:4" x14ac:dyDescent="0.25">
      <c r="C2793"/>
      <c r="D2793"/>
    </row>
    <row r="2794" spans="3:4" x14ac:dyDescent="0.25">
      <c r="C2794"/>
      <c r="D2794"/>
    </row>
    <row r="2795" spans="3:4" x14ac:dyDescent="0.25">
      <c r="C2795"/>
      <c r="D2795"/>
    </row>
    <row r="2796" spans="3:4" x14ac:dyDescent="0.25">
      <c r="C2796"/>
      <c r="D2796"/>
    </row>
    <row r="2797" spans="3:4" x14ac:dyDescent="0.25">
      <c r="C2797"/>
      <c r="D2797"/>
    </row>
    <row r="2798" spans="3:4" x14ac:dyDescent="0.25">
      <c r="C2798"/>
      <c r="D2798"/>
    </row>
    <row r="2799" spans="3:4" x14ac:dyDescent="0.25">
      <c r="C2799"/>
      <c r="D2799"/>
    </row>
    <row r="2800" spans="3:4" x14ac:dyDescent="0.25">
      <c r="C2800"/>
      <c r="D2800"/>
    </row>
    <row r="2801" spans="3:4" x14ac:dyDescent="0.25">
      <c r="C2801"/>
      <c r="D2801"/>
    </row>
    <row r="2802" spans="3:4" x14ac:dyDescent="0.25">
      <c r="C2802"/>
      <c r="D2802"/>
    </row>
    <row r="2803" spans="3:4" x14ac:dyDescent="0.25">
      <c r="C2803"/>
      <c r="D2803"/>
    </row>
    <row r="2804" spans="3:4" x14ac:dyDescent="0.25">
      <c r="C2804"/>
      <c r="D2804"/>
    </row>
    <row r="2805" spans="3:4" x14ac:dyDescent="0.25">
      <c r="C2805"/>
      <c r="D2805"/>
    </row>
    <row r="2806" spans="3:4" x14ac:dyDescent="0.25">
      <c r="C2806"/>
      <c r="D2806"/>
    </row>
    <row r="2807" spans="3:4" x14ac:dyDescent="0.25">
      <c r="C2807"/>
      <c r="D2807"/>
    </row>
    <row r="2808" spans="3:4" x14ac:dyDescent="0.25">
      <c r="C2808"/>
      <c r="D2808"/>
    </row>
    <row r="2809" spans="3:4" x14ac:dyDescent="0.25">
      <c r="C2809"/>
      <c r="D2809"/>
    </row>
    <row r="2810" spans="3:4" x14ac:dyDescent="0.25">
      <c r="C2810"/>
      <c r="D2810"/>
    </row>
    <row r="2811" spans="3:4" x14ac:dyDescent="0.25">
      <c r="C2811"/>
      <c r="D2811"/>
    </row>
    <row r="2812" spans="3:4" x14ac:dyDescent="0.25">
      <c r="C2812"/>
      <c r="D2812"/>
    </row>
    <row r="2813" spans="3:4" x14ac:dyDescent="0.25">
      <c r="C2813"/>
      <c r="D2813"/>
    </row>
    <row r="2814" spans="3:4" x14ac:dyDescent="0.25">
      <c r="C2814"/>
      <c r="D2814"/>
    </row>
    <row r="2815" spans="3:4" x14ac:dyDescent="0.25">
      <c r="C2815"/>
      <c r="D2815"/>
    </row>
    <row r="2816" spans="3:4" x14ac:dyDescent="0.25">
      <c r="C2816"/>
      <c r="D2816"/>
    </row>
    <row r="2817" spans="3:4" x14ac:dyDescent="0.25">
      <c r="C2817"/>
      <c r="D2817"/>
    </row>
    <row r="2818" spans="3:4" x14ac:dyDescent="0.25">
      <c r="C2818"/>
      <c r="D2818"/>
    </row>
    <row r="2819" spans="3:4" x14ac:dyDescent="0.25">
      <c r="C2819"/>
      <c r="D2819"/>
    </row>
    <row r="2820" spans="3:4" x14ac:dyDescent="0.25">
      <c r="C2820"/>
      <c r="D2820"/>
    </row>
    <row r="2821" spans="3:4" x14ac:dyDescent="0.25">
      <c r="C2821"/>
      <c r="D2821"/>
    </row>
    <row r="2822" spans="3:4" x14ac:dyDescent="0.25">
      <c r="C2822"/>
      <c r="D2822"/>
    </row>
    <row r="2823" spans="3:4" x14ac:dyDescent="0.25">
      <c r="C2823"/>
      <c r="D2823"/>
    </row>
    <row r="2824" spans="3:4" x14ac:dyDescent="0.25">
      <c r="C2824"/>
      <c r="D2824"/>
    </row>
    <row r="2825" spans="3:4" x14ac:dyDescent="0.25">
      <c r="C2825"/>
      <c r="D2825"/>
    </row>
    <row r="2826" spans="3:4" x14ac:dyDescent="0.25">
      <c r="C2826"/>
      <c r="D2826"/>
    </row>
    <row r="2827" spans="3:4" x14ac:dyDescent="0.25">
      <c r="C2827"/>
      <c r="D2827"/>
    </row>
    <row r="2828" spans="3:4" x14ac:dyDescent="0.25">
      <c r="C2828"/>
      <c r="D2828"/>
    </row>
    <row r="2829" spans="3:4" x14ac:dyDescent="0.25">
      <c r="C2829"/>
      <c r="D2829"/>
    </row>
    <row r="2830" spans="3:4" x14ac:dyDescent="0.25">
      <c r="C2830"/>
      <c r="D2830"/>
    </row>
    <row r="2831" spans="3:4" x14ac:dyDescent="0.25">
      <c r="C2831"/>
      <c r="D2831"/>
    </row>
    <row r="2832" spans="3:4" x14ac:dyDescent="0.25">
      <c r="C2832"/>
      <c r="D2832"/>
    </row>
    <row r="2833" spans="3:4" x14ac:dyDescent="0.25">
      <c r="C2833"/>
      <c r="D2833"/>
    </row>
    <row r="2834" spans="3:4" x14ac:dyDescent="0.25">
      <c r="C2834"/>
      <c r="D2834"/>
    </row>
    <row r="2835" spans="3:4" x14ac:dyDescent="0.25">
      <c r="C2835"/>
      <c r="D2835"/>
    </row>
    <row r="2836" spans="3:4" x14ac:dyDescent="0.25">
      <c r="C2836"/>
      <c r="D2836"/>
    </row>
    <row r="2837" spans="3:4" x14ac:dyDescent="0.25">
      <c r="C2837"/>
      <c r="D2837"/>
    </row>
    <row r="2838" spans="3:4" x14ac:dyDescent="0.25">
      <c r="C2838"/>
      <c r="D2838"/>
    </row>
    <row r="2839" spans="3:4" x14ac:dyDescent="0.25">
      <c r="C2839"/>
      <c r="D2839"/>
    </row>
    <row r="2840" spans="3:4" x14ac:dyDescent="0.25">
      <c r="C2840"/>
      <c r="D2840"/>
    </row>
    <row r="2841" spans="3:4" x14ac:dyDescent="0.25">
      <c r="C2841"/>
      <c r="D2841"/>
    </row>
    <row r="2842" spans="3:4" x14ac:dyDescent="0.25">
      <c r="C2842"/>
      <c r="D2842"/>
    </row>
    <row r="2843" spans="3:4" x14ac:dyDescent="0.25">
      <c r="C2843"/>
      <c r="D2843"/>
    </row>
    <row r="2844" spans="3:4" x14ac:dyDescent="0.25">
      <c r="C2844"/>
      <c r="D2844"/>
    </row>
    <row r="2845" spans="3:4" x14ac:dyDescent="0.25">
      <c r="C2845"/>
      <c r="D2845"/>
    </row>
    <row r="2846" spans="3:4" x14ac:dyDescent="0.25">
      <c r="C2846"/>
      <c r="D2846"/>
    </row>
    <row r="2847" spans="3:4" x14ac:dyDescent="0.25">
      <c r="C2847"/>
      <c r="D2847"/>
    </row>
    <row r="2848" spans="3:4" x14ac:dyDescent="0.25">
      <c r="C2848"/>
      <c r="D2848"/>
    </row>
    <row r="2849" spans="3:4" x14ac:dyDescent="0.25">
      <c r="C2849"/>
      <c r="D2849"/>
    </row>
    <row r="2850" spans="3:4" x14ac:dyDescent="0.25">
      <c r="C2850"/>
      <c r="D2850"/>
    </row>
    <row r="2851" spans="3:4" x14ac:dyDescent="0.25">
      <c r="C2851"/>
      <c r="D2851"/>
    </row>
    <row r="2852" spans="3:4" x14ac:dyDescent="0.25">
      <c r="C2852"/>
      <c r="D2852"/>
    </row>
    <row r="2853" spans="3:4" x14ac:dyDescent="0.25">
      <c r="C2853"/>
      <c r="D2853"/>
    </row>
    <row r="2854" spans="3:4" x14ac:dyDescent="0.25">
      <c r="C2854"/>
      <c r="D2854"/>
    </row>
    <row r="2855" spans="3:4" x14ac:dyDescent="0.25">
      <c r="C2855"/>
      <c r="D2855"/>
    </row>
    <row r="2856" spans="3:4" x14ac:dyDescent="0.25">
      <c r="C2856"/>
      <c r="D2856"/>
    </row>
    <row r="2857" spans="3:4" x14ac:dyDescent="0.25">
      <c r="C2857"/>
      <c r="D2857"/>
    </row>
    <row r="2858" spans="3:4" x14ac:dyDescent="0.25">
      <c r="C2858"/>
      <c r="D2858"/>
    </row>
    <row r="2859" spans="3:4" x14ac:dyDescent="0.25">
      <c r="C2859"/>
      <c r="D2859"/>
    </row>
    <row r="2860" spans="3:4" x14ac:dyDescent="0.25">
      <c r="C2860"/>
      <c r="D2860"/>
    </row>
    <row r="2861" spans="3:4" x14ac:dyDescent="0.25">
      <c r="C2861"/>
      <c r="D2861"/>
    </row>
    <row r="2862" spans="3:4" x14ac:dyDescent="0.25">
      <c r="C2862"/>
      <c r="D2862"/>
    </row>
    <row r="2863" spans="3:4" x14ac:dyDescent="0.25">
      <c r="C2863"/>
      <c r="D2863"/>
    </row>
    <row r="2864" spans="3:4" x14ac:dyDescent="0.25">
      <c r="C2864"/>
      <c r="D2864"/>
    </row>
    <row r="2865" spans="3:4" x14ac:dyDescent="0.25">
      <c r="C2865"/>
      <c r="D2865"/>
    </row>
    <row r="2866" spans="3:4" x14ac:dyDescent="0.25">
      <c r="C2866"/>
      <c r="D2866"/>
    </row>
    <row r="2867" spans="3:4" x14ac:dyDescent="0.25">
      <c r="C2867"/>
      <c r="D2867"/>
    </row>
    <row r="2868" spans="3:4" x14ac:dyDescent="0.25">
      <c r="C2868"/>
      <c r="D2868"/>
    </row>
    <row r="2869" spans="3:4" x14ac:dyDescent="0.25">
      <c r="C2869"/>
      <c r="D2869"/>
    </row>
    <row r="2870" spans="3:4" x14ac:dyDescent="0.25">
      <c r="C2870"/>
      <c r="D2870"/>
    </row>
    <row r="2871" spans="3:4" x14ac:dyDescent="0.25">
      <c r="C2871"/>
      <c r="D2871"/>
    </row>
    <row r="2872" spans="3:4" x14ac:dyDescent="0.25">
      <c r="C2872"/>
      <c r="D2872"/>
    </row>
    <row r="2873" spans="3:4" x14ac:dyDescent="0.25">
      <c r="C2873"/>
      <c r="D2873"/>
    </row>
    <row r="2874" spans="3:4" x14ac:dyDescent="0.25">
      <c r="C2874"/>
      <c r="D2874"/>
    </row>
    <row r="2875" spans="3:4" x14ac:dyDescent="0.25">
      <c r="C2875"/>
      <c r="D2875"/>
    </row>
    <row r="2876" spans="3:4" x14ac:dyDescent="0.25">
      <c r="C2876"/>
      <c r="D2876"/>
    </row>
    <row r="2877" spans="3:4" x14ac:dyDescent="0.25">
      <c r="C2877"/>
      <c r="D2877"/>
    </row>
    <row r="2878" spans="3:4" x14ac:dyDescent="0.25">
      <c r="C2878"/>
      <c r="D2878"/>
    </row>
    <row r="2879" spans="3:4" x14ac:dyDescent="0.25">
      <c r="C2879"/>
      <c r="D2879"/>
    </row>
    <row r="2880" spans="3:4" x14ac:dyDescent="0.25">
      <c r="C2880"/>
      <c r="D2880"/>
    </row>
    <row r="2881" spans="3:4" x14ac:dyDescent="0.25">
      <c r="C2881"/>
      <c r="D2881"/>
    </row>
    <row r="2882" spans="3:4" x14ac:dyDescent="0.25">
      <c r="C2882"/>
      <c r="D2882"/>
    </row>
    <row r="2883" spans="3:4" x14ac:dyDescent="0.25">
      <c r="C2883"/>
      <c r="D2883"/>
    </row>
    <row r="2884" spans="3:4" x14ac:dyDescent="0.25">
      <c r="C2884"/>
      <c r="D2884"/>
    </row>
    <row r="2885" spans="3:4" x14ac:dyDescent="0.25">
      <c r="C2885"/>
      <c r="D2885"/>
    </row>
    <row r="2886" spans="3:4" x14ac:dyDescent="0.25">
      <c r="C2886"/>
      <c r="D2886"/>
    </row>
    <row r="2887" spans="3:4" x14ac:dyDescent="0.25">
      <c r="C2887"/>
      <c r="D2887"/>
    </row>
    <row r="2888" spans="3:4" x14ac:dyDescent="0.25">
      <c r="C2888"/>
      <c r="D2888"/>
    </row>
    <row r="2889" spans="3:4" x14ac:dyDescent="0.25">
      <c r="C2889"/>
      <c r="D2889"/>
    </row>
    <row r="2890" spans="3:4" x14ac:dyDescent="0.25">
      <c r="C2890"/>
      <c r="D2890"/>
    </row>
    <row r="2891" spans="3:4" x14ac:dyDescent="0.25">
      <c r="C2891"/>
      <c r="D2891"/>
    </row>
    <row r="2892" spans="3:4" x14ac:dyDescent="0.25">
      <c r="C2892"/>
      <c r="D2892"/>
    </row>
    <row r="2893" spans="3:4" x14ac:dyDescent="0.25">
      <c r="C2893"/>
      <c r="D2893"/>
    </row>
    <row r="2894" spans="3:4" x14ac:dyDescent="0.25">
      <c r="C2894"/>
      <c r="D2894"/>
    </row>
    <row r="2895" spans="3:4" x14ac:dyDescent="0.25">
      <c r="C2895"/>
      <c r="D2895"/>
    </row>
    <row r="2896" spans="3:4" x14ac:dyDescent="0.25">
      <c r="C2896"/>
      <c r="D2896"/>
    </row>
    <row r="2897" spans="3:4" x14ac:dyDescent="0.25">
      <c r="C2897"/>
      <c r="D2897"/>
    </row>
    <row r="2898" spans="3:4" x14ac:dyDescent="0.25">
      <c r="C2898"/>
      <c r="D2898"/>
    </row>
    <row r="2899" spans="3:4" x14ac:dyDescent="0.25">
      <c r="C2899"/>
      <c r="D2899"/>
    </row>
    <row r="2900" spans="3:4" x14ac:dyDescent="0.25">
      <c r="C2900"/>
      <c r="D2900"/>
    </row>
    <row r="2901" spans="3:4" x14ac:dyDescent="0.25">
      <c r="C2901"/>
      <c r="D2901"/>
    </row>
    <row r="2902" spans="3:4" x14ac:dyDescent="0.25">
      <c r="C2902"/>
      <c r="D2902"/>
    </row>
    <row r="2903" spans="3:4" x14ac:dyDescent="0.25">
      <c r="C2903"/>
      <c r="D2903"/>
    </row>
    <row r="2904" spans="3:4" x14ac:dyDescent="0.25">
      <c r="C2904"/>
      <c r="D2904"/>
    </row>
    <row r="2905" spans="3:4" x14ac:dyDescent="0.25">
      <c r="C2905"/>
      <c r="D2905"/>
    </row>
    <row r="2906" spans="3:4" x14ac:dyDescent="0.25">
      <c r="C2906"/>
      <c r="D2906"/>
    </row>
    <row r="2907" spans="3:4" x14ac:dyDescent="0.25">
      <c r="C2907"/>
      <c r="D2907"/>
    </row>
    <row r="2908" spans="3:4" x14ac:dyDescent="0.25">
      <c r="C2908"/>
      <c r="D2908"/>
    </row>
    <row r="2909" spans="3:4" x14ac:dyDescent="0.25">
      <c r="C2909"/>
      <c r="D2909"/>
    </row>
    <row r="2910" spans="3:4" x14ac:dyDescent="0.25">
      <c r="C2910"/>
      <c r="D2910"/>
    </row>
    <row r="2911" spans="3:4" x14ac:dyDescent="0.25">
      <c r="C2911"/>
      <c r="D2911"/>
    </row>
    <row r="2912" spans="3:4" x14ac:dyDescent="0.25">
      <c r="C2912"/>
      <c r="D2912"/>
    </row>
    <row r="2913" spans="3:4" x14ac:dyDescent="0.25">
      <c r="C2913"/>
      <c r="D2913"/>
    </row>
    <row r="2914" spans="3:4" x14ac:dyDescent="0.25">
      <c r="C2914"/>
      <c r="D2914"/>
    </row>
    <row r="2915" spans="3:4" x14ac:dyDescent="0.25">
      <c r="C2915"/>
      <c r="D2915"/>
    </row>
    <row r="2916" spans="3:4" x14ac:dyDescent="0.25">
      <c r="C2916"/>
      <c r="D2916"/>
    </row>
    <row r="2917" spans="3:4" x14ac:dyDescent="0.25">
      <c r="C2917"/>
      <c r="D2917"/>
    </row>
    <row r="2918" spans="3:4" x14ac:dyDescent="0.25">
      <c r="C2918"/>
      <c r="D2918"/>
    </row>
    <row r="2919" spans="3:4" x14ac:dyDescent="0.25">
      <c r="C2919"/>
      <c r="D2919"/>
    </row>
    <row r="2920" spans="3:4" x14ac:dyDescent="0.25">
      <c r="C2920"/>
      <c r="D2920"/>
    </row>
    <row r="2921" spans="3:4" x14ac:dyDescent="0.25">
      <c r="C2921"/>
      <c r="D2921"/>
    </row>
    <row r="2922" spans="3:4" x14ac:dyDescent="0.25">
      <c r="C2922"/>
      <c r="D2922"/>
    </row>
    <row r="2923" spans="3:4" x14ac:dyDescent="0.25">
      <c r="C2923"/>
      <c r="D2923"/>
    </row>
    <row r="2924" spans="3:4" x14ac:dyDescent="0.25">
      <c r="C2924"/>
      <c r="D2924"/>
    </row>
    <row r="2925" spans="3:4" x14ac:dyDescent="0.25">
      <c r="C2925"/>
      <c r="D2925"/>
    </row>
    <row r="2926" spans="3:4" x14ac:dyDescent="0.25">
      <c r="C2926"/>
      <c r="D2926"/>
    </row>
    <row r="2927" spans="3:4" x14ac:dyDescent="0.25">
      <c r="C2927"/>
      <c r="D2927"/>
    </row>
    <row r="2928" spans="3:4" x14ac:dyDescent="0.25">
      <c r="C2928"/>
      <c r="D2928"/>
    </row>
    <row r="2929" spans="3:4" x14ac:dyDescent="0.25">
      <c r="C2929"/>
      <c r="D2929"/>
    </row>
    <row r="2930" spans="3:4" x14ac:dyDescent="0.25">
      <c r="C2930"/>
      <c r="D2930"/>
    </row>
    <row r="2931" spans="3:4" x14ac:dyDescent="0.25">
      <c r="C2931"/>
      <c r="D2931"/>
    </row>
    <row r="2932" spans="3:4" x14ac:dyDescent="0.25">
      <c r="C2932"/>
      <c r="D2932"/>
    </row>
    <row r="2933" spans="3:4" x14ac:dyDescent="0.25">
      <c r="C2933"/>
      <c r="D2933"/>
    </row>
    <row r="2934" spans="3:4" x14ac:dyDescent="0.25">
      <c r="C2934"/>
      <c r="D2934"/>
    </row>
    <row r="2935" spans="3:4" x14ac:dyDescent="0.25">
      <c r="C2935"/>
      <c r="D2935"/>
    </row>
    <row r="2936" spans="3:4" x14ac:dyDescent="0.25">
      <c r="C2936"/>
      <c r="D2936"/>
    </row>
    <row r="2937" spans="3:4" x14ac:dyDescent="0.25">
      <c r="C2937"/>
      <c r="D2937"/>
    </row>
    <row r="2938" spans="3:4" x14ac:dyDescent="0.25">
      <c r="C2938"/>
      <c r="D2938"/>
    </row>
    <row r="2939" spans="3:4" x14ac:dyDescent="0.25">
      <c r="C2939"/>
      <c r="D2939"/>
    </row>
    <row r="2940" spans="3:4" x14ac:dyDescent="0.25">
      <c r="C2940"/>
      <c r="D2940"/>
    </row>
    <row r="2941" spans="3:4" x14ac:dyDescent="0.25">
      <c r="C2941"/>
      <c r="D2941"/>
    </row>
    <row r="2942" spans="3:4" x14ac:dyDescent="0.25">
      <c r="C2942"/>
      <c r="D2942"/>
    </row>
    <row r="2943" spans="3:4" x14ac:dyDescent="0.25">
      <c r="C2943"/>
      <c r="D2943"/>
    </row>
    <row r="2944" spans="3:4" x14ac:dyDescent="0.25">
      <c r="C2944"/>
      <c r="D2944"/>
    </row>
    <row r="2945" spans="3:4" x14ac:dyDescent="0.25">
      <c r="C2945"/>
      <c r="D2945"/>
    </row>
    <row r="2946" spans="3:4" x14ac:dyDescent="0.25">
      <c r="C2946"/>
      <c r="D2946"/>
    </row>
    <row r="2947" spans="3:4" x14ac:dyDescent="0.25">
      <c r="C2947"/>
      <c r="D2947"/>
    </row>
    <row r="2948" spans="3:4" x14ac:dyDescent="0.25">
      <c r="C2948"/>
      <c r="D2948"/>
    </row>
    <row r="2949" spans="3:4" x14ac:dyDescent="0.25">
      <c r="C2949"/>
      <c r="D2949"/>
    </row>
    <row r="2950" spans="3:4" x14ac:dyDescent="0.25">
      <c r="C2950"/>
      <c r="D2950"/>
    </row>
    <row r="2951" spans="3:4" x14ac:dyDescent="0.25">
      <c r="C2951"/>
      <c r="D2951"/>
    </row>
    <row r="2952" spans="3:4" x14ac:dyDescent="0.25">
      <c r="C2952"/>
      <c r="D2952"/>
    </row>
    <row r="2953" spans="3:4" x14ac:dyDescent="0.25">
      <c r="C2953"/>
      <c r="D2953"/>
    </row>
    <row r="2954" spans="3:4" x14ac:dyDescent="0.25">
      <c r="C2954"/>
      <c r="D2954"/>
    </row>
    <row r="2955" spans="3:4" x14ac:dyDescent="0.25">
      <c r="C2955"/>
      <c r="D2955"/>
    </row>
    <row r="2956" spans="3:4" x14ac:dyDescent="0.25">
      <c r="C2956"/>
      <c r="D2956"/>
    </row>
    <row r="2957" spans="3:4" x14ac:dyDescent="0.25">
      <c r="C2957"/>
      <c r="D2957"/>
    </row>
    <row r="2958" spans="3:4" x14ac:dyDescent="0.25">
      <c r="C2958"/>
      <c r="D2958"/>
    </row>
    <row r="2959" spans="3:4" x14ac:dyDescent="0.25">
      <c r="C2959"/>
      <c r="D2959"/>
    </row>
    <row r="2960" spans="3:4" x14ac:dyDescent="0.25">
      <c r="C2960"/>
      <c r="D2960"/>
    </row>
    <row r="2961" spans="3:4" x14ac:dyDescent="0.25">
      <c r="C2961"/>
      <c r="D2961"/>
    </row>
    <row r="2962" spans="3:4" x14ac:dyDescent="0.25">
      <c r="C2962"/>
      <c r="D2962"/>
    </row>
    <row r="2963" spans="3:4" x14ac:dyDescent="0.25">
      <c r="C2963"/>
      <c r="D2963"/>
    </row>
    <row r="2964" spans="3:4" x14ac:dyDescent="0.25">
      <c r="C2964"/>
      <c r="D2964"/>
    </row>
    <row r="2965" spans="3:4" x14ac:dyDescent="0.25">
      <c r="C2965"/>
      <c r="D2965"/>
    </row>
    <row r="2966" spans="3:4" x14ac:dyDescent="0.25">
      <c r="C2966"/>
      <c r="D2966"/>
    </row>
    <row r="2967" spans="3:4" x14ac:dyDescent="0.25">
      <c r="C2967"/>
      <c r="D2967"/>
    </row>
    <row r="2968" spans="3:4" x14ac:dyDescent="0.25">
      <c r="C2968"/>
      <c r="D2968"/>
    </row>
    <row r="2969" spans="3:4" x14ac:dyDescent="0.25">
      <c r="C2969"/>
      <c r="D2969"/>
    </row>
    <row r="2970" spans="3:4" x14ac:dyDescent="0.25">
      <c r="C2970"/>
      <c r="D2970"/>
    </row>
    <row r="2971" spans="3:4" x14ac:dyDescent="0.25">
      <c r="C2971"/>
      <c r="D2971"/>
    </row>
    <row r="2972" spans="3:4" x14ac:dyDescent="0.25">
      <c r="C2972"/>
      <c r="D2972"/>
    </row>
    <row r="2973" spans="3:4" x14ac:dyDescent="0.25">
      <c r="C2973"/>
      <c r="D2973"/>
    </row>
    <row r="2974" spans="3:4" x14ac:dyDescent="0.25">
      <c r="C2974"/>
      <c r="D2974"/>
    </row>
    <row r="2975" spans="3:4" x14ac:dyDescent="0.25">
      <c r="C2975"/>
      <c r="D2975"/>
    </row>
    <row r="2976" spans="3:4" x14ac:dyDescent="0.25">
      <c r="C2976"/>
      <c r="D2976"/>
    </row>
    <row r="2977" spans="3:4" x14ac:dyDescent="0.25">
      <c r="C2977"/>
      <c r="D2977"/>
    </row>
    <row r="2978" spans="3:4" x14ac:dyDescent="0.25">
      <c r="C2978"/>
      <c r="D2978"/>
    </row>
    <row r="2979" spans="3:4" x14ac:dyDescent="0.25">
      <c r="C2979"/>
      <c r="D2979"/>
    </row>
    <row r="2980" spans="3:4" x14ac:dyDescent="0.25">
      <c r="C2980"/>
      <c r="D2980"/>
    </row>
    <row r="2981" spans="3:4" x14ac:dyDescent="0.25">
      <c r="C2981"/>
      <c r="D2981"/>
    </row>
    <row r="2982" spans="3:4" x14ac:dyDescent="0.25">
      <c r="C2982"/>
      <c r="D2982"/>
    </row>
    <row r="2983" spans="3:4" x14ac:dyDescent="0.25">
      <c r="C2983"/>
      <c r="D2983"/>
    </row>
    <row r="2984" spans="3:4" x14ac:dyDescent="0.25">
      <c r="C2984"/>
      <c r="D2984"/>
    </row>
    <row r="2985" spans="3:4" x14ac:dyDescent="0.25">
      <c r="C2985"/>
      <c r="D2985"/>
    </row>
    <row r="2986" spans="3:4" x14ac:dyDescent="0.25">
      <c r="C2986"/>
      <c r="D2986"/>
    </row>
    <row r="2987" spans="3:4" x14ac:dyDescent="0.25">
      <c r="C2987"/>
      <c r="D2987"/>
    </row>
    <row r="2988" spans="3:4" x14ac:dyDescent="0.25">
      <c r="C2988"/>
      <c r="D2988"/>
    </row>
    <row r="2989" spans="3:4" x14ac:dyDescent="0.25">
      <c r="C2989"/>
      <c r="D2989"/>
    </row>
    <row r="2990" spans="3:4" x14ac:dyDescent="0.25">
      <c r="C2990"/>
      <c r="D2990"/>
    </row>
    <row r="2991" spans="3:4" x14ac:dyDescent="0.25">
      <c r="C2991"/>
      <c r="D2991"/>
    </row>
    <row r="2992" spans="3:4" x14ac:dyDescent="0.25">
      <c r="C2992"/>
      <c r="D2992"/>
    </row>
    <row r="2993" spans="3:4" x14ac:dyDescent="0.25">
      <c r="C2993"/>
      <c r="D2993"/>
    </row>
    <row r="2994" spans="3:4" x14ac:dyDescent="0.25">
      <c r="C2994"/>
      <c r="D2994"/>
    </row>
    <row r="2995" spans="3:4" x14ac:dyDescent="0.25">
      <c r="C2995"/>
      <c r="D2995"/>
    </row>
    <row r="2996" spans="3:4" x14ac:dyDescent="0.25">
      <c r="C2996"/>
      <c r="D2996"/>
    </row>
    <row r="2997" spans="3:4" x14ac:dyDescent="0.25">
      <c r="C2997"/>
      <c r="D2997"/>
    </row>
    <row r="2998" spans="3:4" x14ac:dyDescent="0.25">
      <c r="C2998"/>
      <c r="D2998"/>
    </row>
    <row r="2999" spans="3:4" x14ac:dyDescent="0.25">
      <c r="C2999"/>
      <c r="D2999"/>
    </row>
    <row r="3000" spans="3:4" x14ac:dyDescent="0.25">
      <c r="C3000"/>
      <c r="D3000"/>
    </row>
    <row r="3001" spans="3:4" x14ac:dyDescent="0.25">
      <c r="C3001"/>
      <c r="D3001"/>
    </row>
    <row r="3002" spans="3:4" x14ac:dyDescent="0.25">
      <c r="C3002"/>
      <c r="D3002"/>
    </row>
    <row r="3003" spans="3:4" x14ac:dyDescent="0.25">
      <c r="C3003"/>
      <c r="D3003"/>
    </row>
    <row r="3004" spans="3:4" x14ac:dyDescent="0.25">
      <c r="C3004"/>
      <c r="D3004"/>
    </row>
    <row r="3005" spans="3:4" x14ac:dyDescent="0.25">
      <c r="C3005"/>
      <c r="D3005"/>
    </row>
    <row r="3006" spans="3:4" x14ac:dyDescent="0.25">
      <c r="C3006"/>
      <c r="D3006"/>
    </row>
    <row r="3007" spans="3:4" x14ac:dyDescent="0.25">
      <c r="C3007"/>
      <c r="D3007"/>
    </row>
    <row r="3008" spans="3:4" x14ac:dyDescent="0.25">
      <c r="C3008"/>
      <c r="D3008"/>
    </row>
    <row r="3009" spans="3:4" x14ac:dyDescent="0.25">
      <c r="C3009"/>
      <c r="D3009"/>
    </row>
    <row r="3010" spans="3:4" x14ac:dyDescent="0.25">
      <c r="C3010"/>
      <c r="D3010"/>
    </row>
    <row r="3011" spans="3:4" x14ac:dyDescent="0.25">
      <c r="C3011"/>
      <c r="D3011"/>
    </row>
    <row r="3012" spans="3:4" x14ac:dyDescent="0.25">
      <c r="C3012"/>
      <c r="D3012"/>
    </row>
    <row r="3013" spans="3:4" x14ac:dyDescent="0.25">
      <c r="C3013"/>
      <c r="D3013"/>
    </row>
    <row r="3014" spans="3:4" x14ac:dyDescent="0.25">
      <c r="C3014"/>
      <c r="D3014"/>
    </row>
    <row r="3015" spans="3:4" x14ac:dyDescent="0.25">
      <c r="C3015"/>
      <c r="D3015"/>
    </row>
    <row r="3016" spans="3:4" x14ac:dyDescent="0.25">
      <c r="C3016"/>
      <c r="D3016"/>
    </row>
    <row r="3017" spans="3:4" x14ac:dyDescent="0.25">
      <c r="C3017"/>
      <c r="D3017"/>
    </row>
    <row r="3018" spans="3:4" x14ac:dyDescent="0.25">
      <c r="C3018"/>
      <c r="D3018"/>
    </row>
    <row r="3019" spans="3:4" x14ac:dyDescent="0.25">
      <c r="C3019"/>
      <c r="D3019"/>
    </row>
    <row r="3020" spans="3:4" x14ac:dyDescent="0.25">
      <c r="C3020"/>
      <c r="D3020"/>
    </row>
    <row r="3021" spans="3:4" x14ac:dyDescent="0.25">
      <c r="C3021"/>
      <c r="D3021"/>
    </row>
    <row r="3022" spans="3:4" x14ac:dyDescent="0.25">
      <c r="C3022"/>
      <c r="D3022"/>
    </row>
    <row r="3023" spans="3:4" x14ac:dyDescent="0.25">
      <c r="C3023"/>
      <c r="D3023"/>
    </row>
    <row r="3024" spans="3:4" x14ac:dyDescent="0.25">
      <c r="C3024"/>
      <c r="D3024"/>
    </row>
    <row r="3025" spans="3:4" x14ac:dyDescent="0.25">
      <c r="C3025"/>
      <c r="D3025"/>
    </row>
    <row r="3026" spans="3:4" x14ac:dyDescent="0.25">
      <c r="C3026"/>
      <c r="D3026"/>
    </row>
    <row r="3027" spans="3:4" x14ac:dyDescent="0.25">
      <c r="C3027"/>
      <c r="D3027"/>
    </row>
    <row r="3028" spans="3:4" x14ac:dyDescent="0.25">
      <c r="C3028"/>
      <c r="D3028"/>
    </row>
    <row r="3029" spans="3:4" x14ac:dyDescent="0.25">
      <c r="C3029"/>
      <c r="D3029"/>
    </row>
    <row r="3030" spans="3:4" x14ac:dyDescent="0.25">
      <c r="C3030"/>
      <c r="D3030"/>
    </row>
    <row r="3031" spans="3:4" x14ac:dyDescent="0.25">
      <c r="C3031"/>
      <c r="D3031"/>
    </row>
    <row r="3032" spans="3:4" x14ac:dyDescent="0.25">
      <c r="C3032"/>
      <c r="D3032"/>
    </row>
    <row r="3033" spans="3:4" x14ac:dyDescent="0.25">
      <c r="C3033"/>
      <c r="D3033"/>
    </row>
    <row r="3034" spans="3:4" x14ac:dyDescent="0.25">
      <c r="C3034"/>
      <c r="D3034"/>
    </row>
    <row r="3035" spans="3:4" x14ac:dyDescent="0.25">
      <c r="C3035"/>
      <c r="D3035"/>
    </row>
    <row r="3036" spans="3:4" x14ac:dyDescent="0.25">
      <c r="C3036"/>
      <c r="D3036"/>
    </row>
    <row r="3037" spans="3:4" x14ac:dyDescent="0.25">
      <c r="C3037"/>
      <c r="D3037"/>
    </row>
    <row r="3038" spans="3:4" x14ac:dyDescent="0.25">
      <c r="C3038"/>
      <c r="D3038"/>
    </row>
    <row r="3039" spans="3:4" x14ac:dyDescent="0.25">
      <c r="C3039"/>
      <c r="D3039"/>
    </row>
    <row r="3040" spans="3:4" x14ac:dyDescent="0.25">
      <c r="C3040"/>
      <c r="D3040"/>
    </row>
    <row r="3041" spans="3:4" x14ac:dyDescent="0.25">
      <c r="C3041"/>
      <c r="D3041"/>
    </row>
    <row r="3042" spans="3:4" x14ac:dyDescent="0.25">
      <c r="C3042"/>
      <c r="D3042"/>
    </row>
    <row r="3043" spans="3:4" x14ac:dyDescent="0.25">
      <c r="C3043"/>
      <c r="D3043"/>
    </row>
    <row r="3044" spans="3:4" x14ac:dyDescent="0.25">
      <c r="C3044"/>
      <c r="D3044"/>
    </row>
    <row r="3045" spans="3:4" x14ac:dyDescent="0.25">
      <c r="C3045"/>
      <c r="D3045"/>
    </row>
    <row r="3046" spans="3:4" x14ac:dyDescent="0.25">
      <c r="C3046"/>
      <c r="D3046"/>
    </row>
    <row r="3047" spans="3:4" x14ac:dyDescent="0.25">
      <c r="C3047"/>
      <c r="D3047"/>
    </row>
    <row r="3048" spans="3:4" x14ac:dyDescent="0.25">
      <c r="C3048"/>
      <c r="D3048"/>
    </row>
    <row r="3049" spans="3:4" x14ac:dyDescent="0.25">
      <c r="C3049"/>
      <c r="D3049"/>
    </row>
    <row r="3050" spans="3:4" x14ac:dyDescent="0.25">
      <c r="C3050"/>
      <c r="D3050"/>
    </row>
    <row r="3051" spans="3:4" x14ac:dyDescent="0.25">
      <c r="C3051"/>
      <c r="D3051"/>
    </row>
    <row r="3052" spans="3:4" x14ac:dyDescent="0.25">
      <c r="C3052"/>
      <c r="D3052"/>
    </row>
    <row r="3053" spans="3:4" x14ac:dyDescent="0.25">
      <c r="C3053"/>
      <c r="D3053"/>
    </row>
    <row r="3054" spans="3:4" x14ac:dyDescent="0.25">
      <c r="C3054"/>
      <c r="D3054"/>
    </row>
    <row r="3055" spans="3:4" x14ac:dyDescent="0.25">
      <c r="C3055"/>
      <c r="D3055"/>
    </row>
    <row r="3056" spans="3:4" x14ac:dyDescent="0.25">
      <c r="C3056"/>
      <c r="D3056"/>
    </row>
    <row r="3057" spans="3:4" x14ac:dyDescent="0.25">
      <c r="C3057"/>
      <c r="D3057"/>
    </row>
    <row r="3058" spans="3:4" x14ac:dyDescent="0.25">
      <c r="C3058"/>
      <c r="D3058"/>
    </row>
    <row r="3059" spans="3:4" x14ac:dyDescent="0.25">
      <c r="C3059"/>
      <c r="D3059"/>
    </row>
    <row r="3060" spans="3:4" x14ac:dyDescent="0.25">
      <c r="C3060"/>
      <c r="D3060"/>
    </row>
    <row r="3061" spans="3:4" x14ac:dyDescent="0.25">
      <c r="C3061"/>
      <c r="D3061"/>
    </row>
    <row r="3062" spans="3:4" x14ac:dyDescent="0.25">
      <c r="C3062"/>
      <c r="D3062"/>
    </row>
    <row r="3063" spans="3:4" x14ac:dyDescent="0.25">
      <c r="C3063"/>
      <c r="D3063"/>
    </row>
    <row r="3064" spans="3:4" x14ac:dyDescent="0.25">
      <c r="C3064"/>
      <c r="D3064"/>
    </row>
    <row r="3065" spans="3:4" x14ac:dyDescent="0.25">
      <c r="C3065"/>
      <c r="D3065"/>
    </row>
    <row r="3066" spans="3:4" x14ac:dyDescent="0.25">
      <c r="C3066"/>
      <c r="D3066"/>
    </row>
    <row r="3067" spans="3:4" x14ac:dyDescent="0.25">
      <c r="C3067"/>
      <c r="D3067"/>
    </row>
    <row r="3068" spans="3:4" x14ac:dyDescent="0.25">
      <c r="C3068"/>
      <c r="D3068"/>
    </row>
    <row r="3069" spans="3:4" x14ac:dyDescent="0.25">
      <c r="C3069"/>
      <c r="D3069"/>
    </row>
    <row r="3070" spans="3:4" x14ac:dyDescent="0.25">
      <c r="C3070"/>
      <c r="D3070"/>
    </row>
    <row r="3071" spans="3:4" x14ac:dyDescent="0.25">
      <c r="C3071"/>
      <c r="D3071"/>
    </row>
    <row r="3072" spans="3:4" x14ac:dyDescent="0.25">
      <c r="C3072"/>
      <c r="D3072"/>
    </row>
    <row r="3073" spans="3:4" x14ac:dyDescent="0.25">
      <c r="C3073"/>
      <c r="D3073"/>
    </row>
    <row r="3074" spans="3:4" x14ac:dyDescent="0.25">
      <c r="C3074"/>
      <c r="D3074"/>
    </row>
    <row r="3075" spans="3:4" x14ac:dyDescent="0.25">
      <c r="C3075"/>
      <c r="D3075"/>
    </row>
    <row r="3076" spans="3:4" x14ac:dyDescent="0.25">
      <c r="C3076"/>
      <c r="D3076"/>
    </row>
    <row r="3077" spans="3:4" x14ac:dyDescent="0.25">
      <c r="C3077"/>
      <c r="D3077"/>
    </row>
    <row r="3078" spans="3:4" x14ac:dyDescent="0.25">
      <c r="C3078"/>
      <c r="D3078"/>
    </row>
    <row r="3079" spans="3:4" x14ac:dyDescent="0.25">
      <c r="C3079"/>
      <c r="D3079"/>
    </row>
    <row r="3080" spans="3:4" x14ac:dyDescent="0.25">
      <c r="C3080"/>
      <c r="D3080"/>
    </row>
    <row r="3081" spans="3:4" x14ac:dyDescent="0.25">
      <c r="C3081"/>
      <c r="D3081"/>
    </row>
    <row r="3082" spans="3:4" x14ac:dyDescent="0.25">
      <c r="C3082"/>
      <c r="D3082"/>
    </row>
    <row r="3083" spans="3:4" x14ac:dyDescent="0.25">
      <c r="C3083"/>
      <c r="D3083"/>
    </row>
    <row r="3084" spans="3:4" x14ac:dyDescent="0.25">
      <c r="C3084"/>
      <c r="D3084"/>
    </row>
    <row r="3085" spans="3:4" x14ac:dyDescent="0.25">
      <c r="C3085"/>
      <c r="D3085"/>
    </row>
    <row r="3086" spans="3:4" x14ac:dyDescent="0.25">
      <c r="C3086"/>
      <c r="D3086"/>
    </row>
    <row r="3087" spans="3:4" x14ac:dyDescent="0.25">
      <c r="C3087"/>
      <c r="D3087"/>
    </row>
    <row r="3088" spans="3:4" x14ac:dyDescent="0.25">
      <c r="C3088"/>
      <c r="D3088"/>
    </row>
    <row r="3089" spans="3:4" x14ac:dyDescent="0.25">
      <c r="C3089"/>
      <c r="D3089"/>
    </row>
    <row r="3090" spans="3:4" x14ac:dyDescent="0.25">
      <c r="C3090"/>
      <c r="D3090"/>
    </row>
    <row r="3091" spans="3:4" x14ac:dyDescent="0.25">
      <c r="C3091"/>
      <c r="D3091"/>
    </row>
    <row r="3092" spans="3:4" x14ac:dyDescent="0.25">
      <c r="C3092"/>
      <c r="D3092"/>
    </row>
    <row r="3093" spans="3:4" x14ac:dyDescent="0.25">
      <c r="C3093"/>
      <c r="D3093"/>
    </row>
    <row r="3094" spans="3:4" x14ac:dyDescent="0.25">
      <c r="C3094"/>
      <c r="D3094"/>
    </row>
    <row r="3095" spans="3:4" x14ac:dyDescent="0.25">
      <c r="C3095"/>
      <c r="D3095"/>
    </row>
    <row r="3096" spans="3:4" x14ac:dyDescent="0.25">
      <c r="C3096"/>
      <c r="D3096"/>
    </row>
    <row r="3097" spans="3:4" x14ac:dyDescent="0.25">
      <c r="C3097"/>
      <c r="D3097"/>
    </row>
    <row r="3098" spans="3:4" x14ac:dyDescent="0.25">
      <c r="C3098"/>
      <c r="D3098"/>
    </row>
    <row r="3099" spans="3:4" x14ac:dyDescent="0.25">
      <c r="C3099"/>
      <c r="D3099"/>
    </row>
    <row r="3100" spans="3:4" x14ac:dyDescent="0.25">
      <c r="C3100"/>
      <c r="D3100"/>
    </row>
    <row r="3101" spans="3:4" x14ac:dyDescent="0.25">
      <c r="C3101"/>
      <c r="D3101"/>
    </row>
    <row r="3102" spans="3:4" x14ac:dyDescent="0.25">
      <c r="C3102"/>
      <c r="D3102"/>
    </row>
    <row r="3103" spans="3:4" x14ac:dyDescent="0.25">
      <c r="C3103"/>
      <c r="D3103"/>
    </row>
    <row r="3104" spans="3:4" x14ac:dyDescent="0.25">
      <c r="C3104"/>
      <c r="D3104"/>
    </row>
    <row r="3105" spans="3:4" x14ac:dyDescent="0.25">
      <c r="C3105"/>
      <c r="D3105"/>
    </row>
    <row r="3106" spans="3:4" x14ac:dyDescent="0.25">
      <c r="C3106"/>
      <c r="D3106"/>
    </row>
    <row r="3107" spans="3:4" x14ac:dyDescent="0.25">
      <c r="C3107"/>
      <c r="D3107"/>
    </row>
    <row r="3108" spans="3:4" x14ac:dyDescent="0.25">
      <c r="C3108"/>
      <c r="D3108"/>
    </row>
    <row r="3109" spans="3:4" x14ac:dyDescent="0.25">
      <c r="C3109"/>
      <c r="D3109"/>
    </row>
    <row r="3110" spans="3:4" x14ac:dyDescent="0.25">
      <c r="C3110"/>
      <c r="D3110"/>
    </row>
    <row r="3111" spans="3:4" x14ac:dyDescent="0.25">
      <c r="C3111"/>
      <c r="D3111"/>
    </row>
    <row r="3112" spans="3:4" x14ac:dyDescent="0.25">
      <c r="C3112"/>
      <c r="D3112"/>
    </row>
    <row r="3113" spans="3:4" x14ac:dyDescent="0.25">
      <c r="C3113"/>
      <c r="D3113"/>
    </row>
    <row r="3114" spans="3:4" x14ac:dyDescent="0.25">
      <c r="C3114"/>
      <c r="D3114"/>
    </row>
    <row r="3115" spans="3:4" x14ac:dyDescent="0.25">
      <c r="C3115"/>
      <c r="D3115"/>
    </row>
    <row r="3116" spans="3:4" x14ac:dyDescent="0.25">
      <c r="C3116"/>
      <c r="D3116"/>
    </row>
    <row r="3117" spans="3:4" x14ac:dyDescent="0.25">
      <c r="C3117"/>
      <c r="D3117"/>
    </row>
    <row r="3118" spans="3:4" x14ac:dyDescent="0.25">
      <c r="C3118"/>
      <c r="D3118"/>
    </row>
    <row r="3119" spans="3:4" x14ac:dyDescent="0.25">
      <c r="C3119"/>
      <c r="D3119"/>
    </row>
    <row r="3120" spans="3:4" x14ac:dyDescent="0.25">
      <c r="C3120"/>
      <c r="D3120"/>
    </row>
    <row r="3121" spans="3:4" x14ac:dyDescent="0.25">
      <c r="C3121"/>
      <c r="D3121"/>
    </row>
    <row r="3122" spans="3:4" x14ac:dyDescent="0.25">
      <c r="C3122"/>
      <c r="D3122"/>
    </row>
    <row r="3123" spans="3:4" x14ac:dyDescent="0.25">
      <c r="C3123"/>
      <c r="D3123"/>
    </row>
    <row r="3124" spans="3:4" x14ac:dyDescent="0.25">
      <c r="C3124"/>
      <c r="D3124"/>
    </row>
    <row r="3125" spans="3:4" x14ac:dyDescent="0.25">
      <c r="C3125"/>
      <c r="D3125"/>
    </row>
    <row r="3126" spans="3:4" x14ac:dyDescent="0.25">
      <c r="C3126"/>
      <c r="D3126"/>
    </row>
    <row r="3127" spans="3:4" x14ac:dyDescent="0.25">
      <c r="C3127"/>
      <c r="D3127"/>
    </row>
    <row r="3128" spans="3:4" x14ac:dyDescent="0.25">
      <c r="C3128"/>
      <c r="D3128"/>
    </row>
    <row r="3129" spans="3:4" x14ac:dyDescent="0.25">
      <c r="C3129"/>
      <c r="D3129"/>
    </row>
    <row r="3130" spans="3:4" x14ac:dyDescent="0.25">
      <c r="C3130"/>
      <c r="D3130"/>
    </row>
    <row r="3131" spans="3:4" x14ac:dyDescent="0.25">
      <c r="C3131"/>
      <c r="D3131"/>
    </row>
    <row r="3132" spans="3:4" x14ac:dyDescent="0.25">
      <c r="C3132"/>
      <c r="D3132"/>
    </row>
    <row r="3133" spans="3:4" x14ac:dyDescent="0.25">
      <c r="C3133"/>
      <c r="D3133"/>
    </row>
    <row r="3134" spans="3:4" x14ac:dyDescent="0.25">
      <c r="C3134"/>
      <c r="D3134"/>
    </row>
    <row r="3135" spans="3:4" x14ac:dyDescent="0.25">
      <c r="C3135"/>
      <c r="D3135"/>
    </row>
    <row r="3136" spans="3:4" x14ac:dyDescent="0.25">
      <c r="C3136"/>
      <c r="D3136"/>
    </row>
    <row r="3137" spans="3:4" x14ac:dyDescent="0.25">
      <c r="C3137"/>
      <c r="D3137"/>
    </row>
    <row r="3138" spans="3:4" x14ac:dyDescent="0.25">
      <c r="C3138"/>
      <c r="D3138"/>
    </row>
    <row r="3139" spans="3:4" x14ac:dyDescent="0.25">
      <c r="C3139"/>
      <c r="D3139"/>
    </row>
    <row r="3140" spans="3:4" x14ac:dyDescent="0.25">
      <c r="C3140"/>
      <c r="D3140"/>
    </row>
    <row r="3141" spans="3:4" x14ac:dyDescent="0.25">
      <c r="C3141"/>
      <c r="D3141"/>
    </row>
    <row r="3142" spans="3:4" x14ac:dyDescent="0.25">
      <c r="C3142"/>
      <c r="D3142"/>
    </row>
    <row r="3143" spans="3:4" x14ac:dyDescent="0.25">
      <c r="C3143"/>
      <c r="D3143"/>
    </row>
    <row r="3144" spans="3:4" x14ac:dyDescent="0.25">
      <c r="C3144"/>
      <c r="D3144"/>
    </row>
    <row r="3145" spans="3:4" x14ac:dyDescent="0.25">
      <c r="C3145"/>
      <c r="D3145"/>
    </row>
    <row r="3146" spans="3:4" x14ac:dyDescent="0.25">
      <c r="C3146"/>
      <c r="D3146"/>
    </row>
    <row r="3147" spans="3:4" x14ac:dyDescent="0.25">
      <c r="C3147"/>
      <c r="D3147"/>
    </row>
    <row r="3148" spans="3:4" x14ac:dyDescent="0.25">
      <c r="C3148"/>
      <c r="D3148"/>
    </row>
    <row r="3149" spans="3:4" x14ac:dyDescent="0.25">
      <c r="C3149"/>
      <c r="D3149"/>
    </row>
    <row r="3150" spans="3:4" x14ac:dyDescent="0.25">
      <c r="C3150"/>
      <c r="D3150"/>
    </row>
    <row r="3151" spans="3:4" x14ac:dyDescent="0.25">
      <c r="C3151"/>
      <c r="D3151"/>
    </row>
    <row r="3152" spans="3:4" x14ac:dyDescent="0.25">
      <c r="C3152"/>
      <c r="D3152"/>
    </row>
    <row r="3153" spans="3:4" x14ac:dyDescent="0.25">
      <c r="C3153"/>
      <c r="D3153"/>
    </row>
    <row r="3154" spans="3:4" x14ac:dyDescent="0.25">
      <c r="C3154"/>
      <c r="D3154"/>
    </row>
    <row r="3155" spans="3:4" x14ac:dyDescent="0.25">
      <c r="C3155"/>
      <c r="D3155"/>
    </row>
    <row r="3156" spans="3:4" x14ac:dyDescent="0.25">
      <c r="C3156"/>
      <c r="D3156"/>
    </row>
    <row r="3157" spans="3:4" x14ac:dyDescent="0.25">
      <c r="C3157"/>
      <c r="D3157"/>
    </row>
    <row r="3158" spans="3:4" x14ac:dyDescent="0.25">
      <c r="C3158"/>
      <c r="D3158"/>
    </row>
    <row r="3159" spans="3:4" x14ac:dyDescent="0.25">
      <c r="C3159"/>
      <c r="D3159"/>
    </row>
    <row r="3160" spans="3:4" x14ac:dyDescent="0.25">
      <c r="C3160"/>
      <c r="D3160"/>
    </row>
    <row r="3161" spans="3:4" x14ac:dyDescent="0.25">
      <c r="C3161"/>
      <c r="D3161"/>
    </row>
    <row r="3162" spans="3:4" x14ac:dyDescent="0.25">
      <c r="C3162"/>
      <c r="D3162"/>
    </row>
    <row r="3163" spans="3:4" x14ac:dyDescent="0.25">
      <c r="C3163"/>
      <c r="D3163"/>
    </row>
    <row r="3164" spans="3:4" x14ac:dyDescent="0.25">
      <c r="C3164"/>
      <c r="D3164"/>
    </row>
    <row r="3165" spans="3:4" x14ac:dyDescent="0.25">
      <c r="C3165"/>
      <c r="D3165"/>
    </row>
    <row r="3166" spans="3:4" x14ac:dyDescent="0.25">
      <c r="C3166"/>
      <c r="D3166"/>
    </row>
    <row r="3167" spans="3:4" x14ac:dyDescent="0.25">
      <c r="C3167"/>
      <c r="D3167"/>
    </row>
    <row r="3168" spans="3:4" x14ac:dyDescent="0.25">
      <c r="C3168"/>
      <c r="D3168"/>
    </row>
    <row r="3169" spans="3:4" x14ac:dyDescent="0.25">
      <c r="C3169"/>
      <c r="D3169"/>
    </row>
    <row r="3170" spans="3:4" x14ac:dyDescent="0.25">
      <c r="C3170"/>
      <c r="D3170"/>
    </row>
    <row r="3171" spans="3:4" x14ac:dyDescent="0.25">
      <c r="C3171"/>
      <c r="D3171"/>
    </row>
    <row r="3172" spans="3:4" x14ac:dyDescent="0.25">
      <c r="C3172"/>
      <c r="D3172"/>
    </row>
    <row r="3173" spans="3:4" x14ac:dyDescent="0.25">
      <c r="C3173"/>
      <c r="D3173"/>
    </row>
    <row r="3174" spans="3:4" x14ac:dyDescent="0.25">
      <c r="C3174"/>
      <c r="D3174"/>
    </row>
    <row r="3175" spans="3:4" x14ac:dyDescent="0.25">
      <c r="C3175"/>
      <c r="D3175"/>
    </row>
    <row r="3176" spans="3:4" x14ac:dyDescent="0.25">
      <c r="C3176"/>
      <c r="D3176"/>
    </row>
    <row r="3177" spans="3:4" x14ac:dyDescent="0.25">
      <c r="C3177"/>
      <c r="D3177"/>
    </row>
    <row r="3178" spans="3:4" x14ac:dyDescent="0.25">
      <c r="C3178"/>
      <c r="D3178"/>
    </row>
    <row r="3179" spans="3:4" x14ac:dyDescent="0.25">
      <c r="C3179"/>
      <c r="D3179"/>
    </row>
    <row r="3180" spans="3:4" x14ac:dyDescent="0.25">
      <c r="C3180"/>
      <c r="D3180"/>
    </row>
    <row r="3181" spans="3:4" x14ac:dyDescent="0.25">
      <c r="C3181"/>
      <c r="D3181"/>
    </row>
    <row r="3182" spans="3:4" x14ac:dyDescent="0.25">
      <c r="C3182"/>
      <c r="D3182"/>
    </row>
    <row r="3183" spans="3:4" x14ac:dyDescent="0.25">
      <c r="C3183"/>
      <c r="D3183"/>
    </row>
    <row r="3184" spans="3:4" x14ac:dyDescent="0.25">
      <c r="C3184"/>
      <c r="D3184"/>
    </row>
    <row r="3185" spans="3:4" x14ac:dyDescent="0.25">
      <c r="C3185"/>
      <c r="D3185"/>
    </row>
    <row r="3186" spans="3:4" x14ac:dyDescent="0.25">
      <c r="C3186"/>
      <c r="D3186"/>
    </row>
    <row r="3187" spans="3:4" x14ac:dyDescent="0.25">
      <c r="C3187"/>
      <c r="D3187"/>
    </row>
    <row r="3188" spans="3:4" x14ac:dyDescent="0.25">
      <c r="C3188"/>
      <c r="D3188"/>
    </row>
    <row r="3189" spans="3:4" x14ac:dyDescent="0.25">
      <c r="C3189"/>
      <c r="D3189"/>
    </row>
    <row r="3190" spans="3:4" x14ac:dyDescent="0.25">
      <c r="C3190"/>
      <c r="D3190"/>
    </row>
    <row r="3191" spans="3:4" x14ac:dyDescent="0.25">
      <c r="C3191"/>
      <c r="D3191"/>
    </row>
    <row r="3192" spans="3:4" x14ac:dyDescent="0.25">
      <c r="C3192"/>
      <c r="D3192"/>
    </row>
    <row r="3193" spans="3:4" x14ac:dyDescent="0.25">
      <c r="C3193"/>
      <c r="D3193"/>
    </row>
    <row r="3194" spans="3:4" x14ac:dyDescent="0.25">
      <c r="C3194"/>
      <c r="D3194"/>
    </row>
    <row r="3195" spans="3:4" x14ac:dyDescent="0.25">
      <c r="C3195"/>
      <c r="D3195"/>
    </row>
    <row r="3196" spans="3:4" x14ac:dyDescent="0.25">
      <c r="C3196"/>
      <c r="D3196"/>
    </row>
    <row r="3197" spans="3:4" x14ac:dyDescent="0.25">
      <c r="C3197"/>
      <c r="D3197"/>
    </row>
    <row r="3198" spans="3:4" x14ac:dyDescent="0.25">
      <c r="C3198"/>
      <c r="D3198"/>
    </row>
    <row r="3199" spans="3:4" x14ac:dyDescent="0.25">
      <c r="C3199"/>
      <c r="D3199"/>
    </row>
    <row r="3200" spans="3:4" x14ac:dyDescent="0.25">
      <c r="C3200"/>
      <c r="D3200"/>
    </row>
    <row r="3201" spans="3:4" x14ac:dyDescent="0.25">
      <c r="C3201"/>
      <c r="D3201"/>
    </row>
    <row r="3202" spans="3:4" x14ac:dyDescent="0.25">
      <c r="C3202"/>
      <c r="D3202"/>
    </row>
    <row r="3203" spans="3:4" x14ac:dyDescent="0.25">
      <c r="C3203"/>
      <c r="D3203"/>
    </row>
    <row r="3204" spans="3:4" x14ac:dyDescent="0.25">
      <c r="C3204"/>
      <c r="D3204"/>
    </row>
    <row r="3205" spans="3:4" x14ac:dyDescent="0.25">
      <c r="C3205"/>
      <c r="D3205"/>
    </row>
    <row r="3206" spans="3:4" x14ac:dyDescent="0.25">
      <c r="C3206"/>
      <c r="D3206"/>
    </row>
    <row r="3207" spans="3:4" x14ac:dyDescent="0.25">
      <c r="C3207"/>
      <c r="D3207"/>
    </row>
    <row r="3208" spans="3:4" x14ac:dyDescent="0.25">
      <c r="C3208"/>
      <c r="D3208"/>
    </row>
    <row r="3209" spans="3:4" x14ac:dyDescent="0.25">
      <c r="C3209"/>
      <c r="D3209"/>
    </row>
    <row r="3210" spans="3:4" x14ac:dyDescent="0.25">
      <c r="C3210"/>
      <c r="D3210"/>
    </row>
    <row r="3211" spans="3:4" x14ac:dyDescent="0.25">
      <c r="C3211"/>
      <c r="D3211"/>
    </row>
    <row r="3212" spans="3:4" x14ac:dyDescent="0.25">
      <c r="C3212"/>
      <c r="D3212"/>
    </row>
    <row r="3213" spans="3:4" x14ac:dyDescent="0.25">
      <c r="C3213"/>
      <c r="D3213"/>
    </row>
    <row r="3214" spans="3:4" x14ac:dyDescent="0.25">
      <c r="C3214"/>
      <c r="D3214"/>
    </row>
    <row r="3215" spans="3:4" x14ac:dyDescent="0.25">
      <c r="C3215"/>
      <c r="D3215"/>
    </row>
    <row r="3216" spans="3:4" x14ac:dyDescent="0.25">
      <c r="C3216"/>
      <c r="D3216"/>
    </row>
    <row r="3217" spans="3:4" x14ac:dyDescent="0.25">
      <c r="C3217"/>
      <c r="D3217"/>
    </row>
    <row r="3218" spans="3:4" x14ac:dyDescent="0.25">
      <c r="C3218"/>
      <c r="D3218"/>
    </row>
    <row r="3219" spans="3:4" x14ac:dyDescent="0.25">
      <c r="C3219"/>
      <c r="D3219"/>
    </row>
    <row r="3220" spans="3:4" x14ac:dyDescent="0.25">
      <c r="C3220"/>
      <c r="D3220"/>
    </row>
    <row r="3221" spans="3:4" x14ac:dyDescent="0.25">
      <c r="C3221"/>
      <c r="D3221"/>
    </row>
    <row r="3222" spans="3:4" x14ac:dyDescent="0.25">
      <c r="C3222"/>
      <c r="D3222"/>
    </row>
    <row r="3223" spans="3:4" x14ac:dyDescent="0.25">
      <c r="C3223"/>
      <c r="D3223"/>
    </row>
    <row r="3224" spans="3:4" x14ac:dyDescent="0.25">
      <c r="C3224"/>
      <c r="D3224"/>
    </row>
    <row r="3225" spans="3:4" x14ac:dyDescent="0.25">
      <c r="C3225"/>
      <c r="D3225"/>
    </row>
    <row r="3226" spans="3:4" x14ac:dyDescent="0.25">
      <c r="C3226"/>
      <c r="D3226"/>
    </row>
    <row r="3227" spans="3:4" x14ac:dyDescent="0.25">
      <c r="C3227"/>
      <c r="D3227"/>
    </row>
    <row r="3228" spans="3:4" x14ac:dyDescent="0.25">
      <c r="C3228"/>
      <c r="D3228"/>
    </row>
    <row r="3229" spans="3:4" x14ac:dyDescent="0.25">
      <c r="C3229"/>
      <c r="D3229"/>
    </row>
    <row r="3230" spans="3:4" x14ac:dyDescent="0.25">
      <c r="C3230"/>
      <c r="D3230"/>
    </row>
    <row r="3231" spans="3:4" x14ac:dyDescent="0.25">
      <c r="C3231"/>
      <c r="D3231"/>
    </row>
    <row r="3232" spans="3:4" x14ac:dyDescent="0.25">
      <c r="C3232"/>
      <c r="D3232"/>
    </row>
    <row r="3233" spans="3:4" x14ac:dyDescent="0.25">
      <c r="C3233"/>
      <c r="D3233"/>
    </row>
    <row r="3234" spans="3:4" x14ac:dyDescent="0.25">
      <c r="C3234"/>
      <c r="D3234"/>
    </row>
    <row r="3235" spans="3:4" x14ac:dyDescent="0.25">
      <c r="C3235"/>
      <c r="D3235"/>
    </row>
    <row r="3236" spans="3:4" x14ac:dyDescent="0.25">
      <c r="C3236"/>
      <c r="D3236"/>
    </row>
    <row r="3237" spans="3:4" x14ac:dyDescent="0.25">
      <c r="C3237"/>
      <c r="D3237"/>
    </row>
    <row r="3238" spans="3:4" x14ac:dyDescent="0.25">
      <c r="C3238"/>
      <c r="D3238"/>
    </row>
    <row r="3239" spans="3:4" x14ac:dyDescent="0.25">
      <c r="C3239"/>
      <c r="D3239"/>
    </row>
    <row r="3240" spans="3:4" x14ac:dyDescent="0.25">
      <c r="C3240"/>
      <c r="D3240"/>
    </row>
    <row r="3241" spans="3:4" x14ac:dyDescent="0.25">
      <c r="C3241"/>
      <c r="D3241"/>
    </row>
    <row r="3242" spans="3:4" x14ac:dyDescent="0.25">
      <c r="C3242"/>
      <c r="D3242"/>
    </row>
    <row r="3243" spans="3:4" x14ac:dyDescent="0.25">
      <c r="C3243"/>
      <c r="D3243"/>
    </row>
    <row r="3244" spans="3:4" x14ac:dyDescent="0.25">
      <c r="C3244"/>
      <c r="D3244"/>
    </row>
    <row r="3245" spans="3:4" x14ac:dyDescent="0.25">
      <c r="C3245"/>
      <c r="D3245"/>
    </row>
    <row r="3246" spans="3:4" x14ac:dyDescent="0.25">
      <c r="C3246"/>
      <c r="D3246"/>
    </row>
    <row r="3247" spans="3:4" x14ac:dyDescent="0.25">
      <c r="C3247"/>
      <c r="D3247"/>
    </row>
    <row r="3248" spans="3:4" x14ac:dyDescent="0.25">
      <c r="C3248"/>
      <c r="D3248"/>
    </row>
    <row r="3249" spans="3:4" x14ac:dyDescent="0.25">
      <c r="C3249"/>
      <c r="D3249"/>
    </row>
    <row r="3250" spans="3:4" x14ac:dyDescent="0.25">
      <c r="C3250"/>
      <c r="D3250"/>
    </row>
    <row r="3251" spans="3:4" x14ac:dyDescent="0.25">
      <c r="C3251"/>
      <c r="D3251"/>
    </row>
    <row r="3252" spans="3:4" x14ac:dyDescent="0.25">
      <c r="C3252"/>
      <c r="D3252"/>
    </row>
    <row r="3253" spans="3:4" x14ac:dyDescent="0.25">
      <c r="C3253"/>
      <c r="D3253"/>
    </row>
    <row r="3254" spans="3:4" x14ac:dyDescent="0.25">
      <c r="C3254"/>
      <c r="D3254"/>
    </row>
    <row r="3255" spans="3:4" x14ac:dyDescent="0.25">
      <c r="C3255"/>
      <c r="D3255"/>
    </row>
    <row r="3256" spans="3:4" x14ac:dyDescent="0.25">
      <c r="C3256"/>
      <c r="D3256"/>
    </row>
    <row r="3257" spans="3:4" x14ac:dyDescent="0.25">
      <c r="C3257"/>
      <c r="D3257"/>
    </row>
    <row r="3258" spans="3:4" x14ac:dyDescent="0.25">
      <c r="C3258"/>
      <c r="D3258"/>
    </row>
    <row r="3259" spans="3:4" x14ac:dyDescent="0.25">
      <c r="C3259"/>
      <c r="D3259"/>
    </row>
    <row r="3260" spans="3:4" x14ac:dyDescent="0.25">
      <c r="C3260"/>
      <c r="D3260"/>
    </row>
    <row r="3261" spans="3:4" x14ac:dyDescent="0.25">
      <c r="C3261"/>
      <c r="D3261"/>
    </row>
    <row r="3262" spans="3:4" x14ac:dyDescent="0.25">
      <c r="C3262"/>
      <c r="D3262"/>
    </row>
    <row r="3263" spans="3:4" x14ac:dyDescent="0.25">
      <c r="C3263"/>
      <c r="D3263"/>
    </row>
    <row r="3264" spans="3:4" x14ac:dyDescent="0.25">
      <c r="C3264"/>
      <c r="D3264"/>
    </row>
    <row r="3265" spans="3:4" x14ac:dyDescent="0.25">
      <c r="C3265"/>
      <c r="D3265"/>
    </row>
    <row r="3266" spans="3:4" x14ac:dyDescent="0.25">
      <c r="C3266"/>
      <c r="D3266"/>
    </row>
    <row r="3267" spans="3:4" x14ac:dyDescent="0.25">
      <c r="C3267"/>
      <c r="D3267"/>
    </row>
    <row r="3268" spans="3:4" x14ac:dyDescent="0.25">
      <c r="C3268"/>
      <c r="D3268"/>
    </row>
    <row r="3269" spans="3:4" x14ac:dyDescent="0.25">
      <c r="C3269"/>
      <c r="D3269"/>
    </row>
    <row r="3270" spans="3:4" x14ac:dyDescent="0.25">
      <c r="C3270"/>
      <c r="D3270"/>
    </row>
    <row r="3271" spans="3:4" x14ac:dyDescent="0.25">
      <c r="C3271"/>
      <c r="D3271"/>
    </row>
    <row r="3272" spans="3:4" x14ac:dyDescent="0.25">
      <c r="C3272"/>
      <c r="D3272"/>
    </row>
    <row r="3273" spans="3:4" x14ac:dyDescent="0.25">
      <c r="C3273"/>
      <c r="D3273"/>
    </row>
    <row r="3274" spans="3:4" x14ac:dyDescent="0.25">
      <c r="C3274"/>
      <c r="D3274"/>
    </row>
    <row r="3275" spans="3:4" x14ac:dyDescent="0.25">
      <c r="C3275"/>
      <c r="D3275"/>
    </row>
    <row r="3276" spans="3:4" x14ac:dyDescent="0.25">
      <c r="C3276"/>
      <c r="D3276"/>
    </row>
    <row r="3277" spans="3:4" x14ac:dyDescent="0.25">
      <c r="C3277"/>
      <c r="D3277"/>
    </row>
    <row r="3278" spans="3:4" x14ac:dyDescent="0.25">
      <c r="C3278"/>
      <c r="D3278"/>
    </row>
    <row r="3279" spans="3:4" x14ac:dyDescent="0.25">
      <c r="C3279"/>
      <c r="D3279"/>
    </row>
    <row r="3280" spans="3:4" x14ac:dyDescent="0.25">
      <c r="C3280"/>
      <c r="D3280"/>
    </row>
    <row r="3281" spans="3:4" x14ac:dyDescent="0.25">
      <c r="C3281"/>
      <c r="D3281"/>
    </row>
    <row r="3282" spans="3:4" x14ac:dyDescent="0.25">
      <c r="C3282"/>
      <c r="D3282"/>
    </row>
    <row r="3283" spans="3:4" x14ac:dyDescent="0.25">
      <c r="C3283"/>
      <c r="D3283"/>
    </row>
    <row r="3284" spans="3:4" x14ac:dyDescent="0.25">
      <c r="C3284"/>
      <c r="D3284"/>
    </row>
    <row r="3285" spans="3:4" x14ac:dyDescent="0.25">
      <c r="C3285"/>
      <c r="D3285"/>
    </row>
    <row r="3286" spans="3:4" x14ac:dyDescent="0.25">
      <c r="C3286"/>
      <c r="D3286"/>
    </row>
    <row r="3287" spans="3:4" x14ac:dyDescent="0.25">
      <c r="C3287"/>
      <c r="D3287"/>
    </row>
    <row r="3288" spans="3:4" x14ac:dyDescent="0.25">
      <c r="C3288"/>
      <c r="D3288"/>
    </row>
    <row r="3289" spans="3:4" x14ac:dyDescent="0.25">
      <c r="C3289"/>
      <c r="D3289"/>
    </row>
    <row r="3290" spans="3:4" x14ac:dyDescent="0.25">
      <c r="C3290"/>
      <c r="D3290"/>
    </row>
    <row r="3291" spans="3:4" x14ac:dyDescent="0.25">
      <c r="C3291"/>
      <c r="D3291"/>
    </row>
    <row r="3292" spans="3:4" x14ac:dyDescent="0.25">
      <c r="C3292"/>
      <c r="D3292"/>
    </row>
    <row r="3293" spans="3:4" x14ac:dyDescent="0.25">
      <c r="C3293"/>
      <c r="D3293"/>
    </row>
    <row r="3294" spans="3:4" x14ac:dyDescent="0.25">
      <c r="C3294"/>
      <c r="D3294"/>
    </row>
    <row r="3295" spans="3:4" x14ac:dyDescent="0.25">
      <c r="C3295"/>
      <c r="D3295"/>
    </row>
    <row r="3296" spans="3:4" x14ac:dyDescent="0.25">
      <c r="C3296"/>
      <c r="D3296"/>
    </row>
    <row r="3297" spans="3:4" x14ac:dyDescent="0.25">
      <c r="C3297"/>
      <c r="D3297"/>
    </row>
    <row r="3298" spans="3:4" x14ac:dyDescent="0.25">
      <c r="C3298"/>
      <c r="D3298"/>
    </row>
    <row r="3299" spans="3:4" x14ac:dyDescent="0.25">
      <c r="C3299"/>
      <c r="D3299"/>
    </row>
    <row r="3300" spans="3:4" x14ac:dyDescent="0.25">
      <c r="C3300"/>
      <c r="D3300"/>
    </row>
    <row r="3301" spans="3:4" x14ac:dyDescent="0.25">
      <c r="C3301"/>
      <c r="D3301"/>
    </row>
    <row r="3302" spans="3:4" x14ac:dyDescent="0.25">
      <c r="C3302"/>
      <c r="D3302"/>
    </row>
    <row r="3303" spans="3:4" x14ac:dyDescent="0.25">
      <c r="C3303"/>
      <c r="D3303"/>
    </row>
    <row r="3304" spans="3:4" x14ac:dyDescent="0.25">
      <c r="C3304"/>
      <c r="D3304"/>
    </row>
    <row r="3305" spans="3:4" x14ac:dyDescent="0.25">
      <c r="C3305"/>
      <c r="D3305"/>
    </row>
    <row r="3306" spans="3:4" x14ac:dyDescent="0.25">
      <c r="C3306"/>
      <c r="D3306"/>
    </row>
    <row r="3307" spans="3:4" x14ac:dyDescent="0.25">
      <c r="C3307"/>
      <c r="D3307"/>
    </row>
    <row r="3308" spans="3:4" x14ac:dyDescent="0.25">
      <c r="C3308"/>
      <c r="D3308"/>
    </row>
    <row r="3309" spans="3:4" x14ac:dyDescent="0.25">
      <c r="C3309"/>
      <c r="D3309"/>
    </row>
    <row r="3310" spans="3:4" x14ac:dyDescent="0.25">
      <c r="C3310"/>
      <c r="D3310"/>
    </row>
    <row r="3311" spans="3:4" x14ac:dyDescent="0.25">
      <c r="C3311"/>
      <c r="D3311"/>
    </row>
    <row r="3312" spans="3:4" x14ac:dyDescent="0.25">
      <c r="C3312"/>
      <c r="D3312"/>
    </row>
    <row r="3313" spans="3:4" x14ac:dyDescent="0.25">
      <c r="C3313"/>
      <c r="D3313"/>
    </row>
    <row r="3314" spans="3:4" x14ac:dyDescent="0.25">
      <c r="C3314"/>
      <c r="D3314"/>
    </row>
    <row r="3315" spans="3:4" x14ac:dyDescent="0.25">
      <c r="C3315"/>
      <c r="D3315"/>
    </row>
    <row r="3316" spans="3:4" x14ac:dyDescent="0.25">
      <c r="C3316"/>
      <c r="D3316"/>
    </row>
    <row r="3317" spans="3:4" x14ac:dyDescent="0.25">
      <c r="C3317"/>
      <c r="D3317"/>
    </row>
    <row r="3318" spans="3:4" x14ac:dyDescent="0.25">
      <c r="C3318"/>
      <c r="D3318"/>
    </row>
    <row r="3319" spans="3:4" x14ac:dyDescent="0.25">
      <c r="C3319"/>
      <c r="D3319"/>
    </row>
    <row r="3320" spans="3:4" x14ac:dyDescent="0.25">
      <c r="C3320"/>
      <c r="D3320"/>
    </row>
    <row r="3321" spans="3:4" x14ac:dyDescent="0.25">
      <c r="C3321"/>
      <c r="D3321"/>
    </row>
    <row r="3322" spans="3:4" x14ac:dyDescent="0.25">
      <c r="C3322"/>
      <c r="D3322"/>
    </row>
    <row r="3323" spans="3:4" x14ac:dyDescent="0.25">
      <c r="C3323"/>
      <c r="D3323"/>
    </row>
    <row r="3324" spans="3:4" x14ac:dyDescent="0.25">
      <c r="C3324"/>
      <c r="D3324"/>
    </row>
    <row r="3325" spans="3:4" x14ac:dyDescent="0.25">
      <c r="C3325"/>
      <c r="D3325"/>
    </row>
    <row r="3326" spans="3:4" x14ac:dyDescent="0.25">
      <c r="C3326"/>
      <c r="D3326"/>
    </row>
    <row r="3327" spans="3:4" x14ac:dyDescent="0.25">
      <c r="C3327"/>
      <c r="D3327"/>
    </row>
    <row r="3328" spans="3:4" x14ac:dyDescent="0.25">
      <c r="C3328"/>
      <c r="D3328"/>
    </row>
    <row r="3329" spans="3:4" x14ac:dyDescent="0.25">
      <c r="C3329"/>
      <c r="D3329"/>
    </row>
    <row r="3330" spans="3:4" x14ac:dyDescent="0.25">
      <c r="C3330"/>
      <c r="D3330"/>
    </row>
    <row r="3331" spans="3:4" x14ac:dyDescent="0.25">
      <c r="C3331"/>
      <c r="D3331"/>
    </row>
    <row r="3332" spans="3:4" x14ac:dyDescent="0.25">
      <c r="C3332"/>
      <c r="D3332"/>
    </row>
    <row r="3333" spans="3:4" x14ac:dyDescent="0.25">
      <c r="C3333"/>
      <c r="D3333"/>
    </row>
    <row r="3334" spans="3:4" x14ac:dyDescent="0.25">
      <c r="C3334"/>
      <c r="D3334"/>
    </row>
    <row r="3335" spans="3:4" x14ac:dyDescent="0.25">
      <c r="C3335"/>
      <c r="D3335"/>
    </row>
    <row r="3336" spans="3:4" x14ac:dyDescent="0.25">
      <c r="C3336"/>
      <c r="D3336"/>
    </row>
    <row r="3337" spans="3:4" x14ac:dyDescent="0.25">
      <c r="C3337"/>
      <c r="D3337"/>
    </row>
    <row r="3338" spans="3:4" x14ac:dyDescent="0.25">
      <c r="C3338"/>
      <c r="D3338"/>
    </row>
    <row r="3339" spans="3:4" x14ac:dyDescent="0.25">
      <c r="C3339"/>
      <c r="D3339"/>
    </row>
    <row r="3340" spans="3:4" x14ac:dyDescent="0.25">
      <c r="C3340"/>
      <c r="D3340"/>
    </row>
    <row r="3341" spans="3:4" x14ac:dyDescent="0.25">
      <c r="C3341"/>
      <c r="D3341"/>
    </row>
    <row r="3342" spans="3:4" x14ac:dyDescent="0.25">
      <c r="C3342"/>
      <c r="D3342"/>
    </row>
    <row r="3343" spans="3:4" x14ac:dyDescent="0.25">
      <c r="C3343"/>
      <c r="D3343"/>
    </row>
    <row r="3344" spans="3:4" x14ac:dyDescent="0.25">
      <c r="C3344"/>
      <c r="D3344"/>
    </row>
    <row r="3345" spans="3:4" x14ac:dyDescent="0.25">
      <c r="C3345"/>
      <c r="D3345"/>
    </row>
    <row r="3346" spans="3:4" x14ac:dyDescent="0.25">
      <c r="C3346"/>
      <c r="D3346"/>
    </row>
    <row r="3347" spans="3:4" x14ac:dyDescent="0.25">
      <c r="C3347"/>
      <c r="D3347"/>
    </row>
    <row r="3348" spans="3:4" x14ac:dyDescent="0.25">
      <c r="C3348"/>
      <c r="D3348"/>
    </row>
    <row r="3349" spans="3:4" x14ac:dyDescent="0.25">
      <c r="C3349"/>
      <c r="D3349"/>
    </row>
    <row r="3350" spans="3:4" x14ac:dyDescent="0.25">
      <c r="C3350"/>
      <c r="D3350"/>
    </row>
    <row r="3351" spans="3:4" x14ac:dyDescent="0.25">
      <c r="C3351"/>
      <c r="D3351"/>
    </row>
    <row r="3352" spans="3:4" x14ac:dyDescent="0.25">
      <c r="C3352"/>
      <c r="D3352"/>
    </row>
    <row r="3353" spans="3:4" x14ac:dyDescent="0.25">
      <c r="C3353"/>
      <c r="D3353"/>
    </row>
    <row r="3354" spans="3:4" x14ac:dyDescent="0.25">
      <c r="C3354"/>
      <c r="D3354"/>
    </row>
    <row r="3355" spans="3:4" x14ac:dyDescent="0.25">
      <c r="C3355"/>
      <c r="D3355"/>
    </row>
    <row r="3356" spans="3:4" x14ac:dyDescent="0.25">
      <c r="C3356"/>
      <c r="D3356"/>
    </row>
    <row r="3357" spans="3:4" x14ac:dyDescent="0.25">
      <c r="C3357"/>
      <c r="D3357"/>
    </row>
    <row r="3358" spans="3:4" x14ac:dyDescent="0.25">
      <c r="C3358"/>
      <c r="D3358"/>
    </row>
    <row r="3359" spans="3:4" x14ac:dyDescent="0.25">
      <c r="C3359"/>
      <c r="D3359"/>
    </row>
    <row r="3360" spans="3:4" x14ac:dyDescent="0.25">
      <c r="C3360"/>
      <c r="D3360"/>
    </row>
    <row r="3361" spans="3:4" x14ac:dyDescent="0.25">
      <c r="C3361"/>
      <c r="D3361"/>
    </row>
    <row r="3362" spans="3:4" x14ac:dyDescent="0.25">
      <c r="C3362"/>
      <c r="D3362"/>
    </row>
    <row r="3363" spans="3:4" x14ac:dyDescent="0.25">
      <c r="C3363"/>
      <c r="D3363"/>
    </row>
    <row r="3364" spans="3:4" x14ac:dyDescent="0.25">
      <c r="C3364"/>
      <c r="D3364"/>
    </row>
    <row r="3365" spans="3:4" x14ac:dyDescent="0.25">
      <c r="C3365"/>
      <c r="D3365"/>
    </row>
    <row r="3366" spans="3:4" x14ac:dyDescent="0.25">
      <c r="C3366"/>
      <c r="D3366"/>
    </row>
    <row r="3367" spans="3:4" x14ac:dyDescent="0.25">
      <c r="C3367"/>
      <c r="D3367"/>
    </row>
    <row r="3368" spans="3:4" x14ac:dyDescent="0.25">
      <c r="C3368"/>
      <c r="D3368"/>
    </row>
    <row r="3369" spans="3:4" x14ac:dyDescent="0.25">
      <c r="C3369"/>
      <c r="D3369"/>
    </row>
    <row r="3370" spans="3:4" x14ac:dyDescent="0.25">
      <c r="C3370"/>
      <c r="D3370"/>
    </row>
    <row r="3371" spans="3:4" x14ac:dyDescent="0.25">
      <c r="C3371"/>
      <c r="D3371"/>
    </row>
    <row r="3372" spans="3:4" x14ac:dyDescent="0.25">
      <c r="C3372"/>
      <c r="D3372"/>
    </row>
    <row r="3373" spans="3:4" x14ac:dyDescent="0.25">
      <c r="C3373"/>
      <c r="D3373"/>
    </row>
    <row r="3374" spans="3:4" x14ac:dyDescent="0.25">
      <c r="C3374"/>
      <c r="D3374"/>
    </row>
    <row r="3375" spans="3:4" x14ac:dyDescent="0.25">
      <c r="C3375"/>
      <c r="D3375"/>
    </row>
    <row r="3376" spans="3:4" x14ac:dyDescent="0.25">
      <c r="C3376"/>
      <c r="D3376"/>
    </row>
    <row r="3377" spans="3:4" x14ac:dyDescent="0.25">
      <c r="C3377"/>
      <c r="D3377"/>
    </row>
    <row r="3378" spans="3:4" x14ac:dyDescent="0.25">
      <c r="C3378"/>
      <c r="D3378"/>
    </row>
    <row r="3379" spans="3:4" x14ac:dyDescent="0.25">
      <c r="C3379"/>
      <c r="D3379"/>
    </row>
    <row r="3380" spans="3:4" x14ac:dyDescent="0.25">
      <c r="C3380"/>
      <c r="D3380"/>
    </row>
    <row r="3381" spans="3:4" x14ac:dyDescent="0.25">
      <c r="C3381"/>
      <c r="D3381"/>
    </row>
    <row r="3382" spans="3:4" x14ac:dyDescent="0.25">
      <c r="C3382"/>
      <c r="D3382"/>
    </row>
    <row r="3383" spans="3:4" x14ac:dyDescent="0.25">
      <c r="C3383"/>
      <c r="D3383"/>
    </row>
    <row r="3384" spans="3:4" x14ac:dyDescent="0.25">
      <c r="C3384"/>
      <c r="D3384"/>
    </row>
    <row r="3385" spans="3:4" x14ac:dyDescent="0.25">
      <c r="C3385"/>
      <c r="D3385"/>
    </row>
    <row r="3386" spans="3:4" x14ac:dyDescent="0.25">
      <c r="C3386"/>
      <c r="D3386"/>
    </row>
    <row r="3387" spans="3:4" x14ac:dyDescent="0.25">
      <c r="C3387"/>
      <c r="D3387"/>
    </row>
    <row r="3388" spans="3:4" x14ac:dyDescent="0.25">
      <c r="C3388"/>
      <c r="D3388"/>
    </row>
    <row r="3389" spans="3:4" x14ac:dyDescent="0.25">
      <c r="C3389"/>
      <c r="D3389"/>
    </row>
    <row r="3390" spans="3:4" x14ac:dyDescent="0.25">
      <c r="C3390"/>
      <c r="D3390"/>
    </row>
    <row r="3391" spans="3:4" x14ac:dyDescent="0.25">
      <c r="C3391"/>
      <c r="D3391"/>
    </row>
    <row r="3392" spans="3:4" x14ac:dyDescent="0.25">
      <c r="C3392"/>
      <c r="D3392"/>
    </row>
    <row r="3393" spans="3:4" x14ac:dyDescent="0.25">
      <c r="C3393"/>
      <c r="D3393"/>
    </row>
    <row r="3394" spans="3:4" x14ac:dyDescent="0.25">
      <c r="C3394"/>
      <c r="D3394"/>
    </row>
    <row r="3395" spans="3:4" x14ac:dyDescent="0.25">
      <c r="C3395"/>
      <c r="D3395"/>
    </row>
    <row r="3396" spans="3:4" x14ac:dyDescent="0.25">
      <c r="C3396"/>
      <c r="D3396"/>
    </row>
    <row r="3397" spans="3:4" x14ac:dyDescent="0.25">
      <c r="C3397"/>
      <c r="D3397"/>
    </row>
    <row r="3398" spans="3:4" x14ac:dyDescent="0.25">
      <c r="C3398"/>
      <c r="D3398"/>
    </row>
    <row r="3399" spans="3:4" x14ac:dyDescent="0.25">
      <c r="C3399"/>
      <c r="D3399"/>
    </row>
    <row r="3400" spans="3:4" x14ac:dyDescent="0.25">
      <c r="C3400"/>
      <c r="D3400"/>
    </row>
    <row r="3401" spans="3:4" x14ac:dyDescent="0.25">
      <c r="C3401"/>
      <c r="D3401"/>
    </row>
    <row r="3402" spans="3:4" x14ac:dyDescent="0.25">
      <c r="C3402"/>
      <c r="D3402"/>
    </row>
    <row r="3403" spans="3:4" x14ac:dyDescent="0.25">
      <c r="C3403"/>
      <c r="D3403"/>
    </row>
    <row r="3404" spans="3:4" x14ac:dyDescent="0.25">
      <c r="C3404"/>
      <c r="D3404"/>
    </row>
    <row r="3405" spans="3:4" x14ac:dyDescent="0.25">
      <c r="C3405"/>
      <c r="D3405"/>
    </row>
    <row r="3406" spans="3:4" x14ac:dyDescent="0.25">
      <c r="C3406"/>
      <c r="D3406"/>
    </row>
    <row r="3407" spans="3:4" x14ac:dyDescent="0.25">
      <c r="C3407"/>
      <c r="D3407"/>
    </row>
    <row r="3408" spans="3:4" x14ac:dyDescent="0.25">
      <c r="C3408"/>
      <c r="D3408"/>
    </row>
    <row r="3409" spans="3:4" x14ac:dyDescent="0.25">
      <c r="C3409"/>
      <c r="D3409"/>
    </row>
    <row r="3410" spans="3:4" x14ac:dyDescent="0.25">
      <c r="C3410"/>
      <c r="D3410"/>
    </row>
    <row r="3411" spans="3:4" x14ac:dyDescent="0.25">
      <c r="C3411"/>
      <c r="D3411"/>
    </row>
    <row r="3412" spans="3:4" x14ac:dyDescent="0.25">
      <c r="C3412"/>
      <c r="D3412"/>
    </row>
    <row r="3413" spans="3:4" x14ac:dyDescent="0.25">
      <c r="C3413"/>
      <c r="D3413"/>
    </row>
    <row r="3414" spans="3:4" x14ac:dyDescent="0.25">
      <c r="C3414"/>
      <c r="D3414"/>
    </row>
    <row r="3415" spans="3:4" x14ac:dyDescent="0.25">
      <c r="C3415"/>
      <c r="D3415"/>
    </row>
    <row r="3416" spans="3:4" x14ac:dyDescent="0.25">
      <c r="C3416"/>
      <c r="D3416"/>
    </row>
    <row r="3417" spans="3:4" x14ac:dyDescent="0.25">
      <c r="C3417"/>
      <c r="D3417"/>
    </row>
    <row r="3418" spans="3:4" x14ac:dyDescent="0.25">
      <c r="C3418"/>
      <c r="D3418"/>
    </row>
    <row r="3419" spans="3:4" x14ac:dyDescent="0.25">
      <c r="C3419"/>
      <c r="D3419"/>
    </row>
    <row r="3420" spans="3:4" x14ac:dyDescent="0.25">
      <c r="C3420"/>
      <c r="D3420"/>
    </row>
    <row r="3421" spans="3:4" x14ac:dyDescent="0.25">
      <c r="C3421"/>
      <c r="D3421"/>
    </row>
    <row r="3422" spans="3:4" x14ac:dyDescent="0.25">
      <c r="C3422"/>
      <c r="D3422"/>
    </row>
    <row r="3423" spans="3:4" x14ac:dyDescent="0.25">
      <c r="C3423"/>
      <c r="D3423"/>
    </row>
    <row r="3424" spans="3:4" x14ac:dyDescent="0.25">
      <c r="C3424"/>
      <c r="D3424"/>
    </row>
    <row r="3425" spans="3:4" x14ac:dyDescent="0.25">
      <c r="C3425"/>
      <c r="D3425"/>
    </row>
    <row r="3426" spans="3:4" x14ac:dyDescent="0.25">
      <c r="C3426"/>
      <c r="D3426"/>
    </row>
    <row r="3427" spans="3:4" x14ac:dyDescent="0.25">
      <c r="C3427"/>
      <c r="D3427"/>
    </row>
    <row r="3428" spans="3:4" x14ac:dyDescent="0.25">
      <c r="C3428"/>
      <c r="D3428"/>
    </row>
    <row r="3429" spans="3:4" x14ac:dyDescent="0.25">
      <c r="C3429"/>
      <c r="D3429"/>
    </row>
    <row r="3430" spans="3:4" x14ac:dyDescent="0.25">
      <c r="C3430"/>
      <c r="D3430"/>
    </row>
    <row r="3431" spans="3:4" x14ac:dyDescent="0.25">
      <c r="C3431"/>
      <c r="D3431"/>
    </row>
    <row r="3432" spans="3:4" x14ac:dyDescent="0.25">
      <c r="C3432"/>
      <c r="D3432"/>
    </row>
    <row r="3433" spans="3:4" x14ac:dyDescent="0.25">
      <c r="C3433"/>
      <c r="D3433"/>
    </row>
    <row r="3434" spans="3:4" x14ac:dyDescent="0.25">
      <c r="C3434"/>
      <c r="D3434"/>
    </row>
    <row r="3435" spans="3:4" x14ac:dyDescent="0.25">
      <c r="C3435"/>
      <c r="D3435"/>
    </row>
    <row r="3436" spans="3:4" x14ac:dyDescent="0.25">
      <c r="C3436"/>
      <c r="D3436"/>
    </row>
    <row r="3437" spans="3:4" x14ac:dyDescent="0.25">
      <c r="C3437"/>
      <c r="D3437"/>
    </row>
    <row r="3438" spans="3:4" x14ac:dyDescent="0.25">
      <c r="C3438"/>
      <c r="D3438"/>
    </row>
    <row r="3439" spans="3:4" x14ac:dyDescent="0.25">
      <c r="C3439"/>
      <c r="D3439"/>
    </row>
    <row r="3440" spans="3:4" x14ac:dyDescent="0.25">
      <c r="C3440"/>
      <c r="D3440"/>
    </row>
    <row r="3441" spans="3:4" x14ac:dyDescent="0.25">
      <c r="C3441"/>
      <c r="D3441"/>
    </row>
    <row r="3442" spans="3:4" x14ac:dyDescent="0.25">
      <c r="C3442"/>
      <c r="D3442"/>
    </row>
    <row r="3443" spans="3:4" x14ac:dyDescent="0.25">
      <c r="C3443"/>
      <c r="D3443"/>
    </row>
    <row r="3444" spans="3:4" x14ac:dyDescent="0.25">
      <c r="C3444"/>
      <c r="D3444"/>
    </row>
    <row r="3445" spans="3:4" x14ac:dyDescent="0.25">
      <c r="C3445"/>
      <c r="D3445"/>
    </row>
    <row r="3446" spans="3:4" x14ac:dyDescent="0.25">
      <c r="C3446"/>
      <c r="D3446"/>
    </row>
    <row r="3447" spans="3:4" x14ac:dyDescent="0.25">
      <c r="C3447"/>
      <c r="D3447"/>
    </row>
    <row r="3448" spans="3:4" x14ac:dyDescent="0.25">
      <c r="C3448"/>
      <c r="D3448"/>
    </row>
    <row r="3449" spans="3:4" x14ac:dyDescent="0.25">
      <c r="C3449"/>
      <c r="D3449"/>
    </row>
    <row r="3450" spans="3:4" x14ac:dyDescent="0.25">
      <c r="C3450"/>
      <c r="D3450"/>
    </row>
    <row r="3451" spans="3:4" x14ac:dyDescent="0.25">
      <c r="C3451"/>
      <c r="D3451"/>
    </row>
    <row r="3452" spans="3:4" x14ac:dyDescent="0.25">
      <c r="C3452"/>
      <c r="D3452"/>
    </row>
    <row r="3453" spans="3:4" x14ac:dyDescent="0.25">
      <c r="C3453"/>
      <c r="D3453"/>
    </row>
    <row r="3454" spans="3:4" x14ac:dyDescent="0.25">
      <c r="C3454"/>
      <c r="D3454"/>
    </row>
    <row r="3455" spans="3:4" x14ac:dyDescent="0.25">
      <c r="C3455"/>
      <c r="D3455"/>
    </row>
    <row r="3456" spans="3:4" x14ac:dyDescent="0.25">
      <c r="C3456"/>
      <c r="D3456"/>
    </row>
    <row r="3457" spans="3:4" x14ac:dyDescent="0.25">
      <c r="C3457"/>
      <c r="D3457"/>
    </row>
    <row r="3458" spans="3:4" x14ac:dyDescent="0.25">
      <c r="C3458"/>
      <c r="D3458"/>
    </row>
    <row r="3459" spans="3:4" x14ac:dyDescent="0.25">
      <c r="C3459"/>
      <c r="D3459"/>
    </row>
    <row r="3460" spans="3:4" x14ac:dyDescent="0.25">
      <c r="C3460"/>
      <c r="D3460"/>
    </row>
    <row r="3461" spans="3:4" x14ac:dyDescent="0.25">
      <c r="C3461"/>
      <c r="D3461"/>
    </row>
    <row r="3462" spans="3:4" x14ac:dyDescent="0.25">
      <c r="C3462"/>
      <c r="D3462"/>
    </row>
    <row r="3463" spans="3:4" x14ac:dyDescent="0.25">
      <c r="C3463"/>
      <c r="D3463"/>
    </row>
    <row r="3464" spans="3:4" x14ac:dyDescent="0.25">
      <c r="C3464"/>
      <c r="D3464"/>
    </row>
    <row r="3465" spans="3:4" x14ac:dyDescent="0.25">
      <c r="C3465"/>
      <c r="D3465"/>
    </row>
    <row r="3466" spans="3:4" x14ac:dyDescent="0.25">
      <c r="C3466"/>
      <c r="D3466"/>
    </row>
    <row r="3467" spans="3:4" x14ac:dyDescent="0.25">
      <c r="C3467"/>
      <c r="D3467"/>
    </row>
    <row r="3468" spans="3:4" x14ac:dyDescent="0.25">
      <c r="C3468"/>
      <c r="D3468"/>
    </row>
    <row r="3469" spans="3:4" x14ac:dyDescent="0.25">
      <c r="C3469"/>
      <c r="D3469"/>
    </row>
    <row r="3470" spans="3:4" x14ac:dyDescent="0.25">
      <c r="C3470"/>
      <c r="D3470"/>
    </row>
    <row r="3471" spans="3:4" x14ac:dyDescent="0.25">
      <c r="C3471"/>
      <c r="D3471"/>
    </row>
    <row r="3472" spans="3:4" x14ac:dyDescent="0.25">
      <c r="C3472"/>
      <c r="D3472"/>
    </row>
    <row r="3473" spans="3:4" x14ac:dyDescent="0.25">
      <c r="C3473"/>
      <c r="D3473"/>
    </row>
    <row r="3474" spans="3:4" x14ac:dyDescent="0.25">
      <c r="C3474"/>
      <c r="D3474"/>
    </row>
    <row r="3475" spans="3:4" x14ac:dyDescent="0.25">
      <c r="C3475"/>
      <c r="D3475"/>
    </row>
    <row r="3476" spans="3:4" x14ac:dyDescent="0.25">
      <c r="C3476"/>
      <c r="D3476"/>
    </row>
    <row r="3477" spans="3:4" x14ac:dyDescent="0.25">
      <c r="C3477"/>
      <c r="D3477"/>
    </row>
    <row r="3478" spans="3:4" x14ac:dyDescent="0.25">
      <c r="C3478"/>
      <c r="D3478"/>
    </row>
    <row r="3479" spans="3:4" x14ac:dyDescent="0.25">
      <c r="C3479"/>
      <c r="D3479"/>
    </row>
    <row r="3480" spans="3:4" x14ac:dyDescent="0.25">
      <c r="C3480"/>
      <c r="D3480"/>
    </row>
    <row r="3481" spans="3:4" x14ac:dyDescent="0.25">
      <c r="C3481"/>
      <c r="D3481"/>
    </row>
    <row r="3482" spans="3:4" x14ac:dyDescent="0.25">
      <c r="C3482"/>
      <c r="D3482"/>
    </row>
    <row r="3483" spans="3:4" x14ac:dyDescent="0.25">
      <c r="C3483"/>
      <c r="D3483"/>
    </row>
    <row r="3484" spans="3:4" x14ac:dyDescent="0.25">
      <c r="C3484"/>
      <c r="D3484"/>
    </row>
    <row r="3485" spans="3:4" x14ac:dyDescent="0.25">
      <c r="C3485"/>
      <c r="D3485"/>
    </row>
    <row r="3486" spans="3:4" x14ac:dyDescent="0.25">
      <c r="C3486"/>
      <c r="D3486"/>
    </row>
    <row r="3487" spans="3:4" x14ac:dyDescent="0.25">
      <c r="C3487"/>
      <c r="D3487"/>
    </row>
    <row r="3488" spans="3:4" x14ac:dyDescent="0.25">
      <c r="C3488"/>
      <c r="D3488"/>
    </row>
    <row r="3489" spans="3:4" x14ac:dyDescent="0.25">
      <c r="C3489"/>
      <c r="D3489"/>
    </row>
    <row r="3490" spans="3:4" x14ac:dyDescent="0.25">
      <c r="C3490"/>
      <c r="D3490"/>
    </row>
    <row r="3491" spans="3:4" x14ac:dyDescent="0.25">
      <c r="C3491"/>
      <c r="D3491"/>
    </row>
    <row r="3492" spans="3:4" x14ac:dyDescent="0.25">
      <c r="C3492"/>
      <c r="D3492"/>
    </row>
    <row r="3493" spans="3:4" x14ac:dyDescent="0.25">
      <c r="C3493"/>
      <c r="D3493"/>
    </row>
    <row r="3494" spans="3:4" x14ac:dyDescent="0.25">
      <c r="C3494"/>
      <c r="D3494"/>
    </row>
    <row r="3495" spans="3:4" x14ac:dyDescent="0.25">
      <c r="C3495"/>
      <c r="D3495"/>
    </row>
    <row r="3496" spans="3:4" x14ac:dyDescent="0.25">
      <c r="C3496"/>
      <c r="D3496"/>
    </row>
    <row r="3497" spans="3:4" x14ac:dyDescent="0.25">
      <c r="C3497"/>
      <c r="D3497"/>
    </row>
    <row r="3498" spans="3:4" x14ac:dyDescent="0.25">
      <c r="C3498"/>
      <c r="D3498"/>
    </row>
    <row r="3499" spans="3:4" x14ac:dyDescent="0.25">
      <c r="C3499"/>
      <c r="D3499"/>
    </row>
    <row r="3500" spans="3:4" x14ac:dyDescent="0.25">
      <c r="C3500"/>
      <c r="D3500"/>
    </row>
    <row r="3501" spans="3:4" x14ac:dyDescent="0.25">
      <c r="C3501"/>
      <c r="D3501"/>
    </row>
    <row r="3502" spans="3:4" x14ac:dyDescent="0.25">
      <c r="C3502"/>
      <c r="D3502"/>
    </row>
    <row r="3503" spans="3:4" x14ac:dyDescent="0.25">
      <c r="C3503"/>
      <c r="D3503"/>
    </row>
    <row r="3504" spans="3:4" x14ac:dyDescent="0.25">
      <c r="C3504"/>
      <c r="D3504"/>
    </row>
    <row r="3505" spans="3:4" x14ac:dyDescent="0.25">
      <c r="C3505"/>
      <c r="D3505"/>
    </row>
    <row r="3506" spans="3:4" x14ac:dyDescent="0.25">
      <c r="C3506"/>
      <c r="D3506"/>
    </row>
    <row r="3507" spans="3:4" x14ac:dyDescent="0.25">
      <c r="C3507"/>
      <c r="D3507"/>
    </row>
    <row r="3508" spans="3:4" x14ac:dyDescent="0.25">
      <c r="C3508"/>
      <c r="D3508"/>
    </row>
    <row r="3509" spans="3:4" x14ac:dyDescent="0.25">
      <c r="C3509"/>
      <c r="D3509"/>
    </row>
    <row r="3510" spans="3:4" x14ac:dyDescent="0.25">
      <c r="C3510"/>
      <c r="D3510"/>
    </row>
    <row r="3511" spans="3:4" x14ac:dyDescent="0.25">
      <c r="C3511"/>
      <c r="D3511"/>
    </row>
    <row r="3512" spans="3:4" x14ac:dyDescent="0.25">
      <c r="C3512"/>
      <c r="D3512"/>
    </row>
    <row r="3513" spans="3:4" x14ac:dyDescent="0.25">
      <c r="C3513"/>
      <c r="D3513"/>
    </row>
    <row r="3514" spans="3:4" x14ac:dyDescent="0.25">
      <c r="C3514"/>
      <c r="D3514"/>
    </row>
    <row r="3515" spans="3:4" x14ac:dyDescent="0.25">
      <c r="C3515"/>
      <c r="D3515"/>
    </row>
    <row r="3516" spans="3:4" x14ac:dyDescent="0.25">
      <c r="C3516"/>
      <c r="D3516"/>
    </row>
    <row r="3517" spans="3:4" x14ac:dyDescent="0.25">
      <c r="C3517"/>
      <c r="D3517"/>
    </row>
    <row r="3518" spans="3:4" x14ac:dyDescent="0.25">
      <c r="C3518"/>
      <c r="D3518"/>
    </row>
    <row r="3519" spans="3:4" x14ac:dyDescent="0.25">
      <c r="C3519"/>
      <c r="D3519"/>
    </row>
    <row r="3520" spans="3:4" x14ac:dyDescent="0.25">
      <c r="C3520"/>
      <c r="D3520"/>
    </row>
    <row r="3521" spans="3:4" x14ac:dyDescent="0.25">
      <c r="C3521"/>
      <c r="D3521"/>
    </row>
    <row r="3522" spans="3:4" x14ac:dyDescent="0.25">
      <c r="C3522"/>
      <c r="D3522"/>
    </row>
    <row r="3523" spans="3:4" x14ac:dyDescent="0.25">
      <c r="C3523"/>
      <c r="D3523"/>
    </row>
    <row r="3524" spans="3:4" x14ac:dyDescent="0.25">
      <c r="C3524"/>
      <c r="D3524"/>
    </row>
    <row r="3525" spans="3:4" x14ac:dyDescent="0.25">
      <c r="C3525"/>
      <c r="D3525"/>
    </row>
    <row r="3526" spans="3:4" x14ac:dyDescent="0.25">
      <c r="C3526"/>
      <c r="D3526"/>
    </row>
    <row r="3527" spans="3:4" x14ac:dyDescent="0.25">
      <c r="C3527"/>
      <c r="D3527"/>
    </row>
    <row r="3528" spans="3:4" x14ac:dyDescent="0.25">
      <c r="C3528"/>
      <c r="D3528"/>
    </row>
    <row r="3529" spans="3:4" x14ac:dyDescent="0.25">
      <c r="C3529"/>
      <c r="D3529"/>
    </row>
    <row r="3530" spans="3:4" x14ac:dyDescent="0.25">
      <c r="C3530"/>
      <c r="D3530"/>
    </row>
    <row r="3531" spans="3:4" x14ac:dyDescent="0.25">
      <c r="C3531"/>
      <c r="D3531"/>
    </row>
    <row r="3532" spans="3:4" x14ac:dyDescent="0.25">
      <c r="C3532"/>
      <c r="D3532"/>
    </row>
    <row r="3533" spans="3:4" x14ac:dyDescent="0.25">
      <c r="C3533"/>
      <c r="D3533"/>
    </row>
    <row r="3534" spans="3:4" x14ac:dyDescent="0.25">
      <c r="C3534"/>
      <c r="D3534"/>
    </row>
    <row r="3535" spans="3:4" x14ac:dyDescent="0.25">
      <c r="C3535"/>
      <c r="D3535"/>
    </row>
    <row r="3536" spans="3:4" x14ac:dyDescent="0.25">
      <c r="C3536"/>
      <c r="D3536"/>
    </row>
    <row r="3537" spans="3:4" x14ac:dyDescent="0.25">
      <c r="C3537"/>
      <c r="D3537"/>
    </row>
    <row r="3538" spans="3:4" x14ac:dyDescent="0.25">
      <c r="C3538"/>
      <c r="D3538"/>
    </row>
    <row r="3539" spans="3:4" x14ac:dyDescent="0.25">
      <c r="C3539"/>
      <c r="D3539"/>
    </row>
    <row r="3540" spans="3:4" x14ac:dyDescent="0.25">
      <c r="C3540"/>
      <c r="D3540"/>
    </row>
    <row r="3541" spans="3:4" x14ac:dyDescent="0.25">
      <c r="C3541"/>
      <c r="D3541"/>
    </row>
    <row r="3542" spans="3:4" x14ac:dyDescent="0.25">
      <c r="C3542"/>
      <c r="D3542"/>
    </row>
    <row r="3543" spans="3:4" x14ac:dyDescent="0.25">
      <c r="C3543"/>
      <c r="D3543"/>
    </row>
    <row r="3544" spans="3:4" x14ac:dyDescent="0.25">
      <c r="C3544"/>
      <c r="D3544"/>
    </row>
    <row r="3545" spans="3:4" x14ac:dyDescent="0.25">
      <c r="C3545"/>
      <c r="D3545"/>
    </row>
    <row r="3546" spans="3:4" x14ac:dyDescent="0.25">
      <c r="C3546"/>
      <c r="D3546"/>
    </row>
    <row r="3547" spans="3:4" x14ac:dyDescent="0.25">
      <c r="C3547"/>
      <c r="D3547"/>
    </row>
    <row r="3548" spans="3:4" x14ac:dyDescent="0.25">
      <c r="C3548"/>
      <c r="D3548"/>
    </row>
    <row r="3549" spans="3:4" x14ac:dyDescent="0.25">
      <c r="C3549"/>
      <c r="D3549"/>
    </row>
    <row r="3550" spans="3:4" x14ac:dyDescent="0.25">
      <c r="C3550"/>
      <c r="D3550"/>
    </row>
    <row r="3551" spans="3:4" x14ac:dyDescent="0.25">
      <c r="C3551"/>
      <c r="D3551"/>
    </row>
    <row r="3552" spans="3:4" x14ac:dyDescent="0.25">
      <c r="C3552"/>
      <c r="D3552"/>
    </row>
    <row r="3553" spans="3:4" x14ac:dyDescent="0.25">
      <c r="C3553"/>
      <c r="D3553"/>
    </row>
    <row r="3554" spans="3:4" x14ac:dyDescent="0.25">
      <c r="C3554"/>
      <c r="D3554"/>
    </row>
    <row r="3555" spans="3:4" x14ac:dyDescent="0.25">
      <c r="C3555"/>
      <c r="D3555"/>
    </row>
    <row r="3556" spans="3:4" x14ac:dyDescent="0.25">
      <c r="C3556"/>
      <c r="D3556"/>
    </row>
    <row r="3557" spans="3:4" x14ac:dyDescent="0.25">
      <c r="C3557"/>
      <c r="D3557"/>
    </row>
    <row r="3558" spans="3:4" x14ac:dyDescent="0.25">
      <c r="C3558"/>
      <c r="D3558"/>
    </row>
    <row r="3559" spans="3:4" x14ac:dyDescent="0.25">
      <c r="C3559"/>
      <c r="D3559"/>
    </row>
    <row r="3560" spans="3:4" x14ac:dyDescent="0.25">
      <c r="C3560"/>
      <c r="D3560"/>
    </row>
    <row r="3561" spans="3:4" x14ac:dyDescent="0.25">
      <c r="C3561"/>
      <c r="D3561"/>
    </row>
    <row r="3562" spans="3:4" x14ac:dyDescent="0.25">
      <c r="C3562"/>
      <c r="D3562"/>
    </row>
    <row r="3563" spans="3:4" x14ac:dyDescent="0.25">
      <c r="C3563"/>
      <c r="D3563"/>
    </row>
    <row r="3564" spans="3:4" x14ac:dyDescent="0.25">
      <c r="C3564"/>
      <c r="D3564"/>
    </row>
    <row r="3565" spans="3:4" x14ac:dyDescent="0.25">
      <c r="C3565"/>
      <c r="D3565"/>
    </row>
    <row r="3566" spans="3:4" x14ac:dyDescent="0.25">
      <c r="C3566"/>
      <c r="D3566"/>
    </row>
    <row r="3567" spans="3:4" x14ac:dyDescent="0.25">
      <c r="C3567"/>
      <c r="D3567"/>
    </row>
    <row r="3568" spans="3:4" x14ac:dyDescent="0.25">
      <c r="C3568"/>
      <c r="D3568"/>
    </row>
    <row r="3569" spans="3:4" x14ac:dyDescent="0.25">
      <c r="C3569"/>
      <c r="D3569"/>
    </row>
    <row r="3570" spans="3:4" x14ac:dyDescent="0.25">
      <c r="C3570"/>
      <c r="D3570"/>
    </row>
    <row r="3571" spans="3:4" x14ac:dyDescent="0.25">
      <c r="C3571"/>
      <c r="D3571"/>
    </row>
    <row r="3572" spans="3:4" x14ac:dyDescent="0.25">
      <c r="C3572"/>
      <c r="D3572"/>
    </row>
    <row r="3573" spans="3:4" x14ac:dyDescent="0.25">
      <c r="C3573"/>
      <c r="D3573"/>
    </row>
    <row r="3574" spans="3:4" x14ac:dyDescent="0.25">
      <c r="C3574"/>
      <c r="D3574"/>
    </row>
    <row r="3575" spans="3:4" x14ac:dyDescent="0.25">
      <c r="C3575"/>
      <c r="D3575"/>
    </row>
    <row r="3576" spans="3:4" x14ac:dyDescent="0.25">
      <c r="C3576"/>
      <c r="D3576"/>
    </row>
    <row r="3577" spans="3:4" x14ac:dyDescent="0.25">
      <c r="C3577"/>
      <c r="D3577"/>
    </row>
    <row r="3578" spans="3:4" x14ac:dyDescent="0.25">
      <c r="C3578"/>
      <c r="D3578"/>
    </row>
    <row r="3579" spans="3:4" x14ac:dyDescent="0.25">
      <c r="C3579"/>
      <c r="D3579"/>
    </row>
    <row r="3580" spans="3:4" x14ac:dyDescent="0.25">
      <c r="C3580"/>
      <c r="D3580"/>
    </row>
    <row r="3581" spans="3:4" x14ac:dyDescent="0.25">
      <c r="C3581"/>
      <c r="D3581"/>
    </row>
    <row r="3582" spans="3:4" x14ac:dyDescent="0.25">
      <c r="C3582"/>
      <c r="D3582"/>
    </row>
    <row r="3583" spans="3:4" x14ac:dyDescent="0.25">
      <c r="C3583"/>
      <c r="D3583"/>
    </row>
    <row r="3584" spans="3:4" x14ac:dyDescent="0.25">
      <c r="C3584"/>
      <c r="D3584"/>
    </row>
    <row r="3585" spans="3:4" x14ac:dyDescent="0.25">
      <c r="C3585"/>
      <c r="D3585"/>
    </row>
    <row r="3586" spans="3:4" x14ac:dyDescent="0.25">
      <c r="C3586"/>
      <c r="D3586"/>
    </row>
    <row r="3587" spans="3:4" x14ac:dyDescent="0.25">
      <c r="C3587"/>
      <c r="D3587"/>
    </row>
    <row r="3588" spans="3:4" x14ac:dyDescent="0.25">
      <c r="C3588"/>
      <c r="D3588"/>
    </row>
    <row r="3589" spans="3:4" x14ac:dyDescent="0.25">
      <c r="C3589"/>
      <c r="D3589"/>
    </row>
    <row r="3590" spans="3:4" x14ac:dyDescent="0.25">
      <c r="C3590"/>
      <c r="D3590"/>
    </row>
    <row r="3591" spans="3:4" x14ac:dyDescent="0.25">
      <c r="C3591"/>
      <c r="D3591"/>
    </row>
    <row r="3592" spans="3:4" x14ac:dyDescent="0.25">
      <c r="C3592"/>
      <c r="D3592"/>
    </row>
    <row r="3593" spans="3:4" x14ac:dyDescent="0.25">
      <c r="C3593"/>
      <c r="D3593"/>
    </row>
    <row r="3594" spans="3:4" x14ac:dyDescent="0.25">
      <c r="C3594"/>
      <c r="D3594"/>
    </row>
    <row r="3595" spans="3:4" x14ac:dyDescent="0.25">
      <c r="C3595"/>
      <c r="D3595"/>
    </row>
    <row r="3596" spans="3:4" x14ac:dyDescent="0.25">
      <c r="C3596"/>
      <c r="D3596"/>
    </row>
    <row r="3597" spans="3:4" x14ac:dyDescent="0.25">
      <c r="C3597"/>
      <c r="D3597"/>
    </row>
    <row r="3598" spans="3:4" x14ac:dyDescent="0.25">
      <c r="C3598"/>
      <c r="D3598"/>
    </row>
    <row r="3599" spans="3:4" x14ac:dyDescent="0.25">
      <c r="C3599"/>
      <c r="D3599"/>
    </row>
    <row r="3600" spans="3:4" x14ac:dyDescent="0.25">
      <c r="C3600"/>
      <c r="D3600"/>
    </row>
    <row r="3601" spans="3:4" x14ac:dyDescent="0.25">
      <c r="C3601"/>
      <c r="D3601"/>
    </row>
    <row r="3602" spans="3:4" x14ac:dyDescent="0.25">
      <c r="C3602"/>
      <c r="D3602"/>
    </row>
    <row r="3603" spans="3:4" x14ac:dyDescent="0.25">
      <c r="C3603"/>
      <c r="D3603"/>
    </row>
    <row r="3604" spans="3:4" x14ac:dyDescent="0.25">
      <c r="C3604"/>
      <c r="D3604"/>
    </row>
    <row r="3605" spans="3:4" x14ac:dyDescent="0.25">
      <c r="C3605"/>
      <c r="D3605"/>
    </row>
    <row r="3606" spans="3:4" x14ac:dyDescent="0.25">
      <c r="C3606"/>
      <c r="D3606"/>
    </row>
    <row r="3607" spans="3:4" x14ac:dyDescent="0.25">
      <c r="C3607"/>
      <c r="D3607"/>
    </row>
    <row r="3608" spans="3:4" x14ac:dyDescent="0.25">
      <c r="C3608"/>
      <c r="D3608"/>
    </row>
    <row r="3609" spans="3:4" x14ac:dyDescent="0.25">
      <c r="C3609"/>
      <c r="D3609"/>
    </row>
    <row r="3610" spans="3:4" x14ac:dyDescent="0.25">
      <c r="C3610"/>
      <c r="D3610"/>
    </row>
    <row r="3611" spans="3:4" x14ac:dyDescent="0.25">
      <c r="C3611"/>
      <c r="D3611"/>
    </row>
    <row r="3612" spans="3:4" x14ac:dyDescent="0.25">
      <c r="C3612"/>
      <c r="D3612"/>
    </row>
    <row r="3613" spans="3:4" x14ac:dyDescent="0.25">
      <c r="C3613"/>
      <c r="D3613"/>
    </row>
    <row r="3614" spans="3:4" x14ac:dyDescent="0.25">
      <c r="C3614"/>
      <c r="D3614"/>
    </row>
    <row r="3615" spans="3:4" x14ac:dyDescent="0.25">
      <c r="C3615"/>
      <c r="D3615"/>
    </row>
    <row r="3616" spans="3:4" x14ac:dyDescent="0.25">
      <c r="C3616"/>
      <c r="D3616"/>
    </row>
    <row r="3617" spans="3:4" x14ac:dyDescent="0.25">
      <c r="C3617"/>
      <c r="D3617"/>
    </row>
    <row r="3618" spans="3:4" x14ac:dyDescent="0.25">
      <c r="C3618"/>
      <c r="D3618"/>
    </row>
    <row r="3619" spans="3:4" x14ac:dyDescent="0.25">
      <c r="C3619"/>
      <c r="D3619"/>
    </row>
    <row r="3620" spans="3:4" x14ac:dyDescent="0.25">
      <c r="C3620"/>
      <c r="D3620"/>
    </row>
    <row r="3621" spans="3:4" x14ac:dyDescent="0.25">
      <c r="C3621"/>
      <c r="D3621"/>
    </row>
    <row r="3622" spans="3:4" x14ac:dyDescent="0.25">
      <c r="C3622"/>
      <c r="D3622"/>
    </row>
    <row r="3623" spans="3:4" x14ac:dyDescent="0.25">
      <c r="C3623"/>
      <c r="D3623"/>
    </row>
    <row r="3624" spans="3:4" x14ac:dyDescent="0.25">
      <c r="C3624"/>
      <c r="D3624"/>
    </row>
    <row r="3625" spans="3:4" x14ac:dyDescent="0.25">
      <c r="C3625"/>
      <c r="D3625"/>
    </row>
    <row r="3626" spans="3:4" x14ac:dyDescent="0.25">
      <c r="C3626"/>
      <c r="D3626"/>
    </row>
    <row r="3627" spans="3:4" x14ac:dyDescent="0.25">
      <c r="C3627"/>
      <c r="D3627"/>
    </row>
    <row r="3628" spans="3:4" x14ac:dyDescent="0.25">
      <c r="C3628"/>
      <c r="D3628"/>
    </row>
    <row r="3629" spans="3:4" x14ac:dyDescent="0.25">
      <c r="C3629"/>
      <c r="D3629"/>
    </row>
    <row r="3630" spans="3:4" x14ac:dyDescent="0.25">
      <c r="C3630"/>
      <c r="D3630"/>
    </row>
    <row r="3631" spans="3:4" x14ac:dyDescent="0.25">
      <c r="C3631"/>
      <c r="D3631"/>
    </row>
    <row r="3632" spans="3:4" x14ac:dyDescent="0.25">
      <c r="C3632"/>
      <c r="D3632"/>
    </row>
    <row r="3633" spans="3:4" x14ac:dyDescent="0.25">
      <c r="C3633"/>
      <c r="D3633"/>
    </row>
    <row r="3634" spans="3:4" x14ac:dyDescent="0.25">
      <c r="C3634"/>
      <c r="D3634"/>
    </row>
    <row r="3635" spans="3:4" x14ac:dyDescent="0.25">
      <c r="C3635"/>
      <c r="D3635"/>
    </row>
    <row r="3636" spans="3:4" x14ac:dyDescent="0.25">
      <c r="C3636"/>
      <c r="D3636"/>
    </row>
    <row r="3637" spans="3:4" x14ac:dyDescent="0.25">
      <c r="C3637"/>
      <c r="D3637"/>
    </row>
    <row r="3638" spans="3:4" x14ac:dyDescent="0.25">
      <c r="C3638"/>
      <c r="D3638"/>
    </row>
    <row r="3639" spans="3:4" x14ac:dyDescent="0.25">
      <c r="C3639"/>
      <c r="D3639"/>
    </row>
    <row r="3640" spans="3:4" x14ac:dyDescent="0.25">
      <c r="C3640"/>
      <c r="D3640"/>
    </row>
    <row r="3641" spans="3:4" x14ac:dyDescent="0.25">
      <c r="C3641"/>
      <c r="D3641"/>
    </row>
    <row r="3642" spans="3:4" x14ac:dyDescent="0.25">
      <c r="C3642"/>
      <c r="D3642"/>
    </row>
    <row r="3643" spans="3:4" x14ac:dyDescent="0.25">
      <c r="C3643"/>
      <c r="D3643"/>
    </row>
    <row r="3644" spans="3:4" x14ac:dyDescent="0.25">
      <c r="C3644"/>
      <c r="D3644"/>
    </row>
    <row r="3645" spans="3:4" x14ac:dyDescent="0.25">
      <c r="C3645"/>
      <c r="D3645"/>
    </row>
    <row r="3646" spans="3:4" x14ac:dyDescent="0.25">
      <c r="C3646"/>
      <c r="D3646"/>
    </row>
    <row r="3647" spans="3:4" x14ac:dyDescent="0.25">
      <c r="C3647"/>
      <c r="D3647"/>
    </row>
    <row r="3648" spans="3:4" x14ac:dyDescent="0.25">
      <c r="C3648"/>
      <c r="D3648"/>
    </row>
    <row r="3649" spans="3:4" x14ac:dyDescent="0.25">
      <c r="C3649"/>
      <c r="D3649"/>
    </row>
    <row r="3650" spans="3:4" x14ac:dyDescent="0.25">
      <c r="C3650"/>
      <c r="D3650"/>
    </row>
    <row r="3651" spans="3:4" x14ac:dyDescent="0.25">
      <c r="C3651"/>
      <c r="D3651"/>
    </row>
    <row r="3652" spans="3:4" x14ac:dyDescent="0.25">
      <c r="C3652"/>
      <c r="D3652"/>
    </row>
    <row r="3653" spans="3:4" x14ac:dyDescent="0.25">
      <c r="C3653"/>
      <c r="D3653"/>
    </row>
    <row r="3654" spans="3:4" x14ac:dyDescent="0.25">
      <c r="C3654"/>
      <c r="D3654"/>
    </row>
    <row r="3655" spans="3:4" x14ac:dyDescent="0.25">
      <c r="C3655"/>
      <c r="D3655"/>
    </row>
    <row r="3656" spans="3:4" x14ac:dyDescent="0.25">
      <c r="C3656"/>
      <c r="D3656"/>
    </row>
    <row r="3657" spans="3:4" x14ac:dyDescent="0.25">
      <c r="C3657"/>
      <c r="D3657"/>
    </row>
    <row r="3658" spans="3:4" x14ac:dyDescent="0.25">
      <c r="C3658"/>
      <c r="D3658"/>
    </row>
    <row r="3659" spans="3:4" x14ac:dyDescent="0.25">
      <c r="C3659"/>
      <c r="D3659"/>
    </row>
    <row r="3660" spans="3:4" x14ac:dyDescent="0.25">
      <c r="C3660"/>
      <c r="D3660"/>
    </row>
    <row r="3661" spans="3:4" x14ac:dyDescent="0.25">
      <c r="C3661"/>
      <c r="D3661"/>
    </row>
    <row r="3662" spans="3:4" x14ac:dyDescent="0.25">
      <c r="C3662"/>
      <c r="D3662"/>
    </row>
    <row r="3663" spans="3:4" x14ac:dyDescent="0.25">
      <c r="C3663"/>
      <c r="D3663"/>
    </row>
    <row r="3664" spans="3:4" x14ac:dyDescent="0.25">
      <c r="C3664"/>
      <c r="D3664"/>
    </row>
    <row r="3665" spans="3:4" x14ac:dyDescent="0.25">
      <c r="C3665"/>
      <c r="D3665"/>
    </row>
    <row r="3666" spans="3:4" x14ac:dyDescent="0.25">
      <c r="C3666"/>
      <c r="D3666"/>
    </row>
    <row r="3667" spans="3:4" x14ac:dyDescent="0.25">
      <c r="C3667"/>
      <c r="D3667"/>
    </row>
    <row r="3668" spans="3:4" x14ac:dyDescent="0.25">
      <c r="C3668"/>
      <c r="D3668"/>
    </row>
    <row r="3669" spans="3:4" x14ac:dyDescent="0.25">
      <c r="C3669"/>
      <c r="D3669"/>
    </row>
    <row r="3670" spans="3:4" x14ac:dyDescent="0.25">
      <c r="C3670"/>
      <c r="D3670"/>
    </row>
    <row r="3671" spans="3:4" x14ac:dyDescent="0.25">
      <c r="C3671"/>
      <c r="D3671"/>
    </row>
    <row r="3672" spans="3:4" x14ac:dyDescent="0.25">
      <c r="C3672"/>
      <c r="D3672"/>
    </row>
    <row r="3673" spans="3:4" x14ac:dyDescent="0.25">
      <c r="C3673"/>
      <c r="D3673"/>
    </row>
    <row r="3674" spans="3:4" x14ac:dyDescent="0.25">
      <c r="C3674"/>
      <c r="D3674"/>
    </row>
    <row r="3675" spans="3:4" x14ac:dyDescent="0.25">
      <c r="C3675"/>
      <c r="D3675"/>
    </row>
    <row r="3676" spans="3:4" x14ac:dyDescent="0.25">
      <c r="C3676"/>
      <c r="D3676"/>
    </row>
    <row r="3677" spans="3:4" x14ac:dyDescent="0.25">
      <c r="C3677"/>
      <c r="D3677"/>
    </row>
    <row r="3678" spans="3:4" x14ac:dyDescent="0.25">
      <c r="C3678"/>
      <c r="D3678"/>
    </row>
    <row r="3679" spans="3:4" x14ac:dyDescent="0.25">
      <c r="C3679"/>
      <c r="D3679"/>
    </row>
    <row r="3680" spans="3:4" x14ac:dyDescent="0.25">
      <c r="C3680"/>
      <c r="D3680"/>
    </row>
    <row r="3681" spans="3:4" x14ac:dyDescent="0.25">
      <c r="C3681"/>
      <c r="D3681"/>
    </row>
    <row r="3682" spans="3:4" x14ac:dyDescent="0.25">
      <c r="C3682"/>
      <c r="D3682"/>
    </row>
    <row r="3683" spans="3:4" x14ac:dyDescent="0.25">
      <c r="C3683"/>
      <c r="D3683"/>
    </row>
    <row r="3684" spans="3:4" x14ac:dyDescent="0.25">
      <c r="C3684"/>
      <c r="D3684"/>
    </row>
    <row r="3685" spans="3:4" x14ac:dyDescent="0.25">
      <c r="C3685"/>
      <c r="D3685"/>
    </row>
    <row r="3686" spans="3:4" x14ac:dyDescent="0.25">
      <c r="C3686"/>
      <c r="D3686"/>
    </row>
    <row r="3687" spans="3:4" x14ac:dyDescent="0.25">
      <c r="C3687"/>
      <c r="D3687"/>
    </row>
    <row r="3688" spans="3:4" x14ac:dyDescent="0.25">
      <c r="C3688"/>
      <c r="D3688"/>
    </row>
    <row r="3689" spans="3:4" x14ac:dyDescent="0.25">
      <c r="C3689"/>
      <c r="D3689"/>
    </row>
    <row r="3690" spans="3:4" x14ac:dyDescent="0.25">
      <c r="C3690"/>
      <c r="D3690"/>
    </row>
    <row r="3691" spans="3:4" x14ac:dyDescent="0.25">
      <c r="C3691"/>
      <c r="D3691"/>
    </row>
    <row r="3692" spans="3:4" x14ac:dyDescent="0.25">
      <c r="C3692"/>
      <c r="D3692"/>
    </row>
    <row r="3693" spans="3:4" x14ac:dyDescent="0.25">
      <c r="C3693"/>
      <c r="D3693"/>
    </row>
    <row r="3694" spans="3:4" x14ac:dyDescent="0.25">
      <c r="C3694"/>
      <c r="D3694"/>
    </row>
    <row r="3695" spans="3:4" x14ac:dyDescent="0.25">
      <c r="C3695"/>
      <c r="D3695"/>
    </row>
    <row r="3696" spans="3:4" x14ac:dyDescent="0.25">
      <c r="C3696"/>
      <c r="D3696"/>
    </row>
    <row r="3697" spans="3:4" x14ac:dyDescent="0.25">
      <c r="C3697"/>
      <c r="D3697"/>
    </row>
    <row r="3698" spans="3:4" x14ac:dyDescent="0.25">
      <c r="C3698"/>
      <c r="D3698"/>
    </row>
    <row r="3699" spans="3:4" x14ac:dyDescent="0.25">
      <c r="C3699"/>
      <c r="D3699"/>
    </row>
    <row r="3700" spans="3:4" x14ac:dyDescent="0.25">
      <c r="C3700"/>
      <c r="D3700"/>
    </row>
    <row r="3701" spans="3:4" x14ac:dyDescent="0.25">
      <c r="C3701"/>
      <c r="D3701"/>
    </row>
    <row r="3702" spans="3:4" x14ac:dyDescent="0.25">
      <c r="C3702"/>
      <c r="D3702"/>
    </row>
    <row r="3703" spans="3:4" x14ac:dyDescent="0.25">
      <c r="C3703"/>
      <c r="D3703"/>
    </row>
    <row r="3704" spans="3:4" x14ac:dyDescent="0.25">
      <c r="C3704"/>
      <c r="D3704"/>
    </row>
    <row r="3705" spans="3:4" x14ac:dyDescent="0.25">
      <c r="C3705"/>
      <c r="D3705"/>
    </row>
    <row r="3706" spans="3:4" x14ac:dyDescent="0.25">
      <c r="C3706"/>
      <c r="D3706"/>
    </row>
    <row r="3707" spans="3:4" x14ac:dyDescent="0.25">
      <c r="C3707"/>
      <c r="D3707"/>
    </row>
    <row r="3708" spans="3:4" x14ac:dyDescent="0.25">
      <c r="C3708"/>
      <c r="D3708"/>
    </row>
    <row r="3709" spans="3:4" x14ac:dyDescent="0.25">
      <c r="C3709"/>
      <c r="D3709"/>
    </row>
    <row r="3710" spans="3:4" x14ac:dyDescent="0.25">
      <c r="C3710"/>
      <c r="D3710"/>
    </row>
    <row r="3711" spans="3:4" x14ac:dyDescent="0.25">
      <c r="C3711"/>
      <c r="D3711"/>
    </row>
    <row r="3712" spans="3:4" x14ac:dyDescent="0.25">
      <c r="C3712"/>
      <c r="D3712"/>
    </row>
    <row r="3713" spans="3:4" x14ac:dyDescent="0.25">
      <c r="C3713"/>
      <c r="D3713"/>
    </row>
    <row r="3714" spans="3:4" x14ac:dyDescent="0.25">
      <c r="C3714"/>
      <c r="D3714"/>
    </row>
    <row r="3715" spans="3:4" x14ac:dyDescent="0.25">
      <c r="C3715"/>
      <c r="D3715"/>
    </row>
    <row r="3716" spans="3:4" x14ac:dyDescent="0.25">
      <c r="C3716"/>
      <c r="D3716"/>
    </row>
    <row r="3717" spans="3:4" x14ac:dyDescent="0.25">
      <c r="C3717"/>
      <c r="D3717"/>
    </row>
    <row r="3718" spans="3:4" x14ac:dyDescent="0.25">
      <c r="C3718"/>
      <c r="D3718"/>
    </row>
    <row r="3719" spans="3:4" x14ac:dyDescent="0.25">
      <c r="C3719"/>
      <c r="D3719"/>
    </row>
    <row r="3720" spans="3:4" x14ac:dyDescent="0.25">
      <c r="C3720"/>
      <c r="D3720"/>
    </row>
    <row r="3721" spans="3:4" x14ac:dyDescent="0.25">
      <c r="C3721"/>
      <c r="D3721"/>
    </row>
    <row r="3722" spans="3:4" x14ac:dyDescent="0.25">
      <c r="C3722"/>
      <c r="D3722"/>
    </row>
    <row r="3723" spans="3:4" x14ac:dyDescent="0.25">
      <c r="C3723"/>
      <c r="D3723"/>
    </row>
    <row r="3724" spans="3:4" x14ac:dyDescent="0.25">
      <c r="C3724"/>
      <c r="D3724"/>
    </row>
    <row r="3725" spans="3:4" x14ac:dyDescent="0.25">
      <c r="C3725"/>
      <c r="D3725"/>
    </row>
    <row r="3726" spans="3:4" x14ac:dyDescent="0.25">
      <c r="C3726"/>
      <c r="D3726"/>
    </row>
    <row r="3727" spans="3:4" x14ac:dyDescent="0.25">
      <c r="C3727"/>
      <c r="D3727"/>
    </row>
    <row r="3728" spans="3:4" x14ac:dyDescent="0.25">
      <c r="C3728"/>
      <c r="D3728"/>
    </row>
    <row r="3729" spans="3:4" x14ac:dyDescent="0.25">
      <c r="C3729"/>
      <c r="D3729"/>
    </row>
    <row r="3730" spans="3:4" x14ac:dyDescent="0.25">
      <c r="C3730"/>
      <c r="D3730"/>
    </row>
    <row r="3731" spans="3:4" x14ac:dyDescent="0.25">
      <c r="C3731"/>
      <c r="D3731"/>
    </row>
    <row r="3732" spans="3:4" x14ac:dyDescent="0.25">
      <c r="C3732"/>
      <c r="D3732"/>
    </row>
    <row r="3733" spans="3:4" x14ac:dyDescent="0.25">
      <c r="C3733"/>
      <c r="D3733"/>
    </row>
    <row r="3734" spans="3:4" x14ac:dyDescent="0.25">
      <c r="C3734"/>
      <c r="D3734"/>
    </row>
    <row r="3735" spans="3:4" x14ac:dyDescent="0.25">
      <c r="C3735"/>
      <c r="D3735"/>
    </row>
    <row r="3736" spans="3:4" x14ac:dyDescent="0.25">
      <c r="C3736"/>
      <c r="D3736"/>
    </row>
    <row r="3737" spans="3:4" x14ac:dyDescent="0.25">
      <c r="C3737"/>
      <c r="D3737"/>
    </row>
    <row r="3738" spans="3:4" x14ac:dyDescent="0.25">
      <c r="C3738"/>
      <c r="D3738"/>
    </row>
    <row r="3739" spans="3:4" x14ac:dyDescent="0.25">
      <c r="C3739"/>
      <c r="D3739"/>
    </row>
    <row r="3740" spans="3:4" x14ac:dyDescent="0.25">
      <c r="C3740"/>
      <c r="D3740"/>
    </row>
    <row r="3741" spans="3:4" x14ac:dyDescent="0.25">
      <c r="C3741"/>
      <c r="D3741"/>
    </row>
    <row r="3742" spans="3:4" x14ac:dyDescent="0.25">
      <c r="C3742"/>
      <c r="D3742"/>
    </row>
    <row r="3743" spans="3:4" x14ac:dyDescent="0.25">
      <c r="C3743"/>
      <c r="D3743"/>
    </row>
    <row r="3744" spans="3:4" x14ac:dyDescent="0.25">
      <c r="C3744"/>
      <c r="D3744"/>
    </row>
    <row r="3745" spans="3:4" x14ac:dyDescent="0.25">
      <c r="C3745"/>
      <c r="D3745"/>
    </row>
    <row r="3746" spans="3:4" x14ac:dyDescent="0.25">
      <c r="C3746"/>
      <c r="D3746"/>
    </row>
    <row r="3747" spans="3:4" x14ac:dyDescent="0.25">
      <c r="C3747"/>
      <c r="D3747"/>
    </row>
    <row r="3748" spans="3:4" x14ac:dyDescent="0.25">
      <c r="C3748"/>
      <c r="D3748"/>
    </row>
    <row r="3749" spans="3:4" x14ac:dyDescent="0.25">
      <c r="C3749"/>
      <c r="D3749"/>
    </row>
    <row r="3750" spans="3:4" x14ac:dyDescent="0.25">
      <c r="C3750"/>
      <c r="D3750"/>
    </row>
    <row r="3751" spans="3:4" x14ac:dyDescent="0.25">
      <c r="C3751"/>
      <c r="D3751"/>
    </row>
    <row r="3752" spans="3:4" x14ac:dyDescent="0.25">
      <c r="C3752"/>
      <c r="D3752"/>
    </row>
    <row r="3753" spans="3:4" x14ac:dyDescent="0.25">
      <c r="C3753"/>
      <c r="D3753"/>
    </row>
    <row r="3754" spans="3:4" x14ac:dyDescent="0.25">
      <c r="C3754"/>
      <c r="D3754"/>
    </row>
    <row r="3755" spans="3:4" x14ac:dyDescent="0.25">
      <c r="C3755"/>
      <c r="D3755"/>
    </row>
    <row r="3756" spans="3:4" x14ac:dyDescent="0.25">
      <c r="C3756"/>
      <c r="D3756"/>
    </row>
    <row r="3757" spans="3:4" x14ac:dyDescent="0.25">
      <c r="C3757"/>
      <c r="D3757"/>
    </row>
    <row r="3758" spans="3:4" x14ac:dyDescent="0.25">
      <c r="C3758"/>
      <c r="D3758"/>
    </row>
    <row r="3759" spans="3:4" x14ac:dyDescent="0.25">
      <c r="C3759"/>
      <c r="D3759"/>
    </row>
    <row r="3760" spans="3:4" x14ac:dyDescent="0.25">
      <c r="C3760"/>
      <c r="D3760"/>
    </row>
    <row r="3761" spans="3:4" x14ac:dyDescent="0.25">
      <c r="C3761"/>
      <c r="D3761"/>
    </row>
    <row r="3762" spans="3:4" x14ac:dyDescent="0.25">
      <c r="C3762"/>
      <c r="D3762"/>
    </row>
    <row r="3763" spans="3:4" x14ac:dyDescent="0.25">
      <c r="C3763"/>
      <c r="D3763"/>
    </row>
    <row r="3764" spans="3:4" x14ac:dyDescent="0.25">
      <c r="C3764"/>
      <c r="D3764"/>
    </row>
    <row r="3765" spans="3:4" x14ac:dyDescent="0.25">
      <c r="C3765"/>
      <c r="D3765"/>
    </row>
    <row r="3766" spans="3:4" x14ac:dyDescent="0.25">
      <c r="C3766"/>
      <c r="D3766"/>
    </row>
    <row r="3767" spans="3:4" x14ac:dyDescent="0.25">
      <c r="C3767"/>
      <c r="D3767"/>
    </row>
    <row r="3768" spans="3:4" x14ac:dyDescent="0.25">
      <c r="C3768"/>
      <c r="D3768"/>
    </row>
    <row r="3769" spans="3:4" x14ac:dyDescent="0.25">
      <c r="C3769"/>
      <c r="D3769"/>
    </row>
    <row r="3770" spans="3:4" x14ac:dyDescent="0.25">
      <c r="C3770"/>
      <c r="D3770"/>
    </row>
    <row r="3771" spans="3:4" x14ac:dyDescent="0.25">
      <c r="C3771"/>
      <c r="D3771"/>
    </row>
    <row r="3772" spans="3:4" x14ac:dyDescent="0.25">
      <c r="C3772"/>
      <c r="D3772"/>
    </row>
    <row r="3773" spans="3:4" x14ac:dyDescent="0.25">
      <c r="C3773"/>
      <c r="D3773"/>
    </row>
    <row r="3774" spans="3:4" x14ac:dyDescent="0.25">
      <c r="C3774"/>
      <c r="D3774"/>
    </row>
    <row r="3775" spans="3:4" x14ac:dyDescent="0.25">
      <c r="C3775"/>
      <c r="D3775"/>
    </row>
    <row r="3776" spans="3:4" x14ac:dyDescent="0.25">
      <c r="C3776"/>
      <c r="D3776"/>
    </row>
    <row r="3777" spans="3:4" x14ac:dyDescent="0.25">
      <c r="C3777"/>
      <c r="D3777"/>
    </row>
    <row r="3778" spans="3:4" x14ac:dyDescent="0.25">
      <c r="C3778"/>
      <c r="D3778"/>
    </row>
    <row r="3779" spans="3:4" x14ac:dyDescent="0.25">
      <c r="C3779"/>
      <c r="D3779"/>
    </row>
    <row r="3780" spans="3:4" x14ac:dyDescent="0.25">
      <c r="C3780"/>
      <c r="D3780"/>
    </row>
    <row r="3781" spans="3:4" x14ac:dyDescent="0.25">
      <c r="C3781"/>
      <c r="D3781"/>
    </row>
    <row r="3782" spans="3:4" x14ac:dyDescent="0.25">
      <c r="C3782"/>
      <c r="D3782"/>
    </row>
    <row r="3783" spans="3:4" x14ac:dyDescent="0.25">
      <c r="C3783"/>
      <c r="D3783"/>
    </row>
    <row r="3784" spans="3:4" x14ac:dyDescent="0.25">
      <c r="C3784"/>
      <c r="D3784"/>
    </row>
    <row r="3785" spans="3:4" x14ac:dyDescent="0.25">
      <c r="C3785"/>
      <c r="D3785"/>
    </row>
    <row r="3786" spans="3:4" x14ac:dyDescent="0.25">
      <c r="C3786"/>
      <c r="D3786"/>
    </row>
    <row r="3787" spans="3:4" x14ac:dyDescent="0.25">
      <c r="C3787"/>
      <c r="D3787"/>
    </row>
    <row r="3788" spans="3:4" x14ac:dyDescent="0.25">
      <c r="C3788"/>
      <c r="D3788"/>
    </row>
    <row r="3789" spans="3:4" x14ac:dyDescent="0.25">
      <c r="C3789"/>
      <c r="D3789"/>
    </row>
    <row r="3790" spans="3:4" x14ac:dyDescent="0.25">
      <c r="C3790"/>
      <c r="D3790"/>
    </row>
    <row r="3791" spans="3:4" x14ac:dyDescent="0.25">
      <c r="C3791"/>
      <c r="D3791"/>
    </row>
    <row r="3792" spans="3:4" x14ac:dyDescent="0.25">
      <c r="C3792"/>
      <c r="D3792"/>
    </row>
    <row r="3793" spans="3:4" x14ac:dyDescent="0.25">
      <c r="C3793"/>
      <c r="D3793"/>
    </row>
    <row r="3794" spans="3:4" x14ac:dyDescent="0.25">
      <c r="C3794"/>
      <c r="D3794"/>
    </row>
    <row r="3795" spans="3:4" x14ac:dyDescent="0.25">
      <c r="C3795"/>
      <c r="D3795"/>
    </row>
    <row r="3796" spans="3:4" x14ac:dyDescent="0.25">
      <c r="C3796"/>
      <c r="D3796"/>
    </row>
    <row r="3797" spans="3:4" x14ac:dyDescent="0.25">
      <c r="C3797"/>
      <c r="D3797"/>
    </row>
    <row r="3798" spans="3:4" x14ac:dyDescent="0.25">
      <c r="C3798"/>
      <c r="D3798"/>
    </row>
    <row r="3799" spans="3:4" x14ac:dyDescent="0.25">
      <c r="C3799"/>
      <c r="D3799"/>
    </row>
    <row r="3800" spans="3:4" x14ac:dyDescent="0.25">
      <c r="C3800"/>
      <c r="D3800"/>
    </row>
    <row r="3801" spans="3:4" x14ac:dyDescent="0.25">
      <c r="C3801"/>
      <c r="D3801"/>
    </row>
    <row r="3802" spans="3:4" x14ac:dyDescent="0.25">
      <c r="C3802"/>
      <c r="D3802"/>
    </row>
    <row r="3803" spans="3:4" x14ac:dyDescent="0.25">
      <c r="C3803"/>
      <c r="D3803"/>
    </row>
    <row r="3804" spans="3:4" x14ac:dyDescent="0.25">
      <c r="C3804"/>
      <c r="D3804"/>
    </row>
    <row r="3805" spans="3:4" x14ac:dyDescent="0.25">
      <c r="C3805"/>
      <c r="D3805"/>
    </row>
    <row r="3806" spans="3:4" x14ac:dyDescent="0.25">
      <c r="C3806"/>
      <c r="D3806"/>
    </row>
    <row r="3807" spans="3:4" x14ac:dyDescent="0.25">
      <c r="C3807"/>
      <c r="D3807"/>
    </row>
    <row r="3808" spans="3:4" x14ac:dyDescent="0.25">
      <c r="C3808"/>
      <c r="D3808"/>
    </row>
    <row r="3809" spans="3:4" x14ac:dyDescent="0.25">
      <c r="C3809"/>
      <c r="D3809"/>
    </row>
    <row r="3810" spans="3:4" x14ac:dyDescent="0.25">
      <c r="C3810"/>
      <c r="D3810"/>
    </row>
    <row r="3811" spans="3:4" x14ac:dyDescent="0.25">
      <c r="C3811"/>
      <c r="D3811"/>
    </row>
    <row r="3812" spans="3:4" x14ac:dyDescent="0.25">
      <c r="C3812"/>
      <c r="D3812"/>
    </row>
    <row r="3813" spans="3:4" x14ac:dyDescent="0.25">
      <c r="C3813"/>
      <c r="D3813"/>
    </row>
    <row r="3814" spans="3:4" x14ac:dyDescent="0.25">
      <c r="C3814"/>
      <c r="D3814"/>
    </row>
    <row r="3815" spans="3:4" x14ac:dyDescent="0.25">
      <c r="C3815"/>
      <c r="D3815"/>
    </row>
    <row r="3816" spans="3:4" x14ac:dyDescent="0.25">
      <c r="C3816"/>
      <c r="D3816"/>
    </row>
    <row r="3817" spans="3:4" x14ac:dyDescent="0.25">
      <c r="C3817"/>
      <c r="D3817"/>
    </row>
    <row r="3818" spans="3:4" x14ac:dyDescent="0.25">
      <c r="C3818"/>
      <c r="D3818"/>
    </row>
    <row r="3819" spans="3:4" x14ac:dyDescent="0.25">
      <c r="C3819"/>
      <c r="D3819"/>
    </row>
    <row r="3820" spans="3:4" x14ac:dyDescent="0.25">
      <c r="C3820"/>
      <c r="D3820"/>
    </row>
    <row r="3821" spans="3:4" x14ac:dyDescent="0.25">
      <c r="C3821"/>
      <c r="D3821"/>
    </row>
    <row r="3822" spans="3:4" x14ac:dyDescent="0.25">
      <c r="C3822"/>
      <c r="D3822"/>
    </row>
    <row r="3823" spans="3:4" x14ac:dyDescent="0.25">
      <c r="C3823"/>
      <c r="D3823"/>
    </row>
    <row r="3824" spans="3:4" x14ac:dyDescent="0.25">
      <c r="C3824"/>
      <c r="D3824"/>
    </row>
    <row r="3825" spans="3:4" x14ac:dyDescent="0.25">
      <c r="C3825"/>
      <c r="D3825"/>
    </row>
    <row r="3826" spans="3:4" x14ac:dyDescent="0.25">
      <c r="C3826"/>
      <c r="D3826"/>
    </row>
    <row r="3827" spans="3:4" x14ac:dyDescent="0.25">
      <c r="C3827"/>
      <c r="D3827"/>
    </row>
    <row r="3828" spans="3:4" x14ac:dyDescent="0.25">
      <c r="C3828"/>
      <c r="D3828"/>
    </row>
    <row r="3829" spans="3:4" x14ac:dyDescent="0.25">
      <c r="C3829"/>
      <c r="D3829"/>
    </row>
    <row r="3830" spans="3:4" x14ac:dyDescent="0.25">
      <c r="C3830"/>
      <c r="D3830"/>
    </row>
    <row r="3831" spans="3:4" x14ac:dyDescent="0.25">
      <c r="C3831"/>
      <c r="D3831"/>
    </row>
    <row r="3832" spans="3:4" x14ac:dyDescent="0.25">
      <c r="C3832"/>
      <c r="D3832"/>
    </row>
    <row r="3833" spans="3:4" x14ac:dyDescent="0.25">
      <c r="C3833"/>
      <c r="D3833"/>
    </row>
    <row r="3834" spans="3:4" x14ac:dyDescent="0.25">
      <c r="C3834"/>
      <c r="D3834"/>
    </row>
    <row r="3835" spans="3:4" x14ac:dyDescent="0.25">
      <c r="C3835"/>
      <c r="D3835"/>
    </row>
    <row r="3836" spans="3:4" x14ac:dyDescent="0.25">
      <c r="C3836"/>
      <c r="D3836"/>
    </row>
    <row r="3837" spans="3:4" x14ac:dyDescent="0.25">
      <c r="C3837"/>
      <c r="D3837"/>
    </row>
    <row r="3838" spans="3:4" x14ac:dyDescent="0.25">
      <c r="C3838"/>
      <c r="D3838"/>
    </row>
    <row r="3839" spans="3:4" x14ac:dyDescent="0.25">
      <c r="C3839"/>
      <c r="D3839"/>
    </row>
    <row r="3840" spans="3:4" x14ac:dyDescent="0.25">
      <c r="C3840"/>
      <c r="D3840"/>
    </row>
    <row r="3841" spans="3:4" x14ac:dyDescent="0.25">
      <c r="C3841"/>
      <c r="D3841"/>
    </row>
    <row r="3842" spans="3:4" x14ac:dyDescent="0.25">
      <c r="C3842"/>
      <c r="D3842"/>
    </row>
    <row r="3843" spans="3:4" x14ac:dyDescent="0.25">
      <c r="C3843"/>
      <c r="D3843"/>
    </row>
    <row r="3844" spans="3:4" x14ac:dyDescent="0.25">
      <c r="C3844"/>
      <c r="D3844"/>
    </row>
    <row r="3845" spans="3:4" x14ac:dyDescent="0.25">
      <c r="C3845"/>
      <c r="D3845"/>
    </row>
    <row r="3846" spans="3:4" x14ac:dyDescent="0.25">
      <c r="C3846"/>
      <c r="D3846"/>
    </row>
    <row r="3847" spans="3:4" x14ac:dyDescent="0.25">
      <c r="C3847"/>
      <c r="D3847"/>
    </row>
    <row r="3848" spans="3:4" x14ac:dyDescent="0.25">
      <c r="C3848"/>
      <c r="D3848"/>
    </row>
    <row r="3849" spans="3:4" x14ac:dyDescent="0.25">
      <c r="C3849"/>
      <c r="D3849"/>
    </row>
    <row r="3850" spans="3:4" x14ac:dyDescent="0.25">
      <c r="C3850"/>
      <c r="D3850"/>
    </row>
    <row r="3851" spans="3:4" x14ac:dyDescent="0.25">
      <c r="C3851"/>
      <c r="D3851"/>
    </row>
    <row r="3852" spans="3:4" x14ac:dyDescent="0.25">
      <c r="C3852"/>
      <c r="D3852"/>
    </row>
    <row r="3853" spans="3:4" x14ac:dyDescent="0.25">
      <c r="C3853"/>
      <c r="D3853"/>
    </row>
    <row r="3854" spans="3:4" x14ac:dyDescent="0.25">
      <c r="C3854"/>
      <c r="D3854"/>
    </row>
    <row r="3855" spans="3:4" x14ac:dyDescent="0.25">
      <c r="C3855"/>
      <c r="D3855"/>
    </row>
    <row r="3856" spans="3:4" x14ac:dyDescent="0.25">
      <c r="C3856"/>
      <c r="D3856"/>
    </row>
    <row r="3857" spans="3:4" x14ac:dyDescent="0.25">
      <c r="C3857"/>
      <c r="D3857"/>
    </row>
    <row r="3858" spans="3:4" x14ac:dyDescent="0.25">
      <c r="C3858"/>
      <c r="D3858"/>
    </row>
    <row r="3859" spans="3:4" x14ac:dyDescent="0.25">
      <c r="C3859"/>
      <c r="D3859"/>
    </row>
    <row r="3860" spans="3:4" x14ac:dyDescent="0.25">
      <c r="C3860"/>
      <c r="D3860"/>
    </row>
    <row r="3861" spans="3:4" x14ac:dyDescent="0.25">
      <c r="C3861"/>
      <c r="D3861"/>
    </row>
    <row r="3862" spans="3:4" x14ac:dyDescent="0.25">
      <c r="C3862"/>
      <c r="D3862"/>
    </row>
    <row r="3863" spans="3:4" x14ac:dyDescent="0.25">
      <c r="C3863"/>
      <c r="D3863"/>
    </row>
    <row r="3864" spans="3:4" x14ac:dyDescent="0.25">
      <c r="C3864"/>
      <c r="D3864"/>
    </row>
    <row r="3865" spans="3:4" x14ac:dyDescent="0.25">
      <c r="C3865"/>
      <c r="D3865"/>
    </row>
    <row r="3866" spans="3:4" x14ac:dyDescent="0.25">
      <c r="C3866"/>
      <c r="D3866"/>
    </row>
    <row r="3867" spans="3:4" x14ac:dyDescent="0.25">
      <c r="C3867"/>
      <c r="D3867"/>
    </row>
    <row r="3868" spans="3:4" x14ac:dyDescent="0.25">
      <c r="C3868"/>
      <c r="D3868"/>
    </row>
    <row r="3869" spans="3:4" x14ac:dyDescent="0.25">
      <c r="C3869"/>
      <c r="D3869"/>
    </row>
    <row r="3870" spans="3:4" x14ac:dyDescent="0.25">
      <c r="C3870"/>
      <c r="D3870"/>
    </row>
    <row r="3871" spans="3:4" x14ac:dyDescent="0.25">
      <c r="C3871"/>
      <c r="D3871"/>
    </row>
    <row r="3872" spans="3:4" x14ac:dyDescent="0.25">
      <c r="C3872"/>
      <c r="D3872"/>
    </row>
    <row r="3873" spans="3:4" x14ac:dyDescent="0.25">
      <c r="C3873"/>
      <c r="D3873"/>
    </row>
    <row r="3874" spans="3:4" x14ac:dyDescent="0.25">
      <c r="C3874"/>
      <c r="D3874"/>
    </row>
    <row r="3875" spans="3:4" x14ac:dyDescent="0.25">
      <c r="C3875"/>
      <c r="D3875"/>
    </row>
    <row r="3876" spans="3:4" x14ac:dyDescent="0.25">
      <c r="C3876"/>
      <c r="D3876"/>
    </row>
    <row r="3877" spans="3:4" x14ac:dyDescent="0.25">
      <c r="C3877"/>
      <c r="D3877"/>
    </row>
    <row r="3878" spans="3:4" x14ac:dyDescent="0.25">
      <c r="C3878"/>
      <c r="D3878"/>
    </row>
    <row r="3879" spans="3:4" x14ac:dyDescent="0.25">
      <c r="C3879"/>
      <c r="D3879"/>
    </row>
    <row r="3880" spans="3:4" x14ac:dyDescent="0.25">
      <c r="C3880"/>
      <c r="D3880"/>
    </row>
    <row r="3881" spans="3:4" x14ac:dyDescent="0.25">
      <c r="C3881"/>
      <c r="D3881"/>
    </row>
    <row r="3882" spans="3:4" x14ac:dyDescent="0.25">
      <c r="C3882"/>
      <c r="D3882"/>
    </row>
    <row r="3883" spans="3:4" x14ac:dyDescent="0.25">
      <c r="C3883"/>
      <c r="D3883"/>
    </row>
    <row r="3884" spans="3:4" x14ac:dyDescent="0.25">
      <c r="C3884"/>
      <c r="D3884"/>
    </row>
    <row r="3885" spans="3:4" x14ac:dyDescent="0.25">
      <c r="C3885"/>
      <c r="D3885"/>
    </row>
    <row r="3886" spans="3:4" x14ac:dyDescent="0.25">
      <c r="C3886"/>
      <c r="D3886"/>
    </row>
    <row r="3887" spans="3:4" x14ac:dyDescent="0.25">
      <c r="C3887"/>
      <c r="D3887"/>
    </row>
    <row r="3888" spans="3:4" x14ac:dyDescent="0.25">
      <c r="C3888"/>
      <c r="D3888"/>
    </row>
    <row r="3889" spans="3:4" x14ac:dyDescent="0.25">
      <c r="C3889"/>
      <c r="D3889"/>
    </row>
    <row r="3890" spans="3:4" x14ac:dyDescent="0.25">
      <c r="C3890"/>
      <c r="D3890"/>
    </row>
    <row r="3891" spans="3:4" x14ac:dyDescent="0.25">
      <c r="C3891"/>
      <c r="D3891"/>
    </row>
    <row r="3892" spans="3:4" x14ac:dyDescent="0.25">
      <c r="C3892"/>
      <c r="D3892"/>
    </row>
    <row r="3893" spans="3:4" x14ac:dyDescent="0.25">
      <c r="C3893"/>
      <c r="D3893"/>
    </row>
    <row r="3894" spans="3:4" x14ac:dyDescent="0.25">
      <c r="C3894"/>
      <c r="D3894"/>
    </row>
    <row r="3895" spans="3:4" x14ac:dyDescent="0.25">
      <c r="C3895"/>
      <c r="D3895"/>
    </row>
    <row r="3896" spans="3:4" x14ac:dyDescent="0.25">
      <c r="C3896"/>
      <c r="D3896"/>
    </row>
    <row r="3897" spans="3:4" x14ac:dyDescent="0.25">
      <c r="C3897"/>
      <c r="D3897"/>
    </row>
    <row r="3898" spans="3:4" x14ac:dyDescent="0.25">
      <c r="C3898"/>
      <c r="D3898"/>
    </row>
    <row r="3899" spans="3:4" x14ac:dyDescent="0.25">
      <c r="C3899"/>
      <c r="D3899"/>
    </row>
    <row r="3900" spans="3:4" x14ac:dyDescent="0.25">
      <c r="C3900"/>
      <c r="D3900"/>
    </row>
    <row r="3901" spans="3:4" x14ac:dyDescent="0.25">
      <c r="C3901"/>
      <c r="D3901"/>
    </row>
    <row r="3902" spans="3:4" x14ac:dyDescent="0.25">
      <c r="C3902"/>
      <c r="D3902"/>
    </row>
    <row r="3903" spans="3:4" x14ac:dyDescent="0.25">
      <c r="C3903"/>
      <c r="D3903"/>
    </row>
    <row r="3904" spans="3:4" x14ac:dyDescent="0.25">
      <c r="C3904"/>
      <c r="D3904"/>
    </row>
    <row r="3905" spans="3:4" x14ac:dyDescent="0.25">
      <c r="C3905"/>
      <c r="D3905"/>
    </row>
    <row r="3906" spans="3:4" x14ac:dyDescent="0.25">
      <c r="C3906"/>
      <c r="D3906"/>
    </row>
    <row r="3907" spans="3:4" x14ac:dyDescent="0.25">
      <c r="C3907"/>
      <c r="D3907"/>
    </row>
    <row r="3908" spans="3:4" x14ac:dyDescent="0.25">
      <c r="C3908"/>
      <c r="D3908"/>
    </row>
    <row r="3909" spans="3:4" x14ac:dyDescent="0.25">
      <c r="C3909"/>
      <c r="D3909"/>
    </row>
    <row r="3910" spans="3:4" x14ac:dyDescent="0.25">
      <c r="C3910"/>
      <c r="D3910"/>
    </row>
    <row r="3911" spans="3:4" x14ac:dyDescent="0.25">
      <c r="C3911"/>
      <c r="D3911"/>
    </row>
    <row r="3912" spans="3:4" x14ac:dyDescent="0.25">
      <c r="C3912"/>
      <c r="D3912"/>
    </row>
    <row r="3913" spans="3:4" x14ac:dyDescent="0.25">
      <c r="C3913"/>
      <c r="D3913"/>
    </row>
    <row r="3914" spans="3:4" x14ac:dyDescent="0.25">
      <c r="C3914"/>
      <c r="D3914"/>
    </row>
    <row r="3915" spans="3:4" x14ac:dyDescent="0.25">
      <c r="C3915"/>
      <c r="D3915"/>
    </row>
    <row r="3916" spans="3:4" x14ac:dyDescent="0.25">
      <c r="C3916"/>
      <c r="D3916"/>
    </row>
    <row r="3917" spans="3:4" x14ac:dyDescent="0.25">
      <c r="C3917"/>
      <c r="D3917"/>
    </row>
    <row r="3918" spans="3:4" x14ac:dyDescent="0.25">
      <c r="C3918"/>
      <c r="D3918"/>
    </row>
    <row r="3919" spans="3:4" x14ac:dyDescent="0.25">
      <c r="C3919"/>
      <c r="D3919"/>
    </row>
    <row r="3920" spans="3:4" x14ac:dyDescent="0.25">
      <c r="C3920"/>
      <c r="D3920"/>
    </row>
    <row r="3921" spans="3:4" x14ac:dyDescent="0.25">
      <c r="C3921"/>
      <c r="D3921"/>
    </row>
    <row r="3922" spans="3:4" x14ac:dyDescent="0.25">
      <c r="C3922"/>
      <c r="D3922"/>
    </row>
    <row r="3923" spans="3:4" x14ac:dyDescent="0.25">
      <c r="C3923"/>
      <c r="D3923"/>
    </row>
    <row r="3924" spans="3:4" x14ac:dyDescent="0.25">
      <c r="C3924"/>
      <c r="D3924"/>
    </row>
    <row r="3925" spans="3:4" x14ac:dyDescent="0.25">
      <c r="C3925"/>
      <c r="D3925"/>
    </row>
    <row r="3926" spans="3:4" x14ac:dyDescent="0.25">
      <c r="C3926"/>
      <c r="D3926"/>
    </row>
    <row r="3927" spans="3:4" x14ac:dyDescent="0.25">
      <c r="C3927"/>
      <c r="D3927"/>
    </row>
    <row r="3928" spans="3:4" x14ac:dyDescent="0.25">
      <c r="C3928"/>
      <c r="D3928"/>
    </row>
    <row r="3929" spans="3:4" x14ac:dyDescent="0.25">
      <c r="C3929"/>
      <c r="D3929"/>
    </row>
    <row r="3930" spans="3:4" x14ac:dyDescent="0.25">
      <c r="C3930"/>
      <c r="D3930"/>
    </row>
    <row r="3931" spans="3:4" x14ac:dyDescent="0.25">
      <c r="C3931"/>
      <c r="D3931"/>
    </row>
    <row r="3932" spans="3:4" x14ac:dyDescent="0.25">
      <c r="C3932"/>
      <c r="D3932"/>
    </row>
    <row r="3933" spans="3:4" x14ac:dyDescent="0.25">
      <c r="C3933"/>
      <c r="D3933"/>
    </row>
    <row r="3934" spans="3:4" x14ac:dyDescent="0.25">
      <c r="C3934"/>
      <c r="D3934"/>
    </row>
    <row r="3935" spans="3:4" x14ac:dyDescent="0.25">
      <c r="C3935"/>
      <c r="D3935"/>
    </row>
    <row r="3936" spans="3:4" x14ac:dyDescent="0.25">
      <c r="C3936"/>
      <c r="D3936"/>
    </row>
    <row r="3937" spans="3:4" x14ac:dyDescent="0.25">
      <c r="C3937"/>
      <c r="D3937"/>
    </row>
    <row r="3938" spans="3:4" x14ac:dyDescent="0.25">
      <c r="C3938"/>
      <c r="D3938"/>
    </row>
    <row r="3939" spans="3:4" x14ac:dyDescent="0.25">
      <c r="C3939"/>
      <c r="D3939"/>
    </row>
    <row r="3940" spans="3:4" x14ac:dyDescent="0.25">
      <c r="C3940"/>
      <c r="D3940"/>
    </row>
    <row r="3941" spans="3:4" x14ac:dyDescent="0.25">
      <c r="C3941"/>
      <c r="D3941"/>
    </row>
    <row r="3942" spans="3:4" x14ac:dyDescent="0.25">
      <c r="C3942"/>
      <c r="D3942"/>
    </row>
    <row r="3943" spans="3:4" x14ac:dyDescent="0.25">
      <c r="C3943"/>
      <c r="D3943"/>
    </row>
    <row r="3944" spans="3:4" x14ac:dyDescent="0.25">
      <c r="C3944"/>
      <c r="D3944"/>
    </row>
    <row r="3945" spans="3:4" x14ac:dyDescent="0.25">
      <c r="C3945"/>
      <c r="D3945"/>
    </row>
    <row r="3946" spans="3:4" x14ac:dyDescent="0.25">
      <c r="C3946"/>
      <c r="D3946"/>
    </row>
    <row r="3947" spans="3:4" x14ac:dyDescent="0.25">
      <c r="C3947"/>
      <c r="D3947"/>
    </row>
    <row r="3948" spans="3:4" x14ac:dyDescent="0.25">
      <c r="C3948"/>
      <c r="D3948"/>
    </row>
    <row r="3949" spans="3:4" x14ac:dyDescent="0.25">
      <c r="C3949"/>
      <c r="D3949"/>
    </row>
    <row r="3950" spans="3:4" x14ac:dyDescent="0.25">
      <c r="C3950"/>
      <c r="D3950"/>
    </row>
    <row r="3951" spans="3:4" x14ac:dyDescent="0.25">
      <c r="C3951"/>
      <c r="D3951"/>
    </row>
    <row r="3952" spans="3:4" x14ac:dyDescent="0.25">
      <c r="C3952"/>
      <c r="D3952"/>
    </row>
    <row r="3953" spans="3:4" x14ac:dyDescent="0.25">
      <c r="C3953"/>
      <c r="D3953"/>
    </row>
    <row r="3954" spans="3:4" x14ac:dyDescent="0.25">
      <c r="C3954"/>
      <c r="D3954"/>
    </row>
    <row r="3955" spans="3:4" x14ac:dyDescent="0.25">
      <c r="C3955"/>
      <c r="D3955"/>
    </row>
    <row r="3956" spans="3:4" x14ac:dyDescent="0.25">
      <c r="C3956"/>
      <c r="D3956"/>
    </row>
    <row r="3957" spans="3:4" x14ac:dyDescent="0.25">
      <c r="C3957"/>
      <c r="D3957"/>
    </row>
    <row r="3958" spans="3:4" x14ac:dyDescent="0.25">
      <c r="C3958"/>
      <c r="D3958"/>
    </row>
    <row r="3959" spans="3:4" x14ac:dyDescent="0.25">
      <c r="C3959"/>
      <c r="D3959"/>
    </row>
    <row r="3960" spans="3:4" x14ac:dyDescent="0.25">
      <c r="C3960"/>
      <c r="D3960"/>
    </row>
    <row r="3961" spans="3:4" x14ac:dyDescent="0.25">
      <c r="C3961"/>
      <c r="D3961"/>
    </row>
    <row r="3962" spans="3:4" x14ac:dyDescent="0.25">
      <c r="C3962"/>
      <c r="D3962"/>
    </row>
    <row r="3963" spans="3:4" x14ac:dyDescent="0.25">
      <c r="C3963"/>
      <c r="D3963"/>
    </row>
    <row r="3964" spans="3:4" x14ac:dyDescent="0.25">
      <c r="C3964"/>
      <c r="D3964"/>
    </row>
    <row r="3965" spans="3:4" x14ac:dyDescent="0.25">
      <c r="C3965"/>
      <c r="D3965"/>
    </row>
    <row r="3966" spans="3:4" x14ac:dyDescent="0.25">
      <c r="C3966"/>
      <c r="D3966"/>
    </row>
    <row r="3967" spans="3:4" x14ac:dyDescent="0.25">
      <c r="C3967"/>
      <c r="D3967"/>
    </row>
    <row r="3968" spans="3:4" x14ac:dyDescent="0.25">
      <c r="C3968"/>
      <c r="D3968"/>
    </row>
    <row r="3969" spans="3:4" x14ac:dyDescent="0.25">
      <c r="C3969"/>
      <c r="D3969"/>
    </row>
    <row r="3970" spans="3:4" x14ac:dyDescent="0.25">
      <c r="C3970"/>
      <c r="D3970"/>
    </row>
    <row r="3971" spans="3:4" x14ac:dyDescent="0.25">
      <c r="C3971"/>
      <c r="D3971"/>
    </row>
    <row r="3972" spans="3:4" x14ac:dyDescent="0.25">
      <c r="C3972"/>
      <c r="D3972"/>
    </row>
    <row r="3973" spans="3:4" x14ac:dyDescent="0.25">
      <c r="C3973"/>
      <c r="D3973"/>
    </row>
    <row r="3974" spans="3:4" x14ac:dyDescent="0.25">
      <c r="C3974"/>
      <c r="D3974"/>
    </row>
    <row r="3975" spans="3:4" x14ac:dyDescent="0.25">
      <c r="C3975"/>
      <c r="D3975"/>
    </row>
    <row r="3976" spans="3:4" x14ac:dyDescent="0.25">
      <c r="C3976"/>
      <c r="D3976"/>
    </row>
    <row r="3977" spans="3:4" x14ac:dyDescent="0.25">
      <c r="C3977"/>
      <c r="D3977"/>
    </row>
    <row r="3978" spans="3:4" x14ac:dyDescent="0.25">
      <c r="C3978"/>
      <c r="D3978"/>
    </row>
    <row r="3979" spans="3:4" x14ac:dyDescent="0.25">
      <c r="C3979"/>
      <c r="D3979"/>
    </row>
    <row r="3980" spans="3:4" x14ac:dyDescent="0.25">
      <c r="C3980"/>
      <c r="D3980"/>
    </row>
    <row r="3981" spans="3:4" x14ac:dyDescent="0.25">
      <c r="C3981"/>
      <c r="D3981"/>
    </row>
    <row r="3982" spans="3:4" x14ac:dyDescent="0.25">
      <c r="C3982"/>
      <c r="D3982"/>
    </row>
    <row r="3983" spans="3:4" x14ac:dyDescent="0.25">
      <c r="C3983"/>
      <c r="D3983"/>
    </row>
    <row r="3984" spans="3:4" x14ac:dyDescent="0.25">
      <c r="C3984"/>
      <c r="D3984"/>
    </row>
    <row r="3985" spans="3:4" x14ac:dyDescent="0.25">
      <c r="C3985"/>
      <c r="D3985"/>
    </row>
    <row r="3986" spans="3:4" x14ac:dyDescent="0.25">
      <c r="C3986"/>
      <c r="D3986"/>
    </row>
    <row r="3987" spans="3:4" x14ac:dyDescent="0.25">
      <c r="C3987"/>
      <c r="D3987"/>
    </row>
    <row r="3988" spans="3:4" x14ac:dyDescent="0.25">
      <c r="C3988"/>
      <c r="D3988"/>
    </row>
    <row r="3989" spans="3:4" x14ac:dyDescent="0.25">
      <c r="C3989"/>
      <c r="D3989"/>
    </row>
    <row r="3990" spans="3:4" x14ac:dyDescent="0.25">
      <c r="C3990"/>
      <c r="D3990"/>
    </row>
    <row r="3991" spans="3:4" x14ac:dyDescent="0.25">
      <c r="C3991"/>
      <c r="D3991"/>
    </row>
    <row r="3992" spans="3:4" x14ac:dyDescent="0.25">
      <c r="C3992"/>
      <c r="D3992"/>
    </row>
    <row r="3993" spans="3:4" x14ac:dyDescent="0.25">
      <c r="C3993"/>
      <c r="D3993"/>
    </row>
    <row r="3994" spans="3:4" x14ac:dyDescent="0.25">
      <c r="C3994"/>
      <c r="D3994"/>
    </row>
    <row r="3995" spans="3:4" x14ac:dyDescent="0.25">
      <c r="C3995"/>
      <c r="D3995"/>
    </row>
    <row r="3996" spans="3:4" x14ac:dyDescent="0.25">
      <c r="C3996"/>
      <c r="D3996"/>
    </row>
    <row r="3997" spans="3:4" x14ac:dyDescent="0.25">
      <c r="C3997"/>
      <c r="D3997"/>
    </row>
    <row r="3998" spans="3:4" x14ac:dyDescent="0.25">
      <c r="C3998"/>
      <c r="D3998"/>
    </row>
    <row r="3999" spans="3:4" x14ac:dyDescent="0.25">
      <c r="C3999"/>
      <c r="D3999"/>
    </row>
    <row r="4000" spans="3:4" x14ac:dyDescent="0.25">
      <c r="C4000"/>
      <c r="D4000"/>
    </row>
    <row r="4001" spans="3:4" x14ac:dyDescent="0.25">
      <c r="C4001"/>
      <c r="D4001"/>
    </row>
    <row r="4002" spans="3:4" x14ac:dyDescent="0.25">
      <c r="C4002"/>
      <c r="D4002"/>
    </row>
    <row r="4003" spans="3:4" x14ac:dyDescent="0.25">
      <c r="C4003"/>
      <c r="D4003"/>
    </row>
    <row r="4004" spans="3:4" x14ac:dyDescent="0.25">
      <c r="C4004"/>
      <c r="D4004"/>
    </row>
    <row r="4005" spans="3:4" x14ac:dyDescent="0.25">
      <c r="C4005"/>
      <c r="D4005"/>
    </row>
    <row r="4006" spans="3:4" x14ac:dyDescent="0.25">
      <c r="C4006"/>
      <c r="D4006"/>
    </row>
    <row r="4007" spans="3:4" x14ac:dyDescent="0.25">
      <c r="C4007"/>
      <c r="D4007"/>
    </row>
    <row r="4008" spans="3:4" x14ac:dyDescent="0.25">
      <c r="C4008"/>
      <c r="D4008"/>
    </row>
    <row r="4009" spans="3:4" x14ac:dyDescent="0.25">
      <c r="C4009"/>
      <c r="D4009"/>
    </row>
    <row r="4010" spans="3:4" x14ac:dyDescent="0.25">
      <c r="C4010"/>
      <c r="D4010"/>
    </row>
    <row r="4011" spans="3:4" x14ac:dyDescent="0.25">
      <c r="C4011"/>
      <c r="D4011"/>
    </row>
    <row r="4012" spans="3:4" x14ac:dyDescent="0.25">
      <c r="C4012"/>
      <c r="D4012"/>
    </row>
    <row r="4013" spans="3:4" x14ac:dyDescent="0.25">
      <c r="C4013"/>
      <c r="D4013"/>
    </row>
    <row r="4014" spans="3:4" x14ac:dyDescent="0.25">
      <c r="C4014"/>
      <c r="D4014"/>
    </row>
    <row r="4015" spans="3:4" x14ac:dyDescent="0.25">
      <c r="C4015"/>
      <c r="D4015"/>
    </row>
    <row r="4016" spans="3:4" x14ac:dyDescent="0.25">
      <c r="C4016"/>
      <c r="D4016"/>
    </row>
    <row r="4017" spans="3:4" x14ac:dyDescent="0.25">
      <c r="C4017"/>
      <c r="D4017"/>
    </row>
    <row r="4018" spans="3:4" x14ac:dyDescent="0.25">
      <c r="C4018"/>
      <c r="D4018"/>
    </row>
    <row r="4019" spans="3:4" x14ac:dyDescent="0.25">
      <c r="C4019"/>
      <c r="D4019"/>
    </row>
    <row r="4020" spans="3:4" x14ac:dyDescent="0.25">
      <c r="C4020"/>
      <c r="D4020"/>
    </row>
    <row r="4021" spans="3:4" x14ac:dyDescent="0.25">
      <c r="C4021"/>
      <c r="D4021"/>
    </row>
    <row r="4022" spans="3:4" x14ac:dyDescent="0.25">
      <c r="C4022"/>
      <c r="D4022"/>
    </row>
    <row r="4023" spans="3:4" x14ac:dyDescent="0.25">
      <c r="C4023"/>
      <c r="D4023"/>
    </row>
    <row r="4024" spans="3:4" x14ac:dyDescent="0.25">
      <c r="C4024"/>
      <c r="D4024"/>
    </row>
    <row r="4025" spans="3:4" x14ac:dyDescent="0.25">
      <c r="C4025"/>
      <c r="D4025"/>
    </row>
    <row r="4026" spans="3:4" x14ac:dyDescent="0.25">
      <c r="C4026"/>
      <c r="D4026"/>
    </row>
    <row r="4027" spans="3:4" x14ac:dyDescent="0.25">
      <c r="C4027"/>
      <c r="D4027"/>
    </row>
    <row r="4028" spans="3:4" x14ac:dyDescent="0.25">
      <c r="C4028"/>
      <c r="D4028"/>
    </row>
    <row r="4029" spans="3:4" x14ac:dyDescent="0.25">
      <c r="C4029"/>
      <c r="D4029"/>
    </row>
    <row r="4030" spans="3:4" x14ac:dyDescent="0.25">
      <c r="C4030"/>
      <c r="D4030"/>
    </row>
    <row r="4031" spans="3:4" x14ac:dyDescent="0.25">
      <c r="C4031"/>
      <c r="D4031"/>
    </row>
    <row r="4032" spans="3:4" x14ac:dyDescent="0.25">
      <c r="C4032"/>
      <c r="D4032"/>
    </row>
    <row r="4033" spans="3:4" x14ac:dyDescent="0.25">
      <c r="C4033"/>
      <c r="D4033"/>
    </row>
    <row r="4034" spans="3:4" x14ac:dyDescent="0.25">
      <c r="C4034"/>
      <c r="D4034"/>
    </row>
    <row r="4035" spans="3:4" x14ac:dyDescent="0.25">
      <c r="C4035"/>
      <c r="D4035"/>
    </row>
    <row r="4036" spans="3:4" x14ac:dyDescent="0.25">
      <c r="C4036"/>
      <c r="D4036"/>
    </row>
    <row r="4037" spans="3:4" x14ac:dyDescent="0.25">
      <c r="C4037"/>
      <c r="D4037"/>
    </row>
    <row r="4038" spans="3:4" x14ac:dyDescent="0.25">
      <c r="C4038"/>
      <c r="D4038"/>
    </row>
    <row r="4039" spans="3:4" x14ac:dyDescent="0.25">
      <c r="C4039"/>
      <c r="D4039"/>
    </row>
    <row r="4040" spans="3:4" x14ac:dyDescent="0.25">
      <c r="C4040"/>
      <c r="D4040"/>
    </row>
    <row r="4041" spans="3:4" x14ac:dyDescent="0.25">
      <c r="C4041"/>
      <c r="D4041"/>
    </row>
    <row r="4042" spans="3:4" x14ac:dyDescent="0.25">
      <c r="C4042"/>
      <c r="D4042"/>
    </row>
    <row r="4043" spans="3:4" x14ac:dyDescent="0.25">
      <c r="C4043"/>
      <c r="D4043"/>
    </row>
    <row r="4044" spans="3:4" x14ac:dyDescent="0.25">
      <c r="C4044"/>
      <c r="D4044"/>
    </row>
    <row r="4045" spans="3:4" x14ac:dyDescent="0.25">
      <c r="C4045"/>
      <c r="D4045"/>
    </row>
    <row r="4046" spans="3:4" x14ac:dyDescent="0.25">
      <c r="C4046"/>
      <c r="D4046"/>
    </row>
    <row r="4047" spans="3:4" x14ac:dyDescent="0.25">
      <c r="C4047"/>
      <c r="D4047"/>
    </row>
    <row r="4048" spans="3:4" x14ac:dyDescent="0.25">
      <c r="C4048"/>
      <c r="D4048"/>
    </row>
    <row r="4049" spans="3:4" x14ac:dyDescent="0.25">
      <c r="C4049"/>
      <c r="D4049"/>
    </row>
    <row r="4050" spans="3:4" x14ac:dyDescent="0.25">
      <c r="C4050"/>
      <c r="D4050"/>
    </row>
    <row r="4051" spans="3:4" x14ac:dyDescent="0.25">
      <c r="C4051"/>
      <c r="D4051"/>
    </row>
    <row r="4052" spans="3:4" x14ac:dyDescent="0.25">
      <c r="C4052"/>
      <c r="D4052"/>
    </row>
    <row r="4053" spans="3:4" x14ac:dyDescent="0.25">
      <c r="C4053"/>
      <c r="D4053"/>
    </row>
    <row r="4054" spans="3:4" x14ac:dyDescent="0.25">
      <c r="C4054"/>
      <c r="D4054"/>
    </row>
    <row r="4055" spans="3:4" x14ac:dyDescent="0.25">
      <c r="C4055"/>
      <c r="D4055"/>
    </row>
    <row r="4056" spans="3:4" x14ac:dyDescent="0.25">
      <c r="C4056"/>
      <c r="D4056"/>
    </row>
    <row r="4057" spans="3:4" x14ac:dyDescent="0.25">
      <c r="C4057"/>
      <c r="D4057"/>
    </row>
    <row r="4058" spans="3:4" x14ac:dyDescent="0.25">
      <c r="C4058"/>
      <c r="D4058"/>
    </row>
    <row r="4059" spans="3:4" x14ac:dyDescent="0.25">
      <c r="C4059"/>
      <c r="D4059"/>
    </row>
    <row r="4060" spans="3:4" x14ac:dyDescent="0.25">
      <c r="C4060"/>
      <c r="D4060"/>
    </row>
    <row r="4061" spans="3:4" x14ac:dyDescent="0.25">
      <c r="C4061"/>
      <c r="D4061"/>
    </row>
    <row r="4062" spans="3:4" x14ac:dyDescent="0.25">
      <c r="C4062"/>
      <c r="D4062"/>
    </row>
    <row r="4063" spans="3:4" x14ac:dyDescent="0.25">
      <c r="C4063"/>
      <c r="D4063"/>
    </row>
    <row r="4064" spans="3:4" x14ac:dyDescent="0.25">
      <c r="C4064"/>
      <c r="D4064"/>
    </row>
    <row r="4065" spans="3:4" x14ac:dyDescent="0.25">
      <c r="C4065"/>
      <c r="D4065"/>
    </row>
    <row r="4066" spans="3:4" x14ac:dyDescent="0.25">
      <c r="C4066"/>
      <c r="D4066"/>
    </row>
    <row r="4067" spans="3:4" x14ac:dyDescent="0.25">
      <c r="C4067"/>
      <c r="D4067"/>
    </row>
    <row r="4068" spans="3:4" x14ac:dyDescent="0.25">
      <c r="C4068"/>
      <c r="D4068"/>
    </row>
    <row r="4069" spans="3:4" x14ac:dyDescent="0.25">
      <c r="C4069"/>
      <c r="D4069"/>
    </row>
    <row r="4070" spans="3:4" x14ac:dyDescent="0.25">
      <c r="C4070"/>
      <c r="D4070"/>
    </row>
    <row r="4071" spans="3:4" x14ac:dyDescent="0.25">
      <c r="C4071"/>
      <c r="D4071"/>
    </row>
    <row r="4072" spans="3:4" x14ac:dyDescent="0.25">
      <c r="C4072"/>
      <c r="D4072"/>
    </row>
    <row r="4073" spans="3:4" x14ac:dyDescent="0.25">
      <c r="C4073"/>
      <c r="D4073"/>
    </row>
    <row r="4074" spans="3:4" x14ac:dyDescent="0.25">
      <c r="C4074"/>
      <c r="D4074"/>
    </row>
    <row r="4075" spans="3:4" x14ac:dyDescent="0.25">
      <c r="C4075"/>
      <c r="D4075"/>
    </row>
    <row r="4076" spans="3:4" x14ac:dyDescent="0.25">
      <c r="C4076"/>
      <c r="D4076"/>
    </row>
    <row r="4077" spans="3:4" x14ac:dyDescent="0.25">
      <c r="C4077"/>
      <c r="D4077"/>
    </row>
    <row r="4078" spans="3:4" x14ac:dyDescent="0.25">
      <c r="C4078"/>
      <c r="D4078"/>
    </row>
    <row r="4079" spans="3:4" x14ac:dyDescent="0.25">
      <c r="C4079"/>
      <c r="D4079"/>
    </row>
    <row r="4080" spans="3:4" x14ac:dyDescent="0.25">
      <c r="C4080"/>
      <c r="D4080"/>
    </row>
    <row r="4081" spans="3:4" x14ac:dyDescent="0.25">
      <c r="C4081"/>
      <c r="D4081"/>
    </row>
    <row r="4082" spans="3:4" x14ac:dyDescent="0.25">
      <c r="C4082"/>
      <c r="D4082"/>
    </row>
    <row r="4083" spans="3:4" x14ac:dyDescent="0.25">
      <c r="C4083"/>
      <c r="D4083"/>
    </row>
    <row r="4084" spans="3:4" x14ac:dyDescent="0.25">
      <c r="C4084"/>
      <c r="D4084"/>
    </row>
    <row r="4085" spans="3:4" x14ac:dyDescent="0.25">
      <c r="C4085"/>
      <c r="D4085"/>
    </row>
    <row r="4086" spans="3:4" x14ac:dyDescent="0.25">
      <c r="C4086"/>
      <c r="D4086"/>
    </row>
    <row r="4087" spans="3:4" x14ac:dyDescent="0.25">
      <c r="C4087"/>
      <c r="D4087"/>
    </row>
    <row r="4088" spans="3:4" x14ac:dyDescent="0.25">
      <c r="C4088"/>
      <c r="D4088"/>
    </row>
    <row r="4089" spans="3:4" x14ac:dyDescent="0.25">
      <c r="C4089"/>
      <c r="D4089"/>
    </row>
    <row r="4090" spans="3:4" x14ac:dyDescent="0.25">
      <c r="C4090"/>
      <c r="D4090"/>
    </row>
    <row r="4091" spans="3:4" x14ac:dyDescent="0.25">
      <c r="C4091"/>
      <c r="D4091"/>
    </row>
    <row r="4092" spans="3:4" x14ac:dyDescent="0.25">
      <c r="C4092"/>
      <c r="D4092"/>
    </row>
    <row r="4093" spans="3:4" x14ac:dyDescent="0.25">
      <c r="C4093"/>
      <c r="D4093"/>
    </row>
    <row r="4094" spans="3:4" x14ac:dyDescent="0.25">
      <c r="C4094"/>
      <c r="D4094"/>
    </row>
    <row r="4095" spans="3:4" x14ac:dyDescent="0.25">
      <c r="C4095"/>
      <c r="D4095"/>
    </row>
    <row r="4096" spans="3:4" x14ac:dyDescent="0.25">
      <c r="C4096"/>
      <c r="D4096"/>
    </row>
    <row r="4097" spans="3:4" x14ac:dyDescent="0.25">
      <c r="C4097"/>
      <c r="D4097"/>
    </row>
    <row r="4098" spans="3:4" x14ac:dyDescent="0.25">
      <c r="C4098"/>
      <c r="D4098"/>
    </row>
    <row r="4099" spans="3:4" x14ac:dyDescent="0.25">
      <c r="C4099"/>
      <c r="D4099"/>
    </row>
    <row r="4100" spans="3:4" x14ac:dyDescent="0.25">
      <c r="C4100"/>
      <c r="D4100"/>
    </row>
    <row r="4101" spans="3:4" x14ac:dyDescent="0.25">
      <c r="C4101"/>
      <c r="D4101"/>
    </row>
    <row r="4102" spans="3:4" x14ac:dyDescent="0.25">
      <c r="C4102"/>
      <c r="D4102"/>
    </row>
    <row r="4103" spans="3:4" x14ac:dyDescent="0.25">
      <c r="C4103"/>
      <c r="D4103"/>
    </row>
    <row r="4104" spans="3:4" x14ac:dyDescent="0.25">
      <c r="C4104"/>
      <c r="D4104"/>
    </row>
    <row r="4105" spans="3:4" x14ac:dyDescent="0.25">
      <c r="C4105"/>
      <c r="D4105"/>
    </row>
    <row r="4106" spans="3:4" x14ac:dyDescent="0.25">
      <c r="C4106"/>
      <c r="D4106"/>
    </row>
    <row r="4107" spans="3:4" x14ac:dyDescent="0.25">
      <c r="C4107"/>
      <c r="D4107"/>
    </row>
    <row r="4108" spans="3:4" x14ac:dyDescent="0.25">
      <c r="C4108"/>
      <c r="D4108"/>
    </row>
    <row r="4109" spans="3:4" x14ac:dyDescent="0.25">
      <c r="C4109"/>
      <c r="D4109"/>
    </row>
    <row r="4110" spans="3:4" x14ac:dyDescent="0.25">
      <c r="C4110"/>
      <c r="D4110"/>
    </row>
    <row r="4111" spans="3:4" x14ac:dyDescent="0.25">
      <c r="C4111"/>
      <c r="D4111"/>
    </row>
    <row r="4112" spans="3:4" x14ac:dyDescent="0.25">
      <c r="C4112"/>
      <c r="D4112"/>
    </row>
    <row r="4113" spans="3:4" x14ac:dyDescent="0.25">
      <c r="C4113"/>
      <c r="D4113"/>
    </row>
    <row r="4114" spans="3:4" x14ac:dyDescent="0.25">
      <c r="C4114"/>
      <c r="D4114"/>
    </row>
    <row r="4115" spans="3:4" x14ac:dyDescent="0.25">
      <c r="C4115"/>
      <c r="D4115"/>
    </row>
    <row r="4116" spans="3:4" x14ac:dyDescent="0.25">
      <c r="C4116"/>
      <c r="D4116"/>
    </row>
    <row r="4117" spans="3:4" x14ac:dyDescent="0.25">
      <c r="C4117"/>
      <c r="D4117"/>
    </row>
    <row r="4118" spans="3:4" x14ac:dyDescent="0.25">
      <c r="C4118"/>
      <c r="D4118"/>
    </row>
    <row r="4119" spans="3:4" x14ac:dyDescent="0.25">
      <c r="C4119"/>
      <c r="D4119"/>
    </row>
    <row r="4120" spans="3:4" x14ac:dyDescent="0.25">
      <c r="C4120"/>
      <c r="D4120"/>
    </row>
    <row r="4121" spans="3:4" x14ac:dyDescent="0.25">
      <c r="C4121"/>
      <c r="D4121"/>
    </row>
    <row r="4122" spans="3:4" x14ac:dyDescent="0.25">
      <c r="C4122"/>
      <c r="D4122"/>
    </row>
    <row r="4123" spans="3:4" x14ac:dyDescent="0.25">
      <c r="C4123"/>
      <c r="D4123"/>
    </row>
    <row r="4124" spans="3:4" x14ac:dyDescent="0.25">
      <c r="C4124"/>
      <c r="D4124"/>
    </row>
    <row r="4125" spans="3:4" x14ac:dyDescent="0.25">
      <c r="C4125"/>
      <c r="D4125"/>
    </row>
    <row r="4126" spans="3:4" x14ac:dyDescent="0.25">
      <c r="C4126"/>
      <c r="D4126"/>
    </row>
    <row r="4127" spans="3:4" x14ac:dyDescent="0.25">
      <c r="C4127"/>
      <c r="D4127"/>
    </row>
    <row r="4128" spans="3:4" x14ac:dyDescent="0.25">
      <c r="C4128"/>
      <c r="D4128"/>
    </row>
    <row r="4129" spans="3:4" x14ac:dyDescent="0.25">
      <c r="C4129"/>
      <c r="D4129"/>
    </row>
    <row r="4130" spans="3:4" x14ac:dyDescent="0.25">
      <c r="C4130"/>
      <c r="D4130"/>
    </row>
    <row r="4131" spans="3:4" x14ac:dyDescent="0.25">
      <c r="C4131"/>
      <c r="D4131"/>
    </row>
    <row r="4132" spans="3:4" x14ac:dyDescent="0.25">
      <c r="C4132"/>
      <c r="D4132"/>
    </row>
    <row r="4133" spans="3:4" x14ac:dyDescent="0.25">
      <c r="C4133"/>
      <c r="D4133"/>
    </row>
    <row r="4134" spans="3:4" x14ac:dyDescent="0.25">
      <c r="C4134"/>
      <c r="D4134"/>
    </row>
    <row r="4135" spans="3:4" x14ac:dyDescent="0.25">
      <c r="C4135"/>
      <c r="D4135"/>
    </row>
    <row r="4136" spans="3:4" x14ac:dyDescent="0.25">
      <c r="C4136"/>
      <c r="D4136"/>
    </row>
    <row r="4137" spans="3:4" x14ac:dyDescent="0.25">
      <c r="C4137"/>
      <c r="D4137"/>
    </row>
    <row r="4138" spans="3:4" x14ac:dyDescent="0.25">
      <c r="C4138"/>
      <c r="D4138"/>
    </row>
    <row r="4139" spans="3:4" x14ac:dyDescent="0.25">
      <c r="C4139"/>
      <c r="D4139"/>
    </row>
    <row r="4140" spans="3:4" x14ac:dyDescent="0.25">
      <c r="C4140"/>
      <c r="D4140"/>
    </row>
    <row r="4141" spans="3:4" x14ac:dyDescent="0.25">
      <c r="C4141"/>
      <c r="D4141"/>
    </row>
    <row r="4142" spans="3:4" x14ac:dyDescent="0.25">
      <c r="C4142"/>
      <c r="D4142"/>
    </row>
    <row r="4143" spans="3:4" x14ac:dyDescent="0.25">
      <c r="C4143"/>
      <c r="D4143"/>
    </row>
    <row r="4144" spans="3:4" x14ac:dyDescent="0.25">
      <c r="C4144"/>
      <c r="D4144"/>
    </row>
    <row r="4145" spans="3:4" x14ac:dyDescent="0.25">
      <c r="C4145"/>
      <c r="D4145"/>
    </row>
    <row r="4146" spans="3:4" x14ac:dyDescent="0.25">
      <c r="C4146"/>
      <c r="D4146"/>
    </row>
    <row r="4147" spans="3:4" x14ac:dyDescent="0.25">
      <c r="C4147"/>
      <c r="D4147"/>
    </row>
    <row r="4148" spans="3:4" x14ac:dyDescent="0.25">
      <c r="C4148"/>
      <c r="D4148"/>
    </row>
    <row r="4149" spans="3:4" x14ac:dyDescent="0.25">
      <c r="C4149"/>
      <c r="D4149"/>
    </row>
    <row r="4150" spans="3:4" x14ac:dyDescent="0.25">
      <c r="C4150"/>
      <c r="D4150"/>
    </row>
    <row r="4151" spans="3:4" x14ac:dyDescent="0.25">
      <c r="C4151"/>
      <c r="D4151"/>
    </row>
    <row r="4152" spans="3:4" x14ac:dyDescent="0.25">
      <c r="C4152"/>
      <c r="D4152"/>
    </row>
    <row r="4153" spans="3:4" x14ac:dyDescent="0.25">
      <c r="C4153"/>
      <c r="D4153"/>
    </row>
    <row r="4154" spans="3:4" x14ac:dyDescent="0.25">
      <c r="C4154"/>
      <c r="D4154"/>
    </row>
    <row r="4155" spans="3:4" x14ac:dyDescent="0.25">
      <c r="C4155"/>
      <c r="D4155"/>
    </row>
    <row r="4156" spans="3:4" x14ac:dyDescent="0.25">
      <c r="C4156"/>
      <c r="D4156"/>
    </row>
    <row r="4157" spans="3:4" x14ac:dyDescent="0.25">
      <c r="C4157"/>
      <c r="D4157"/>
    </row>
    <row r="4158" spans="3:4" x14ac:dyDescent="0.25">
      <c r="C4158"/>
      <c r="D4158"/>
    </row>
    <row r="4159" spans="3:4" x14ac:dyDescent="0.25">
      <c r="C4159"/>
      <c r="D4159"/>
    </row>
    <row r="4160" spans="3:4" x14ac:dyDescent="0.25">
      <c r="C4160"/>
      <c r="D4160"/>
    </row>
    <row r="4161" spans="3:4" x14ac:dyDescent="0.25">
      <c r="C4161"/>
      <c r="D4161"/>
    </row>
    <row r="4162" spans="3:4" x14ac:dyDescent="0.25">
      <c r="C4162"/>
      <c r="D4162"/>
    </row>
    <row r="4163" spans="3:4" x14ac:dyDescent="0.25">
      <c r="C4163"/>
      <c r="D4163"/>
    </row>
    <row r="4164" spans="3:4" x14ac:dyDescent="0.25">
      <c r="C4164"/>
      <c r="D4164"/>
    </row>
    <row r="4165" spans="3:4" x14ac:dyDescent="0.25">
      <c r="C4165"/>
      <c r="D4165"/>
    </row>
    <row r="4166" spans="3:4" x14ac:dyDescent="0.25">
      <c r="C4166"/>
      <c r="D4166"/>
    </row>
    <row r="4167" spans="3:4" x14ac:dyDescent="0.25">
      <c r="C4167"/>
      <c r="D4167"/>
    </row>
    <row r="4168" spans="3:4" x14ac:dyDescent="0.25">
      <c r="C4168"/>
      <c r="D4168"/>
    </row>
    <row r="4169" spans="3:4" x14ac:dyDescent="0.25">
      <c r="C4169"/>
      <c r="D4169"/>
    </row>
    <row r="4170" spans="3:4" x14ac:dyDescent="0.25">
      <c r="C4170"/>
      <c r="D4170"/>
    </row>
    <row r="4171" spans="3:4" x14ac:dyDescent="0.25">
      <c r="C4171"/>
      <c r="D4171"/>
    </row>
    <row r="4172" spans="3:4" x14ac:dyDescent="0.25">
      <c r="C4172"/>
      <c r="D4172"/>
    </row>
    <row r="4173" spans="3:4" x14ac:dyDescent="0.25">
      <c r="C4173"/>
      <c r="D4173"/>
    </row>
    <row r="4174" spans="3:4" x14ac:dyDescent="0.25">
      <c r="C4174"/>
      <c r="D4174"/>
    </row>
    <row r="4175" spans="3:4" x14ac:dyDescent="0.25">
      <c r="C4175"/>
      <c r="D4175"/>
    </row>
    <row r="4176" spans="3:4" x14ac:dyDescent="0.25">
      <c r="C4176"/>
      <c r="D4176"/>
    </row>
    <row r="4177" spans="3:4" x14ac:dyDescent="0.25">
      <c r="C4177"/>
      <c r="D4177"/>
    </row>
    <row r="4178" spans="3:4" x14ac:dyDescent="0.25">
      <c r="C4178"/>
      <c r="D4178"/>
    </row>
    <row r="4179" spans="3:4" x14ac:dyDescent="0.25">
      <c r="C4179"/>
      <c r="D4179"/>
    </row>
    <row r="4180" spans="3:4" x14ac:dyDescent="0.25">
      <c r="C4180"/>
      <c r="D4180"/>
    </row>
    <row r="4181" spans="3:4" x14ac:dyDescent="0.25">
      <c r="C4181"/>
      <c r="D4181"/>
    </row>
    <row r="4182" spans="3:4" x14ac:dyDescent="0.25">
      <c r="C4182"/>
      <c r="D4182"/>
    </row>
    <row r="4183" spans="3:4" x14ac:dyDescent="0.25">
      <c r="C4183"/>
      <c r="D4183"/>
    </row>
    <row r="4184" spans="3:4" x14ac:dyDescent="0.25">
      <c r="C4184"/>
      <c r="D4184"/>
    </row>
    <row r="4185" spans="3:4" x14ac:dyDescent="0.25">
      <c r="C4185"/>
      <c r="D4185"/>
    </row>
    <row r="4186" spans="3:4" x14ac:dyDescent="0.25">
      <c r="C4186"/>
      <c r="D4186"/>
    </row>
    <row r="4187" spans="3:4" x14ac:dyDescent="0.25">
      <c r="C4187"/>
      <c r="D4187"/>
    </row>
    <row r="4188" spans="3:4" x14ac:dyDescent="0.25">
      <c r="C4188"/>
      <c r="D4188"/>
    </row>
    <row r="4189" spans="3:4" x14ac:dyDescent="0.25">
      <c r="C4189"/>
      <c r="D4189"/>
    </row>
    <row r="4190" spans="3:4" x14ac:dyDescent="0.25">
      <c r="C4190"/>
      <c r="D4190"/>
    </row>
    <row r="4191" spans="3:4" x14ac:dyDescent="0.25">
      <c r="C4191"/>
      <c r="D4191"/>
    </row>
    <row r="4192" spans="3:4" x14ac:dyDescent="0.25">
      <c r="C4192"/>
      <c r="D4192"/>
    </row>
    <row r="4193" spans="3:4" x14ac:dyDescent="0.25">
      <c r="C4193"/>
      <c r="D4193"/>
    </row>
    <row r="4194" spans="3:4" x14ac:dyDescent="0.25">
      <c r="C4194"/>
      <c r="D4194"/>
    </row>
    <row r="4195" spans="3:4" x14ac:dyDescent="0.25">
      <c r="C4195"/>
      <c r="D4195"/>
    </row>
    <row r="4196" spans="3:4" x14ac:dyDescent="0.25">
      <c r="C4196"/>
      <c r="D4196"/>
    </row>
    <row r="4197" spans="3:4" x14ac:dyDescent="0.25">
      <c r="C4197"/>
      <c r="D4197"/>
    </row>
    <row r="4198" spans="3:4" x14ac:dyDescent="0.25">
      <c r="C4198"/>
      <c r="D4198"/>
    </row>
    <row r="4199" spans="3:4" x14ac:dyDescent="0.25">
      <c r="C4199"/>
      <c r="D4199"/>
    </row>
    <row r="4200" spans="3:4" x14ac:dyDescent="0.25">
      <c r="C4200"/>
      <c r="D4200"/>
    </row>
    <row r="4201" spans="3:4" x14ac:dyDescent="0.25">
      <c r="C4201"/>
      <c r="D4201"/>
    </row>
    <row r="4202" spans="3:4" x14ac:dyDescent="0.25">
      <c r="C4202"/>
      <c r="D4202"/>
    </row>
    <row r="4203" spans="3:4" x14ac:dyDescent="0.25">
      <c r="C4203"/>
      <c r="D4203"/>
    </row>
    <row r="4204" spans="3:4" x14ac:dyDescent="0.25">
      <c r="C4204"/>
      <c r="D4204"/>
    </row>
    <row r="4205" spans="3:4" x14ac:dyDescent="0.25">
      <c r="C4205"/>
      <c r="D4205"/>
    </row>
    <row r="4206" spans="3:4" x14ac:dyDescent="0.25">
      <c r="C4206"/>
      <c r="D4206"/>
    </row>
    <row r="4207" spans="3:4" x14ac:dyDescent="0.25">
      <c r="C4207"/>
      <c r="D4207"/>
    </row>
    <row r="4208" spans="3:4" x14ac:dyDescent="0.25">
      <c r="C4208"/>
      <c r="D4208"/>
    </row>
    <row r="4209" spans="3:4" x14ac:dyDescent="0.25">
      <c r="C4209"/>
      <c r="D4209"/>
    </row>
    <row r="4210" spans="3:4" x14ac:dyDescent="0.25">
      <c r="C4210"/>
      <c r="D4210"/>
    </row>
    <row r="4211" spans="3:4" x14ac:dyDescent="0.25">
      <c r="C4211"/>
      <c r="D4211"/>
    </row>
    <row r="4212" spans="3:4" x14ac:dyDescent="0.25">
      <c r="C4212"/>
      <c r="D4212"/>
    </row>
    <row r="4213" spans="3:4" x14ac:dyDescent="0.25">
      <c r="C4213"/>
      <c r="D4213"/>
    </row>
    <row r="4214" spans="3:4" x14ac:dyDescent="0.25">
      <c r="C4214"/>
      <c r="D4214"/>
    </row>
    <row r="4215" spans="3:4" x14ac:dyDescent="0.25">
      <c r="C4215"/>
      <c r="D4215"/>
    </row>
    <row r="4216" spans="3:4" x14ac:dyDescent="0.25">
      <c r="C4216"/>
      <c r="D4216"/>
    </row>
    <row r="4217" spans="3:4" x14ac:dyDescent="0.25">
      <c r="C4217"/>
      <c r="D4217"/>
    </row>
    <row r="4218" spans="3:4" x14ac:dyDescent="0.25">
      <c r="C4218"/>
      <c r="D4218"/>
    </row>
    <row r="4219" spans="3:4" x14ac:dyDescent="0.25">
      <c r="C4219"/>
      <c r="D4219"/>
    </row>
    <row r="4220" spans="3:4" x14ac:dyDescent="0.25">
      <c r="C4220"/>
      <c r="D4220"/>
    </row>
    <row r="4221" spans="3:4" x14ac:dyDescent="0.25">
      <c r="C4221"/>
      <c r="D4221"/>
    </row>
    <row r="4222" spans="3:4" x14ac:dyDescent="0.25">
      <c r="C4222"/>
      <c r="D4222"/>
    </row>
    <row r="4223" spans="3:4" x14ac:dyDescent="0.25">
      <c r="C4223"/>
      <c r="D4223"/>
    </row>
    <row r="4224" spans="3:4" x14ac:dyDescent="0.25">
      <c r="C4224"/>
      <c r="D4224"/>
    </row>
    <row r="4225" spans="3:4" x14ac:dyDescent="0.25">
      <c r="C4225"/>
      <c r="D4225"/>
    </row>
    <row r="4226" spans="3:4" x14ac:dyDescent="0.25">
      <c r="C4226"/>
      <c r="D4226"/>
    </row>
    <row r="4227" spans="3:4" x14ac:dyDescent="0.25">
      <c r="C4227"/>
      <c r="D4227"/>
    </row>
    <row r="4228" spans="3:4" x14ac:dyDescent="0.25">
      <c r="C4228"/>
      <c r="D4228"/>
    </row>
    <row r="4229" spans="3:4" x14ac:dyDescent="0.25">
      <c r="C4229"/>
      <c r="D4229"/>
    </row>
    <row r="4230" spans="3:4" x14ac:dyDescent="0.25">
      <c r="C4230"/>
      <c r="D4230"/>
    </row>
    <row r="4231" spans="3:4" x14ac:dyDescent="0.25">
      <c r="C4231"/>
      <c r="D4231"/>
    </row>
    <row r="4232" spans="3:4" x14ac:dyDescent="0.25">
      <c r="C4232"/>
      <c r="D4232"/>
    </row>
    <row r="4233" spans="3:4" x14ac:dyDescent="0.25">
      <c r="C4233"/>
      <c r="D4233"/>
    </row>
    <row r="4234" spans="3:4" x14ac:dyDescent="0.25">
      <c r="C4234"/>
      <c r="D4234"/>
    </row>
    <row r="4235" spans="3:4" x14ac:dyDescent="0.25">
      <c r="C4235"/>
      <c r="D4235"/>
    </row>
    <row r="4236" spans="3:4" x14ac:dyDescent="0.25">
      <c r="C4236"/>
      <c r="D4236"/>
    </row>
    <row r="4237" spans="3:4" x14ac:dyDescent="0.25">
      <c r="C4237"/>
      <c r="D4237"/>
    </row>
    <row r="4238" spans="3:4" x14ac:dyDescent="0.25">
      <c r="C4238"/>
      <c r="D4238"/>
    </row>
    <row r="4239" spans="3:4" x14ac:dyDescent="0.25">
      <c r="C4239"/>
      <c r="D4239"/>
    </row>
    <row r="4240" spans="3:4" x14ac:dyDescent="0.25">
      <c r="C4240"/>
      <c r="D4240"/>
    </row>
    <row r="4241" spans="3:4" x14ac:dyDescent="0.25">
      <c r="C4241"/>
      <c r="D4241"/>
    </row>
    <row r="4242" spans="3:4" x14ac:dyDescent="0.25">
      <c r="C4242"/>
      <c r="D4242"/>
    </row>
    <row r="4243" spans="3:4" x14ac:dyDescent="0.25">
      <c r="C4243"/>
      <c r="D4243"/>
    </row>
    <row r="4244" spans="3:4" x14ac:dyDescent="0.25">
      <c r="C4244"/>
      <c r="D4244"/>
    </row>
    <row r="4245" spans="3:4" x14ac:dyDescent="0.25">
      <c r="C4245"/>
      <c r="D4245"/>
    </row>
    <row r="4246" spans="3:4" x14ac:dyDescent="0.25">
      <c r="C4246"/>
      <c r="D4246"/>
    </row>
    <row r="4247" spans="3:4" x14ac:dyDescent="0.25">
      <c r="C4247"/>
      <c r="D4247"/>
    </row>
    <row r="4248" spans="3:4" x14ac:dyDescent="0.25">
      <c r="C4248"/>
      <c r="D4248"/>
    </row>
    <row r="4249" spans="3:4" x14ac:dyDescent="0.25">
      <c r="C4249"/>
      <c r="D4249"/>
    </row>
    <row r="4250" spans="3:4" x14ac:dyDescent="0.25">
      <c r="C4250"/>
      <c r="D4250"/>
    </row>
    <row r="4251" spans="3:4" x14ac:dyDescent="0.25">
      <c r="C4251"/>
      <c r="D4251"/>
    </row>
    <row r="4252" spans="3:4" x14ac:dyDescent="0.25">
      <c r="C4252"/>
      <c r="D4252"/>
    </row>
    <row r="4253" spans="3:4" x14ac:dyDescent="0.25">
      <c r="C4253"/>
      <c r="D4253"/>
    </row>
    <row r="4254" spans="3:4" x14ac:dyDescent="0.25">
      <c r="C4254"/>
      <c r="D4254"/>
    </row>
    <row r="4255" spans="3:4" x14ac:dyDescent="0.25">
      <c r="C4255"/>
      <c r="D4255"/>
    </row>
    <row r="4256" spans="3:4" x14ac:dyDescent="0.25">
      <c r="C4256"/>
      <c r="D4256"/>
    </row>
    <row r="4257" spans="3:4" x14ac:dyDescent="0.25">
      <c r="C4257"/>
      <c r="D4257"/>
    </row>
    <row r="4258" spans="3:4" x14ac:dyDescent="0.25">
      <c r="C4258"/>
      <c r="D4258"/>
    </row>
    <row r="4259" spans="3:4" x14ac:dyDescent="0.25">
      <c r="C4259"/>
      <c r="D4259"/>
    </row>
    <row r="4260" spans="3:4" x14ac:dyDescent="0.25">
      <c r="C4260"/>
      <c r="D4260"/>
    </row>
    <row r="4261" spans="3:4" x14ac:dyDescent="0.25">
      <c r="C4261"/>
      <c r="D4261"/>
    </row>
    <row r="4262" spans="3:4" x14ac:dyDescent="0.25">
      <c r="C4262"/>
      <c r="D4262"/>
    </row>
    <row r="4263" spans="3:4" x14ac:dyDescent="0.25">
      <c r="C4263"/>
      <c r="D4263"/>
    </row>
    <row r="4264" spans="3:4" x14ac:dyDescent="0.25">
      <c r="C4264"/>
      <c r="D4264"/>
    </row>
    <row r="4265" spans="3:4" x14ac:dyDescent="0.25">
      <c r="C4265"/>
      <c r="D4265"/>
    </row>
    <row r="4266" spans="3:4" x14ac:dyDescent="0.25">
      <c r="C4266"/>
      <c r="D4266"/>
    </row>
    <row r="4267" spans="3:4" x14ac:dyDescent="0.25">
      <c r="C4267"/>
      <c r="D4267"/>
    </row>
    <row r="4268" spans="3:4" x14ac:dyDescent="0.25">
      <c r="C4268"/>
      <c r="D4268"/>
    </row>
    <row r="4269" spans="3:4" x14ac:dyDescent="0.25">
      <c r="C4269"/>
      <c r="D4269"/>
    </row>
    <row r="4270" spans="3:4" x14ac:dyDescent="0.25">
      <c r="C4270"/>
      <c r="D4270"/>
    </row>
    <row r="4271" spans="3:4" x14ac:dyDescent="0.25">
      <c r="C4271"/>
      <c r="D4271"/>
    </row>
    <row r="4272" spans="3:4" x14ac:dyDescent="0.25">
      <c r="C4272"/>
      <c r="D4272"/>
    </row>
    <row r="4273" spans="3:4" x14ac:dyDescent="0.25">
      <c r="C4273"/>
      <c r="D4273"/>
    </row>
    <row r="4274" spans="3:4" x14ac:dyDescent="0.25">
      <c r="C4274"/>
      <c r="D4274"/>
    </row>
    <row r="4275" spans="3:4" x14ac:dyDescent="0.25">
      <c r="C4275"/>
      <c r="D4275"/>
    </row>
    <row r="4276" spans="3:4" x14ac:dyDescent="0.25">
      <c r="C4276"/>
      <c r="D4276"/>
    </row>
    <row r="4277" spans="3:4" x14ac:dyDescent="0.25">
      <c r="C4277"/>
      <c r="D4277"/>
    </row>
    <row r="4278" spans="3:4" x14ac:dyDescent="0.25">
      <c r="C4278"/>
      <c r="D4278"/>
    </row>
    <row r="4279" spans="3:4" x14ac:dyDescent="0.25">
      <c r="C4279"/>
      <c r="D4279"/>
    </row>
    <row r="4280" spans="3:4" x14ac:dyDescent="0.25">
      <c r="C4280"/>
      <c r="D4280"/>
    </row>
    <row r="4281" spans="3:4" x14ac:dyDescent="0.25">
      <c r="C4281"/>
      <c r="D4281"/>
    </row>
    <row r="4282" spans="3:4" x14ac:dyDescent="0.25">
      <c r="C4282"/>
      <c r="D4282"/>
    </row>
    <row r="4283" spans="3:4" x14ac:dyDescent="0.25">
      <c r="C4283"/>
      <c r="D4283"/>
    </row>
    <row r="4284" spans="3:4" x14ac:dyDescent="0.25">
      <c r="C4284"/>
      <c r="D4284"/>
    </row>
    <row r="4285" spans="3:4" x14ac:dyDescent="0.25">
      <c r="C4285"/>
      <c r="D4285"/>
    </row>
    <row r="4286" spans="3:4" x14ac:dyDescent="0.25">
      <c r="C4286"/>
      <c r="D4286"/>
    </row>
    <row r="4287" spans="3:4" x14ac:dyDescent="0.25">
      <c r="C4287"/>
      <c r="D4287"/>
    </row>
    <row r="4288" spans="3:4" x14ac:dyDescent="0.25">
      <c r="C4288"/>
      <c r="D4288"/>
    </row>
    <row r="4289" spans="3:4" x14ac:dyDescent="0.25">
      <c r="C4289"/>
      <c r="D4289"/>
    </row>
    <row r="4290" spans="3:4" x14ac:dyDescent="0.25">
      <c r="C4290"/>
      <c r="D4290"/>
    </row>
    <row r="4291" spans="3:4" x14ac:dyDescent="0.25">
      <c r="C4291"/>
      <c r="D4291"/>
    </row>
    <row r="4292" spans="3:4" x14ac:dyDescent="0.25">
      <c r="C4292"/>
      <c r="D4292"/>
    </row>
    <row r="4293" spans="3:4" x14ac:dyDescent="0.25">
      <c r="C4293"/>
      <c r="D4293"/>
    </row>
    <row r="4294" spans="3:4" x14ac:dyDescent="0.25">
      <c r="C4294"/>
      <c r="D4294"/>
    </row>
    <row r="4295" spans="3:4" x14ac:dyDescent="0.25">
      <c r="C4295"/>
      <c r="D4295"/>
    </row>
    <row r="4296" spans="3:4" x14ac:dyDescent="0.25">
      <c r="C4296"/>
      <c r="D4296"/>
    </row>
    <row r="4297" spans="3:4" x14ac:dyDescent="0.25">
      <c r="C4297"/>
      <c r="D4297"/>
    </row>
    <row r="4298" spans="3:4" x14ac:dyDescent="0.25">
      <c r="C4298"/>
      <c r="D4298"/>
    </row>
    <row r="4299" spans="3:4" x14ac:dyDescent="0.25">
      <c r="C4299"/>
      <c r="D4299"/>
    </row>
    <row r="4300" spans="3:4" x14ac:dyDescent="0.25">
      <c r="C4300"/>
      <c r="D4300"/>
    </row>
    <row r="4301" spans="3:4" x14ac:dyDescent="0.25">
      <c r="C4301"/>
      <c r="D4301"/>
    </row>
    <row r="4302" spans="3:4" x14ac:dyDescent="0.25">
      <c r="C4302"/>
      <c r="D4302"/>
    </row>
    <row r="4303" spans="3:4" x14ac:dyDescent="0.25">
      <c r="C4303"/>
      <c r="D4303"/>
    </row>
    <row r="4304" spans="3:4" x14ac:dyDescent="0.25">
      <c r="C4304"/>
      <c r="D4304"/>
    </row>
    <row r="4305" spans="3:4" x14ac:dyDescent="0.25">
      <c r="C4305"/>
      <c r="D4305"/>
    </row>
    <row r="4306" spans="3:4" x14ac:dyDescent="0.25">
      <c r="C4306"/>
      <c r="D4306"/>
    </row>
    <row r="4307" spans="3:4" x14ac:dyDescent="0.25">
      <c r="C4307"/>
      <c r="D4307"/>
    </row>
    <row r="4308" spans="3:4" x14ac:dyDescent="0.25">
      <c r="C4308"/>
      <c r="D4308"/>
    </row>
    <row r="4309" spans="3:4" x14ac:dyDescent="0.25">
      <c r="C4309"/>
      <c r="D4309"/>
    </row>
    <row r="4310" spans="3:4" x14ac:dyDescent="0.25">
      <c r="C4310"/>
      <c r="D4310"/>
    </row>
    <row r="4311" spans="3:4" x14ac:dyDescent="0.25">
      <c r="C4311"/>
      <c r="D4311"/>
    </row>
    <row r="4312" spans="3:4" x14ac:dyDescent="0.25">
      <c r="C4312"/>
      <c r="D4312"/>
    </row>
    <row r="4313" spans="3:4" x14ac:dyDescent="0.25">
      <c r="C4313"/>
      <c r="D4313"/>
    </row>
    <row r="4314" spans="3:4" x14ac:dyDescent="0.25">
      <c r="C4314"/>
      <c r="D4314"/>
    </row>
    <row r="4315" spans="3:4" x14ac:dyDescent="0.25">
      <c r="C4315"/>
      <c r="D4315"/>
    </row>
    <row r="4316" spans="3:4" x14ac:dyDescent="0.25">
      <c r="C4316"/>
      <c r="D4316"/>
    </row>
    <row r="4317" spans="3:4" x14ac:dyDescent="0.25">
      <c r="C4317"/>
      <c r="D4317"/>
    </row>
    <row r="4318" spans="3:4" x14ac:dyDescent="0.25">
      <c r="C4318"/>
      <c r="D4318"/>
    </row>
    <row r="4319" spans="3:4" x14ac:dyDescent="0.25">
      <c r="C4319"/>
      <c r="D4319"/>
    </row>
    <row r="4320" spans="3:4" x14ac:dyDescent="0.25">
      <c r="C4320"/>
      <c r="D4320"/>
    </row>
    <row r="4321" spans="3:4" x14ac:dyDescent="0.25">
      <c r="C4321"/>
      <c r="D4321"/>
    </row>
    <row r="4322" spans="3:4" x14ac:dyDescent="0.25">
      <c r="C4322"/>
      <c r="D4322"/>
    </row>
    <row r="4323" spans="3:4" x14ac:dyDescent="0.25">
      <c r="C4323"/>
      <c r="D4323"/>
    </row>
    <row r="4324" spans="3:4" x14ac:dyDescent="0.25">
      <c r="C4324"/>
      <c r="D4324"/>
    </row>
    <row r="4325" spans="3:4" x14ac:dyDescent="0.25">
      <c r="C4325"/>
      <c r="D4325"/>
    </row>
    <row r="4326" spans="3:4" x14ac:dyDescent="0.25">
      <c r="C4326"/>
      <c r="D4326"/>
    </row>
    <row r="4327" spans="3:4" x14ac:dyDescent="0.25">
      <c r="C4327"/>
      <c r="D4327"/>
    </row>
    <row r="4328" spans="3:4" x14ac:dyDescent="0.25">
      <c r="C4328"/>
      <c r="D4328"/>
    </row>
    <row r="4329" spans="3:4" x14ac:dyDescent="0.25">
      <c r="C4329"/>
      <c r="D4329"/>
    </row>
    <row r="4330" spans="3:4" x14ac:dyDescent="0.25">
      <c r="C4330"/>
      <c r="D4330"/>
    </row>
    <row r="4331" spans="3:4" x14ac:dyDescent="0.25">
      <c r="C4331"/>
      <c r="D4331"/>
    </row>
    <row r="4332" spans="3:4" x14ac:dyDescent="0.25">
      <c r="C4332"/>
      <c r="D4332"/>
    </row>
    <row r="4333" spans="3:4" x14ac:dyDescent="0.25">
      <c r="C4333"/>
      <c r="D4333"/>
    </row>
    <row r="4334" spans="3:4" x14ac:dyDescent="0.25">
      <c r="C4334"/>
      <c r="D4334"/>
    </row>
    <row r="4335" spans="3:4" x14ac:dyDescent="0.25">
      <c r="C4335"/>
      <c r="D4335"/>
    </row>
    <row r="4336" spans="3:4" x14ac:dyDescent="0.25">
      <c r="C4336"/>
      <c r="D4336"/>
    </row>
    <row r="4337" spans="3:4" x14ac:dyDescent="0.25">
      <c r="C4337"/>
      <c r="D4337"/>
    </row>
    <row r="4338" spans="3:4" x14ac:dyDescent="0.25">
      <c r="C4338"/>
      <c r="D4338"/>
    </row>
    <row r="4339" spans="3:4" x14ac:dyDescent="0.25">
      <c r="C4339"/>
      <c r="D4339"/>
    </row>
    <row r="4340" spans="3:4" x14ac:dyDescent="0.25">
      <c r="C4340"/>
      <c r="D4340"/>
    </row>
    <row r="4341" spans="3:4" x14ac:dyDescent="0.25">
      <c r="C4341"/>
      <c r="D4341"/>
    </row>
    <row r="4342" spans="3:4" x14ac:dyDescent="0.25">
      <c r="C4342"/>
      <c r="D4342"/>
    </row>
    <row r="4343" spans="3:4" x14ac:dyDescent="0.25">
      <c r="C4343"/>
      <c r="D4343"/>
    </row>
    <row r="4344" spans="3:4" x14ac:dyDescent="0.25">
      <c r="C4344"/>
      <c r="D4344"/>
    </row>
    <row r="4345" spans="3:4" x14ac:dyDescent="0.25">
      <c r="C4345"/>
      <c r="D4345"/>
    </row>
    <row r="4346" spans="3:4" x14ac:dyDescent="0.25">
      <c r="C4346"/>
      <c r="D4346"/>
    </row>
    <row r="4347" spans="3:4" x14ac:dyDescent="0.25">
      <c r="C4347"/>
      <c r="D4347"/>
    </row>
    <row r="4348" spans="3:4" x14ac:dyDescent="0.25">
      <c r="C4348"/>
      <c r="D4348"/>
    </row>
    <row r="4349" spans="3:4" x14ac:dyDescent="0.25">
      <c r="C4349"/>
      <c r="D4349"/>
    </row>
    <row r="4350" spans="3:4" x14ac:dyDescent="0.25">
      <c r="C4350"/>
      <c r="D4350"/>
    </row>
    <row r="4351" spans="3:4" x14ac:dyDescent="0.25">
      <c r="C4351"/>
      <c r="D4351"/>
    </row>
    <row r="4352" spans="3:4" x14ac:dyDescent="0.25">
      <c r="C4352"/>
      <c r="D4352"/>
    </row>
    <row r="4353" spans="3:4" x14ac:dyDescent="0.25">
      <c r="C4353"/>
      <c r="D4353"/>
    </row>
    <row r="4354" spans="3:4" x14ac:dyDescent="0.25">
      <c r="C4354"/>
      <c r="D4354"/>
    </row>
    <row r="4355" spans="3:4" x14ac:dyDescent="0.25">
      <c r="C4355"/>
      <c r="D4355"/>
    </row>
    <row r="4356" spans="3:4" x14ac:dyDescent="0.25">
      <c r="C4356"/>
      <c r="D4356"/>
    </row>
    <row r="4357" spans="3:4" x14ac:dyDescent="0.25">
      <c r="C4357"/>
      <c r="D4357"/>
    </row>
    <row r="4358" spans="3:4" x14ac:dyDescent="0.25">
      <c r="C4358"/>
      <c r="D4358"/>
    </row>
    <row r="4359" spans="3:4" x14ac:dyDescent="0.25">
      <c r="C4359"/>
      <c r="D4359"/>
    </row>
    <row r="4360" spans="3:4" x14ac:dyDescent="0.25">
      <c r="C4360"/>
      <c r="D4360"/>
    </row>
    <row r="4361" spans="3:4" x14ac:dyDescent="0.25">
      <c r="C4361"/>
      <c r="D4361"/>
    </row>
    <row r="4362" spans="3:4" x14ac:dyDescent="0.25">
      <c r="C4362"/>
      <c r="D4362"/>
    </row>
    <row r="4363" spans="3:4" x14ac:dyDescent="0.25">
      <c r="C4363"/>
      <c r="D4363"/>
    </row>
    <row r="4364" spans="3:4" x14ac:dyDescent="0.25">
      <c r="C4364"/>
      <c r="D4364"/>
    </row>
    <row r="4365" spans="3:4" x14ac:dyDescent="0.25">
      <c r="C4365"/>
      <c r="D4365"/>
    </row>
    <row r="4366" spans="3:4" x14ac:dyDescent="0.25">
      <c r="C4366"/>
      <c r="D4366"/>
    </row>
    <row r="4367" spans="3:4" x14ac:dyDescent="0.25">
      <c r="C4367"/>
      <c r="D4367"/>
    </row>
    <row r="4368" spans="3:4" x14ac:dyDescent="0.25">
      <c r="C4368"/>
      <c r="D4368"/>
    </row>
    <row r="4369" spans="3:4" x14ac:dyDescent="0.25">
      <c r="C4369"/>
      <c r="D4369"/>
    </row>
    <row r="4370" spans="3:4" x14ac:dyDescent="0.25">
      <c r="C4370"/>
      <c r="D4370"/>
    </row>
    <row r="4371" spans="3:4" x14ac:dyDescent="0.25">
      <c r="C4371"/>
      <c r="D4371"/>
    </row>
    <row r="4372" spans="3:4" x14ac:dyDescent="0.25">
      <c r="C4372"/>
      <c r="D4372"/>
    </row>
    <row r="4373" spans="3:4" x14ac:dyDescent="0.25">
      <c r="C4373"/>
      <c r="D4373"/>
    </row>
    <row r="4374" spans="3:4" x14ac:dyDescent="0.25">
      <c r="C4374"/>
      <c r="D4374"/>
    </row>
    <row r="4375" spans="3:4" x14ac:dyDescent="0.25">
      <c r="C4375"/>
      <c r="D4375"/>
    </row>
    <row r="4376" spans="3:4" x14ac:dyDescent="0.25">
      <c r="C4376"/>
      <c r="D4376"/>
    </row>
    <row r="4377" spans="3:4" x14ac:dyDescent="0.25">
      <c r="C4377"/>
      <c r="D4377"/>
    </row>
    <row r="4378" spans="3:4" x14ac:dyDescent="0.25">
      <c r="C4378"/>
      <c r="D4378"/>
    </row>
    <row r="4379" spans="3:4" x14ac:dyDescent="0.25">
      <c r="C4379"/>
      <c r="D4379"/>
    </row>
    <row r="4380" spans="3:4" x14ac:dyDescent="0.25">
      <c r="C4380"/>
      <c r="D4380"/>
    </row>
    <row r="4381" spans="3:4" x14ac:dyDescent="0.25">
      <c r="C4381"/>
      <c r="D4381"/>
    </row>
    <row r="4382" spans="3:4" x14ac:dyDescent="0.25">
      <c r="C4382"/>
      <c r="D4382"/>
    </row>
    <row r="4383" spans="3:4" x14ac:dyDescent="0.25">
      <c r="C4383"/>
      <c r="D4383"/>
    </row>
    <row r="4384" spans="3:4" x14ac:dyDescent="0.25">
      <c r="C4384"/>
      <c r="D4384"/>
    </row>
    <row r="4385" spans="3:4" x14ac:dyDescent="0.25">
      <c r="C4385"/>
      <c r="D4385"/>
    </row>
    <row r="4386" spans="3:4" x14ac:dyDescent="0.25">
      <c r="C4386"/>
      <c r="D4386"/>
    </row>
    <row r="4387" spans="3:4" x14ac:dyDescent="0.25">
      <c r="C4387"/>
      <c r="D4387"/>
    </row>
    <row r="4388" spans="3:4" x14ac:dyDescent="0.25">
      <c r="C4388"/>
      <c r="D4388"/>
    </row>
    <row r="4389" spans="3:4" x14ac:dyDescent="0.25">
      <c r="C4389"/>
      <c r="D4389"/>
    </row>
    <row r="4390" spans="3:4" x14ac:dyDescent="0.25">
      <c r="C4390"/>
      <c r="D4390"/>
    </row>
    <row r="4391" spans="3:4" x14ac:dyDescent="0.25">
      <c r="C4391"/>
      <c r="D4391"/>
    </row>
    <row r="4392" spans="3:4" x14ac:dyDescent="0.25">
      <c r="C4392"/>
      <c r="D4392"/>
    </row>
    <row r="4393" spans="3:4" x14ac:dyDescent="0.25">
      <c r="C4393"/>
      <c r="D4393"/>
    </row>
    <row r="4394" spans="3:4" x14ac:dyDescent="0.25">
      <c r="C4394"/>
      <c r="D4394"/>
    </row>
    <row r="4395" spans="3:4" x14ac:dyDescent="0.25">
      <c r="C4395"/>
      <c r="D4395"/>
    </row>
    <row r="4396" spans="3:4" x14ac:dyDescent="0.25">
      <c r="C4396"/>
      <c r="D4396"/>
    </row>
    <row r="4397" spans="3:4" x14ac:dyDescent="0.25">
      <c r="C4397"/>
      <c r="D4397"/>
    </row>
    <row r="4398" spans="3:4" x14ac:dyDescent="0.25">
      <c r="C4398"/>
      <c r="D4398"/>
    </row>
    <row r="4399" spans="3:4" x14ac:dyDescent="0.25">
      <c r="C4399"/>
      <c r="D4399"/>
    </row>
    <row r="4400" spans="3:4" x14ac:dyDescent="0.25">
      <c r="C4400"/>
      <c r="D4400"/>
    </row>
    <row r="4401" spans="3:4" x14ac:dyDescent="0.25">
      <c r="C4401"/>
      <c r="D4401"/>
    </row>
    <row r="4402" spans="3:4" x14ac:dyDescent="0.25">
      <c r="C4402"/>
      <c r="D4402"/>
    </row>
    <row r="4403" spans="3:4" x14ac:dyDescent="0.25">
      <c r="C4403"/>
      <c r="D4403"/>
    </row>
    <row r="4404" spans="3:4" x14ac:dyDescent="0.25">
      <c r="C4404"/>
      <c r="D4404"/>
    </row>
    <row r="4405" spans="3:4" x14ac:dyDescent="0.25">
      <c r="C4405"/>
      <c r="D4405"/>
    </row>
    <row r="4406" spans="3:4" x14ac:dyDescent="0.25">
      <c r="C4406"/>
      <c r="D4406"/>
    </row>
    <row r="4407" spans="3:4" x14ac:dyDescent="0.25">
      <c r="C4407"/>
      <c r="D4407"/>
    </row>
    <row r="4408" spans="3:4" x14ac:dyDescent="0.25">
      <c r="C4408"/>
      <c r="D4408"/>
    </row>
    <row r="4409" spans="3:4" x14ac:dyDescent="0.25">
      <c r="C4409"/>
      <c r="D4409"/>
    </row>
    <row r="4410" spans="3:4" x14ac:dyDescent="0.25">
      <c r="C4410"/>
      <c r="D4410"/>
    </row>
    <row r="4411" spans="3:4" x14ac:dyDescent="0.25">
      <c r="C4411"/>
      <c r="D4411"/>
    </row>
    <row r="4412" spans="3:4" x14ac:dyDescent="0.25">
      <c r="C4412"/>
      <c r="D4412"/>
    </row>
    <row r="4413" spans="3:4" x14ac:dyDescent="0.25">
      <c r="C4413"/>
      <c r="D4413"/>
    </row>
    <row r="4414" spans="3:4" x14ac:dyDescent="0.25">
      <c r="C4414"/>
      <c r="D4414"/>
    </row>
    <row r="4415" spans="3:4" x14ac:dyDescent="0.25">
      <c r="C4415"/>
      <c r="D4415"/>
    </row>
    <row r="4416" spans="3:4" x14ac:dyDescent="0.25">
      <c r="C4416"/>
      <c r="D4416"/>
    </row>
    <row r="4417" spans="3:4" x14ac:dyDescent="0.25">
      <c r="C4417"/>
      <c r="D4417"/>
    </row>
    <row r="4418" spans="3:4" x14ac:dyDescent="0.25">
      <c r="C4418"/>
      <c r="D4418"/>
    </row>
    <row r="4419" spans="3:4" x14ac:dyDescent="0.25">
      <c r="C4419"/>
      <c r="D4419"/>
    </row>
    <row r="4420" spans="3:4" x14ac:dyDescent="0.25">
      <c r="C4420"/>
      <c r="D4420"/>
    </row>
    <row r="4421" spans="3:4" x14ac:dyDescent="0.25">
      <c r="C4421"/>
      <c r="D4421"/>
    </row>
    <row r="4422" spans="3:4" x14ac:dyDescent="0.25">
      <c r="C4422"/>
      <c r="D4422"/>
    </row>
    <row r="4423" spans="3:4" x14ac:dyDescent="0.25">
      <c r="C4423"/>
      <c r="D4423"/>
    </row>
    <row r="4424" spans="3:4" x14ac:dyDescent="0.25">
      <c r="C4424"/>
      <c r="D4424"/>
    </row>
    <row r="4425" spans="3:4" x14ac:dyDescent="0.25">
      <c r="C4425"/>
      <c r="D4425"/>
    </row>
    <row r="4426" spans="3:4" x14ac:dyDescent="0.25">
      <c r="C4426"/>
      <c r="D4426"/>
    </row>
    <row r="4427" spans="3:4" x14ac:dyDescent="0.25">
      <c r="C4427"/>
      <c r="D4427"/>
    </row>
    <row r="4428" spans="3:4" x14ac:dyDescent="0.25">
      <c r="C4428"/>
      <c r="D4428"/>
    </row>
    <row r="4429" spans="3:4" x14ac:dyDescent="0.25">
      <c r="C4429"/>
      <c r="D4429"/>
    </row>
    <row r="4430" spans="3:4" x14ac:dyDescent="0.25">
      <c r="C4430"/>
      <c r="D4430"/>
    </row>
    <row r="4431" spans="3:4" x14ac:dyDescent="0.25">
      <c r="C4431"/>
      <c r="D4431"/>
    </row>
    <row r="4432" spans="3:4" x14ac:dyDescent="0.25">
      <c r="C4432"/>
      <c r="D4432"/>
    </row>
    <row r="4433" spans="3:4" x14ac:dyDescent="0.25">
      <c r="C4433"/>
      <c r="D4433"/>
    </row>
    <row r="4434" spans="3:4" x14ac:dyDescent="0.25">
      <c r="C4434"/>
      <c r="D4434"/>
    </row>
    <row r="4435" spans="3:4" x14ac:dyDescent="0.25">
      <c r="C4435"/>
      <c r="D4435"/>
    </row>
    <row r="4436" spans="3:4" x14ac:dyDescent="0.25">
      <c r="C4436"/>
      <c r="D4436"/>
    </row>
    <row r="4437" spans="3:4" x14ac:dyDescent="0.25">
      <c r="C4437"/>
      <c r="D4437"/>
    </row>
    <row r="4438" spans="3:4" x14ac:dyDescent="0.25">
      <c r="C4438"/>
      <c r="D4438"/>
    </row>
    <row r="4439" spans="3:4" x14ac:dyDescent="0.25">
      <c r="C4439"/>
      <c r="D4439"/>
    </row>
    <row r="4440" spans="3:4" x14ac:dyDescent="0.25">
      <c r="C4440"/>
      <c r="D4440"/>
    </row>
    <row r="4441" spans="3:4" x14ac:dyDescent="0.25">
      <c r="C4441"/>
      <c r="D4441"/>
    </row>
    <row r="4442" spans="3:4" x14ac:dyDescent="0.25">
      <c r="C4442"/>
      <c r="D4442"/>
    </row>
    <row r="4443" spans="3:4" x14ac:dyDescent="0.25">
      <c r="C4443"/>
      <c r="D4443"/>
    </row>
    <row r="4444" spans="3:4" x14ac:dyDescent="0.25">
      <c r="C4444"/>
      <c r="D4444"/>
    </row>
    <row r="4445" spans="3:4" x14ac:dyDescent="0.25">
      <c r="C4445"/>
      <c r="D4445"/>
    </row>
    <row r="4446" spans="3:4" x14ac:dyDescent="0.25">
      <c r="C4446"/>
      <c r="D4446"/>
    </row>
    <row r="4447" spans="3:4" x14ac:dyDescent="0.25">
      <c r="C4447"/>
      <c r="D4447"/>
    </row>
    <row r="4448" spans="3:4" x14ac:dyDescent="0.25">
      <c r="C4448"/>
      <c r="D4448"/>
    </row>
    <row r="4449" spans="3:4" x14ac:dyDescent="0.25">
      <c r="C4449"/>
      <c r="D4449"/>
    </row>
    <row r="4450" spans="3:4" x14ac:dyDescent="0.25">
      <c r="C4450"/>
      <c r="D4450"/>
    </row>
    <row r="4451" spans="3:4" x14ac:dyDescent="0.25">
      <c r="C4451"/>
      <c r="D4451"/>
    </row>
    <row r="4452" spans="3:4" x14ac:dyDescent="0.25">
      <c r="C4452"/>
      <c r="D4452"/>
    </row>
    <row r="4453" spans="3:4" x14ac:dyDescent="0.25">
      <c r="C4453"/>
      <c r="D4453"/>
    </row>
    <row r="4454" spans="3:4" x14ac:dyDescent="0.25">
      <c r="C4454"/>
      <c r="D4454"/>
    </row>
    <row r="4455" spans="3:4" x14ac:dyDescent="0.25">
      <c r="C4455"/>
      <c r="D4455"/>
    </row>
    <row r="4456" spans="3:4" x14ac:dyDescent="0.25">
      <c r="C4456"/>
      <c r="D4456"/>
    </row>
    <row r="4457" spans="3:4" x14ac:dyDescent="0.25">
      <c r="C4457"/>
      <c r="D4457"/>
    </row>
    <row r="4458" spans="3:4" x14ac:dyDescent="0.25">
      <c r="C4458"/>
      <c r="D4458"/>
    </row>
    <row r="4459" spans="3:4" x14ac:dyDescent="0.25">
      <c r="C4459"/>
      <c r="D4459"/>
    </row>
    <row r="4460" spans="3:4" x14ac:dyDescent="0.25">
      <c r="C4460"/>
      <c r="D4460"/>
    </row>
    <row r="4461" spans="3:4" x14ac:dyDescent="0.25">
      <c r="C4461"/>
      <c r="D4461"/>
    </row>
    <row r="4462" spans="3:4" x14ac:dyDescent="0.25">
      <c r="C4462"/>
      <c r="D4462"/>
    </row>
    <row r="4463" spans="3:4" x14ac:dyDescent="0.25">
      <c r="C4463"/>
      <c r="D4463"/>
    </row>
    <row r="4464" spans="3:4" x14ac:dyDescent="0.25">
      <c r="C4464"/>
      <c r="D4464"/>
    </row>
    <row r="4465" spans="3:4" x14ac:dyDescent="0.25">
      <c r="C4465"/>
      <c r="D4465"/>
    </row>
    <row r="4466" spans="3:4" x14ac:dyDescent="0.25">
      <c r="C4466"/>
      <c r="D4466"/>
    </row>
    <row r="4467" spans="3:4" x14ac:dyDescent="0.25">
      <c r="C4467"/>
      <c r="D4467"/>
    </row>
    <row r="4468" spans="3:4" x14ac:dyDescent="0.25">
      <c r="C4468"/>
      <c r="D4468"/>
    </row>
    <row r="4469" spans="3:4" x14ac:dyDescent="0.25">
      <c r="C4469"/>
      <c r="D4469"/>
    </row>
    <row r="4470" spans="3:4" x14ac:dyDescent="0.25">
      <c r="C4470"/>
      <c r="D4470"/>
    </row>
    <row r="4471" spans="3:4" x14ac:dyDescent="0.25">
      <c r="C4471"/>
      <c r="D4471"/>
    </row>
    <row r="4472" spans="3:4" x14ac:dyDescent="0.25">
      <c r="C4472"/>
      <c r="D4472"/>
    </row>
    <row r="4473" spans="3:4" x14ac:dyDescent="0.25">
      <c r="C4473"/>
      <c r="D4473"/>
    </row>
    <row r="4474" spans="3:4" x14ac:dyDescent="0.25">
      <c r="C4474"/>
      <c r="D4474"/>
    </row>
    <row r="4475" spans="3:4" x14ac:dyDescent="0.25">
      <c r="C4475"/>
      <c r="D4475"/>
    </row>
    <row r="4476" spans="3:4" x14ac:dyDescent="0.25">
      <c r="C4476"/>
      <c r="D4476"/>
    </row>
    <row r="4477" spans="3:4" x14ac:dyDescent="0.25">
      <c r="C4477"/>
      <c r="D4477"/>
    </row>
    <row r="4478" spans="3:4" x14ac:dyDescent="0.25">
      <c r="C4478"/>
      <c r="D4478"/>
    </row>
    <row r="4479" spans="3:4" x14ac:dyDescent="0.25">
      <c r="C4479"/>
      <c r="D4479"/>
    </row>
    <row r="4480" spans="3:4" x14ac:dyDescent="0.25">
      <c r="C4480"/>
      <c r="D4480"/>
    </row>
    <row r="4481" spans="3:4" x14ac:dyDescent="0.25">
      <c r="C4481"/>
      <c r="D4481"/>
    </row>
    <row r="4482" spans="3:4" x14ac:dyDescent="0.25">
      <c r="C4482"/>
      <c r="D4482"/>
    </row>
    <row r="4483" spans="3:4" x14ac:dyDescent="0.25">
      <c r="C4483"/>
      <c r="D4483"/>
    </row>
    <row r="4484" spans="3:4" x14ac:dyDescent="0.25">
      <c r="C4484"/>
      <c r="D4484"/>
    </row>
    <row r="4485" spans="3:4" x14ac:dyDescent="0.25">
      <c r="C4485"/>
      <c r="D4485"/>
    </row>
    <row r="4486" spans="3:4" x14ac:dyDescent="0.25">
      <c r="C4486"/>
      <c r="D4486"/>
    </row>
    <row r="4487" spans="3:4" x14ac:dyDescent="0.25">
      <c r="C4487"/>
      <c r="D4487"/>
    </row>
    <row r="4488" spans="3:4" x14ac:dyDescent="0.25">
      <c r="C4488"/>
      <c r="D4488"/>
    </row>
    <row r="4489" spans="3:4" x14ac:dyDescent="0.25">
      <c r="C4489"/>
      <c r="D4489"/>
    </row>
    <row r="4490" spans="3:4" x14ac:dyDescent="0.25">
      <c r="C4490"/>
      <c r="D4490"/>
    </row>
    <row r="4491" spans="3:4" x14ac:dyDescent="0.25">
      <c r="C4491"/>
      <c r="D4491"/>
    </row>
    <row r="4492" spans="3:4" x14ac:dyDescent="0.25">
      <c r="C4492"/>
      <c r="D4492"/>
    </row>
    <row r="4493" spans="3:4" x14ac:dyDescent="0.25">
      <c r="C4493"/>
      <c r="D4493"/>
    </row>
    <row r="4494" spans="3:4" x14ac:dyDescent="0.25">
      <c r="C4494"/>
      <c r="D4494"/>
    </row>
    <row r="4495" spans="3:4" x14ac:dyDescent="0.25">
      <c r="C4495"/>
      <c r="D4495"/>
    </row>
    <row r="4496" spans="3:4" x14ac:dyDescent="0.25">
      <c r="C4496"/>
      <c r="D4496"/>
    </row>
    <row r="4497" spans="3:4" x14ac:dyDescent="0.25">
      <c r="C4497"/>
      <c r="D4497"/>
    </row>
    <row r="4498" spans="3:4" x14ac:dyDescent="0.25">
      <c r="C4498"/>
      <c r="D4498"/>
    </row>
    <row r="4499" spans="3:4" x14ac:dyDescent="0.25">
      <c r="C4499"/>
      <c r="D4499"/>
    </row>
    <row r="4500" spans="3:4" x14ac:dyDescent="0.25">
      <c r="C4500"/>
      <c r="D4500"/>
    </row>
    <row r="4501" spans="3:4" x14ac:dyDescent="0.25">
      <c r="C4501"/>
      <c r="D4501"/>
    </row>
    <row r="4502" spans="3:4" x14ac:dyDescent="0.25">
      <c r="C4502"/>
      <c r="D4502"/>
    </row>
    <row r="4503" spans="3:4" x14ac:dyDescent="0.25">
      <c r="C4503"/>
      <c r="D4503"/>
    </row>
    <row r="4504" spans="3:4" x14ac:dyDescent="0.25">
      <c r="C4504"/>
      <c r="D4504"/>
    </row>
    <row r="4505" spans="3:4" x14ac:dyDescent="0.25">
      <c r="C4505"/>
      <c r="D4505"/>
    </row>
    <row r="4506" spans="3:4" x14ac:dyDescent="0.25">
      <c r="C4506"/>
      <c r="D4506"/>
    </row>
    <row r="4507" spans="3:4" x14ac:dyDescent="0.25">
      <c r="C4507"/>
      <c r="D4507"/>
    </row>
    <row r="4508" spans="3:4" x14ac:dyDescent="0.25">
      <c r="C4508"/>
      <c r="D4508"/>
    </row>
    <row r="4509" spans="3:4" x14ac:dyDescent="0.25">
      <c r="C4509"/>
      <c r="D4509"/>
    </row>
    <row r="4510" spans="3:4" x14ac:dyDescent="0.25">
      <c r="C4510"/>
      <c r="D4510"/>
    </row>
    <row r="4511" spans="3:4" x14ac:dyDescent="0.25">
      <c r="C4511"/>
      <c r="D4511"/>
    </row>
    <row r="4512" spans="3:4" x14ac:dyDescent="0.25">
      <c r="C4512"/>
      <c r="D4512"/>
    </row>
    <row r="4513" spans="3:4" x14ac:dyDescent="0.25">
      <c r="C4513"/>
      <c r="D4513"/>
    </row>
    <row r="4514" spans="3:4" x14ac:dyDescent="0.25">
      <c r="C4514"/>
      <c r="D4514"/>
    </row>
    <row r="4515" spans="3:4" x14ac:dyDescent="0.25">
      <c r="C4515"/>
      <c r="D4515"/>
    </row>
    <row r="4516" spans="3:4" x14ac:dyDescent="0.25">
      <c r="C4516"/>
      <c r="D4516"/>
    </row>
    <row r="4517" spans="3:4" x14ac:dyDescent="0.25">
      <c r="C4517"/>
      <c r="D4517"/>
    </row>
    <row r="4518" spans="3:4" x14ac:dyDescent="0.25">
      <c r="C4518"/>
      <c r="D4518"/>
    </row>
    <row r="4519" spans="3:4" x14ac:dyDescent="0.25">
      <c r="C4519"/>
      <c r="D4519"/>
    </row>
    <row r="4520" spans="3:4" x14ac:dyDescent="0.25">
      <c r="C4520"/>
      <c r="D4520"/>
    </row>
    <row r="4521" spans="3:4" x14ac:dyDescent="0.25">
      <c r="C4521"/>
      <c r="D4521"/>
    </row>
    <row r="4522" spans="3:4" x14ac:dyDescent="0.25">
      <c r="C4522"/>
      <c r="D4522"/>
    </row>
    <row r="4523" spans="3:4" x14ac:dyDescent="0.25">
      <c r="C4523"/>
      <c r="D4523"/>
    </row>
    <row r="4524" spans="3:4" x14ac:dyDescent="0.25">
      <c r="C4524"/>
      <c r="D4524"/>
    </row>
    <row r="4525" spans="3:4" x14ac:dyDescent="0.25">
      <c r="C4525"/>
      <c r="D4525"/>
    </row>
    <row r="4526" spans="3:4" x14ac:dyDescent="0.25">
      <c r="C4526"/>
      <c r="D4526"/>
    </row>
    <row r="4527" spans="3:4" x14ac:dyDescent="0.25">
      <c r="C4527"/>
      <c r="D4527"/>
    </row>
    <row r="4528" spans="3:4" x14ac:dyDescent="0.25">
      <c r="C4528"/>
      <c r="D4528"/>
    </row>
    <row r="4529" spans="3:4" x14ac:dyDescent="0.25">
      <c r="C4529"/>
      <c r="D4529"/>
    </row>
    <row r="4530" spans="3:4" x14ac:dyDescent="0.25">
      <c r="C4530"/>
      <c r="D4530"/>
    </row>
    <row r="4531" spans="3:4" x14ac:dyDescent="0.25">
      <c r="C4531"/>
      <c r="D4531"/>
    </row>
    <row r="4532" spans="3:4" x14ac:dyDescent="0.25">
      <c r="C4532"/>
      <c r="D4532"/>
    </row>
    <row r="4533" spans="3:4" x14ac:dyDescent="0.25">
      <c r="C4533"/>
      <c r="D4533"/>
    </row>
    <row r="4534" spans="3:4" x14ac:dyDescent="0.25">
      <c r="C4534"/>
      <c r="D4534"/>
    </row>
    <row r="4535" spans="3:4" x14ac:dyDescent="0.25">
      <c r="C4535"/>
      <c r="D4535"/>
    </row>
    <row r="4536" spans="3:4" x14ac:dyDescent="0.25">
      <c r="C4536"/>
      <c r="D4536"/>
    </row>
    <row r="4537" spans="3:4" x14ac:dyDescent="0.25">
      <c r="C4537"/>
      <c r="D4537"/>
    </row>
    <row r="4538" spans="3:4" x14ac:dyDescent="0.25">
      <c r="C4538"/>
      <c r="D4538"/>
    </row>
    <row r="4539" spans="3:4" x14ac:dyDescent="0.25">
      <c r="C4539"/>
      <c r="D4539"/>
    </row>
    <row r="4540" spans="3:4" x14ac:dyDescent="0.25">
      <c r="C4540"/>
      <c r="D4540"/>
    </row>
    <row r="4541" spans="3:4" x14ac:dyDescent="0.25">
      <c r="C4541"/>
      <c r="D4541"/>
    </row>
    <row r="4542" spans="3:4" x14ac:dyDescent="0.25">
      <c r="C4542"/>
      <c r="D4542"/>
    </row>
    <row r="4543" spans="3:4" x14ac:dyDescent="0.25">
      <c r="C4543"/>
      <c r="D4543"/>
    </row>
    <row r="4544" spans="3:4" x14ac:dyDescent="0.25">
      <c r="C4544"/>
      <c r="D4544"/>
    </row>
    <row r="4545" spans="3:4" x14ac:dyDescent="0.25">
      <c r="C4545"/>
      <c r="D4545"/>
    </row>
    <row r="4546" spans="3:4" x14ac:dyDescent="0.25">
      <c r="C4546"/>
      <c r="D4546"/>
    </row>
    <row r="4547" spans="3:4" x14ac:dyDescent="0.25">
      <c r="C4547"/>
      <c r="D4547"/>
    </row>
    <row r="4548" spans="3:4" x14ac:dyDescent="0.25">
      <c r="C4548"/>
      <c r="D4548"/>
    </row>
    <row r="4549" spans="3:4" x14ac:dyDescent="0.25">
      <c r="C4549"/>
      <c r="D4549"/>
    </row>
    <row r="4550" spans="3:4" x14ac:dyDescent="0.25">
      <c r="C4550"/>
      <c r="D4550"/>
    </row>
    <row r="4551" spans="3:4" x14ac:dyDescent="0.25">
      <c r="C4551"/>
      <c r="D4551"/>
    </row>
    <row r="4552" spans="3:4" x14ac:dyDescent="0.25">
      <c r="C4552"/>
      <c r="D4552"/>
    </row>
    <row r="4553" spans="3:4" x14ac:dyDescent="0.25">
      <c r="C4553"/>
      <c r="D4553"/>
    </row>
    <row r="4554" spans="3:4" x14ac:dyDescent="0.25">
      <c r="C4554"/>
      <c r="D4554"/>
    </row>
    <row r="4555" spans="3:4" x14ac:dyDescent="0.25">
      <c r="C4555"/>
      <c r="D4555"/>
    </row>
    <row r="4556" spans="3:4" x14ac:dyDescent="0.25">
      <c r="C4556"/>
      <c r="D4556"/>
    </row>
    <row r="4557" spans="3:4" x14ac:dyDescent="0.25">
      <c r="C4557"/>
      <c r="D4557"/>
    </row>
    <row r="4558" spans="3:4" x14ac:dyDescent="0.25">
      <c r="C4558"/>
      <c r="D4558"/>
    </row>
    <row r="4559" spans="3:4" x14ac:dyDescent="0.25">
      <c r="C4559"/>
      <c r="D4559"/>
    </row>
    <row r="4560" spans="3:4" x14ac:dyDescent="0.25">
      <c r="C4560"/>
      <c r="D4560"/>
    </row>
    <row r="4561" spans="3:4" x14ac:dyDescent="0.25">
      <c r="C4561"/>
      <c r="D4561"/>
    </row>
    <row r="4562" spans="3:4" x14ac:dyDescent="0.25">
      <c r="C4562"/>
      <c r="D4562"/>
    </row>
    <row r="4563" spans="3:4" x14ac:dyDescent="0.25">
      <c r="C4563"/>
      <c r="D4563"/>
    </row>
    <row r="4564" spans="3:4" x14ac:dyDescent="0.25">
      <c r="C4564"/>
      <c r="D4564"/>
    </row>
    <row r="4565" spans="3:4" x14ac:dyDescent="0.25">
      <c r="C4565"/>
      <c r="D4565"/>
    </row>
    <row r="4566" spans="3:4" x14ac:dyDescent="0.25">
      <c r="C4566"/>
      <c r="D4566"/>
    </row>
    <row r="4567" spans="3:4" x14ac:dyDescent="0.25">
      <c r="C4567"/>
      <c r="D4567"/>
    </row>
    <row r="4568" spans="3:4" x14ac:dyDescent="0.25">
      <c r="C4568"/>
      <c r="D4568"/>
    </row>
    <row r="4569" spans="3:4" x14ac:dyDescent="0.25">
      <c r="C4569"/>
      <c r="D4569"/>
    </row>
    <row r="4570" spans="3:4" x14ac:dyDescent="0.25">
      <c r="C4570"/>
      <c r="D4570"/>
    </row>
    <row r="4571" spans="3:4" x14ac:dyDescent="0.25">
      <c r="C4571"/>
      <c r="D4571"/>
    </row>
    <row r="4572" spans="3:4" x14ac:dyDescent="0.25">
      <c r="C4572"/>
      <c r="D4572"/>
    </row>
    <row r="4573" spans="3:4" x14ac:dyDescent="0.25">
      <c r="C4573"/>
      <c r="D4573"/>
    </row>
    <row r="4574" spans="3:4" x14ac:dyDescent="0.25">
      <c r="C4574"/>
      <c r="D4574"/>
    </row>
    <row r="4575" spans="3:4" x14ac:dyDescent="0.25">
      <c r="C4575"/>
      <c r="D4575"/>
    </row>
    <row r="4576" spans="3:4" x14ac:dyDescent="0.25">
      <c r="C4576"/>
      <c r="D4576"/>
    </row>
    <row r="4577" spans="3:4" x14ac:dyDescent="0.25">
      <c r="C4577"/>
      <c r="D4577"/>
    </row>
    <row r="4578" spans="3:4" x14ac:dyDescent="0.25">
      <c r="C4578"/>
      <c r="D4578"/>
    </row>
    <row r="4579" spans="3:4" x14ac:dyDescent="0.25">
      <c r="C4579"/>
      <c r="D4579"/>
    </row>
    <row r="4580" spans="3:4" x14ac:dyDescent="0.25">
      <c r="C4580"/>
      <c r="D4580"/>
    </row>
    <row r="4581" spans="3:4" x14ac:dyDescent="0.25">
      <c r="C4581"/>
      <c r="D4581"/>
    </row>
    <row r="4582" spans="3:4" x14ac:dyDescent="0.25">
      <c r="C4582"/>
      <c r="D4582"/>
    </row>
    <row r="4583" spans="3:4" x14ac:dyDescent="0.25">
      <c r="C4583"/>
      <c r="D4583"/>
    </row>
    <row r="4584" spans="3:4" x14ac:dyDescent="0.25">
      <c r="C4584"/>
      <c r="D4584"/>
    </row>
    <row r="4585" spans="3:4" x14ac:dyDescent="0.25">
      <c r="C4585"/>
      <c r="D4585"/>
    </row>
    <row r="4586" spans="3:4" x14ac:dyDescent="0.25">
      <c r="C4586"/>
      <c r="D4586"/>
    </row>
    <row r="4587" spans="3:4" x14ac:dyDescent="0.25">
      <c r="C4587"/>
      <c r="D4587"/>
    </row>
    <row r="4588" spans="3:4" x14ac:dyDescent="0.25">
      <c r="C4588"/>
      <c r="D4588"/>
    </row>
    <row r="4589" spans="3:4" x14ac:dyDescent="0.25">
      <c r="C4589"/>
      <c r="D4589"/>
    </row>
    <row r="4590" spans="3:4" x14ac:dyDescent="0.25">
      <c r="C4590"/>
      <c r="D4590"/>
    </row>
    <row r="4591" spans="3:4" x14ac:dyDescent="0.25">
      <c r="C4591"/>
      <c r="D4591"/>
    </row>
    <row r="4592" spans="3:4" x14ac:dyDescent="0.25">
      <c r="C4592"/>
      <c r="D4592"/>
    </row>
    <row r="4593" spans="3:4" x14ac:dyDescent="0.25">
      <c r="C4593"/>
      <c r="D4593"/>
    </row>
    <row r="4594" spans="3:4" x14ac:dyDescent="0.25">
      <c r="C4594"/>
      <c r="D4594"/>
    </row>
    <row r="4595" spans="3:4" x14ac:dyDescent="0.25">
      <c r="C4595"/>
      <c r="D4595"/>
    </row>
    <row r="4596" spans="3:4" x14ac:dyDescent="0.25">
      <c r="C4596"/>
      <c r="D4596"/>
    </row>
    <row r="4597" spans="3:4" x14ac:dyDescent="0.25">
      <c r="C4597"/>
      <c r="D4597"/>
    </row>
    <row r="4598" spans="3:4" x14ac:dyDescent="0.25">
      <c r="C4598"/>
      <c r="D4598"/>
    </row>
    <row r="4599" spans="3:4" x14ac:dyDescent="0.25">
      <c r="C4599"/>
      <c r="D4599"/>
    </row>
    <row r="4600" spans="3:4" x14ac:dyDescent="0.25">
      <c r="C4600"/>
      <c r="D4600"/>
    </row>
    <row r="4601" spans="3:4" x14ac:dyDescent="0.25">
      <c r="C4601"/>
      <c r="D4601"/>
    </row>
    <row r="4602" spans="3:4" x14ac:dyDescent="0.25">
      <c r="C4602"/>
      <c r="D4602"/>
    </row>
    <row r="4603" spans="3:4" x14ac:dyDescent="0.25">
      <c r="C4603"/>
      <c r="D4603"/>
    </row>
    <row r="4604" spans="3:4" x14ac:dyDescent="0.25">
      <c r="C4604"/>
      <c r="D4604"/>
    </row>
    <row r="4605" spans="3:4" x14ac:dyDescent="0.25">
      <c r="C4605"/>
      <c r="D4605"/>
    </row>
    <row r="4606" spans="3:4" x14ac:dyDescent="0.25">
      <c r="C4606"/>
      <c r="D4606"/>
    </row>
    <row r="4607" spans="3:4" x14ac:dyDescent="0.25">
      <c r="C4607"/>
      <c r="D4607"/>
    </row>
    <row r="4608" spans="3:4" x14ac:dyDescent="0.25">
      <c r="C4608"/>
      <c r="D4608"/>
    </row>
    <row r="4609" spans="3:4" x14ac:dyDescent="0.25">
      <c r="C4609"/>
      <c r="D4609"/>
    </row>
    <row r="4610" spans="3:4" x14ac:dyDescent="0.25">
      <c r="C4610"/>
      <c r="D4610"/>
    </row>
    <row r="4611" spans="3:4" x14ac:dyDescent="0.25">
      <c r="C4611"/>
      <c r="D4611"/>
    </row>
    <row r="4612" spans="3:4" x14ac:dyDescent="0.25">
      <c r="C4612"/>
      <c r="D4612"/>
    </row>
    <row r="4613" spans="3:4" x14ac:dyDescent="0.25">
      <c r="C4613"/>
      <c r="D4613"/>
    </row>
    <row r="4614" spans="3:4" x14ac:dyDescent="0.25">
      <c r="C4614"/>
      <c r="D4614"/>
    </row>
    <row r="4615" spans="3:4" x14ac:dyDescent="0.25">
      <c r="C4615"/>
      <c r="D4615"/>
    </row>
    <row r="4616" spans="3:4" x14ac:dyDescent="0.25">
      <c r="C4616"/>
      <c r="D4616"/>
    </row>
    <row r="4617" spans="3:4" x14ac:dyDescent="0.25">
      <c r="C4617"/>
      <c r="D4617"/>
    </row>
    <row r="4618" spans="3:4" x14ac:dyDescent="0.25">
      <c r="C4618"/>
      <c r="D4618"/>
    </row>
    <row r="4619" spans="3:4" x14ac:dyDescent="0.25">
      <c r="C4619"/>
      <c r="D4619"/>
    </row>
    <row r="4620" spans="3:4" x14ac:dyDescent="0.25">
      <c r="C4620"/>
      <c r="D4620"/>
    </row>
    <row r="4621" spans="3:4" x14ac:dyDescent="0.25">
      <c r="C4621"/>
      <c r="D4621"/>
    </row>
    <row r="4622" spans="3:4" x14ac:dyDescent="0.25">
      <c r="C4622"/>
      <c r="D4622"/>
    </row>
    <row r="4623" spans="3:4" x14ac:dyDescent="0.25">
      <c r="C4623"/>
      <c r="D4623"/>
    </row>
    <row r="4624" spans="3:4" x14ac:dyDescent="0.25">
      <c r="C4624"/>
      <c r="D4624"/>
    </row>
    <row r="4625" spans="3:4" x14ac:dyDescent="0.25">
      <c r="C4625"/>
      <c r="D4625"/>
    </row>
    <row r="4626" spans="3:4" x14ac:dyDescent="0.25">
      <c r="C4626"/>
      <c r="D4626"/>
    </row>
    <row r="4627" spans="3:4" x14ac:dyDescent="0.25">
      <c r="C4627"/>
      <c r="D4627"/>
    </row>
    <row r="4628" spans="3:4" x14ac:dyDescent="0.25">
      <c r="C4628"/>
      <c r="D4628"/>
    </row>
    <row r="4629" spans="3:4" x14ac:dyDescent="0.25">
      <c r="C4629"/>
      <c r="D4629"/>
    </row>
    <row r="4630" spans="3:4" x14ac:dyDescent="0.25">
      <c r="C4630"/>
      <c r="D4630"/>
    </row>
    <row r="4631" spans="3:4" x14ac:dyDescent="0.25">
      <c r="C4631"/>
      <c r="D4631"/>
    </row>
    <row r="4632" spans="3:4" x14ac:dyDescent="0.25">
      <c r="C4632"/>
      <c r="D4632"/>
    </row>
    <row r="4633" spans="3:4" x14ac:dyDescent="0.25">
      <c r="C4633"/>
      <c r="D4633"/>
    </row>
    <row r="4634" spans="3:4" x14ac:dyDescent="0.25">
      <c r="C4634"/>
      <c r="D4634"/>
    </row>
    <row r="4635" spans="3:4" x14ac:dyDescent="0.25">
      <c r="C4635"/>
      <c r="D4635"/>
    </row>
    <row r="4636" spans="3:4" x14ac:dyDescent="0.25">
      <c r="C4636"/>
      <c r="D4636"/>
    </row>
    <row r="4637" spans="3:4" x14ac:dyDescent="0.25">
      <c r="C4637"/>
      <c r="D4637"/>
    </row>
    <row r="4638" spans="3:4" x14ac:dyDescent="0.25">
      <c r="C4638"/>
      <c r="D4638"/>
    </row>
    <row r="4639" spans="3:4" x14ac:dyDescent="0.25">
      <c r="C4639"/>
      <c r="D4639"/>
    </row>
    <row r="4640" spans="3:4" x14ac:dyDescent="0.25">
      <c r="C4640"/>
      <c r="D4640"/>
    </row>
    <row r="4641" spans="3:4" x14ac:dyDescent="0.25">
      <c r="C4641"/>
      <c r="D4641"/>
    </row>
    <row r="4642" spans="3:4" x14ac:dyDescent="0.25">
      <c r="C4642"/>
      <c r="D4642"/>
    </row>
    <row r="4643" spans="3:4" x14ac:dyDescent="0.25">
      <c r="C4643"/>
      <c r="D4643"/>
    </row>
    <row r="4644" spans="3:4" x14ac:dyDescent="0.25">
      <c r="C4644"/>
      <c r="D4644"/>
    </row>
    <row r="4645" spans="3:4" x14ac:dyDescent="0.25">
      <c r="C4645"/>
      <c r="D4645"/>
    </row>
    <row r="4646" spans="3:4" x14ac:dyDescent="0.25">
      <c r="C4646"/>
      <c r="D4646"/>
    </row>
    <row r="4647" spans="3:4" x14ac:dyDescent="0.25">
      <c r="C4647"/>
      <c r="D4647"/>
    </row>
    <row r="4648" spans="3:4" x14ac:dyDescent="0.25">
      <c r="C4648"/>
      <c r="D4648"/>
    </row>
    <row r="4649" spans="3:4" x14ac:dyDescent="0.25">
      <c r="C4649"/>
      <c r="D4649"/>
    </row>
    <row r="4650" spans="3:4" x14ac:dyDescent="0.25">
      <c r="C4650"/>
      <c r="D4650"/>
    </row>
    <row r="4651" spans="3:4" x14ac:dyDescent="0.25">
      <c r="C4651"/>
      <c r="D4651"/>
    </row>
    <row r="4652" spans="3:4" x14ac:dyDescent="0.25">
      <c r="C4652"/>
      <c r="D4652"/>
    </row>
    <row r="4653" spans="3:4" x14ac:dyDescent="0.25">
      <c r="C4653"/>
      <c r="D4653"/>
    </row>
    <row r="4654" spans="3:4" x14ac:dyDescent="0.25">
      <c r="C4654"/>
      <c r="D4654"/>
    </row>
    <row r="4655" spans="3:4" x14ac:dyDescent="0.25">
      <c r="C4655"/>
      <c r="D4655"/>
    </row>
    <row r="4656" spans="3:4" x14ac:dyDescent="0.25">
      <c r="C4656"/>
      <c r="D4656"/>
    </row>
    <row r="4657" spans="3:4" x14ac:dyDescent="0.25">
      <c r="C4657"/>
      <c r="D4657"/>
    </row>
    <row r="4658" spans="3:4" x14ac:dyDescent="0.25">
      <c r="C4658"/>
      <c r="D4658"/>
    </row>
    <row r="4659" spans="3:4" x14ac:dyDescent="0.25">
      <c r="C4659"/>
      <c r="D4659"/>
    </row>
    <row r="4660" spans="3:4" x14ac:dyDescent="0.25">
      <c r="C4660"/>
      <c r="D4660"/>
    </row>
    <row r="4661" spans="3:4" x14ac:dyDescent="0.25">
      <c r="C4661"/>
      <c r="D4661"/>
    </row>
    <row r="4662" spans="3:4" x14ac:dyDescent="0.25">
      <c r="C4662"/>
      <c r="D4662"/>
    </row>
    <row r="4663" spans="3:4" x14ac:dyDescent="0.25">
      <c r="C4663"/>
      <c r="D4663"/>
    </row>
    <row r="4664" spans="3:4" x14ac:dyDescent="0.25">
      <c r="C4664"/>
      <c r="D4664"/>
    </row>
    <row r="4665" spans="3:4" x14ac:dyDescent="0.25">
      <c r="C4665"/>
      <c r="D4665"/>
    </row>
    <row r="4666" spans="3:4" x14ac:dyDescent="0.25">
      <c r="C4666"/>
      <c r="D4666"/>
    </row>
    <row r="4667" spans="3:4" x14ac:dyDescent="0.25">
      <c r="C4667"/>
      <c r="D4667"/>
    </row>
    <row r="4668" spans="3:4" x14ac:dyDescent="0.25">
      <c r="C4668"/>
      <c r="D4668"/>
    </row>
    <row r="4669" spans="3:4" x14ac:dyDescent="0.25">
      <c r="C4669"/>
      <c r="D4669"/>
    </row>
    <row r="4670" spans="3:4" x14ac:dyDescent="0.25">
      <c r="C4670"/>
      <c r="D4670"/>
    </row>
    <row r="4671" spans="3:4" x14ac:dyDescent="0.25">
      <c r="C4671"/>
      <c r="D4671"/>
    </row>
    <row r="4672" spans="3:4" x14ac:dyDescent="0.25">
      <c r="C4672"/>
      <c r="D4672"/>
    </row>
    <row r="4673" spans="3:4" x14ac:dyDescent="0.25">
      <c r="C4673"/>
      <c r="D4673"/>
    </row>
    <row r="4674" spans="3:4" x14ac:dyDescent="0.25">
      <c r="C4674"/>
      <c r="D4674"/>
    </row>
    <row r="4675" spans="3:4" x14ac:dyDescent="0.25">
      <c r="C4675"/>
      <c r="D4675"/>
    </row>
    <row r="4676" spans="3:4" x14ac:dyDescent="0.25">
      <c r="C4676"/>
      <c r="D4676"/>
    </row>
    <row r="4677" spans="3:4" x14ac:dyDescent="0.25">
      <c r="C4677"/>
      <c r="D4677"/>
    </row>
    <row r="4678" spans="3:4" x14ac:dyDescent="0.25">
      <c r="C4678"/>
      <c r="D4678"/>
    </row>
    <row r="4679" spans="3:4" x14ac:dyDescent="0.25">
      <c r="C4679"/>
      <c r="D4679"/>
    </row>
    <row r="4680" spans="3:4" x14ac:dyDescent="0.25">
      <c r="C4680"/>
      <c r="D4680"/>
    </row>
    <row r="4681" spans="3:4" x14ac:dyDescent="0.25">
      <c r="C4681"/>
      <c r="D4681"/>
    </row>
    <row r="4682" spans="3:4" x14ac:dyDescent="0.25">
      <c r="C4682"/>
      <c r="D4682"/>
    </row>
    <row r="4683" spans="3:4" x14ac:dyDescent="0.25">
      <c r="C4683"/>
      <c r="D4683"/>
    </row>
    <row r="4684" spans="3:4" x14ac:dyDescent="0.25">
      <c r="C4684"/>
      <c r="D4684"/>
    </row>
    <row r="4685" spans="3:4" x14ac:dyDescent="0.25">
      <c r="C4685"/>
      <c r="D4685"/>
    </row>
    <row r="4686" spans="3:4" x14ac:dyDescent="0.25">
      <c r="C4686"/>
      <c r="D4686"/>
    </row>
    <row r="4687" spans="3:4" x14ac:dyDescent="0.25">
      <c r="C4687"/>
      <c r="D4687"/>
    </row>
    <row r="4688" spans="3:4" x14ac:dyDescent="0.25">
      <c r="C4688"/>
      <c r="D4688"/>
    </row>
    <row r="4689" spans="3:4" x14ac:dyDescent="0.25">
      <c r="C4689"/>
      <c r="D4689"/>
    </row>
    <row r="4690" spans="3:4" x14ac:dyDescent="0.25">
      <c r="C4690"/>
      <c r="D4690"/>
    </row>
    <row r="4691" spans="3:4" x14ac:dyDescent="0.25">
      <c r="C4691"/>
      <c r="D4691"/>
    </row>
    <row r="4692" spans="3:4" x14ac:dyDescent="0.25">
      <c r="C4692"/>
      <c r="D4692"/>
    </row>
    <row r="4693" spans="3:4" x14ac:dyDescent="0.25">
      <c r="C4693"/>
      <c r="D4693"/>
    </row>
    <row r="4694" spans="3:4" x14ac:dyDescent="0.25">
      <c r="C4694"/>
      <c r="D4694"/>
    </row>
    <row r="4695" spans="3:4" x14ac:dyDescent="0.25">
      <c r="C4695"/>
      <c r="D4695"/>
    </row>
    <row r="4696" spans="3:4" x14ac:dyDescent="0.25">
      <c r="C4696"/>
      <c r="D4696"/>
    </row>
    <row r="4697" spans="3:4" x14ac:dyDescent="0.25">
      <c r="C4697"/>
      <c r="D4697"/>
    </row>
    <row r="4698" spans="3:4" x14ac:dyDescent="0.25">
      <c r="C4698"/>
      <c r="D4698"/>
    </row>
    <row r="4699" spans="3:4" x14ac:dyDescent="0.25">
      <c r="C4699"/>
      <c r="D4699"/>
    </row>
    <row r="4700" spans="3:4" x14ac:dyDescent="0.25">
      <c r="C4700"/>
      <c r="D4700"/>
    </row>
    <row r="4701" spans="3:4" x14ac:dyDescent="0.25">
      <c r="C4701"/>
      <c r="D4701"/>
    </row>
    <row r="4702" spans="3:4" x14ac:dyDescent="0.25">
      <c r="C4702"/>
      <c r="D4702"/>
    </row>
    <row r="4703" spans="3:4" x14ac:dyDescent="0.25">
      <c r="C4703"/>
      <c r="D4703"/>
    </row>
    <row r="4704" spans="3:4" x14ac:dyDescent="0.25">
      <c r="C4704"/>
      <c r="D4704"/>
    </row>
    <row r="4705" spans="3:4" x14ac:dyDescent="0.25">
      <c r="C4705"/>
      <c r="D4705"/>
    </row>
    <row r="4706" spans="3:4" x14ac:dyDescent="0.25">
      <c r="C4706"/>
      <c r="D4706"/>
    </row>
    <row r="4707" spans="3:4" x14ac:dyDescent="0.25">
      <c r="C4707"/>
      <c r="D4707"/>
    </row>
    <row r="4708" spans="3:4" x14ac:dyDescent="0.25">
      <c r="C4708"/>
      <c r="D4708"/>
    </row>
    <row r="4709" spans="3:4" x14ac:dyDescent="0.25">
      <c r="C4709"/>
      <c r="D4709"/>
    </row>
    <row r="4710" spans="3:4" x14ac:dyDescent="0.25">
      <c r="C4710"/>
      <c r="D4710"/>
    </row>
    <row r="4711" spans="3:4" x14ac:dyDescent="0.25">
      <c r="C4711"/>
      <c r="D4711"/>
    </row>
    <row r="4712" spans="3:4" x14ac:dyDescent="0.25">
      <c r="C4712"/>
      <c r="D4712"/>
    </row>
    <row r="4713" spans="3:4" x14ac:dyDescent="0.25">
      <c r="C4713"/>
      <c r="D4713"/>
    </row>
    <row r="4714" spans="3:4" x14ac:dyDescent="0.25">
      <c r="C4714"/>
      <c r="D4714"/>
    </row>
    <row r="4715" spans="3:4" x14ac:dyDescent="0.25">
      <c r="C4715"/>
      <c r="D4715"/>
    </row>
    <row r="4716" spans="3:4" x14ac:dyDescent="0.25">
      <c r="C4716"/>
      <c r="D4716"/>
    </row>
    <row r="4717" spans="3:4" x14ac:dyDescent="0.25">
      <c r="C4717"/>
      <c r="D4717"/>
    </row>
    <row r="4718" spans="3:4" x14ac:dyDescent="0.25">
      <c r="C4718"/>
      <c r="D4718"/>
    </row>
    <row r="4719" spans="3:4" x14ac:dyDescent="0.25">
      <c r="C4719"/>
      <c r="D4719"/>
    </row>
    <row r="4720" spans="3:4" x14ac:dyDescent="0.25">
      <c r="C4720"/>
      <c r="D4720"/>
    </row>
    <row r="4721" spans="3:4" x14ac:dyDescent="0.25">
      <c r="C4721"/>
      <c r="D4721"/>
    </row>
    <row r="4722" spans="3:4" x14ac:dyDescent="0.25">
      <c r="C4722"/>
      <c r="D4722"/>
    </row>
    <row r="4723" spans="3:4" x14ac:dyDescent="0.25">
      <c r="C4723"/>
      <c r="D4723"/>
    </row>
    <row r="4724" spans="3:4" x14ac:dyDescent="0.25">
      <c r="C4724"/>
      <c r="D4724"/>
    </row>
    <row r="4725" spans="3:4" x14ac:dyDescent="0.25">
      <c r="C4725"/>
      <c r="D4725"/>
    </row>
    <row r="4726" spans="3:4" x14ac:dyDescent="0.25">
      <c r="C4726"/>
      <c r="D4726"/>
    </row>
    <row r="4727" spans="3:4" x14ac:dyDescent="0.25">
      <c r="C4727"/>
      <c r="D4727"/>
    </row>
    <row r="4728" spans="3:4" x14ac:dyDescent="0.25">
      <c r="C4728"/>
      <c r="D4728"/>
    </row>
    <row r="4729" spans="3:4" x14ac:dyDescent="0.25">
      <c r="C4729"/>
      <c r="D4729"/>
    </row>
    <row r="4730" spans="3:4" x14ac:dyDescent="0.25">
      <c r="C4730"/>
      <c r="D4730"/>
    </row>
    <row r="4731" spans="3:4" x14ac:dyDescent="0.25">
      <c r="C4731"/>
      <c r="D4731"/>
    </row>
    <row r="4732" spans="3:4" x14ac:dyDescent="0.25">
      <c r="C4732"/>
      <c r="D4732"/>
    </row>
    <row r="4733" spans="3:4" x14ac:dyDescent="0.25">
      <c r="C4733"/>
      <c r="D4733"/>
    </row>
    <row r="4734" spans="3:4" x14ac:dyDescent="0.25">
      <c r="C4734"/>
      <c r="D4734"/>
    </row>
    <row r="4735" spans="3:4" x14ac:dyDescent="0.25">
      <c r="C4735"/>
      <c r="D4735"/>
    </row>
    <row r="4736" spans="3:4" x14ac:dyDescent="0.25">
      <c r="C4736"/>
      <c r="D4736"/>
    </row>
    <row r="4737" spans="3:4" x14ac:dyDescent="0.25">
      <c r="C4737"/>
      <c r="D4737"/>
    </row>
    <row r="4738" spans="3:4" x14ac:dyDescent="0.25">
      <c r="C4738"/>
      <c r="D4738"/>
    </row>
    <row r="4739" spans="3:4" x14ac:dyDescent="0.25">
      <c r="C4739"/>
      <c r="D4739"/>
    </row>
    <row r="4740" spans="3:4" x14ac:dyDescent="0.25">
      <c r="C4740"/>
      <c r="D4740"/>
    </row>
    <row r="4741" spans="3:4" x14ac:dyDescent="0.25">
      <c r="C4741"/>
      <c r="D4741"/>
    </row>
    <row r="4742" spans="3:4" x14ac:dyDescent="0.25">
      <c r="C4742"/>
      <c r="D4742"/>
    </row>
    <row r="4743" spans="3:4" x14ac:dyDescent="0.25">
      <c r="C4743"/>
      <c r="D4743"/>
    </row>
    <row r="4744" spans="3:4" x14ac:dyDescent="0.25">
      <c r="C4744"/>
      <c r="D4744"/>
    </row>
    <row r="4745" spans="3:4" x14ac:dyDescent="0.25">
      <c r="C4745"/>
      <c r="D4745"/>
    </row>
    <row r="4746" spans="3:4" x14ac:dyDescent="0.25">
      <c r="C4746"/>
      <c r="D4746"/>
    </row>
    <row r="4747" spans="3:4" x14ac:dyDescent="0.25">
      <c r="C4747"/>
      <c r="D4747"/>
    </row>
    <row r="4748" spans="3:4" x14ac:dyDescent="0.25">
      <c r="C4748"/>
      <c r="D4748"/>
    </row>
    <row r="4749" spans="3:4" x14ac:dyDescent="0.25">
      <c r="C4749"/>
      <c r="D4749"/>
    </row>
    <row r="4750" spans="3:4" x14ac:dyDescent="0.25">
      <c r="C4750"/>
      <c r="D4750"/>
    </row>
    <row r="4751" spans="3:4" x14ac:dyDescent="0.25">
      <c r="C4751"/>
      <c r="D4751"/>
    </row>
    <row r="4752" spans="3:4" x14ac:dyDescent="0.25">
      <c r="C4752"/>
      <c r="D4752"/>
    </row>
    <row r="4753" spans="3:4" x14ac:dyDescent="0.25">
      <c r="C4753"/>
      <c r="D4753"/>
    </row>
    <row r="4754" spans="3:4" x14ac:dyDescent="0.25">
      <c r="C4754"/>
      <c r="D4754"/>
    </row>
    <row r="4755" spans="3:4" x14ac:dyDescent="0.25">
      <c r="C4755"/>
      <c r="D4755"/>
    </row>
    <row r="4756" spans="3:4" x14ac:dyDescent="0.25">
      <c r="C4756"/>
      <c r="D4756"/>
    </row>
    <row r="4757" spans="3:4" x14ac:dyDescent="0.25">
      <c r="C4757"/>
      <c r="D4757"/>
    </row>
    <row r="4758" spans="3:4" x14ac:dyDescent="0.25">
      <c r="C4758"/>
      <c r="D4758"/>
    </row>
    <row r="4759" spans="3:4" x14ac:dyDescent="0.25">
      <c r="C4759"/>
      <c r="D4759"/>
    </row>
    <row r="4760" spans="3:4" x14ac:dyDescent="0.25">
      <c r="C4760"/>
      <c r="D4760"/>
    </row>
    <row r="4761" spans="3:4" x14ac:dyDescent="0.25">
      <c r="C4761"/>
      <c r="D4761"/>
    </row>
    <row r="4762" spans="3:4" x14ac:dyDescent="0.25">
      <c r="C4762"/>
      <c r="D4762"/>
    </row>
    <row r="4763" spans="3:4" x14ac:dyDescent="0.25">
      <c r="C4763"/>
      <c r="D4763"/>
    </row>
    <row r="4764" spans="3:4" x14ac:dyDescent="0.25">
      <c r="C4764"/>
      <c r="D4764"/>
    </row>
    <row r="4765" spans="3:4" x14ac:dyDescent="0.25">
      <c r="C4765"/>
      <c r="D4765"/>
    </row>
    <row r="4766" spans="3:4" x14ac:dyDescent="0.25">
      <c r="C4766"/>
      <c r="D4766"/>
    </row>
    <row r="4767" spans="3:4" x14ac:dyDescent="0.25">
      <c r="C4767"/>
      <c r="D4767"/>
    </row>
    <row r="4768" spans="3:4" x14ac:dyDescent="0.25">
      <c r="C4768"/>
      <c r="D4768"/>
    </row>
    <row r="4769" spans="3:4" x14ac:dyDescent="0.25">
      <c r="C4769"/>
      <c r="D4769"/>
    </row>
    <row r="4770" spans="3:4" x14ac:dyDescent="0.25">
      <c r="C4770"/>
      <c r="D4770"/>
    </row>
    <row r="4771" spans="3:4" x14ac:dyDescent="0.25">
      <c r="C4771"/>
      <c r="D4771"/>
    </row>
    <row r="4772" spans="3:4" x14ac:dyDescent="0.25">
      <c r="C4772"/>
      <c r="D4772"/>
    </row>
    <row r="4773" spans="3:4" x14ac:dyDescent="0.25">
      <c r="C4773"/>
      <c r="D4773"/>
    </row>
    <row r="4774" spans="3:4" x14ac:dyDescent="0.25">
      <c r="C4774"/>
      <c r="D4774"/>
    </row>
    <row r="4775" spans="3:4" x14ac:dyDescent="0.25">
      <c r="C4775"/>
      <c r="D4775"/>
    </row>
    <row r="4776" spans="3:4" x14ac:dyDescent="0.25">
      <c r="C4776"/>
      <c r="D4776"/>
    </row>
    <row r="4777" spans="3:4" x14ac:dyDescent="0.25">
      <c r="C4777"/>
      <c r="D4777"/>
    </row>
    <row r="4778" spans="3:4" x14ac:dyDescent="0.25">
      <c r="C4778"/>
      <c r="D4778"/>
    </row>
    <row r="4779" spans="3:4" x14ac:dyDescent="0.25">
      <c r="C4779"/>
      <c r="D4779"/>
    </row>
    <row r="4780" spans="3:4" x14ac:dyDescent="0.25">
      <c r="C4780"/>
      <c r="D4780"/>
    </row>
    <row r="4781" spans="3:4" x14ac:dyDescent="0.25">
      <c r="C4781"/>
      <c r="D4781"/>
    </row>
    <row r="4782" spans="3:4" x14ac:dyDescent="0.25">
      <c r="C4782"/>
      <c r="D4782"/>
    </row>
    <row r="4783" spans="3:4" x14ac:dyDescent="0.25">
      <c r="C4783"/>
      <c r="D4783"/>
    </row>
    <row r="4784" spans="3:4" x14ac:dyDescent="0.25">
      <c r="C4784"/>
      <c r="D4784"/>
    </row>
    <row r="4785" spans="3:4" x14ac:dyDescent="0.25">
      <c r="C4785"/>
      <c r="D4785"/>
    </row>
    <row r="4786" spans="3:4" x14ac:dyDescent="0.25">
      <c r="C4786"/>
      <c r="D4786"/>
    </row>
    <row r="4787" spans="3:4" x14ac:dyDescent="0.25">
      <c r="C4787"/>
      <c r="D4787"/>
    </row>
    <row r="4788" spans="3:4" x14ac:dyDescent="0.25">
      <c r="C4788"/>
      <c r="D4788"/>
    </row>
    <row r="4789" spans="3:4" x14ac:dyDescent="0.25">
      <c r="C4789"/>
      <c r="D4789"/>
    </row>
    <row r="4790" spans="3:4" x14ac:dyDescent="0.25">
      <c r="C4790"/>
      <c r="D4790"/>
    </row>
    <row r="4791" spans="3:4" x14ac:dyDescent="0.25">
      <c r="C4791"/>
      <c r="D4791"/>
    </row>
    <row r="4792" spans="3:4" x14ac:dyDescent="0.25">
      <c r="C4792"/>
      <c r="D4792"/>
    </row>
    <row r="4793" spans="3:4" x14ac:dyDescent="0.25">
      <c r="C4793"/>
      <c r="D4793"/>
    </row>
    <row r="4794" spans="3:4" x14ac:dyDescent="0.25">
      <c r="C4794"/>
      <c r="D4794"/>
    </row>
    <row r="4795" spans="3:4" x14ac:dyDescent="0.25">
      <c r="C4795"/>
      <c r="D4795"/>
    </row>
    <row r="4796" spans="3:4" x14ac:dyDescent="0.25">
      <c r="C4796"/>
      <c r="D4796"/>
    </row>
    <row r="4797" spans="3:4" x14ac:dyDescent="0.25">
      <c r="C4797"/>
      <c r="D4797"/>
    </row>
    <row r="4798" spans="3:4" x14ac:dyDescent="0.25">
      <c r="C4798"/>
      <c r="D4798"/>
    </row>
    <row r="4799" spans="3:4" x14ac:dyDescent="0.25">
      <c r="C4799"/>
      <c r="D4799"/>
    </row>
    <row r="4800" spans="3:4" x14ac:dyDescent="0.25">
      <c r="C4800"/>
      <c r="D4800"/>
    </row>
    <row r="4801" spans="3:4" x14ac:dyDescent="0.25">
      <c r="C4801"/>
      <c r="D4801"/>
    </row>
    <row r="4802" spans="3:4" x14ac:dyDescent="0.25">
      <c r="C4802"/>
      <c r="D4802"/>
    </row>
    <row r="4803" spans="3:4" x14ac:dyDescent="0.25">
      <c r="C4803"/>
      <c r="D4803"/>
    </row>
    <row r="4804" spans="3:4" x14ac:dyDescent="0.25">
      <c r="C4804"/>
      <c r="D4804"/>
    </row>
    <row r="4805" spans="3:4" x14ac:dyDescent="0.25">
      <c r="C4805"/>
      <c r="D4805"/>
    </row>
    <row r="4806" spans="3:4" x14ac:dyDescent="0.25">
      <c r="C4806"/>
      <c r="D4806"/>
    </row>
    <row r="4807" spans="3:4" x14ac:dyDescent="0.25">
      <c r="C4807"/>
      <c r="D4807"/>
    </row>
    <row r="4808" spans="3:4" x14ac:dyDescent="0.25">
      <c r="C4808"/>
      <c r="D4808"/>
    </row>
    <row r="4809" spans="3:4" x14ac:dyDescent="0.25">
      <c r="C4809"/>
      <c r="D4809"/>
    </row>
    <row r="4810" spans="3:4" x14ac:dyDescent="0.25">
      <c r="C4810"/>
      <c r="D4810"/>
    </row>
    <row r="4811" spans="3:4" x14ac:dyDescent="0.25">
      <c r="C4811"/>
      <c r="D4811"/>
    </row>
    <row r="4812" spans="3:4" x14ac:dyDescent="0.25">
      <c r="C4812"/>
      <c r="D4812"/>
    </row>
    <row r="4813" spans="3:4" x14ac:dyDescent="0.25">
      <c r="C4813"/>
      <c r="D4813"/>
    </row>
    <row r="4814" spans="3:4" x14ac:dyDescent="0.25">
      <c r="C4814"/>
      <c r="D4814"/>
    </row>
    <row r="4815" spans="3:4" x14ac:dyDescent="0.25">
      <c r="C4815"/>
      <c r="D4815"/>
    </row>
    <row r="4816" spans="3:4" x14ac:dyDescent="0.25">
      <c r="C4816"/>
      <c r="D4816"/>
    </row>
    <row r="4817" spans="3:4" x14ac:dyDescent="0.25">
      <c r="C4817"/>
      <c r="D4817"/>
    </row>
    <row r="4818" spans="3:4" x14ac:dyDescent="0.25">
      <c r="C4818"/>
      <c r="D4818"/>
    </row>
    <row r="4819" spans="3:4" x14ac:dyDescent="0.25">
      <c r="C4819"/>
      <c r="D4819"/>
    </row>
    <row r="4820" spans="3:4" x14ac:dyDescent="0.25">
      <c r="C4820"/>
      <c r="D4820"/>
    </row>
    <row r="4821" spans="3:4" x14ac:dyDescent="0.25">
      <c r="C4821"/>
      <c r="D4821"/>
    </row>
    <row r="4822" spans="3:4" x14ac:dyDescent="0.25">
      <c r="C4822"/>
      <c r="D4822"/>
    </row>
    <row r="4823" spans="3:4" x14ac:dyDescent="0.25">
      <c r="C4823"/>
      <c r="D4823"/>
    </row>
    <row r="4824" spans="3:4" x14ac:dyDescent="0.25">
      <c r="C4824"/>
      <c r="D4824"/>
    </row>
    <row r="4825" spans="3:4" x14ac:dyDescent="0.25">
      <c r="C4825"/>
      <c r="D4825"/>
    </row>
    <row r="4826" spans="3:4" x14ac:dyDescent="0.25">
      <c r="C4826"/>
      <c r="D4826"/>
    </row>
    <row r="4827" spans="3:4" x14ac:dyDescent="0.25">
      <c r="C4827"/>
      <c r="D4827"/>
    </row>
    <row r="4828" spans="3:4" x14ac:dyDescent="0.25">
      <c r="C4828"/>
      <c r="D4828"/>
    </row>
    <row r="4829" spans="3:4" x14ac:dyDescent="0.25">
      <c r="C4829"/>
      <c r="D4829"/>
    </row>
    <row r="4830" spans="3:4" x14ac:dyDescent="0.25">
      <c r="C4830"/>
      <c r="D4830"/>
    </row>
    <row r="4831" spans="3:4" x14ac:dyDescent="0.25">
      <c r="C4831"/>
      <c r="D4831"/>
    </row>
    <row r="4832" spans="3:4" x14ac:dyDescent="0.25">
      <c r="C4832"/>
      <c r="D4832"/>
    </row>
    <row r="4833" spans="3:4" x14ac:dyDescent="0.25">
      <c r="C4833"/>
      <c r="D4833"/>
    </row>
    <row r="4834" spans="3:4" x14ac:dyDescent="0.25">
      <c r="C4834"/>
      <c r="D4834"/>
    </row>
    <row r="4835" spans="3:4" x14ac:dyDescent="0.25">
      <c r="C4835"/>
      <c r="D4835"/>
    </row>
    <row r="4836" spans="3:4" x14ac:dyDescent="0.25">
      <c r="C4836"/>
      <c r="D4836"/>
    </row>
    <row r="4837" spans="3:4" x14ac:dyDescent="0.25">
      <c r="C4837"/>
      <c r="D4837"/>
    </row>
    <row r="4838" spans="3:4" x14ac:dyDescent="0.25">
      <c r="C4838"/>
      <c r="D4838"/>
    </row>
    <row r="4839" spans="3:4" x14ac:dyDescent="0.25">
      <c r="C4839"/>
      <c r="D4839"/>
    </row>
    <row r="4840" spans="3:4" x14ac:dyDescent="0.25">
      <c r="C4840"/>
      <c r="D4840"/>
    </row>
    <row r="4841" spans="3:4" x14ac:dyDescent="0.25">
      <c r="C4841"/>
      <c r="D4841"/>
    </row>
    <row r="4842" spans="3:4" x14ac:dyDescent="0.25">
      <c r="C4842"/>
      <c r="D4842"/>
    </row>
    <row r="4843" spans="3:4" x14ac:dyDescent="0.25">
      <c r="C4843"/>
      <c r="D4843"/>
    </row>
    <row r="4844" spans="3:4" x14ac:dyDescent="0.25">
      <c r="C4844"/>
      <c r="D4844"/>
    </row>
    <row r="4845" spans="3:4" x14ac:dyDescent="0.25">
      <c r="C4845"/>
      <c r="D4845"/>
    </row>
    <row r="4846" spans="3:4" x14ac:dyDescent="0.25">
      <c r="C4846"/>
      <c r="D4846"/>
    </row>
    <row r="4847" spans="3:4" x14ac:dyDescent="0.25">
      <c r="C4847"/>
      <c r="D4847"/>
    </row>
    <row r="4848" spans="3:4" x14ac:dyDescent="0.25">
      <c r="C4848"/>
      <c r="D4848"/>
    </row>
    <row r="4849" spans="3:4" x14ac:dyDescent="0.25">
      <c r="C4849"/>
      <c r="D4849"/>
    </row>
    <row r="4850" spans="3:4" x14ac:dyDescent="0.25">
      <c r="C4850"/>
      <c r="D4850"/>
    </row>
    <row r="4851" spans="3:4" x14ac:dyDescent="0.25">
      <c r="C4851"/>
      <c r="D4851"/>
    </row>
    <row r="4852" spans="3:4" x14ac:dyDescent="0.25">
      <c r="C4852"/>
      <c r="D4852"/>
    </row>
    <row r="4853" spans="3:4" x14ac:dyDescent="0.25">
      <c r="C4853"/>
      <c r="D4853"/>
    </row>
    <row r="4854" spans="3:4" x14ac:dyDescent="0.25">
      <c r="C4854"/>
      <c r="D4854"/>
    </row>
    <row r="4855" spans="3:4" x14ac:dyDescent="0.25">
      <c r="C4855"/>
      <c r="D4855"/>
    </row>
    <row r="4856" spans="3:4" x14ac:dyDescent="0.25">
      <c r="C4856"/>
      <c r="D4856"/>
    </row>
    <row r="4857" spans="3:4" x14ac:dyDescent="0.25">
      <c r="C4857"/>
      <c r="D4857"/>
    </row>
    <row r="4858" spans="3:4" x14ac:dyDescent="0.25">
      <c r="C4858"/>
      <c r="D4858"/>
    </row>
    <row r="4859" spans="3:4" x14ac:dyDescent="0.25">
      <c r="C4859"/>
      <c r="D4859"/>
    </row>
    <row r="4860" spans="3:4" x14ac:dyDescent="0.25">
      <c r="C4860"/>
      <c r="D4860"/>
    </row>
    <row r="4861" spans="3:4" x14ac:dyDescent="0.25">
      <c r="C4861"/>
      <c r="D4861"/>
    </row>
    <row r="4862" spans="3:4" x14ac:dyDescent="0.25">
      <c r="C4862"/>
      <c r="D4862"/>
    </row>
    <row r="4863" spans="3:4" x14ac:dyDescent="0.25">
      <c r="C4863"/>
      <c r="D4863"/>
    </row>
    <row r="4864" spans="3:4" x14ac:dyDescent="0.25">
      <c r="C4864"/>
      <c r="D4864"/>
    </row>
    <row r="4865" spans="3:4" x14ac:dyDescent="0.25">
      <c r="C4865"/>
      <c r="D4865"/>
    </row>
    <row r="4866" spans="3:4" x14ac:dyDescent="0.25">
      <c r="C4866"/>
      <c r="D4866"/>
    </row>
    <row r="4867" spans="3:4" x14ac:dyDescent="0.25">
      <c r="C4867"/>
      <c r="D4867"/>
    </row>
    <row r="4868" spans="3:4" x14ac:dyDescent="0.25">
      <c r="C4868"/>
      <c r="D4868"/>
    </row>
    <row r="4869" spans="3:4" x14ac:dyDescent="0.25">
      <c r="C4869"/>
      <c r="D4869"/>
    </row>
    <row r="4870" spans="3:4" x14ac:dyDescent="0.25">
      <c r="C4870"/>
      <c r="D4870"/>
    </row>
    <row r="4871" spans="3:4" x14ac:dyDescent="0.25">
      <c r="C4871"/>
      <c r="D4871"/>
    </row>
    <row r="4872" spans="3:4" x14ac:dyDescent="0.25">
      <c r="C4872"/>
      <c r="D4872"/>
    </row>
    <row r="4873" spans="3:4" x14ac:dyDescent="0.25">
      <c r="C4873"/>
      <c r="D4873"/>
    </row>
    <row r="4874" spans="3:4" x14ac:dyDescent="0.25">
      <c r="C4874"/>
      <c r="D4874"/>
    </row>
    <row r="4875" spans="3:4" x14ac:dyDescent="0.25">
      <c r="C4875"/>
      <c r="D4875"/>
    </row>
    <row r="4876" spans="3:4" x14ac:dyDescent="0.25">
      <c r="C4876"/>
      <c r="D4876"/>
    </row>
    <row r="4877" spans="3:4" x14ac:dyDescent="0.25">
      <c r="C4877"/>
      <c r="D4877"/>
    </row>
    <row r="4878" spans="3:4" x14ac:dyDescent="0.25">
      <c r="C4878"/>
      <c r="D4878"/>
    </row>
    <row r="4879" spans="3:4" x14ac:dyDescent="0.25">
      <c r="C4879"/>
      <c r="D4879"/>
    </row>
    <row r="4880" spans="3:4" x14ac:dyDescent="0.25">
      <c r="C4880"/>
      <c r="D4880"/>
    </row>
    <row r="4881" spans="3:4" x14ac:dyDescent="0.25">
      <c r="C4881"/>
      <c r="D4881"/>
    </row>
    <row r="4882" spans="3:4" x14ac:dyDescent="0.25">
      <c r="C4882"/>
      <c r="D4882"/>
    </row>
    <row r="4883" spans="3:4" x14ac:dyDescent="0.25">
      <c r="C4883"/>
      <c r="D4883"/>
    </row>
    <row r="4884" spans="3:4" x14ac:dyDescent="0.25">
      <c r="C4884"/>
      <c r="D4884"/>
    </row>
    <row r="4885" spans="3:4" x14ac:dyDescent="0.25">
      <c r="C4885"/>
      <c r="D4885"/>
    </row>
    <row r="4886" spans="3:4" x14ac:dyDescent="0.25">
      <c r="C4886"/>
      <c r="D4886"/>
    </row>
    <row r="4887" spans="3:4" x14ac:dyDescent="0.25">
      <c r="C4887"/>
      <c r="D4887"/>
    </row>
    <row r="4888" spans="3:4" x14ac:dyDescent="0.25">
      <c r="C4888"/>
      <c r="D4888"/>
    </row>
    <row r="4889" spans="3:4" x14ac:dyDescent="0.25">
      <c r="C4889"/>
      <c r="D4889"/>
    </row>
    <row r="4890" spans="3:4" x14ac:dyDescent="0.25">
      <c r="C4890"/>
      <c r="D4890"/>
    </row>
    <row r="4891" spans="3:4" x14ac:dyDescent="0.25">
      <c r="C4891"/>
      <c r="D4891"/>
    </row>
    <row r="4892" spans="3:4" x14ac:dyDescent="0.25">
      <c r="C4892"/>
      <c r="D4892"/>
    </row>
    <row r="4893" spans="3:4" x14ac:dyDescent="0.25">
      <c r="C4893"/>
      <c r="D4893"/>
    </row>
    <row r="4894" spans="3:4" x14ac:dyDescent="0.25">
      <c r="C4894"/>
      <c r="D4894"/>
    </row>
    <row r="4895" spans="3:4" x14ac:dyDescent="0.25">
      <c r="C4895"/>
      <c r="D4895"/>
    </row>
    <row r="4896" spans="3:4" x14ac:dyDescent="0.25">
      <c r="C4896"/>
      <c r="D4896"/>
    </row>
    <row r="4897" spans="3:4" x14ac:dyDescent="0.25">
      <c r="C4897"/>
      <c r="D4897"/>
    </row>
    <row r="4898" spans="3:4" x14ac:dyDescent="0.25">
      <c r="C4898"/>
      <c r="D4898"/>
    </row>
    <row r="4899" spans="3:4" x14ac:dyDescent="0.25">
      <c r="C4899"/>
      <c r="D4899"/>
    </row>
    <row r="4900" spans="3:4" x14ac:dyDescent="0.25">
      <c r="C4900"/>
      <c r="D4900"/>
    </row>
    <row r="4901" spans="3:4" x14ac:dyDescent="0.25">
      <c r="C4901"/>
      <c r="D4901"/>
    </row>
    <row r="4902" spans="3:4" x14ac:dyDescent="0.25">
      <c r="C4902"/>
      <c r="D4902"/>
    </row>
    <row r="4903" spans="3:4" x14ac:dyDescent="0.25">
      <c r="C4903"/>
      <c r="D4903"/>
    </row>
    <row r="4904" spans="3:4" x14ac:dyDescent="0.25">
      <c r="C4904"/>
      <c r="D4904"/>
    </row>
    <row r="4905" spans="3:4" x14ac:dyDescent="0.25">
      <c r="C4905"/>
      <c r="D4905"/>
    </row>
    <row r="4906" spans="3:4" x14ac:dyDescent="0.25">
      <c r="C4906"/>
      <c r="D4906"/>
    </row>
    <row r="4907" spans="3:4" x14ac:dyDescent="0.25">
      <c r="C4907"/>
      <c r="D4907"/>
    </row>
    <row r="4908" spans="3:4" x14ac:dyDescent="0.25">
      <c r="C4908"/>
      <c r="D4908"/>
    </row>
    <row r="4909" spans="3:4" x14ac:dyDescent="0.25">
      <c r="C4909"/>
      <c r="D4909"/>
    </row>
    <row r="4910" spans="3:4" x14ac:dyDescent="0.25">
      <c r="C4910"/>
      <c r="D4910"/>
    </row>
    <row r="4911" spans="3:4" x14ac:dyDescent="0.25">
      <c r="C4911"/>
      <c r="D4911"/>
    </row>
    <row r="4912" spans="3:4" x14ac:dyDescent="0.25">
      <c r="C4912"/>
      <c r="D4912"/>
    </row>
    <row r="4913" spans="3:4" x14ac:dyDescent="0.25">
      <c r="C4913"/>
      <c r="D4913"/>
    </row>
    <row r="4914" spans="3:4" x14ac:dyDescent="0.25">
      <c r="C4914"/>
      <c r="D4914"/>
    </row>
    <row r="4915" spans="3:4" x14ac:dyDescent="0.25">
      <c r="C4915"/>
      <c r="D4915"/>
    </row>
    <row r="4916" spans="3:4" x14ac:dyDescent="0.25">
      <c r="C4916"/>
      <c r="D4916"/>
    </row>
    <row r="4917" spans="3:4" x14ac:dyDescent="0.25">
      <c r="C4917"/>
      <c r="D4917"/>
    </row>
    <row r="4918" spans="3:4" x14ac:dyDescent="0.25">
      <c r="C4918"/>
      <c r="D4918"/>
    </row>
    <row r="4919" spans="3:4" x14ac:dyDescent="0.25">
      <c r="C4919"/>
      <c r="D4919"/>
    </row>
    <row r="4920" spans="3:4" x14ac:dyDescent="0.25">
      <c r="C4920"/>
      <c r="D4920"/>
    </row>
    <row r="4921" spans="3:4" x14ac:dyDescent="0.25">
      <c r="C4921"/>
      <c r="D4921"/>
    </row>
    <row r="4922" spans="3:4" x14ac:dyDescent="0.25">
      <c r="C4922"/>
      <c r="D4922"/>
    </row>
    <row r="4923" spans="3:4" x14ac:dyDescent="0.25">
      <c r="C4923"/>
      <c r="D4923"/>
    </row>
    <row r="4924" spans="3:4" x14ac:dyDescent="0.25">
      <c r="C4924"/>
      <c r="D4924"/>
    </row>
    <row r="4925" spans="3:4" x14ac:dyDescent="0.25">
      <c r="C4925"/>
      <c r="D4925"/>
    </row>
    <row r="4926" spans="3:4" x14ac:dyDescent="0.25">
      <c r="C4926"/>
      <c r="D4926"/>
    </row>
    <row r="4927" spans="3:4" x14ac:dyDescent="0.25">
      <c r="C4927"/>
      <c r="D4927"/>
    </row>
    <row r="4928" spans="3:4" x14ac:dyDescent="0.25">
      <c r="C4928"/>
      <c r="D4928"/>
    </row>
    <row r="4929" spans="3:4" x14ac:dyDescent="0.25">
      <c r="C4929"/>
      <c r="D4929"/>
    </row>
    <row r="4930" spans="3:4" x14ac:dyDescent="0.25">
      <c r="C4930"/>
      <c r="D4930"/>
    </row>
    <row r="4931" spans="3:4" x14ac:dyDescent="0.25">
      <c r="C4931"/>
      <c r="D4931"/>
    </row>
    <row r="4932" spans="3:4" x14ac:dyDescent="0.25">
      <c r="C4932"/>
      <c r="D4932"/>
    </row>
    <row r="4933" spans="3:4" x14ac:dyDescent="0.25">
      <c r="C4933"/>
      <c r="D4933"/>
    </row>
    <row r="4934" spans="3:4" x14ac:dyDescent="0.25">
      <c r="C4934"/>
      <c r="D4934"/>
    </row>
    <row r="4935" spans="3:4" x14ac:dyDescent="0.25">
      <c r="C4935"/>
      <c r="D4935"/>
    </row>
    <row r="4936" spans="3:4" x14ac:dyDescent="0.25">
      <c r="C4936"/>
      <c r="D4936"/>
    </row>
    <row r="4937" spans="3:4" x14ac:dyDescent="0.25">
      <c r="C4937"/>
      <c r="D4937"/>
    </row>
    <row r="4938" spans="3:4" x14ac:dyDescent="0.25">
      <c r="C4938"/>
      <c r="D4938"/>
    </row>
    <row r="4939" spans="3:4" x14ac:dyDescent="0.25">
      <c r="C4939"/>
      <c r="D4939"/>
    </row>
    <row r="4940" spans="3:4" x14ac:dyDescent="0.25">
      <c r="C4940"/>
      <c r="D4940"/>
    </row>
    <row r="4941" spans="3:4" x14ac:dyDescent="0.25">
      <c r="C4941"/>
      <c r="D4941"/>
    </row>
    <row r="4942" spans="3:4" x14ac:dyDescent="0.25">
      <c r="C4942"/>
      <c r="D4942"/>
    </row>
    <row r="4943" spans="3:4" x14ac:dyDescent="0.25">
      <c r="C4943"/>
      <c r="D4943"/>
    </row>
    <row r="4944" spans="3:4" x14ac:dyDescent="0.25">
      <c r="C4944"/>
      <c r="D4944"/>
    </row>
    <row r="4945" spans="3:4" x14ac:dyDescent="0.25">
      <c r="C4945"/>
      <c r="D4945"/>
    </row>
    <row r="4946" spans="3:4" x14ac:dyDescent="0.25">
      <c r="C4946"/>
      <c r="D4946"/>
    </row>
    <row r="4947" spans="3:4" x14ac:dyDescent="0.25">
      <c r="C4947"/>
      <c r="D4947"/>
    </row>
    <row r="4948" spans="3:4" x14ac:dyDescent="0.25">
      <c r="C4948"/>
      <c r="D4948"/>
    </row>
    <row r="4949" spans="3:4" x14ac:dyDescent="0.25">
      <c r="C4949"/>
      <c r="D4949"/>
    </row>
    <row r="4950" spans="3:4" x14ac:dyDescent="0.25">
      <c r="C4950"/>
      <c r="D4950"/>
    </row>
    <row r="4951" spans="3:4" x14ac:dyDescent="0.25">
      <c r="C4951"/>
      <c r="D4951"/>
    </row>
    <row r="4952" spans="3:4" x14ac:dyDescent="0.25">
      <c r="C4952"/>
      <c r="D4952"/>
    </row>
    <row r="4953" spans="3:4" x14ac:dyDescent="0.25">
      <c r="C4953"/>
      <c r="D4953"/>
    </row>
    <row r="4954" spans="3:4" x14ac:dyDescent="0.25">
      <c r="C4954"/>
      <c r="D4954"/>
    </row>
    <row r="4955" spans="3:4" x14ac:dyDescent="0.25">
      <c r="C4955"/>
      <c r="D4955"/>
    </row>
    <row r="4956" spans="3:4" x14ac:dyDescent="0.25">
      <c r="C4956"/>
      <c r="D4956"/>
    </row>
    <row r="4957" spans="3:4" x14ac:dyDescent="0.25">
      <c r="C4957"/>
      <c r="D4957"/>
    </row>
    <row r="4958" spans="3:4" x14ac:dyDescent="0.25">
      <c r="C4958"/>
      <c r="D4958"/>
    </row>
    <row r="4959" spans="3:4" x14ac:dyDescent="0.25">
      <c r="C4959"/>
      <c r="D4959"/>
    </row>
    <row r="4960" spans="3:4" x14ac:dyDescent="0.25">
      <c r="C4960"/>
      <c r="D4960"/>
    </row>
    <row r="4961" spans="3:4" x14ac:dyDescent="0.25">
      <c r="C4961"/>
      <c r="D4961"/>
    </row>
    <row r="4962" spans="3:4" x14ac:dyDescent="0.25">
      <c r="C4962"/>
      <c r="D4962"/>
    </row>
    <row r="4963" spans="3:4" x14ac:dyDescent="0.25">
      <c r="C4963"/>
      <c r="D4963"/>
    </row>
    <row r="4964" spans="3:4" x14ac:dyDescent="0.25">
      <c r="C4964"/>
      <c r="D4964"/>
    </row>
    <row r="4965" spans="3:4" x14ac:dyDescent="0.25">
      <c r="C4965"/>
      <c r="D4965"/>
    </row>
    <row r="4966" spans="3:4" x14ac:dyDescent="0.25">
      <c r="C4966"/>
      <c r="D4966"/>
    </row>
    <row r="4967" spans="3:4" x14ac:dyDescent="0.25">
      <c r="C4967"/>
      <c r="D4967"/>
    </row>
    <row r="4968" spans="3:4" x14ac:dyDescent="0.25">
      <c r="C4968"/>
      <c r="D4968"/>
    </row>
    <row r="4969" spans="3:4" x14ac:dyDescent="0.25">
      <c r="C4969"/>
      <c r="D4969"/>
    </row>
    <row r="4970" spans="3:4" x14ac:dyDescent="0.25">
      <c r="C4970"/>
      <c r="D4970"/>
    </row>
    <row r="4971" spans="3:4" x14ac:dyDescent="0.25">
      <c r="C4971"/>
      <c r="D4971"/>
    </row>
    <row r="4972" spans="3:4" x14ac:dyDescent="0.25">
      <c r="C4972"/>
      <c r="D4972"/>
    </row>
    <row r="4973" spans="3:4" x14ac:dyDescent="0.25">
      <c r="C4973"/>
      <c r="D4973"/>
    </row>
    <row r="4974" spans="3:4" x14ac:dyDescent="0.25">
      <c r="C4974"/>
      <c r="D4974"/>
    </row>
    <row r="4975" spans="3:4" x14ac:dyDescent="0.25">
      <c r="C4975"/>
      <c r="D4975"/>
    </row>
    <row r="4976" spans="3:4" x14ac:dyDescent="0.25">
      <c r="C4976"/>
      <c r="D4976"/>
    </row>
    <row r="4977" spans="3:4" x14ac:dyDescent="0.25">
      <c r="C4977"/>
      <c r="D4977"/>
    </row>
    <row r="4978" spans="3:4" x14ac:dyDescent="0.25">
      <c r="C4978"/>
      <c r="D4978"/>
    </row>
    <row r="4979" spans="3:4" x14ac:dyDescent="0.25">
      <c r="C4979"/>
      <c r="D4979"/>
    </row>
    <row r="4980" spans="3:4" x14ac:dyDescent="0.25">
      <c r="C4980"/>
      <c r="D4980"/>
    </row>
    <row r="4981" spans="3:4" x14ac:dyDescent="0.25">
      <c r="C4981"/>
      <c r="D4981"/>
    </row>
    <row r="4982" spans="3:4" x14ac:dyDescent="0.25">
      <c r="C4982"/>
      <c r="D4982"/>
    </row>
    <row r="4983" spans="3:4" x14ac:dyDescent="0.25">
      <c r="C4983"/>
      <c r="D4983"/>
    </row>
    <row r="4984" spans="3:4" x14ac:dyDescent="0.25">
      <c r="C4984"/>
      <c r="D4984"/>
    </row>
    <row r="4985" spans="3:4" x14ac:dyDescent="0.25">
      <c r="C4985"/>
      <c r="D4985"/>
    </row>
    <row r="4986" spans="3:4" x14ac:dyDescent="0.25">
      <c r="C4986"/>
      <c r="D4986"/>
    </row>
    <row r="4987" spans="3:4" x14ac:dyDescent="0.25">
      <c r="C4987"/>
      <c r="D4987"/>
    </row>
    <row r="4988" spans="3:4" x14ac:dyDescent="0.25">
      <c r="C4988"/>
      <c r="D4988"/>
    </row>
    <row r="4989" spans="3:4" x14ac:dyDescent="0.25">
      <c r="C4989"/>
      <c r="D4989"/>
    </row>
    <row r="4990" spans="3:4" x14ac:dyDescent="0.25">
      <c r="C4990"/>
      <c r="D4990"/>
    </row>
    <row r="4991" spans="3:4" x14ac:dyDescent="0.25">
      <c r="C4991"/>
      <c r="D4991"/>
    </row>
    <row r="4992" spans="3:4" x14ac:dyDescent="0.25">
      <c r="C4992"/>
      <c r="D4992"/>
    </row>
    <row r="4993" spans="3:4" x14ac:dyDescent="0.25">
      <c r="C4993"/>
      <c r="D4993"/>
    </row>
    <row r="4994" spans="3:4" x14ac:dyDescent="0.25">
      <c r="C4994"/>
      <c r="D4994"/>
    </row>
    <row r="4995" spans="3:4" x14ac:dyDescent="0.25">
      <c r="C4995"/>
      <c r="D4995"/>
    </row>
    <row r="4996" spans="3:4" x14ac:dyDescent="0.25">
      <c r="C4996"/>
      <c r="D4996"/>
    </row>
    <row r="4997" spans="3:4" x14ac:dyDescent="0.25">
      <c r="C4997"/>
      <c r="D4997"/>
    </row>
    <row r="4998" spans="3:4" x14ac:dyDescent="0.25">
      <c r="C4998"/>
      <c r="D4998"/>
    </row>
    <row r="4999" spans="3:4" x14ac:dyDescent="0.25">
      <c r="C4999"/>
      <c r="D4999"/>
    </row>
    <row r="5000" spans="3:4" x14ac:dyDescent="0.25">
      <c r="C5000"/>
      <c r="D5000"/>
    </row>
    <row r="5001" spans="3:4" x14ac:dyDescent="0.25">
      <c r="C5001"/>
      <c r="D5001"/>
    </row>
    <row r="5002" spans="3:4" x14ac:dyDescent="0.25">
      <c r="C5002"/>
      <c r="D5002"/>
    </row>
    <row r="5003" spans="3:4" x14ac:dyDescent="0.25">
      <c r="C5003"/>
      <c r="D5003"/>
    </row>
    <row r="5004" spans="3:4" x14ac:dyDescent="0.25">
      <c r="C5004"/>
      <c r="D5004"/>
    </row>
    <row r="5005" spans="3:4" x14ac:dyDescent="0.25">
      <c r="C5005"/>
      <c r="D5005"/>
    </row>
    <row r="5006" spans="3:4" x14ac:dyDescent="0.25">
      <c r="C5006"/>
      <c r="D5006"/>
    </row>
    <row r="5007" spans="3:4" x14ac:dyDescent="0.25">
      <c r="C5007"/>
      <c r="D5007"/>
    </row>
    <row r="5008" spans="3:4" x14ac:dyDescent="0.25">
      <c r="C5008"/>
      <c r="D5008"/>
    </row>
    <row r="5009" spans="3:4" x14ac:dyDescent="0.25">
      <c r="C5009"/>
      <c r="D5009"/>
    </row>
    <row r="5010" spans="3:4" x14ac:dyDescent="0.25">
      <c r="C5010"/>
      <c r="D5010"/>
    </row>
    <row r="5011" spans="3:4" x14ac:dyDescent="0.25">
      <c r="C5011"/>
      <c r="D5011"/>
    </row>
    <row r="5012" spans="3:4" x14ac:dyDescent="0.25">
      <c r="C5012"/>
      <c r="D5012"/>
    </row>
    <row r="5013" spans="3:4" x14ac:dyDescent="0.25">
      <c r="C5013"/>
      <c r="D5013"/>
    </row>
    <row r="5014" spans="3:4" x14ac:dyDescent="0.25">
      <c r="C5014"/>
      <c r="D5014"/>
    </row>
    <row r="5015" spans="3:4" x14ac:dyDescent="0.25">
      <c r="C5015"/>
      <c r="D5015"/>
    </row>
    <row r="5016" spans="3:4" x14ac:dyDescent="0.25">
      <c r="C5016"/>
      <c r="D5016"/>
    </row>
    <row r="5017" spans="3:4" x14ac:dyDescent="0.25">
      <c r="C5017"/>
      <c r="D5017"/>
    </row>
    <row r="5018" spans="3:4" x14ac:dyDescent="0.25">
      <c r="C5018"/>
      <c r="D5018"/>
    </row>
    <row r="5019" spans="3:4" x14ac:dyDescent="0.25">
      <c r="C5019"/>
      <c r="D5019"/>
    </row>
    <row r="5020" spans="3:4" x14ac:dyDescent="0.25">
      <c r="C5020"/>
      <c r="D5020"/>
    </row>
    <row r="5021" spans="3:4" x14ac:dyDescent="0.25">
      <c r="C5021"/>
      <c r="D5021"/>
    </row>
    <row r="5022" spans="3:4" x14ac:dyDescent="0.25">
      <c r="C5022"/>
      <c r="D5022"/>
    </row>
    <row r="5023" spans="3:4" x14ac:dyDescent="0.25">
      <c r="C5023"/>
      <c r="D5023"/>
    </row>
    <row r="5024" spans="3:4" x14ac:dyDescent="0.25">
      <c r="C5024"/>
      <c r="D5024"/>
    </row>
    <row r="5025" spans="3:4" x14ac:dyDescent="0.25">
      <c r="C5025"/>
      <c r="D5025"/>
    </row>
    <row r="5026" spans="3:4" x14ac:dyDescent="0.25">
      <c r="C5026"/>
      <c r="D5026"/>
    </row>
    <row r="5027" spans="3:4" x14ac:dyDescent="0.25">
      <c r="C5027"/>
      <c r="D5027"/>
    </row>
    <row r="5028" spans="3:4" x14ac:dyDescent="0.25">
      <c r="C5028"/>
      <c r="D5028"/>
    </row>
    <row r="5029" spans="3:4" x14ac:dyDescent="0.25">
      <c r="C5029"/>
      <c r="D5029"/>
    </row>
    <row r="5030" spans="3:4" x14ac:dyDescent="0.25">
      <c r="C5030"/>
      <c r="D5030"/>
    </row>
    <row r="5031" spans="3:4" x14ac:dyDescent="0.25">
      <c r="C5031"/>
      <c r="D5031"/>
    </row>
    <row r="5032" spans="3:4" x14ac:dyDescent="0.25">
      <c r="C5032"/>
      <c r="D5032"/>
    </row>
    <row r="5033" spans="3:4" x14ac:dyDescent="0.25">
      <c r="C5033"/>
      <c r="D5033"/>
    </row>
    <row r="5034" spans="3:4" x14ac:dyDescent="0.25">
      <c r="C5034"/>
      <c r="D5034"/>
    </row>
    <row r="5035" spans="3:4" x14ac:dyDescent="0.25">
      <c r="C5035"/>
      <c r="D5035"/>
    </row>
    <row r="5036" spans="3:4" x14ac:dyDescent="0.25">
      <c r="C5036"/>
      <c r="D5036"/>
    </row>
    <row r="5037" spans="3:4" x14ac:dyDescent="0.25">
      <c r="C5037"/>
      <c r="D5037"/>
    </row>
    <row r="5038" spans="3:4" x14ac:dyDescent="0.25">
      <c r="C5038"/>
      <c r="D5038"/>
    </row>
    <row r="5039" spans="3:4" x14ac:dyDescent="0.25">
      <c r="C5039"/>
      <c r="D5039"/>
    </row>
    <row r="5040" spans="3:4" x14ac:dyDescent="0.25">
      <c r="C5040"/>
      <c r="D5040"/>
    </row>
    <row r="5041" spans="3:4" x14ac:dyDescent="0.25">
      <c r="C5041"/>
      <c r="D5041"/>
    </row>
    <row r="5042" spans="3:4" x14ac:dyDescent="0.25">
      <c r="C5042"/>
      <c r="D5042"/>
    </row>
    <row r="5043" spans="3:4" x14ac:dyDescent="0.25">
      <c r="C5043"/>
      <c r="D5043"/>
    </row>
    <row r="5044" spans="3:4" x14ac:dyDescent="0.25">
      <c r="C5044"/>
      <c r="D5044"/>
    </row>
    <row r="5045" spans="3:4" x14ac:dyDescent="0.25">
      <c r="C5045"/>
      <c r="D5045"/>
    </row>
    <row r="5046" spans="3:4" x14ac:dyDescent="0.25">
      <c r="C5046"/>
      <c r="D5046"/>
    </row>
    <row r="5047" spans="3:4" x14ac:dyDescent="0.25">
      <c r="C5047"/>
      <c r="D5047"/>
    </row>
    <row r="5048" spans="3:4" x14ac:dyDescent="0.25">
      <c r="C5048"/>
      <c r="D5048"/>
    </row>
    <row r="5049" spans="3:4" x14ac:dyDescent="0.25">
      <c r="C5049"/>
      <c r="D5049"/>
    </row>
    <row r="5050" spans="3:4" x14ac:dyDescent="0.25">
      <c r="C5050"/>
      <c r="D5050"/>
    </row>
    <row r="5051" spans="3:4" x14ac:dyDescent="0.25">
      <c r="C5051"/>
      <c r="D5051"/>
    </row>
    <row r="5052" spans="3:4" x14ac:dyDescent="0.25">
      <c r="C5052"/>
      <c r="D5052"/>
    </row>
    <row r="5053" spans="3:4" x14ac:dyDescent="0.25">
      <c r="C5053"/>
      <c r="D5053"/>
    </row>
    <row r="5054" spans="3:4" x14ac:dyDescent="0.25">
      <c r="C5054"/>
      <c r="D5054"/>
    </row>
    <row r="5055" spans="3:4" x14ac:dyDescent="0.25">
      <c r="C5055"/>
      <c r="D5055"/>
    </row>
    <row r="5056" spans="3:4" x14ac:dyDescent="0.25">
      <c r="C5056"/>
      <c r="D5056"/>
    </row>
    <row r="5057" spans="3:4" x14ac:dyDescent="0.25">
      <c r="C5057"/>
      <c r="D5057"/>
    </row>
    <row r="5058" spans="3:4" x14ac:dyDescent="0.25">
      <c r="C5058"/>
      <c r="D5058"/>
    </row>
    <row r="5059" spans="3:4" x14ac:dyDescent="0.25">
      <c r="C5059"/>
      <c r="D5059"/>
    </row>
    <row r="5060" spans="3:4" x14ac:dyDescent="0.25">
      <c r="C5060"/>
      <c r="D5060"/>
    </row>
    <row r="5061" spans="3:4" x14ac:dyDescent="0.25">
      <c r="C5061"/>
      <c r="D5061"/>
    </row>
    <row r="5062" spans="3:4" x14ac:dyDescent="0.25">
      <c r="C5062"/>
      <c r="D5062"/>
    </row>
    <row r="5063" spans="3:4" x14ac:dyDescent="0.25">
      <c r="C5063"/>
      <c r="D5063"/>
    </row>
    <row r="5064" spans="3:4" x14ac:dyDescent="0.25">
      <c r="C5064"/>
      <c r="D5064"/>
    </row>
    <row r="5065" spans="3:4" x14ac:dyDescent="0.25">
      <c r="C5065"/>
      <c r="D5065"/>
    </row>
    <row r="5066" spans="3:4" x14ac:dyDescent="0.25">
      <c r="C5066"/>
      <c r="D5066"/>
    </row>
    <row r="5067" spans="3:4" x14ac:dyDescent="0.25">
      <c r="C5067"/>
      <c r="D5067"/>
    </row>
    <row r="5068" spans="3:4" x14ac:dyDescent="0.25">
      <c r="C5068"/>
      <c r="D5068"/>
    </row>
    <row r="5069" spans="3:4" x14ac:dyDescent="0.25">
      <c r="C5069"/>
      <c r="D5069"/>
    </row>
    <row r="5070" spans="3:4" x14ac:dyDescent="0.25">
      <c r="C5070"/>
      <c r="D5070"/>
    </row>
    <row r="5071" spans="3:4" x14ac:dyDescent="0.25">
      <c r="C5071"/>
      <c r="D5071"/>
    </row>
    <row r="5072" spans="3:4" x14ac:dyDescent="0.25">
      <c r="C5072"/>
      <c r="D5072"/>
    </row>
    <row r="5073" spans="3:4" x14ac:dyDescent="0.25">
      <c r="C5073"/>
      <c r="D5073"/>
    </row>
    <row r="5074" spans="3:4" x14ac:dyDescent="0.25">
      <c r="C5074"/>
      <c r="D5074"/>
    </row>
    <row r="5075" spans="3:4" x14ac:dyDescent="0.25">
      <c r="C5075"/>
      <c r="D5075"/>
    </row>
    <row r="5076" spans="3:4" x14ac:dyDescent="0.25">
      <c r="C5076"/>
      <c r="D5076"/>
    </row>
    <row r="5077" spans="3:4" x14ac:dyDescent="0.25">
      <c r="C5077"/>
      <c r="D5077"/>
    </row>
    <row r="5078" spans="3:4" x14ac:dyDescent="0.25">
      <c r="C5078"/>
      <c r="D5078"/>
    </row>
    <row r="5079" spans="3:4" x14ac:dyDescent="0.25">
      <c r="C5079"/>
      <c r="D5079"/>
    </row>
    <row r="5080" spans="3:4" x14ac:dyDescent="0.25">
      <c r="C5080"/>
      <c r="D5080"/>
    </row>
    <row r="5081" spans="3:4" x14ac:dyDescent="0.25">
      <c r="C5081"/>
      <c r="D5081"/>
    </row>
    <row r="5082" spans="3:4" x14ac:dyDescent="0.25">
      <c r="C5082"/>
      <c r="D5082"/>
    </row>
    <row r="5083" spans="3:4" x14ac:dyDescent="0.25">
      <c r="C5083"/>
      <c r="D5083"/>
    </row>
    <row r="5084" spans="3:4" x14ac:dyDescent="0.25">
      <c r="C5084"/>
      <c r="D5084"/>
    </row>
    <row r="5085" spans="3:4" x14ac:dyDescent="0.25">
      <c r="C5085"/>
      <c r="D5085"/>
    </row>
    <row r="5086" spans="3:4" x14ac:dyDescent="0.25">
      <c r="C5086"/>
      <c r="D5086"/>
    </row>
    <row r="5087" spans="3:4" x14ac:dyDescent="0.25">
      <c r="C5087"/>
      <c r="D5087"/>
    </row>
    <row r="5088" spans="3:4" x14ac:dyDescent="0.25">
      <c r="C5088"/>
      <c r="D5088"/>
    </row>
    <row r="5089" spans="3:4" x14ac:dyDescent="0.25">
      <c r="C5089"/>
      <c r="D5089"/>
    </row>
    <row r="5090" spans="3:4" x14ac:dyDescent="0.25">
      <c r="C5090"/>
      <c r="D5090"/>
    </row>
    <row r="5091" spans="3:4" x14ac:dyDescent="0.25">
      <c r="C5091"/>
      <c r="D5091"/>
    </row>
    <row r="5092" spans="3:4" x14ac:dyDescent="0.25">
      <c r="C5092"/>
      <c r="D5092"/>
    </row>
    <row r="5093" spans="3:4" x14ac:dyDescent="0.25">
      <c r="C5093"/>
      <c r="D5093"/>
    </row>
    <row r="5094" spans="3:4" x14ac:dyDescent="0.25">
      <c r="C5094"/>
      <c r="D5094"/>
    </row>
    <row r="5095" spans="3:4" x14ac:dyDescent="0.25">
      <c r="C5095"/>
      <c r="D5095"/>
    </row>
    <row r="5096" spans="3:4" x14ac:dyDescent="0.25">
      <c r="C5096"/>
      <c r="D5096"/>
    </row>
    <row r="5097" spans="3:4" x14ac:dyDescent="0.25">
      <c r="C5097"/>
      <c r="D5097"/>
    </row>
    <row r="5098" spans="3:4" x14ac:dyDescent="0.25">
      <c r="C5098"/>
      <c r="D5098"/>
    </row>
    <row r="5099" spans="3:4" x14ac:dyDescent="0.25">
      <c r="C5099"/>
      <c r="D5099"/>
    </row>
    <row r="5100" spans="3:4" x14ac:dyDescent="0.25">
      <c r="C5100"/>
      <c r="D5100"/>
    </row>
    <row r="5101" spans="3:4" x14ac:dyDescent="0.25">
      <c r="C5101"/>
      <c r="D5101"/>
    </row>
    <row r="5102" spans="3:4" x14ac:dyDescent="0.25">
      <c r="C5102"/>
      <c r="D5102"/>
    </row>
    <row r="5103" spans="3:4" x14ac:dyDescent="0.25">
      <c r="C5103"/>
      <c r="D5103"/>
    </row>
    <row r="5104" spans="3:4" x14ac:dyDescent="0.25">
      <c r="C5104"/>
      <c r="D5104"/>
    </row>
    <row r="5105" spans="3:4" x14ac:dyDescent="0.25">
      <c r="C5105"/>
      <c r="D5105"/>
    </row>
    <row r="5106" spans="3:4" x14ac:dyDescent="0.25">
      <c r="C5106"/>
      <c r="D5106"/>
    </row>
    <row r="5107" spans="3:4" x14ac:dyDescent="0.25">
      <c r="C5107"/>
      <c r="D5107"/>
    </row>
    <row r="5108" spans="3:4" x14ac:dyDescent="0.25">
      <c r="C5108"/>
      <c r="D5108"/>
    </row>
    <row r="5109" spans="3:4" x14ac:dyDescent="0.25">
      <c r="C5109"/>
      <c r="D5109"/>
    </row>
    <row r="5110" spans="3:4" x14ac:dyDescent="0.25">
      <c r="C5110"/>
      <c r="D5110"/>
    </row>
    <row r="5111" spans="3:4" x14ac:dyDescent="0.25">
      <c r="C5111"/>
      <c r="D5111"/>
    </row>
    <row r="5112" spans="3:4" x14ac:dyDescent="0.25">
      <c r="C5112"/>
      <c r="D5112"/>
    </row>
    <row r="5113" spans="3:4" x14ac:dyDescent="0.25">
      <c r="C5113"/>
      <c r="D5113"/>
    </row>
    <row r="5114" spans="3:4" x14ac:dyDescent="0.25">
      <c r="C5114"/>
      <c r="D5114"/>
    </row>
    <row r="5115" spans="3:4" x14ac:dyDescent="0.25">
      <c r="C5115"/>
      <c r="D5115"/>
    </row>
    <row r="5116" spans="3:4" x14ac:dyDescent="0.25">
      <c r="C5116"/>
      <c r="D5116"/>
    </row>
    <row r="5117" spans="3:4" x14ac:dyDescent="0.25">
      <c r="C5117"/>
      <c r="D5117"/>
    </row>
    <row r="5118" spans="3:4" x14ac:dyDescent="0.25">
      <c r="C5118"/>
      <c r="D5118"/>
    </row>
    <row r="5119" spans="3:4" x14ac:dyDescent="0.25">
      <c r="C5119"/>
      <c r="D5119"/>
    </row>
    <row r="5120" spans="3:4" x14ac:dyDescent="0.25">
      <c r="C5120"/>
      <c r="D5120"/>
    </row>
    <row r="5121" spans="3:4" x14ac:dyDescent="0.25">
      <c r="C5121"/>
      <c r="D5121"/>
    </row>
    <row r="5122" spans="3:4" x14ac:dyDescent="0.25">
      <c r="C5122"/>
      <c r="D5122"/>
    </row>
    <row r="5123" spans="3:4" x14ac:dyDescent="0.25">
      <c r="C5123"/>
      <c r="D5123"/>
    </row>
    <row r="5124" spans="3:4" x14ac:dyDescent="0.25">
      <c r="C5124"/>
      <c r="D5124"/>
    </row>
    <row r="5125" spans="3:4" x14ac:dyDescent="0.25">
      <c r="C5125"/>
      <c r="D5125"/>
    </row>
    <row r="5126" spans="3:4" x14ac:dyDescent="0.25">
      <c r="C5126"/>
      <c r="D5126"/>
    </row>
    <row r="5127" spans="3:4" x14ac:dyDescent="0.25">
      <c r="C5127"/>
      <c r="D5127"/>
    </row>
    <row r="5128" spans="3:4" x14ac:dyDescent="0.25">
      <c r="C5128"/>
      <c r="D5128"/>
    </row>
    <row r="5129" spans="3:4" x14ac:dyDescent="0.25">
      <c r="C5129"/>
      <c r="D5129"/>
    </row>
    <row r="5130" spans="3:4" x14ac:dyDescent="0.25">
      <c r="C5130"/>
      <c r="D5130"/>
    </row>
    <row r="5131" spans="3:4" x14ac:dyDescent="0.25">
      <c r="C5131"/>
      <c r="D5131"/>
    </row>
    <row r="5132" spans="3:4" x14ac:dyDescent="0.25">
      <c r="C5132"/>
      <c r="D5132"/>
    </row>
    <row r="5133" spans="3:4" x14ac:dyDescent="0.25">
      <c r="C5133"/>
      <c r="D5133"/>
    </row>
    <row r="5134" spans="3:4" x14ac:dyDescent="0.25">
      <c r="C5134"/>
      <c r="D5134"/>
    </row>
    <row r="5135" spans="3:4" x14ac:dyDescent="0.25">
      <c r="C5135"/>
      <c r="D5135"/>
    </row>
    <row r="5136" spans="3:4" x14ac:dyDescent="0.25">
      <c r="C5136"/>
      <c r="D5136"/>
    </row>
    <row r="5137" spans="3:4" x14ac:dyDescent="0.25">
      <c r="C5137"/>
      <c r="D5137"/>
    </row>
    <row r="5138" spans="3:4" x14ac:dyDescent="0.25">
      <c r="C5138"/>
      <c r="D5138"/>
    </row>
    <row r="5139" spans="3:4" x14ac:dyDescent="0.25">
      <c r="C5139"/>
      <c r="D5139"/>
    </row>
    <row r="5140" spans="3:4" x14ac:dyDescent="0.25">
      <c r="C5140"/>
      <c r="D5140"/>
    </row>
    <row r="5141" spans="3:4" x14ac:dyDescent="0.25">
      <c r="C5141"/>
      <c r="D5141"/>
    </row>
    <row r="5142" spans="3:4" x14ac:dyDescent="0.25">
      <c r="C5142"/>
      <c r="D5142"/>
    </row>
    <row r="5143" spans="3:4" x14ac:dyDescent="0.25">
      <c r="C5143"/>
      <c r="D5143"/>
    </row>
    <row r="5144" spans="3:4" x14ac:dyDescent="0.25">
      <c r="C5144"/>
      <c r="D5144"/>
    </row>
    <row r="5145" spans="3:4" x14ac:dyDescent="0.25">
      <c r="C5145"/>
      <c r="D5145"/>
    </row>
    <row r="5146" spans="3:4" x14ac:dyDescent="0.25">
      <c r="C5146"/>
      <c r="D5146"/>
    </row>
    <row r="5147" spans="3:4" x14ac:dyDescent="0.25">
      <c r="C5147"/>
      <c r="D5147"/>
    </row>
    <row r="5148" spans="3:4" x14ac:dyDescent="0.25">
      <c r="C5148"/>
      <c r="D5148"/>
    </row>
    <row r="5149" spans="3:4" x14ac:dyDescent="0.25">
      <c r="C5149"/>
      <c r="D5149"/>
    </row>
    <row r="5150" spans="3:4" x14ac:dyDescent="0.25">
      <c r="C5150"/>
      <c r="D5150"/>
    </row>
    <row r="5151" spans="3:4" x14ac:dyDescent="0.25">
      <c r="C5151"/>
      <c r="D5151"/>
    </row>
    <row r="5152" spans="3:4" x14ac:dyDescent="0.25">
      <c r="C5152"/>
      <c r="D5152"/>
    </row>
    <row r="5153" spans="3:4" x14ac:dyDescent="0.25">
      <c r="C5153"/>
      <c r="D5153"/>
    </row>
    <row r="5154" spans="3:4" x14ac:dyDescent="0.25">
      <c r="C5154"/>
      <c r="D5154"/>
    </row>
    <row r="5155" spans="3:4" x14ac:dyDescent="0.25">
      <c r="C5155"/>
      <c r="D5155"/>
    </row>
    <row r="5156" spans="3:4" x14ac:dyDescent="0.25">
      <c r="C5156"/>
      <c r="D5156"/>
    </row>
    <row r="5157" spans="3:4" x14ac:dyDescent="0.25">
      <c r="C5157"/>
      <c r="D5157"/>
    </row>
    <row r="5158" spans="3:4" x14ac:dyDescent="0.25">
      <c r="C5158"/>
      <c r="D5158"/>
    </row>
    <row r="5159" spans="3:4" x14ac:dyDescent="0.25">
      <c r="C5159"/>
      <c r="D5159"/>
    </row>
    <row r="5160" spans="3:4" x14ac:dyDescent="0.25">
      <c r="C5160"/>
      <c r="D5160"/>
    </row>
    <row r="5161" spans="3:4" x14ac:dyDescent="0.25">
      <c r="C5161"/>
      <c r="D5161"/>
    </row>
    <row r="5162" spans="3:4" x14ac:dyDescent="0.25">
      <c r="C5162"/>
      <c r="D5162"/>
    </row>
    <row r="5163" spans="3:4" x14ac:dyDescent="0.25">
      <c r="C5163"/>
      <c r="D5163"/>
    </row>
    <row r="5164" spans="3:4" x14ac:dyDescent="0.25">
      <c r="C5164"/>
      <c r="D5164"/>
    </row>
    <row r="5165" spans="3:4" x14ac:dyDescent="0.25">
      <c r="C5165"/>
      <c r="D5165"/>
    </row>
    <row r="5166" spans="3:4" x14ac:dyDescent="0.25">
      <c r="C5166"/>
      <c r="D5166"/>
    </row>
    <row r="5167" spans="3:4" x14ac:dyDescent="0.25">
      <c r="C5167"/>
      <c r="D5167"/>
    </row>
    <row r="5168" spans="3:4" x14ac:dyDescent="0.25">
      <c r="C5168"/>
      <c r="D5168"/>
    </row>
    <row r="5169" spans="3:4" x14ac:dyDescent="0.25">
      <c r="C5169"/>
      <c r="D5169"/>
    </row>
    <row r="5170" spans="3:4" x14ac:dyDescent="0.25">
      <c r="C5170"/>
      <c r="D5170"/>
    </row>
    <row r="5171" spans="3:4" x14ac:dyDescent="0.25">
      <c r="C5171"/>
      <c r="D5171"/>
    </row>
    <row r="5172" spans="3:4" x14ac:dyDescent="0.25">
      <c r="C5172"/>
      <c r="D5172"/>
    </row>
    <row r="5173" spans="3:4" x14ac:dyDescent="0.25">
      <c r="C5173"/>
      <c r="D5173"/>
    </row>
    <row r="5174" spans="3:4" x14ac:dyDescent="0.25">
      <c r="C5174"/>
      <c r="D5174"/>
    </row>
    <row r="5175" spans="3:4" x14ac:dyDescent="0.25">
      <c r="C5175"/>
      <c r="D5175"/>
    </row>
    <row r="5176" spans="3:4" x14ac:dyDescent="0.25">
      <c r="C5176"/>
      <c r="D5176"/>
    </row>
    <row r="5177" spans="3:4" x14ac:dyDescent="0.25">
      <c r="C5177"/>
      <c r="D5177"/>
    </row>
    <row r="5178" spans="3:4" x14ac:dyDescent="0.25">
      <c r="C5178"/>
      <c r="D5178"/>
    </row>
    <row r="5179" spans="3:4" x14ac:dyDescent="0.25">
      <c r="C5179"/>
      <c r="D5179"/>
    </row>
    <row r="5180" spans="3:4" x14ac:dyDescent="0.25">
      <c r="C5180"/>
      <c r="D5180"/>
    </row>
    <row r="5181" spans="3:4" x14ac:dyDescent="0.25">
      <c r="C5181"/>
      <c r="D5181"/>
    </row>
    <row r="5182" spans="3:4" x14ac:dyDescent="0.25">
      <c r="C5182"/>
      <c r="D5182"/>
    </row>
    <row r="5183" spans="3:4" x14ac:dyDescent="0.25">
      <c r="C5183"/>
      <c r="D5183"/>
    </row>
    <row r="5184" spans="3:4" x14ac:dyDescent="0.25">
      <c r="C5184"/>
      <c r="D5184"/>
    </row>
    <row r="5185" spans="3:4" x14ac:dyDescent="0.25">
      <c r="C5185"/>
      <c r="D5185"/>
    </row>
    <row r="5186" spans="3:4" x14ac:dyDescent="0.25">
      <c r="C5186"/>
      <c r="D5186"/>
    </row>
    <row r="5187" spans="3:4" x14ac:dyDescent="0.25">
      <c r="C5187"/>
      <c r="D5187"/>
    </row>
    <row r="5188" spans="3:4" x14ac:dyDescent="0.25">
      <c r="C5188"/>
      <c r="D5188"/>
    </row>
    <row r="5189" spans="3:4" x14ac:dyDescent="0.25">
      <c r="C5189"/>
      <c r="D5189"/>
    </row>
    <row r="5190" spans="3:4" x14ac:dyDescent="0.25">
      <c r="C5190"/>
      <c r="D5190"/>
    </row>
    <row r="5191" spans="3:4" x14ac:dyDescent="0.25">
      <c r="C5191"/>
      <c r="D5191"/>
    </row>
    <row r="5192" spans="3:4" x14ac:dyDescent="0.25">
      <c r="C5192"/>
      <c r="D5192"/>
    </row>
    <row r="5193" spans="3:4" x14ac:dyDescent="0.25">
      <c r="C5193"/>
      <c r="D5193"/>
    </row>
    <row r="5194" spans="3:4" x14ac:dyDescent="0.25">
      <c r="C5194"/>
      <c r="D5194"/>
    </row>
    <row r="5195" spans="3:4" x14ac:dyDescent="0.25">
      <c r="C5195"/>
      <c r="D5195"/>
    </row>
    <row r="5196" spans="3:4" x14ac:dyDescent="0.25">
      <c r="C5196"/>
      <c r="D5196"/>
    </row>
    <row r="5197" spans="3:4" x14ac:dyDescent="0.25">
      <c r="C5197"/>
      <c r="D5197"/>
    </row>
    <row r="5198" spans="3:4" x14ac:dyDescent="0.25">
      <c r="C5198"/>
      <c r="D5198"/>
    </row>
    <row r="5199" spans="3:4" x14ac:dyDescent="0.25">
      <c r="C5199"/>
      <c r="D5199"/>
    </row>
    <row r="5200" spans="3:4" x14ac:dyDescent="0.25">
      <c r="C5200"/>
      <c r="D5200"/>
    </row>
    <row r="5201" spans="3:4" x14ac:dyDescent="0.25">
      <c r="C5201"/>
      <c r="D5201"/>
    </row>
    <row r="5202" spans="3:4" x14ac:dyDescent="0.25">
      <c r="C5202"/>
      <c r="D5202"/>
    </row>
    <row r="5203" spans="3:4" x14ac:dyDescent="0.25">
      <c r="C5203"/>
      <c r="D5203"/>
    </row>
    <row r="5204" spans="3:4" x14ac:dyDescent="0.25">
      <c r="C5204"/>
      <c r="D5204"/>
    </row>
    <row r="5205" spans="3:4" x14ac:dyDescent="0.25">
      <c r="C5205"/>
      <c r="D5205"/>
    </row>
    <row r="5206" spans="3:4" x14ac:dyDescent="0.25">
      <c r="C5206"/>
      <c r="D5206"/>
    </row>
    <row r="5207" spans="3:4" x14ac:dyDescent="0.25">
      <c r="C5207"/>
      <c r="D5207"/>
    </row>
    <row r="5208" spans="3:4" x14ac:dyDescent="0.25">
      <c r="C5208"/>
      <c r="D5208"/>
    </row>
    <row r="5209" spans="3:4" x14ac:dyDescent="0.25">
      <c r="C5209"/>
      <c r="D5209"/>
    </row>
    <row r="5210" spans="3:4" x14ac:dyDescent="0.25">
      <c r="C5210"/>
      <c r="D5210"/>
    </row>
    <row r="5211" spans="3:4" x14ac:dyDescent="0.25">
      <c r="C5211"/>
      <c r="D5211"/>
    </row>
    <row r="5212" spans="3:4" x14ac:dyDescent="0.25">
      <c r="C5212"/>
      <c r="D5212"/>
    </row>
    <row r="5213" spans="3:4" x14ac:dyDescent="0.25">
      <c r="C5213"/>
      <c r="D5213"/>
    </row>
    <row r="5214" spans="3:4" x14ac:dyDescent="0.25">
      <c r="C5214"/>
      <c r="D5214"/>
    </row>
    <row r="5215" spans="3:4" x14ac:dyDescent="0.25">
      <c r="C5215"/>
      <c r="D5215"/>
    </row>
    <row r="5216" spans="3:4" x14ac:dyDescent="0.25">
      <c r="C5216"/>
      <c r="D5216"/>
    </row>
    <row r="5217" spans="3:4" x14ac:dyDescent="0.25">
      <c r="C5217"/>
      <c r="D5217"/>
    </row>
    <row r="5218" spans="3:4" x14ac:dyDescent="0.25">
      <c r="C5218"/>
      <c r="D5218"/>
    </row>
    <row r="5219" spans="3:4" x14ac:dyDescent="0.25">
      <c r="C5219"/>
      <c r="D5219"/>
    </row>
    <row r="5220" spans="3:4" x14ac:dyDescent="0.25">
      <c r="C5220"/>
      <c r="D5220"/>
    </row>
    <row r="5221" spans="3:4" x14ac:dyDescent="0.25">
      <c r="C5221"/>
      <c r="D5221"/>
    </row>
    <row r="5222" spans="3:4" x14ac:dyDescent="0.25">
      <c r="C5222"/>
      <c r="D5222"/>
    </row>
    <row r="5223" spans="3:4" x14ac:dyDescent="0.25">
      <c r="C5223"/>
      <c r="D5223"/>
    </row>
    <row r="5224" spans="3:4" x14ac:dyDescent="0.25">
      <c r="C5224"/>
      <c r="D5224"/>
    </row>
    <row r="5225" spans="3:4" x14ac:dyDescent="0.25">
      <c r="C5225"/>
      <c r="D5225"/>
    </row>
    <row r="5226" spans="3:4" x14ac:dyDescent="0.25">
      <c r="C5226"/>
      <c r="D5226"/>
    </row>
    <row r="5227" spans="3:4" x14ac:dyDescent="0.25">
      <c r="C5227"/>
      <c r="D5227"/>
    </row>
    <row r="5228" spans="3:4" x14ac:dyDescent="0.25">
      <c r="C5228"/>
      <c r="D5228"/>
    </row>
    <row r="5229" spans="3:4" x14ac:dyDescent="0.25">
      <c r="C5229"/>
      <c r="D5229"/>
    </row>
    <row r="5230" spans="3:4" x14ac:dyDescent="0.25">
      <c r="C5230"/>
      <c r="D5230"/>
    </row>
    <row r="5231" spans="3:4" x14ac:dyDescent="0.25">
      <c r="C5231"/>
      <c r="D5231"/>
    </row>
    <row r="5232" spans="3:4" x14ac:dyDescent="0.25">
      <c r="C5232"/>
      <c r="D5232"/>
    </row>
    <row r="5233" spans="3:4" x14ac:dyDescent="0.25">
      <c r="C5233"/>
      <c r="D5233"/>
    </row>
    <row r="5234" spans="3:4" x14ac:dyDescent="0.25">
      <c r="C5234"/>
      <c r="D5234"/>
    </row>
    <row r="5235" spans="3:4" x14ac:dyDescent="0.25">
      <c r="C5235"/>
      <c r="D5235"/>
    </row>
    <row r="5236" spans="3:4" x14ac:dyDescent="0.25">
      <c r="C5236"/>
      <c r="D5236"/>
    </row>
    <row r="5237" spans="3:4" x14ac:dyDescent="0.25">
      <c r="C5237"/>
      <c r="D5237"/>
    </row>
    <row r="5238" spans="3:4" x14ac:dyDescent="0.25">
      <c r="C5238"/>
      <c r="D5238"/>
    </row>
    <row r="5239" spans="3:4" x14ac:dyDescent="0.25">
      <c r="C5239"/>
      <c r="D5239"/>
    </row>
    <row r="5240" spans="3:4" x14ac:dyDescent="0.25">
      <c r="C5240"/>
      <c r="D5240"/>
    </row>
    <row r="5241" spans="3:4" x14ac:dyDescent="0.25">
      <c r="C5241"/>
      <c r="D5241"/>
    </row>
    <row r="5242" spans="3:4" x14ac:dyDescent="0.25">
      <c r="C5242"/>
      <c r="D5242"/>
    </row>
    <row r="5243" spans="3:4" x14ac:dyDescent="0.25">
      <c r="C5243"/>
      <c r="D5243"/>
    </row>
    <row r="5244" spans="3:4" x14ac:dyDescent="0.25">
      <c r="C5244"/>
      <c r="D5244"/>
    </row>
    <row r="5245" spans="3:4" x14ac:dyDescent="0.25">
      <c r="C5245"/>
      <c r="D5245"/>
    </row>
    <row r="5246" spans="3:4" x14ac:dyDescent="0.25">
      <c r="C5246"/>
      <c r="D5246"/>
    </row>
    <row r="5247" spans="3:4" x14ac:dyDescent="0.25">
      <c r="C5247"/>
      <c r="D5247"/>
    </row>
    <row r="5248" spans="3:4" x14ac:dyDescent="0.25">
      <c r="C5248"/>
      <c r="D5248"/>
    </row>
    <row r="5249" spans="3:4" x14ac:dyDescent="0.25">
      <c r="C5249"/>
      <c r="D5249"/>
    </row>
    <row r="5250" spans="3:4" x14ac:dyDescent="0.25">
      <c r="C5250"/>
      <c r="D5250"/>
    </row>
    <row r="5251" spans="3:4" x14ac:dyDescent="0.25">
      <c r="C5251"/>
      <c r="D5251"/>
    </row>
    <row r="5252" spans="3:4" x14ac:dyDescent="0.25">
      <c r="C5252"/>
      <c r="D5252"/>
    </row>
    <row r="5253" spans="3:4" x14ac:dyDescent="0.25">
      <c r="C5253"/>
      <c r="D5253"/>
    </row>
    <row r="5254" spans="3:4" x14ac:dyDescent="0.25">
      <c r="C5254"/>
      <c r="D5254"/>
    </row>
    <row r="5255" spans="3:4" x14ac:dyDescent="0.25">
      <c r="C5255"/>
      <c r="D5255"/>
    </row>
    <row r="5256" spans="3:4" x14ac:dyDescent="0.25">
      <c r="C5256"/>
      <c r="D5256"/>
    </row>
    <row r="5257" spans="3:4" x14ac:dyDescent="0.25">
      <c r="C5257"/>
      <c r="D5257"/>
    </row>
    <row r="5258" spans="3:4" x14ac:dyDescent="0.25">
      <c r="C5258"/>
      <c r="D5258"/>
    </row>
    <row r="5259" spans="3:4" x14ac:dyDescent="0.25">
      <c r="C5259"/>
      <c r="D5259"/>
    </row>
    <row r="5260" spans="3:4" x14ac:dyDescent="0.25">
      <c r="C5260"/>
      <c r="D5260"/>
    </row>
    <row r="5261" spans="3:4" x14ac:dyDescent="0.25">
      <c r="C5261"/>
      <c r="D5261"/>
    </row>
    <row r="5262" spans="3:4" x14ac:dyDescent="0.25">
      <c r="C5262"/>
      <c r="D5262"/>
    </row>
    <row r="5263" spans="3:4" x14ac:dyDescent="0.25">
      <c r="C5263"/>
      <c r="D5263"/>
    </row>
    <row r="5264" spans="3:4" x14ac:dyDescent="0.25">
      <c r="C5264"/>
      <c r="D5264"/>
    </row>
    <row r="5265" spans="3:4" x14ac:dyDescent="0.25">
      <c r="C5265"/>
      <c r="D5265"/>
    </row>
    <row r="5266" spans="3:4" x14ac:dyDescent="0.25">
      <c r="C5266"/>
      <c r="D5266"/>
    </row>
    <row r="5267" spans="3:4" x14ac:dyDescent="0.25">
      <c r="C5267"/>
      <c r="D5267"/>
    </row>
    <row r="5268" spans="3:4" x14ac:dyDescent="0.25">
      <c r="C5268"/>
      <c r="D5268"/>
    </row>
    <row r="5269" spans="3:4" x14ac:dyDescent="0.25">
      <c r="C5269"/>
      <c r="D5269"/>
    </row>
    <row r="5270" spans="3:4" x14ac:dyDescent="0.25">
      <c r="C5270"/>
      <c r="D5270"/>
    </row>
    <row r="5271" spans="3:4" x14ac:dyDescent="0.25">
      <c r="C5271"/>
      <c r="D5271"/>
    </row>
    <row r="5272" spans="3:4" x14ac:dyDescent="0.25">
      <c r="C5272"/>
      <c r="D5272"/>
    </row>
    <row r="5273" spans="3:4" x14ac:dyDescent="0.25">
      <c r="C5273"/>
      <c r="D5273"/>
    </row>
    <row r="5274" spans="3:4" x14ac:dyDescent="0.25">
      <c r="C5274"/>
      <c r="D5274"/>
    </row>
    <row r="5275" spans="3:4" x14ac:dyDescent="0.25">
      <c r="C5275"/>
      <c r="D5275"/>
    </row>
    <row r="5276" spans="3:4" x14ac:dyDescent="0.25">
      <c r="C5276"/>
      <c r="D5276"/>
    </row>
    <row r="5277" spans="3:4" x14ac:dyDescent="0.25">
      <c r="C5277"/>
      <c r="D5277"/>
    </row>
    <row r="5278" spans="3:4" x14ac:dyDescent="0.25">
      <c r="C5278"/>
      <c r="D5278"/>
    </row>
    <row r="5279" spans="3:4" x14ac:dyDescent="0.25">
      <c r="C5279"/>
      <c r="D5279"/>
    </row>
    <row r="5280" spans="3:4" x14ac:dyDescent="0.25">
      <c r="C5280"/>
      <c r="D5280"/>
    </row>
    <row r="5281" spans="3:4" x14ac:dyDescent="0.25">
      <c r="C5281"/>
      <c r="D5281"/>
    </row>
    <row r="5282" spans="3:4" x14ac:dyDescent="0.25">
      <c r="C5282"/>
      <c r="D5282"/>
    </row>
    <row r="5283" spans="3:4" x14ac:dyDescent="0.25">
      <c r="C5283"/>
      <c r="D5283"/>
    </row>
    <row r="5284" spans="3:4" x14ac:dyDescent="0.25">
      <c r="C5284"/>
      <c r="D5284"/>
    </row>
    <row r="5285" spans="3:4" x14ac:dyDescent="0.25">
      <c r="C5285"/>
      <c r="D5285"/>
    </row>
    <row r="5286" spans="3:4" x14ac:dyDescent="0.25">
      <c r="C5286"/>
      <c r="D5286"/>
    </row>
    <row r="5287" spans="3:4" x14ac:dyDescent="0.25">
      <c r="C5287"/>
      <c r="D5287"/>
    </row>
    <row r="5288" spans="3:4" x14ac:dyDescent="0.25">
      <c r="C5288"/>
      <c r="D5288"/>
    </row>
    <row r="5289" spans="3:4" x14ac:dyDescent="0.25">
      <c r="C5289"/>
      <c r="D5289"/>
    </row>
    <row r="5290" spans="3:4" x14ac:dyDescent="0.25">
      <c r="C5290"/>
      <c r="D5290"/>
    </row>
    <row r="5291" spans="3:4" x14ac:dyDescent="0.25">
      <c r="C5291"/>
      <c r="D5291"/>
    </row>
    <row r="5292" spans="3:4" x14ac:dyDescent="0.25">
      <c r="C5292"/>
      <c r="D5292"/>
    </row>
    <row r="5293" spans="3:4" x14ac:dyDescent="0.25">
      <c r="C5293"/>
      <c r="D5293"/>
    </row>
    <row r="5294" spans="3:4" x14ac:dyDescent="0.25">
      <c r="C5294"/>
      <c r="D5294"/>
    </row>
    <row r="5295" spans="3:4" x14ac:dyDescent="0.25">
      <c r="C5295"/>
      <c r="D5295"/>
    </row>
    <row r="5296" spans="3:4" x14ac:dyDescent="0.25">
      <c r="C5296"/>
      <c r="D5296"/>
    </row>
    <row r="5297" spans="3:4" x14ac:dyDescent="0.25">
      <c r="C5297"/>
      <c r="D5297"/>
    </row>
    <row r="5298" spans="3:4" x14ac:dyDescent="0.25">
      <c r="C5298"/>
      <c r="D5298"/>
    </row>
    <row r="5299" spans="3:4" x14ac:dyDescent="0.25">
      <c r="C5299"/>
      <c r="D5299"/>
    </row>
    <row r="5300" spans="3:4" x14ac:dyDescent="0.25">
      <c r="C5300"/>
      <c r="D5300"/>
    </row>
    <row r="5301" spans="3:4" x14ac:dyDescent="0.25">
      <c r="C5301"/>
      <c r="D5301"/>
    </row>
    <row r="5302" spans="3:4" x14ac:dyDescent="0.25">
      <c r="C5302"/>
      <c r="D5302"/>
    </row>
    <row r="5303" spans="3:4" x14ac:dyDescent="0.25">
      <c r="C5303"/>
      <c r="D5303"/>
    </row>
    <row r="5304" spans="3:4" x14ac:dyDescent="0.25">
      <c r="C5304"/>
      <c r="D5304"/>
    </row>
    <row r="5305" spans="3:4" x14ac:dyDescent="0.25">
      <c r="C5305"/>
      <c r="D5305"/>
    </row>
    <row r="5306" spans="3:4" x14ac:dyDescent="0.25">
      <c r="C5306"/>
      <c r="D5306"/>
    </row>
    <row r="5307" spans="3:4" x14ac:dyDescent="0.25">
      <c r="C5307"/>
      <c r="D5307"/>
    </row>
    <row r="5308" spans="3:4" x14ac:dyDescent="0.25">
      <c r="C5308"/>
      <c r="D5308"/>
    </row>
    <row r="5309" spans="3:4" x14ac:dyDescent="0.25">
      <c r="C5309"/>
      <c r="D5309"/>
    </row>
    <row r="5310" spans="3:4" x14ac:dyDescent="0.25">
      <c r="C5310"/>
      <c r="D5310"/>
    </row>
    <row r="5311" spans="3:4" x14ac:dyDescent="0.25">
      <c r="C5311"/>
      <c r="D5311"/>
    </row>
    <row r="5312" spans="3:4" x14ac:dyDescent="0.25">
      <c r="C5312"/>
      <c r="D5312"/>
    </row>
    <row r="5313" spans="3:4" x14ac:dyDescent="0.25">
      <c r="C5313"/>
      <c r="D5313"/>
    </row>
    <row r="5314" spans="3:4" x14ac:dyDescent="0.25">
      <c r="C5314"/>
      <c r="D5314"/>
    </row>
    <row r="5315" spans="3:4" x14ac:dyDescent="0.25">
      <c r="C5315"/>
      <c r="D5315"/>
    </row>
    <row r="5316" spans="3:4" x14ac:dyDescent="0.25">
      <c r="C5316"/>
      <c r="D5316"/>
    </row>
    <row r="5317" spans="3:4" x14ac:dyDescent="0.25">
      <c r="C5317"/>
      <c r="D5317"/>
    </row>
    <row r="5318" spans="3:4" x14ac:dyDescent="0.25">
      <c r="C5318"/>
      <c r="D5318"/>
    </row>
    <row r="5319" spans="3:4" x14ac:dyDescent="0.25">
      <c r="C5319"/>
      <c r="D5319"/>
    </row>
    <row r="5320" spans="3:4" x14ac:dyDescent="0.25">
      <c r="C5320"/>
      <c r="D5320"/>
    </row>
    <row r="5321" spans="3:4" x14ac:dyDescent="0.25">
      <c r="C5321"/>
      <c r="D5321"/>
    </row>
    <row r="5322" spans="3:4" x14ac:dyDescent="0.25">
      <c r="C5322"/>
      <c r="D5322"/>
    </row>
    <row r="5323" spans="3:4" x14ac:dyDescent="0.25">
      <c r="C5323"/>
      <c r="D5323"/>
    </row>
    <row r="5324" spans="3:4" x14ac:dyDescent="0.25">
      <c r="C5324"/>
      <c r="D5324"/>
    </row>
    <row r="5325" spans="3:4" x14ac:dyDescent="0.25">
      <c r="C5325"/>
      <c r="D5325"/>
    </row>
    <row r="5326" spans="3:4" x14ac:dyDescent="0.25">
      <c r="C5326"/>
      <c r="D5326"/>
    </row>
    <row r="5327" spans="3:4" x14ac:dyDescent="0.25">
      <c r="C5327"/>
      <c r="D5327"/>
    </row>
    <row r="5328" spans="3:4" x14ac:dyDescent="0.25">
      <c r="C5328"/>
      <c r="D5328"/>
    </row>
    <row r="5329" spans="3:4" x14ac:dyDescent="0.25">
      <c r="C5329"/>
      <c r="D5329"/>
    </row>
    <row r="5330" spans="3:4" x14ac:dyDescent="0.25">
      <c r="C5330"/>
      <c r="D5330"/>
    </row>
    <row r="5331" spans="3:4" x14ac:dyDescent="0.25">
      <c r="C5331"/>
      <c r="D5331"/>
    </row>
    <row r="5332" spans="3:4" x14ac:dyDescent="0.25">
      <c r="C5332"/>
      <c r="D5332"/>
    </row>
    <row r="5333" spans="3:4" x14ac:dyDescent="0.25">
      <c r="C5333"/>
      <c r="D5333"/>
    </row>
    <row r="5334" spans="3:4" x14ac:dyDescent="0.25">
      <c r="C5334"/>
      <c r="D5334"/>
    </row>
    <row r="5335" spans="3:4" x14ac:dyDescent="0.25">
      <c r="C5335"/>
      <c r="D5335"/>
    </row>
    <row r="5336" spans="3:4" x14ac:dyDescent="0.25">
      <c r="C5336"/>
      <c r="D5336"/>
    </row>
    <row r="5337" spans="3:4" x14ac:dyDescent="0.25">
      <c r="C5337"/>
      <c r="D5337"/>
    </row>
    <row r="5338" spans="3:4" x14ac:dyDescent="0.25">
      <c r="C5338"/>
      <c r="D5338"/>
    </row>
    <row r="5339" spans="3:4" x14ac:dyDescent="0.25">
      <c r="C5339"/>
      <c r="D5339"/>
    </row>
    <row r="5340" spans="3:4" x14ac:dyDescent="0.25">
      <c r="C5340"/>
      <c r="D5340"/>
    </row>
    <row r="5341" spans="3:4" x14ac:dyDescent="0.25">
      <c r="C5341"/>
      <c r="D5341"/>
    </row>
    <row r="5342" spans="3:4" x14ac:dyDescent="0.25">
      <c r="C5342"/>
      <c r="D5342"/>
    </row>
    <row r="5343" spans="3:4" x14ac:dyDescent="0.25">
      <c r="C5343"/>
      <c r="D5343"/>
    </row>
    <row r="5344" spans="3:4" x14ac:dyDescent="0.25">
      <c r="C5344"/>
      <c r="D5344"/>
    </row>
    <row r="5345" spans="3:4" x14ac:dyDescent="0.25">
      <c r="C5345"/>
      <c r="D5345"/>
    </row>
    <row r="5346" spans="3:4" x14ac:dyDescent="0.25">
      <c r="C5346"/>
      <c r="D5346"/>
    </row>
    <row r="5347" spans="3:4" x14ac:dyDescent="0.25">
      <c r="C5347"/>
      <c r="D5347"/>
    </row>
    <row r="5348" spans="3:4" x14ac:dyDescent="0.25">
      <c r="C5348"/>
      <c r="D5348"/>
    </row>
    <row r="5349" spans="3:4" x14ac:dyDescent="0.25">
      <c r="C5349"/>
      <c r="D5349"/>
    </row>
    <row r="5350" spans="3:4" x14ac:dyDescent="0.25">
      <c r="C5350"/>
      <c r="D5350"/>
    </row>
    <row r="5351" spans="3:4" x14ac:dyDescent="0.25">
      <c r="C5351"/>
      <c r="D5351"/>
    </row>
    <row r="5352" spans="3:4" x14ac:dyDescent="0.25">
      <c r="C5352"/>
      <c r="D5352"/>
    </row>
    <row r="5353" spans="3:4" x14ac:dyDescent="0.25">
      <c r="C5353"/>
      <c r="D5353"/>
    </row>
    <row r="5354" spans="3:4" x14ac:dyDescent="0.25">
      <c r="C5354"/>
      <c r="D5354"/>
    </row>
    <row r="5355" spans="3:4" x14ac:dyDescent="0.25">
      <c r="C5355"/>
      <c r="D5355"/>
    </row>
    <row r="5356" spans="3:4" x14ac:dyDescent="0.25">
      <c r="C5356"/>
      <c r="D5356"/>
    </row>
    <row r="5357" spans="3:4" x14ac:dyDescent="0.25">
      <c r="C5357"/>
      <c r="D5357"/>
    </row>
    <row r="5358" spans="3:4" x14ac:dyDescent="0.25">
      <c r="C5358"/>
      <c r="D5358"/>
    </row>
    <row r="5359" spans="3:4" x14ac:dyDescent="0.25">
      <c r="C5359"/>
      <c r="D5359"/>
    </row>
    <row r="5360" spans="3:4" x14ac:dyDescent="0.25">
      <c r="C5360"/>
      <c r="D5360"/>
    </row>
    <row r="5361" spans="3:4" x14ac:dyDescent="0.25">
      <c r="C5361"/>
      <c r="D5361"/>
    </row>
    <row r="5362" spans="3:4" x14ac:dyDescent="0.25">
      <c r="C5362"/>
      <c r="D5362"/>
    </row>
    <row r="5363" spans="3:4" x14ac:dyDescent="0.25">
      <c r="C5363"/>
      <c r="D5363"/>
    </row>
    <row r="5364" spans="3:4" x14ac:dyDescent="0.25">
      <c r="C5364"/>
      <c r="D5364"/>
    </row>
    <row r="5365" spans="3:4" x14ac:dyDescent="0.25">
      <c r="C5365"/>
      <c r="D5365"/>
    </row>
    <row r="5366" spans="3:4" x14ac:dyDescent="0.25">
      <c r="C5366"/>
      <c r="D5366"/>
    </row>
    <row r="5367" spans="3:4" x14ac:dyDescent="0.25">
      <c r="C5367"/>
      <c r="D5367"/>
    </row>
    <row r="5368" spans="3:4" x14ac:dyDescent="0.25">
      <c r="C5368"/>
      <c r="D5368"/>
    </row>
    <row r="5369" spans="3:4" x14ac:dyDescent="0.25">
      <c r="C5369"/>
      <c r="D5369"/>
    </row>
    <row r="5370" spans="3:4" x14ac:dyDescent="0.25">
      <c r="C5370"/>
      <c r="D5370"/>
    </row>
    <row r="5371" spans="3:4" x14ac:dyDescent="0.25">
      <c r="C5371"/>
      <c r="D5371"/>
    </row>
    <row r="5372" spans="3:4" x14ac:dyDescent="0.25">
      <c r="C5372"/>
      <c r="D5372"/>
    </row>
    <row r="5373" spans="3:4" x14ac:dyDescent="0.25">
      <c r="C5373"/>
      <c r="D5373"/>
    </row>
    <row r="5374" spans="3:4" x14ac:dyDescent="0.25">
      <c r="C5374"/>
      <c r="D5374"/>
    </row>
    <row r="5375" spans="3:4" x14ac:dyDescent="0.25">
      <c r="C5375"/>
      <c r="D5375"/>
    </row>
    <row r="5376" spans="3:4" x14ac:dyDescent="0.25">
      <c r="C5376"/>
      <c r="D5376"/>
    </row>
    <row r="5377" spans="3:4" x14ac:dyDescent="0.25">
      <c r="C5377"/>
      <c r="D5377"/>
    </row>
    <row r="5378" spans="3:4" x14ac:dyDescent="0.25">
      <c r="C5378"/>
      <c r="D5378"/>
    </row>
    <row r="5379" spans="3:4" x14ac:dyDescent="0.25">
      <c r="C5379"/>
      <c r="D5379"/>
    </row>
    <row r="5380" spans="3:4" x14ac:dyDescent="0.25">
      <c r="C5380"/>
      <c r="D5380"/>
    </row>
    <row r="5381" spans="3:4" x14ac:dyDescent="0.25">
      <c r="C5381"/>
      <c r="D5381"/>
    </row>
    <row r="5382" spans="3:4" x14ac:dyDescent="0.25">
      <c r="C5382"/>
      <c r="D5382"/>
    </row>
    <row r="5383" spans="3:4" x14ac:dyDescent="0.25">
      <c r="C5383"/>
      <c r="D5383"/>
    </row>
    <row r="5384" spans="3:4" x14ac:dyDescent="0.25">
      <c r="C5384"/>
      <c r="D5384"/>
    </row>
    <row r="5385" spans="3:4" x14ac:dyDescent="0.25">
      <c r="C5385"/>
      <c r="D5385"/>
    </row>
    <row r="5386" spans="3:4" x14ac:dyDescent="0.25">
      <c r="C5386"/>
      <c r="D5386"/>
    </row>
    <row r="5387" spans="3:4" x14ac:dyDescent="0.25">
      <c r="C5387"/>
      <c r="D5387"/>
    </row>
    <row r="5388" spans="3:4" x14ac:dyDescent="0.25">
      <c r="C5388"/>
      <c r="D5388"/>
    </row>
    <row r="5389" spans="3:4" x14ac:dyDescent="0.25">
      <c r="C5389"/>
      <c r="D5389"/>
    </row>
    <row r="5390" spans="3:4" x14ac:dyDescent="0.25">
      <c r="C5390"/>
      <c r="D5390"/>
    </row>
    <row r="5391" spans="3:4" x14ac:dyDescent="0.25">
      <c r="C5391"/>
      <c r="D5391"/>
    </row>
    <row r="5392" spans="3:4" x14ac:dyDescent="0.25">
      <c r="C5392"/>
      <c r="D5392"/>
    </row>
    <row r="5393" spans="3:4" x14ac:dyDescent="0.25">
      <c r="C5393"/>
      <c r="D5393"/>
    </row>
    <row r="5394" spans="3:4" x14ac:dyDescent="0.25">
      <c r="C5394"/>
      <c r="D5394"/>
    </row>
    <row r="5395" spans="3:4" x14ac:dyDescent="0.25">
      <c r="C5395"/>
      <c r="D5395"/>
    </row>
    <row r="5396" spans="3:4" x14ac:dyDescent="0.25">
      <c r="C5396"/>
      <c r="D5396"/>
    </row>
    <row r="5397" spans="3:4" x14ac:dyDescent="0.25">
      <c r="C5397"/>
      <c r="D5397"/>
    </row>
    <row r="5398" spans="3:4" x14ac:dyDescent="0.25">
      <c r="C5398"/>
      <c r="D5398"/>
    </row>
    <row r="5399" spans="3:4" x14ac:dyDescent="0.25">
      <c r="C5399"/>
      <c r="D5399"/>
    </row>
    <row r="5400" spans="3:4" x14ac:dyDescent="0.25">
      <c r="C5400"/>
      <c r="D5400"/>
    </row>
    <row r="5401" spans="3:4" x14ac:dyDescent="0.25">
      <c r="C5401"/>
      <c r="D5401"/>
    </row>
    <row r="5402" spans="3:4" x14ac:dyDescent="0.25">
      <c r="C5402"/>
      <c r="D5402"/>
    </row>
    <row r="5403" spans="3:4" x14ac:dyDescent="0.25">
      <c r="C5403"/>
      <c r="D5403"/>
    </row>
    <row r="5404" spans="3:4" x14ac:dyDescent="0.25">
      <c r="C5404"/>
      <c r="D5404"/>
    </row>
    <row r="5405" spans="3:4" x14ac:dyDescent="0.25">
      <c r="C5405"/>
      <c r="D5405"/>
    </row>
    <row r="5406" spans="3:4" x14ac:dyDescent="0.25">
      <c r="C5406"/>
      <c r="D5406"/>
    </row>
    <row r="5407" spans="3:4" x14ac:dyDescent="0.25">
      <c r="C5407"/>
      <c r="D5407"/>
    </row>
    <row r="5408" spans="3:4" x14ac:dyDescent="0.25">
      <c r="C5408"/>
      <c r="D5408"/>
    </row>
    <row r="5409" spans="3:4" x14ac:dyDescent="0.25">
      <c r="C5409"/>
      <c r="D5409"/>
    </row>
    <row r="5410" spans="3:4" x14ac:dyDescent="0.25">
      <c r="C5410"/>
      <c r="D5410"/>
    </row>
    <row r="5411" spans="3:4" x14ac:dyDescent="0.25">
      <c r="C5411"/>
      <c r="D5411"/>
    </row>
    <row r="5412" spans="3:4" x14ac:dyDescent="0.25">
      <c r="C5412"/>
      <c r="D5412"/>
    </row>
    <row r="5413" spans="3:4" x14ac:dyDescent="0.25">
      <c r="C5413"/>
      <c r="D5413"/>
    </row>
    <row r="5414" spans="3:4" x14ac:dyDescent="0.25">
      <c r="C5414"/>
      <c r="D5414"/>
    </row>
    <row r="5415" spans="3:4" x14ac:dyDescent="0.25">
      <c r="C5415"/>
      <c r="D5415"/>
    </row>
    <row r="5416" spans="3:4" x14ac:dyDescent="0.25">
      <c r="C5416"/>
      <c r="D5416"/>
    </row>
    <row r="5417" spans="3:4" x14ac:dyDescent="0.25">
      <c r="C5417"/>
      <c r="D5417"/>
    </row>
    <row r="5418" spans="3:4" x14ac:dyDescent="0.25">
      <c r="C5418"/>
      <c r="D5418"/>
    </row>
    <row r="5419" spans="3:4" x14ac:dyDescent="0.25">
      <c r="C5419"/>
      <c r="D5419"/>
    </row>
    <row r="5420" spans="3:4" x14ac:dyDescent="0.25">
      <c r="C5420"/>
      <c r="D5420"/>
    </row>
    <row r="5421" spans="3:4" x14ac:dyDescent="0.25">
      <c r="C5421"/>
      <c r="D5421"/>
    </row>
    <row r="5422" spans="3:4" x14ac:dyDescent="0.25">
      <c r="C5422"/>
      <c r="D5422"/>
    </row>
    <row r="5423" spans="3:4" x14ac:dyDescent="0.25">
      <c r="C5423"/>
      <c r="D5423"/>
    </row>
    <row r="5424" spans="3:4" x14ac:dyDescent="0.25">
      <c r="C5424"/>
      <c r="D5424"/>
    </row>
    <row r="5425" spans="3:4" x14ac:dyDescent="0.25">
      <c r="C5425"/>
      <c r="D5425"/>
    </row>
    <row r="5426" spans="3:4" x14ac:dyDescent="0.25">
      <c r="C5426"/>
      <c r="D5426"/>
    </row>
    <row r="5427" spans="3:4" x14ac:dyDescent="0.25">
      <c r="C5427"/>
      <c r="D5427"/>
    </row>
    <row r="5428" spans="3:4" x14ac:dyDescent="0.25">
      <c r="C5428"/>
      <c r="D5428"/>
    </row>
    <row r="5429" spans="3:4" x14ac:dyDescent="0.25">
      <c r="C5429"/>
      <c r="D5429"/>
    </row>
    <row r="5430" spans="3:4" x14ac:dyDescent="0.25">
      <c r="C5430"/>
      <c r="D5430"/>
    </row>
    <row r="5431" spans="3:4" x14ac:dyDescent="0.25">
      <c r="C5431"/>
      <c r="D5431"/>
    </row>
    <row r="5432" spans="3:4" x14ac:dyDescent="0.25">
      <c r="C5432"/>
      <c r="D5432"/>
    </row>
    <row r="5433" spans="3:4" x14ac:dyDescent="0.25">
      <c r="C5433"/>
      <c r="D5433"/>
    </row>
    <row r="5434" spans="3:4" x14ac:dyDescent="0.25">
      <c r="C5434"/>
      <c r="D5434"/>
    </row>
    <row r="5435" spans="3:4" x14ac:dyDescent="0.25">
      <c r="C5435"/>
      <c r="D5435"/>
    </row>
    <row r="5436" spans="3:4" x14ac:dyDescent="0.25">
      <c r="C5436"/>
      <c r="D5436"/>
    </row>
    <row r="5437" spans="3:4" x14ac:dyDescent="0.25">
      <c r="C5437"/>
      <c r="D5437"/>
    </row>
    <row r="5438" spans="3:4" x14ac:dyDescent="0.25">
      <c r="C5438"/>
      <c r="D5438"/>
    </row>
    <row r="5439" spans="3:4" x14ac:dyDescent="0.25">
      <c r="C5439"/>
      <c r="D5439"/>
    </row>
    <row r="5440" spans="3:4" x14ac:dyDescent="0.25">
      <c r="C5440"/>
      <c r="D5440"/>
    </row>
    <row r="5441" spans="3:4" x14ac:dyDescent="0.25">
      <c r="C5441"/>
      <c r="D5441"/>
    </row>
    <row r="5442" spans="3:4" x14ac:dyDescent="0.25">
      <c r="C5442"/>
      <c r="D5442"/>
    </row>
    <row r="5443" spans="3:4" x14ac:dyDescent="0.25">
      <c r="C5443"/>
      <c r="D5443"/>
    </row>
    <row r="5444" spans="3:4" x14ac:dyDescent="0.25">
      <c r="C5444"/>
      <c r="D5444"/>
    </row>
    <row r="5445" spans="3:4" x14ac:dyDescent="0.25">
      <c r="C5445"/>
      <c r="D5445"/>
    </row>
    <row r="5446" spans="3:4" x14ac:dyDescent="0.25">
      <c r="C5446"/>
      <c r="D5446"/>
    </row>
    <row r="5447" spans="3:4" x14ac:dyDescent="0.25">
      <c r="C5447"/>
      <c r="D5447"/>
    </row>
    <row r="5448" spans="3:4" x14ac:dyDescent="0.25">
      <c r="C5448"/>
      <c r="D5448"/>
    </row>
    <row r="5449" spans="3:4" x14ac:dyDescent="0.25">
      <c r="C5449"/>
      <c r="D5449"/>
    </row>
    <row r="5450" spans="3:4" x14ac:dyDescent="0.25">
      <c r="C5450"/>
      <c r="D5450"/>
    </row>
    <row r="5451" spans="3:4" x14ac:dyDescent="0.25">
      <c r="C5451"/>
      <c r="D5451"/>
    </row>
    <row r="5452" spans="3:4" x14ac:dyDescent="0.25">
      <c r="C5452"/>
      <c r="D5452"/>
    </row>
    <row r="5453" spans="3:4" x14ac:dyDescent="0.25">
      <c r="C5453"/>
      <c r="D5453"/>
    </row>
    <row r="5454" spans="3:4" x14ac:dyDescent="0.25">
      <c r="C5454"/>
      <c r="D5454"/>
    </row>
    <row r="5455" spans="3:4" x14ac:dyDescent="0.25">
      <c r="C5455"/>
      <c r="D5455"/>
    </row>
    <row r="5456" spans="3:4" x14ac:dyDescent="0.25">
      <c r="C5456"/>
      <c r="D5456"/>
    </row>
    <row r="5457" spans="3:4" x14ac:dyDescent="0.25">
      <c r="C5457"/>
      <c r="D5457"/>
    </row>
    <row r="5458" spans="3:4" x14ac:dyDescent="0.25">
      <c r="C5458"/>
      <c r="D5458"/>
    </row>
    <row r="5459" spans="3:4" x14ac:dyDescent="0.25">
      <c r="C5459"/>
      <c r="D5459"/>
    </row>
    <row r="5460" spans="3:4" x14ac:dyDescent="0.25">
      <c r="C5460"/>
      <c r="D5460"/>
    </row>
    <row r="5461" spans="3:4" x14ac:dyDescent="0.25">
      <c r="C5461"/>
      <c r="D5461"/>
    </row>
    <row r="5462" spans="3:4" x14ac:dyDescent="0.25">
      <c r="C5462"/>
      <c r="D5462"/>
    </row>
    <row r="5463" spans="3:4" x14ac:dyDescent="0.25">
      <c r="C5463"/>
      <c r="D5463"/>
    </row>
    <row r="5464" spans="3:4" x14ac:dyDescent="0.25">
      <c r="C5464"/>
      <c r="D5464"/>
    </row>
    <row r="5465" spans="3:4" x14ac:dyDescent="0.25">
      <c r="C5465"/>
      <c r="D5465"/>
    </row>
    <row r="5466" spans="3:4" x14ac:dyDescent="0.25">
      <c r="C5466"/>
      <c r="D5466"/>
    </row>
    <row r="5467" spans="3:4" x14ac:dyDescent="0.25">
      <c r="C5467"/>
      <c r="D5467"/>
    </row>
    <row r="5468" spans="3:4" x14ac:dyDescent="0.25">
      <c r="C5468"/>
      <c r="D5468"/>
    </row>
    <row r="5469" spans="3:4" x14ac:dyDescent="0.25">
      <c r="C5469"/>
      <c r="D5469"/>
    </row>
    <row r="5470" spans="3:4" x14ac:dyDescent="0.25">
      <c r="C5470"/>
      <c r="D5470"/>
    </row>
    <row r="5471" spans="3:4" x14ac:dyDescent="0.25">
      <c r="C5471"/>
      <c r="D5471"/>
    </row>
    <row r="5472" spans="3:4" x14ac:dyDescent="0.25">
      <c r="C5472"/>
      <c r="D5472"/>
    </row>
    <row r="5473" spans="3:4" x14ac:dyDescent="0.25">
      <c r="C5473"/>
      <c r="D5473"/>
    </row>
    <row r="5474" spans="3:4" x14ac:dyDescent="0.25">
      <c r="C5474"/>
      <c r="D5474"/>
    </row>
    <row r="5475" spans="3:4" x14ac:dyDescent="0.25">
      <c r="C5475"/>
      <c r="D5475"/>
    </row>
    <row r="5476" spans="3:4" x14ac:dyDescent="0.25">
      <c r="C5476"/>
      <c r="D5476"/>
    </row>
    <row r="5477" spans="3:4" x14ac:dyDescent="0.25">
      <c r="C5477"/>
      <c r="D5477"/>
    </row>
    <row r="5478" spans="3:4" x14ac:dyDescent="0.25">
      <c r="C5478"/>
      <c r="D5478"/>
    </row>
    <row r="5479" spans="3:4" x14ac:dyDescent="0.25">
      <c r="C5479"/>
      <c r="D5479"/>
    </row>
    <row r="5480" spans="3:4" x14ac:dyDescent="0.25">
      <c r="C5480"/>
      <c r="D5480"/>
    </row>
    <row r="5481" spans="3:4" x14ac:dyDescent="0.25">
      <c r="C5481"/>
      <c r="D5481"/>
    </row>
    <row r="5482" spans="3:4" x14ac:dyDescent="0.25">
      <c r="C5482"/>
      <c r="D5482"/>
    </row>
    <row r="5483" spans="3:4" x14ac:dyDescent="0.25">
      <c r="C5483"/>
      <c r="D5483"/>
    </row>
    <row r="5484" spans="3:4" x14ac:dyDescent="0.25">
      <c r="C5484"/>
      <c r="D5484"/>
    </row>
    <row r="5485" spans="3:4" x14ac:dyDescent="0.25">
      <c r="C5485"/>
      <c r="D5485"/>
    </row>
    <row r="5486" spans="3:4" x14ac:dyDescent="0.25">
      <c r="C5486"/>
      <c r="D5486"/>
    </row>
    <row r="5487" spans="3:4" x14ac:dyDescent="0.25">
      <c r="C5487"/>
      <c r="D5487"/>
    </row>
    <row r="5488" spans="3:4" x14ac:dyDescent="0.25">
      <c r="C5488"/>
      <c r="D5488"/>
    </row>
    <row r="5489" spans="3:4" x14ac:dyDescent="0.25">
      <c r="C5489"/>
      <c r="D5489"/>
    </row>
    <row r="5490" spans="3:4" x14ac:dyDescent="0.25">
      <c r="C5490"/>
      <c r="D5490"/>
    </row>
    <row r="5491" spans="3:4" x14ac:dyDescent="0.25">
      <c r="C5491"/>
      <c r="D5491"/>
    </row>
    <row r="5492" spans="3:4" x14ac:dyDescent="0.25">
      <c r="C5492"/>
      <c r="D5492"/>
    </row>
    <row r="5493" spans="3:4" x14ac:dyDescent="0.25">
      <c r="C5493"/>
      <c r="D5493"/>
    </row>
    <row r="5494" spans="3:4" x14ac:dyDescent="0.25">
      <c r="C5494"/>
      <c r="D5494"/>
    </row>
    <row r="5495" spans="3:4" x14ac:dyDescent="0.25">
      <c r="C5495"/>
      <c r="D5495"/>
    </row>
    <row r="5496" spans="3:4" x14ac:dyDescent="0.25">
      <c r="C5496"/>
      <c r="D5496"/>
    </row>
    <row r="5497" spans="3:4" x14ac:dyDescent="0.25">
      <c r="C5497"/>
      <c r="D5497"/>
    </row>
    <row r="5498" spans="3:4" x14ac:dyDescent="0.25">
      <c r="C5498"/>
      <c r="D5498"/>
    </row>
    <row r="5499" spans="3:4" x14ac:dyDescent="0.25">
      <c r="C5499"/>
      <c r="D5499"/>
    </row>
    <row r="5500" spans="3:4" x14ac:dyDescent="0.25">
      <c r="C5500"/>
      <c r="D5500"/>
    </row>
    <row r="5501" spans="3:4" x14ac:dyDescent="0.25">
      <c r="C5501"/>
      <c r="D5501"/>
    </row>
    <row r="5502" spans="3:4" x14ac:dyDescent="0.25">
      <c r="C5502"/>
      <c r="D5502"/>
    </row>
    <row r="5503" spans="3:4" x14ac:dyDescent="0.25">
      <c r="C5503"/>
      <c r="D5503"/>
    </row>
    <row r="5504" spans="3:4" x14ac:dyDescent="0.25">
      <c r="C5504"/>
      <c r="D5504"/>
    </row>
    <row r="5505" spans="3:4" x14ac:dyDescent="0.25">
      <c r="C5505"/>
      <c r="D5505"/>
    </row>
    <row r="5506" spans="3:4" x14ac:dyDescent="0.25">
      <c r="C5506"/>
      <c r="D5506"/>
    </row>
    <row r="5507" spans="3:4" x14ac:dyDescent="0.25">
      <c r="C5507"/>
      <c r="D5507"/>
    </row>
    <row r="5508" spans="3:4" x14ac:dyDescent="0.25">
      <c r="C5508"/>
      <c r="D5508"/>
    </row>
    <row r="5509" spans="3:4" x14ac:dyDescent="0.25">
      <c r="C5509"/>
      <c r="D5509"/>
    </row>
    <row r="5510" spans="3:4" x14ac:dyDescent="0.25">
      <c r="C5510"/>
      <c r="D5510"/>
    </row>
    <row r="5511" spans="3:4" x14ac:dyDescent="0.25">
      <c r="C5511"/>
      <c r="D5511"/>
    </row>
    <row r="5512" spans="3:4" x14ac:dyDescent="0.25">
      <c r="C5512"/>
      <c r="D5512"/>
    </row>
    <row r="5513" spans="3:4" x14ac:dyDescent="0.25">
      <c r="C5513"/>
      <c r="D5513"/>
    </row>
    <row r="5514" spans="3:4" x14ac:dyDescent="0.25">
      <c r="C5514"/>
      <c r="D5514"/>
    </row>
    <row r="5515" spans="3:4" x14ac:dyDescent="0.25">
      <c r="C5515"/>
      <c r="D5515"/>
    </row>
    <row r="5516" spans="3:4" x14ac:dyDescent="0.25">
      <c r="C5516"/>
      <c r="D5516"/>
    </row>
    <row r="5517" spans="3:4" x14ac:dyDescent="0.25">
      <c r="C5517"/>
      <c r="D5517"/>
    </row>
    <row r="5518" spans="3:4" x14ac:dyDescent="0.25">
      <c r="C5518"/>
      <c r="D5518"/>
    </row>
    <row r="5519" spans="3:4" x14ac:dyDescent="0.25">
      <c r="C5519"/>
      <c r="D5519"/>
    </row>
    <row r="5520" spans="3:4" x14ac:dyDescent="0.25">
      <c r="C5520"/>
      <c r="D5520"/>
    </row>
    <row r="5521" spans="3:4" x14ac:dyDescent="0.25">
      <c r="C5521"/>
      <c r="D5521"/>
    </row>
    <row r="5522" spans="3:4" x14ac:dyDescent="0.25">
      <c r="C5522"/>
      <c r="D5522"/>
    </row>
    <row r="5523" spans="3:4" x14ac:dyDescent="0.25">
      <c r="C5523"/>
      <c r="D5523"/>
    </row>
    <row r="5524" spans="3:4" x14ac:dyDescent="0.25">
      <c r="C5524"/>
      <c r="D5524"/>
    </row>
    <row r="5525" spans="3:4" x14ac:dyDescent="0.25">
      <c r="C5525"/>
      <c r="D5525"/>
    </row>
    <row r="5526" spans="3:4" x14ac:dyDescent="0.25">
      <c r="C5526"/>
      <c r="D5526"/>
    </row>
    <row r="5527" spans="3:4" x14ac:dyDescent="0.25">
      <c r="C5527"/>
      <c r="D5527"/>
    </row>
    <row r="5528" spans="3:4" x14ac:dyDescent="0.25">
      <c r="C5528"/>
      <c r="D5528"/>
    </row>
    <row r="5529" spans="3:4" x14ac:dyDescent="0.25">
      <c r="C5529"/>
      <c r="D5529"/>
    </row>
    <row r="5530" spans="3:4" x14ac:dyDescent="0.25">
      <c r="C5530"/>
      <c r="D5530"/>
    </row>
    <row r="5531" spans="3:4" x14ac:dyDescent="0.25">
      <c r="C5531"/>
      <c r="D5531"/>
    </row>
    <row r="5532" spans="3:4" x14ac:dyDescent="0.25">
      <c r="C5532"/>
      <c r="D5532"/>
    </row>
    <row r="5533" spans="3:4" x14ac:dyDescent="0.25">
      <c r="C5533"/>
      <c r="D5533"/>
    </row>
    <row r="5534" spans="3:4" x14ac:dyDescent="0.25">
      <c r="C5534"/>
      <c r="D5534"/>
    </row>
    <row r="5535" spans="3:4" x14ac:dyDescent="0.25">
      <c r="C5535"/>
      <c r="D5535"/>
    </row>
    <row r="5536" spans="3:4" x14ac:dyDescent="0.25">
      <c r="C5536"/>
      <c r="D5536"/>
    </row>
    <row r="5537" spans="3:4" x14ac:dyDescent="0.25">
      <c r="C5537"/>
      <c r="D5537"/>
    </row>
    <row r="5538" spans="3:4" x14ac:dyDescent="0.25">
      <c r="C5538"/>
      <c r="D5538"/>
    </row>
    <row r="5539" spans="3:4" x14ac:dyDescent="0.25">
      <c r="C5539"/>
      <c r="D5539"/>
    </row>
    <row r="5540" spans="3:4" x14ac:dyDescent="0.25">
      <c r="C5540"/>
      <c r="D5540"/>
    </row>
    <row r="5541" spans="3:4" x14ac:dyDescent="0.25">
      <c r="C5541"/>
      <c r="D5541"/>
    </row>
    <row r="5542" spans="3:4" x14ac:dyDescent="0.25">
      <c r="C5542"/>
      <c r="D5542"/>
    </row>
    <row r="5543" spans="3:4" x14ac:dyDescent="0.25">
      <c r="C5543"/>
      <c r="D5543"/>
    </row>
    <row r="5544" spans="3:4" x14ac:dyDescent="0.25">
      <c r="C5544"/>
      <c r="D5544"/>
    </row>
    <row r="5545" spans="3:4" x14ac:dyDescent="0.25">
      <c r="C5545"/>
      <c r="D5545"/>
    </row>
    <row r="5546" spans="3:4" x14ac:dyDescent="0.25">
      <c r="C5546"/>
      <c r="D5546"/>
    </row>
    <row r="5547" spans="3:4" x14ac:dyDescent="0.25">
      <c r="C5547"/>
      <c r="D5547"/>
    </row>
    <row r="5548" spans="3:4" x14ac:dyDescent="0.25">
      <c r="C5548"/>
      <c r="D5548"/>
    </row>
    <row r="5549" spans="3:4" x14ac:dyDescent="0.25">
      <c r="C5549"/>
      <c r="D5549"/>
    </row>
    <row r="5550" spans="3:4" x14ac:dyDescent="0.25">
      <c r="C5550"/>
      <c r="D5550"/>
    </row>
    <row r="5551" spans="3:4" x14ac:dyDescent="0.25">
      <c r="C5551"/>
      <c r="D5551"/>
    </row>
    <row r="5552" spans="3:4" x14ac:dyDescent="0.25">
      <c r="C5552"/>
      <c r="D5552"/>
    </row>
    <row r="5553" spans="3:4" x14ac:dyDescent="0.25">
      <c r="C5553"/>
      <c r="D5553"/>
    </row>
    <row r="5554" spans="3:4" x14ac:dyDescent="0.25">
      <c r="C5554"/>
      <c r="D5554"/>
    </row>
    <row r="5555" spans="3:4" x14ac:dyDescent="0.25">
      <c r="C5555"/>
      <c r="D5555"/>
    </row>
    <row r="5556" spans="3:4" x14ac:dyDescent="0.25">
      <c r="C5556"/>
      <c r="D5556"/>
    </row>
    <row r="5557" spans="3:4" x14ac:dyDescent="0.25">
      <c r="C5557"/>
      <c r="D5557"/>
    </row>
    <row r="5558" spans="3:4" x14ac:dyDescent="0.25">
      <c r="C5558"/>
      <c r="D5558"/>
    </row>
    <row r="5559" spans="3:4" x14ac:dyDescent="0.25">
      <c r="C5559"/>
      <c r="D5559"/>
    </row>
    <row r="5560" spans="3:4" x14ac:dyDescent="0.25">
      <c r="C5560"/>
      <c r="D5560"/>
    </row>
    <row r="5561" spans="3:4" x14ac:dyDescent="0.25">
      <c r="C5561"/>
      <c r="D5561"/>
    </row>
    <row r="5562" spans="3:4" x14ac:dyDescent="0.25">
      <c r="C5562"/>
      <c r="D5562"/>
    </row>
    <row r="5563" spans="3:4" x14ac:dyDescent="0.25">
      <c r="C5563"/>
      <c r="D5563"/>
    </row>
    <row r="5564" spans="3:4" x14ac:dyDescent="0.25">
      <c r="C5564"/>
      <c r="D5564"/>
    </row>
    <row r="5565" spans="3:4" x14ac:dyDescent="0.25">
      <c r="C5565"/>
      <c r="D5565"/>
    </row>
    <row r="5566" spans="3:4" x14ac:dyDescent="0.25">
      <c r="C5566"/>
      <c r="D5566"/>
    </row>
    <row r="5567" spans="3:4" x14ac:dyDescent="0.25">
      <c r="C5567"/>
      <c r="D5567"/>
    </row>
    <row r="5568" spans="3:4" x14ac:dyDescent="0.25">
      <c r="C5568"/>
      <c r="D5568"/>
    </row>
    <row r="5569" spans="3:4" x14ac:dyDescent="0.25">
      <c r="C5569"/>
      <c r="D5569"/>
    </row>
    <row r="5570" spans="3:4" x14ac:dyDescent="0.25">
      <c r="C5570"/>
      <c r="D5570"/>
    </row>
    <row r="5571" spans="3:4" x14ac:dyDescent="0.25">
      <c r="C5571"/>
      <c r="D5571"/>
    </row>
    <row r="5572" spans="3:4" x14ac:dyDescent="0.25">
      <c r="C5572"/>
      <c r="D5572"/>
    </row>
    <row r="5573" spans="3:4" x14ac:dyDescent="0.25">
      <c r="C5573"/>
      <c r="D5573"/>
    </row>
    <row r="5574" spans="3:4" x14ac:dyDescent="0.25">
      <c r="C5574"/>
      <c r="D5574"/>
    </row>
    <row r="5575" spans="3:4" x14ac:dyDescent="0.25">
      <c r="C5575"/>
      <c r="D5575"/>
    </row>
    <row r="5576" spans="3:4" x14ac:dyDescent="0.25">
      <c r="C5576"/>
      <c r="D5576"/>
    </row>
    <row r="5577" spans="3:4" x14ac:dyDescent="0.25">
      <c r="C5577"/>
      <c r="D5577"/>
    </row>
    <row r="5578" spans="3:4" x14ac:dyDescent="0.25">
      <c r="C5578"/>
      <c r="D5578"/>
    </row>
    <row r="5579" spans="3:4" x14ac:dyDescent="0.25">
      <c r="C5579"/>
      <c r="D5579"/>
    </row>
    <row r="5580" spans="3:4" x14ac:dyDescent="0.25">
      <c r="C5580"/>
      <c r="D5580"/>
    </row>
    <row r="5581" spans="3:4" x14ac:dyDescent="0.25">
      <c r="C5581"/>
      <c r="D5581"/>
    </row>
    <row r="5582" spans="3:4" x14ac:dyDescent="0.25">
      <c r="C5582"/>
      <c r="D5582"/>
    </row>
    <row r="5583" spans="3:4" x14ac:dyDescent="0.25">
      <c r="C5583"/>
      <c r="D5583"/>
    </row>
    <row r="5584" spans="3:4" x14ac:dyDescent="0.25">
      <c r="C5584"/>
      <c r="D5584"/>
    </row>
    <row r="5585" spans="3:4" x14ac:dyDescent="0.25">
      <c r="C5585"/>
      <c r="D5585"/>
    </row>
    <row r="5586" spans="3:4" x14ac:dyDescent="0.25">
      <c r="C5586"/>
      <c r="D5586"/>
    </row>
    <row r="5587" spans="3:4" x14ac:dyDescent="0.25">
      <c r="C5587"/>
      <c r="D5587"/>
    </row>
    <row r="5588" spans="3:4" x14ac:dyDescent="0.25">
      <c r="C5588"/>
      <c r="D5588"/>
    </row>
    <row r="5589" spans="3:4" x14ac:dyDescent="0.25">
      <c r="C5589"/>
      <c r="D5589"/>
    </row>
    <row r="5590" spans="3:4" x14ac:dyDescent="0.25">
      <c r="C5590"/>
      <c r="D5590"/>
    </row>
    <row r="5591" spans="3:4" x14ac:dyDescent="0.25">
      <c r="C5591"/>
      <c r="D5591"/>
    </row>
    <row r="5592" spans="3:4" x14ac:dyDescent="0.25">
      <c r="C5592"/>
      <c r="D5592"/>
    </row>
    <row r="5593" spans="3:4" x14ac:dyDescent="0.25">
      <c r="C5593"/>
      <c r="D5593"/>
    </row>
    <row r="5594" spans="3:4" x14ac:dyDescent="0.25">
      <c r="C5594"/>
      <c r="D5594"/>
    </row>
    <row r="5595" spans="3:4" x14ac:dyDescent="0.25">
      <c r="C5595"/>
      <c r="D5595"/>
    </row>
    <row r="5596" spans="3:4" x14ac:dyDescent="0.25">
      <c r="C5596"/>
      <c r="D5596"/>
    </row>
    <row r="5597" spans="3:4" x14ac:dyDescent="0.25">
      <c r="C5597"/>
      <c r="D5597"/>
    </row>
    <row r="5598" spans="3:4" x14ac:dyDescent="0.25">
      <c r="C5598"/>
      <c r="D5598"/>
    </row>
    <row r="5599" spans="3:4" x14ac:dyDescent="0.25">
      <c r="C5599"/>
      <c r="D5599"/>
    </row>
    <row r="5600" spans="3:4" x14ac:dyDescent="0.25">
      <c r="C5600"/>
      <c r="D5600"/>
    </row>
    <row r="5601" spans="3:4" x14ac:dyDescent="0.25">
      <c r="C5601"/>
      <c r="D5601"/>
    </row>
    <row r="5602" spans="3:4" x14ac:dyDescent="0.25">
      <c r="C5602"/>
      <c r="D5602"/>
    </row>
    <row r="5603" spans="3:4" x14ac:dyDescent="0.25">
      <c r="C5603"/>
      <c r="D5603"/>
    </row>
    <row r="5604" spans="3:4" x14ac:dyDescent="0.25">
      <c r="C5604"/>
      <c r="D5604"/>
    </row>
    <row r="5605" spans="3:4" x14ac:dyDescent="0.25">
      <c r="C5605"/>
      <c r="D5605"/>
    </row>
    <row r="5606" spans="3:4" x14ac:dyDescent="0.25">
      <c r="C5606"/>
      <c r="D5606"/>
    </row>
    <row r="5607" spans="3:4" x14ac:dyDescent="0.25">
      <c r="C5607"/>
      <c r="D5607"/>
    </row>
    <row r="5608" spans="3:4" x14ac:dyDescent="0.25">
      <c r="C5608"/>
      <c r="D5608"/>
    </row>
    <row r="5609" spans="3:4" x14ac:dyDescent="0.25">
      <c r="C5609"/>
      <c r="D5609"/>
    </row>
    <row r="5610" spans="3:4" x14ac:dyDescent="0.25">
      <c r="C5610"/>
      <c r="D5610"/>
    </row>
    <row r="5611" spans="3:4" x14ac:dyDescent="0.25">
      <c r="C5611"/>
      <c r="D5611"/>
    </row>
    <row r="5612" spans="3:4" x14ac:dyDescent="0.25">
      <c r="C5612"/>
      <c r="D5612"/>
    </row>
    <row r="5613" spans="3:4" x14ac:dyDescent="0.25">
      <c r="C5613"/>
      <c r="D5613"/>
    </row>
    <row r="5614" spans="3:4" x14ac:dyDescent="0.25">
      <c r="C5614"/>
      <c r="D5614"/>
    </row>
    <row r="5615" spans="3:4" x14ac:dyDescent="0.25">
      <c r="C5615"/>
      <c r="D5615"/>
    </row>
    <row r="5616" spans="3:4" x14ac:dyDescent="0.25">
      <c r="C5616"/>
      <c r="D5616"/>
    </row>
    <row r="5617" spans="3:4" x14ac:dyDescent="0.25">
      <c r="C5617"/>
      <c r="D5617"/>
    </row>
    <row r="5618" spans="3:4" x14ac:dyDescent="0.25">
      <c r="C5618"/>
      <c r="D5618"/>
    </row>
    <row r="5619" spans="3:4" x14ac:dyDescent="0.25">
      <c r="C5619"/>
      <c r="D5619"/>
    </row>
    <row r="5620" spans="3:4" x14ac:dyDescent="0.25">
      <c r="C5620"/>
      <c r="D5620"/>
    </row>
    <row r="5621" spans="3:4" x14ac:dyDescent="0.25">
      <c r="C5621"/>
      <c r="D5621"/>
    </row>
    <row r="5622" spans="3:4" x14ac:dyDescent="0.25">
      <c r="C5622"/>
      <c r="D5622"/>
    </row>
    <row r="5623" spans="3:4" x14ac:dyDescent="0.25">
      <c r="C5623"/>
      <c r="D5623"/>
    </row>
    <row r="5624" spans="3:4" x14ac:dyDescent="0.25">
      <c r="C5624"/>
      <c r="D5624"/>
    </row>
    <row r="5625" spans="3:4" x14ac:dyDescent="0.25">
      <c r="C5625"/>
      <c r="D5625"/>
    </row>
    <row r="5626" spans="3:4" x14ac:dyDescent="0.25">
      <c r="C5626"/>
      <c r="D5626"/>
    </row>
    <row r="5627" spans="3:4" x14ac:dyDescent="0.25">
      <c r="C5627"/>
      <c r="D5627"/>
    </row>
    <row r="5628" spans="3:4" x14ac:dyDescent="0.25">
      <c r="C5628"/>
      <c r="D5628"/>
    </row>
    <row r="5629" spans="3:4" x14ac:dyDescent="0.25">
      <c r="C5629"/>
      <c r="D5629"/>
    </row>
    <row r="5630" spans="3:4" x14ac:dyDescent="0.25">
      <c r="C5630"/>
      <c r="D5630"/>
    </row>
    <row r="5631" spans="3:4" x14ac:dyDescent="0.25">
      <c r="C5631"/>
      <c r="D5631"/>
    </row>
    <row r="5632" spans="3:4" x14ac:dyDescent="0.25">
      <c r="C5632"/>
      <c r="D5632"/>
    </row>
    <row r="5633" spans="3:4" x14ac:dyDescent="0.25">
      <c r="C5633"/>
      <c r="D5633"/>
    </row>
    <row r="5634" spans="3:4" x14ac:dyDescent="0.25">
      <c r="C5634"/>
      <c r="D5634"/>
    </row>
    <row r="5635" spans="3:4" x14ac:dyDescent="0.25">
      <c r="C5635"/>
      <c r="D5635"/>
    </row>
    <row r="5636" spans="3:4" x14ac:dyDescent="0.25">
      <c r="C5636"/>
      <c r="D5636"/>
    </row>
    <row r="5637" spans="3:4" x14ac:dyDescent="0.25">
      <c r="C5637"/>
      <c r="D5637"/>
    </row>
    <row r="5638" spans="3:4" x14ac:dyDescent="0.25">
      <c r="C5638"/>
      <c r="D5638"/>
    </row>
    <row r="5639" spans="3:4" x14ac:dyDescent="0.25">
      <c r="C5639"/>
      <c r="D5639"/>
    </row>
    <row r="5640" spans="3:4" x14ac:dyDescent="0.25">
      <c r="C5640"/>
      <c r="D5640"/>
    </row>
    <row r="5641" spans="3:4" x14ac:dyDescent="0.25">
      <c r="C5641"/>
      <c r="D5641"/>
    </row>
    <row r="5642" spans="3:4" x14ac:dyDescent="0.25">
      <c r="C5642"/>
      <c r="D5642"/>
    </row>
    <row r="5643" spans="3:4" x14ac:dyDescent="0.25">
      <c r="C5643"/>
      <c r="D5643"/>
    </row>
    <row r="5644" spans="3:4" x14ac:dyDescent="0.25">
      <c r="C5644"/>
      <c r="D5644"/>
    </row>
    <row r="5645" spans="3:4" x14ac:dyDescent="0.25">
      <c r="C5645"/>
      <c r="D5645"/>
    </row>
    <row r="5646" spans="3:4" x14ac:dyDescent="0.25">
      <c r="C5646"/>
      <c r="D5646"/>
    </row>
    <row r="5647" spans="3:4" x14ac:dyDescent="0.25">
      <c r="C5647"/>
      <c r="D5647"/>
    </row>
    <row r="5648" spans="3:4" x14ac:dyDescent="0.25">
      <c r="C5648"/>
      <c r="D5648"/>
    </row>
    <row r="5649" spans="3:4" x14ac:dyDescent="0.25">
      <c r="C5649"/>
      <c r="D5649"/>
    </row>
    <row r="5650" spans="3:4" x14ac:dyDescent="0.25">
      <c r="C5650"/>
      <c r="D5650"/>
    </row>
    <row r="5651" spans="3:4" x14ac:dyDescent="0.25">
      <c r="C5651"/>
      <c r="D5651"/>
    </row>
    <row r="5652" spans="3:4" x14ac:dyDescent="0.25">
      <c r="C5652"/>
      <c r="D5652"/>
    </row>
    <row r="5653" spans="3:4" x14ac:dyDescent="0.25">
      <c r="C5653"/>
      <c r="D5653"/>
    </row>
    <row r="5654" spans="3:4" x14ac:dyDescent="0.25">
      <c r="C5654"/>
      <c r="D5654"/>
    </row>
    <row r="5655" spans="3:4" x14ac:dyDescent="0.25">
      <c r="C5655"/>
      <c r="D5655"/>
    </row>
    <row r="5656" spans="3:4" x14ac:dyDescent="0.25">
      <c r="C5656"/>
      <c r="D5656"/>
    </row>
    <row r="5657" spans="3:4" x14ac:dyDescent="0.25">
      <c r="C5657"/>
      <c r="D5657"/>
    </row>
    <row r="5658" spans="3:4" x14ac:dyDescent="0.25">
      <c r="C5658"/>
      <c r="D5658"/>
    </row>
    <row r="5659" spans="3:4" x14ac:dyDescent="0.25">
      <c r="C5659"/>
      <c r="D5659"/>
    </row>
    <row r="5660" spans="3:4" x14ac:dyDescent="0.25">
      <c r="C5660"/>
      <c r="D5660"/>
    </row>
    <row r="5661" spans="3:4" x14ac:dyDescent="0.25">
      <c r="C5661"/>
      <c r="D5661"/>
    </row>
    <row r="5662" spans="3:4" x14ac:dyDescent="0.25">
      <c r="C5662"/>
      <c r="D5662"/>
    </row>
    <row r="5663" spans="3:4" x14ac:dyDescent="0.25">
      <c r="C5663"/>
      <c r="D5663"/>
    </row>
    <row r="5664" spans="3:4" x14ac:dyDescent="0.25">
      <c r="C5664"/>
      <c r="D5664"/>
    </row>
    <row r="5665" spans="3:4" x14ac:dyDescent="0.25">
      <c r="C5665"/>
      <c r="D5665"/>
    </row>
    <row r="5666" spans="3:4" x14ac:dyDescent="0.25">
      <c r="C5666"/>
      <c r="D5666"/>
    </row>
    <row r="5667" spans="3:4" x14ac:dyDescent="0.25">
      <c r="C5667"/>
      <c r="D5667"/>
    </row>
    <row r="5668" spans="3:4" x14ac:dyDescent="0.25">
      <c r="C5668"/>
      <c r="D5668"/>
    </row>
    <row r="5669" spans="3:4" x14ac:dyDescent="0.25">
      <c r="C5669"/>
      <c r="D5669"/>
    </row>
    <row r="5670" spans="3:4" x14ac:dyDescent="0.25">
      <c r="C5670"/>
      <c r="D5670"/>
    </row>
    <row r="5671" spans="3:4" x14ac:dyDescent="0.25">
      <c r="C5671"/>
      <c r="D5671"/>
    </row>
    <row r="5672" spans="3:4" x14ac:dyDescent="0.25">
      <c r="C5672"/>
      <c r="D5672"/>
    </row>
    <row r="5673" spans="3:4" x14ac:dyDescent="0.25">
      <c r="C5673"/>
      <c r="D5673"/>
    </row>
    <row r="5674" spans="3:4" x14ac:dyDescent="0.25">
      <c r="C5674"/>
      <c r="D5674"/>
    </row>
    <row r="5675" spans="3:4" x14ac:dyDescent="0.25">
      <c r="C5675"/>
      <c r="D5675"/>
    </row>
    <row r="5676" spans="3:4" x14ac:dyDescent="0.25">
      <c r="C5676"/>
      <c r="D5676"/>
    </row>
    <row r="5677" spans="3:4" x14ac:dyDescent="0.25">
      <c r="C5677"/>
      <c r="D5677"/>
    </row>
    <row r="5678" spans="3:4" x14ac:dyDescent="0.25">
      <c r="C5678"/>
      <c r="D5678"/>
    </row>
    <row r="5679" spans="3:4" x14ac:dyDescent="0.25">
      <c r="C5679"/>
      <c r="D5679"/>
    </row>
    <row r="5680" spans="3:4" x14ac:dyDescent="0.25">
      <c r="C5680"/>
      <c r="D5680"/>
    </row>
    <row r="5681" spans="3:4" x14ac:dyDescent="0.25">
      <c r="C5681"/>
      <c r="D5681"/>
    </row>
    <row r="5682" spans="3:4" x14ac:dyDescent="0.25">
      <c r="C5682"/>
      <c r="D5682"/>
    </row>
    <row r="5683" spans="3:4" x14ac:dyDescent="0.25">
      <c r="C5683"/>
      <c r="D5683"/>
    </row>
    <row r="5684" spans="3:4" x14ac:dyDescent="0.25">
      <c r="C5684"/>
      <c r="D5684"/>
    </row>
    <row r="5685" spans="3:4" x14ac:dyDescent="0.25">
      <c r="C5685"/>
      <c r="D5685"/>
    </row>
    <row r="5686" spans="3:4" x14ac:dyDescent="0.25">
      <c r="C5686"/>
      <c r="D5686"/>
    </row>
    <row r="5687" spans="3:4" x14ac:dyDescent="0.25">
      <c r="C5687"/>
      <c r="D5687"/>
    </row>
    <row r="5688" spans="3:4" x14ac:dyDescent="0.25">
      <c r="C5688"/>
      <c r="D5688"/>
    </row>
    <row r="5689" spans="3:4" x14ac:dyDescent="0.25">
      <c r="C5689"/>
      <c r="D5689"/>
    </row>
    <row r="5690" spans="3:4" x14ac:dyDescent="0.25">
      <c r="C5690"/>
      <c r="D5690"/>
    </row>
    <row r="5691" spans="3:4" x14ac:dyDescent="0.25">
      <c r="C5691"/>
      <c r="D5691"/>
    </row>
    <row r="5692" spans="3:4" x14ac:dyDescent="0.25">
      <c r="C5692"/>
      <c r="D5692"/>
    </row>
    <row r="5693" spans="3:4" x14ac:dyDescent="0.25">
      <c r="C5693"/>
      <c r="D5693"/>
    </row>
    <row r="5694" spans="3:4" x14ac:dyDescent="0.25">
      <c r="C5694"/>
      <c r="D5694"/>
    </row>
    <row r="5695" spans="3:4" x14ac:dyDescent="0.25">
      <c r="C5695"/>
      <c r="D5695"/>
    </row>
    <row r="5696" spans="3:4" x14ac:dyDescent="0.25">
      <c r="C5696"/>
      <c r="D5696"/>
    </row>
    <row r="5697" spans="3:4" x14ac:dyDescent="0.25">
      <c r="C5697"/>
      <c r="D5697"/>
    </row>
    <row r="5698" spans="3:4" x14ac:dyDescent="0.25">
      <c r="C5698"/>
      <c r="D5698"/>
    </row>
    <row r="5699" spans="3:4" x14ac:dyDescent="0.25">
      <c r="C5699"/>
      <c r="D5699"/>
    </row>
    <row r="5700" spans="3:4" x14ac:dyDescent="0.25">
      <c r="C5700"/>
      <c r="D5700"/>
    </row>
    <row r="5701" spans="3:4" x14ac:dyDescent="0.25">
      <c r="C5701"/>
      <c r="D5701"/>
    </row>
    <row r="5702" spans="3:4" x14ac:dyDescent="0.25">
      <c r="C5702"/>
      <c r="D5702"/>
    </row>
    <row r="5703" spans="3:4" x14ac:dyDescent="0.25">
      <c r="C5703"/>
      <c r="D5703"/>
    </row>
    <row r="5704" spans="3:4" x14ac:dyDescent="0.25">
      <c r="C5704"/>
      <c r="D5704"/>
    </row>
    <row r="5705" spans="3:4" x14ac:dyDescent="0.25">
      <c r="C5705"/>
      <c r="D5705"/>
    </row>
    <row r="5706" spans="3:4" x14ac:dyDescent="0.25">
      <c r="C5706"/>
      <c r="D5706"/>
    </row>
    <row r="5707" spans="3:4" x14ac:dyDescent="0.25">
      <c r="C5707"/>
      <c r="D5707"/>
    </row>
    <row r="5708" spans="3:4" x14ac:dyDescent="0.25">
      <c r="C5708"/>
      <c r="D5708"/>
    </row>
    <row r="5709" spans="3:4" x14ac:dyDescent="0.25">
      <c r="C5709"/>
      <c r="D5709"/>
    </row>
    <row r="5710" spans="3:4" x14ac:dyDescent="0.25">
      <c r="C5710"/>
      <c r="D5710"/>
    </row>
    <row r="5711" spans="3:4" x14ac:dyDescent="0.25">
      <c r="C5711"/>
      <c r="D5711"/>
    </row>
    <row r="5712" spans="3:4" x14ac:dyDescent="0.25">
      <c r="C5712"/>
      <c r="D5712"/>
    </row>
    <row r="5713" spans="3:4" x14ac:dyDescent="0.25">
      <c r="C5713"/>
      <c r="D5713"/>
    </row>
    <row r="5714" spans="3:4" x14ac:dyDescent="0.25">
      <c r="C5714"/>
      <c r="D5714"/>
    </row>
    <row r="5715" spans="3:4" x14ac:dyDescent="0.25">
      <c r="C5715"/>
      <c r="D5715"/>
    </row>
    <row r="5716" spans="3:4" x14ac:dyDescent="0.25">
      <c r="C5716"/>
      <c r="D5716"/>
    </row>
    <row r="5717" spans="3:4" x14ac:dyDescent="0.25">
      <c r="C5717"/>
      <c r="D5717"/>
    </row>
    <row r="5718" spans="3:4" x14ac:dyDescent="0.25">
      <c r="C5718"/>
      <c r="D5718"/>
    </row>
    <row r="5719" spans="3:4" x14ac:dyDescent="0.25">
      <c r="C5719"/>
      <c r="D5719"/>
    </row>
    <row r="5720" spans="3:4" x14ac:dyDescent="0.25">
      <c r="C5720"/>
      <c r="D5720"/>
    </row>
    <row r="5721" spans="3:4" x14ac:dyDescent="0.25">
      <c r="C5721"/>
      <c r="D5721"/>
    </row>
    <row r="5722" spans="3:4" x14ac:dyDescent="0.25">
      <c r="C5722"/>
      <c r="D5722"/>
    </row>
    <row r="5723" spans="3:4" x14ac:dyDescent="0.25">
      <c r="C5723"/>
      <c r="D5723"/>
    </row>
    <row r="5724" spans="3:4" x14ac:dyDescent="0.25">
      <c r="C5724"/>
      <c r="D5724"/>
    </row>
    <row r="5725" spans="3:4" x14ac:dyDescent="0.25">
      <c r="C5725"/>
      <c r="D5725"/>
    </row>
    <row r="5726" spans="3:4" x14ac:dyDescent="0.25">
      <c r="C5726"/>
      <c r="D5726"/>
    </row>
    <row r="5727" spans="3:4" x14ac:dyDescent="0.25">
      <c r="C5727"/>
      <c r="D5727"/>
    </row>
    <row r="5728" spans="3:4" x14ac:dyDescent="0.25">
      <c r="C5728"/>
      <c r="D5728"/>
    </row>
    <row r="5729" spans="3:4" x14ac:dyDescent="0.25">
      <c r="C5729"/>
      <c r="D5729"/>
    </row>
    <row r="5730" spans="3:4" x14ac:dyDescent="0.25">
      <c r="C5730"/>
      <c r="D5730"/>
    </row>
    <row r="5731" spans="3:4" x14ac:dyDescent="0.25">
      <c r="C5731"/>
      <c r="D5731"/>
    </row>
    <row r="5732" spans="3:4" x14ac:dyDescent="0.25">
      <c r="C5732"/>
      <c r="D5732"/>
    </row>
    <row r="5733" spans="3:4" x14ac:dyDescent="0.25">
      <c r="C5733"/>
      <c r="D5733"/>
    </row>
    <row r="5734" spans="3:4" x14ac:dyDescent="0.25">
      <c r="C5734"/>
      <c r="D5734"/>
    </row>
    <row r="5735" spans="3:4" x14ac:dyDescent="0.25">
      <c r="C5735"/>
      <c r="D5735"/>
    </row>
    <row r="5736" spans="3:4" x14ac:dyDescent="0.25">
      <c r="C5736"/>
      <c r="D5736"/>
    </row>
    <row r="5737" spans="3:4" x14ac:dyDescent="0.25">
      <c r="C5737"/>
      <c r="D5737"/>
    </row>
    <row r="5738" spans="3:4" x14ac:dyDescent="0.25">
      <c r="C5738"/>
      <c r="D5738"/>
    </row>
    <row r="5739" spans="3:4" x14ac:dyDescent="0.25">
      <c r="C5739"/>
      <c r="D5739"/>
    </row>
    <row r="5740" spans="3:4" x14ac:dyDescent="0.25">
      <c r="C5740"/>
      <c r="D5740"/>
    </row>
    <row r="5741" spans="3:4" x14ac:dyDescent="0.25">
      <c r="C5741"/>
      <c r="D5741"/>
    </row>
    <row r="5742" spans="3:4" x14ac:dyDescent="0.25">
      <c r="C5742"/>
      <c r="D5742"/>
    </row>
    <row r="5743" spans="3:4" x14ac:dyDescent="0.25">
      <c r="C5743"/>
      <c r="D5743"/>
    </row>
    <row r="5744" spans="3:4" x14ac:dyDescent="0.25">
      <c r="C5744"/>
      <c r="D5744"/>
    </row>
    <row r="5745" spans="3:4" x14ac:dyDescent="0.25">
      <c r="C5745"/>
      <c r="D5745"/>
    </row>
    <row r="5746" spans="3:4" x14ac:dyDescent="0.25">
      <c r="C5746"/>
      <c r="D5746"/>
    </row>
    <row r="5747" spans="3:4" x14ac:dyDescent="0.25">
      <c r="C5747"/>
      <c r="D5747"/>
    </row>
    <row r="5748" spans="3:4" x14ac:dyDescent="0.25">
      <c r="C5748"/>
      <c r="D5748"/>
    </row>
    <row r="5749" spans="3:4" x14ac:dyDescent="0.25">
      <c r="C5749"/>
      <c r="D5749"/>
    </row>
    <row r="5750" spans="3:4" x14ac:dyDescent="0.25">
      <c r="C5750"/>
      <c r="D5750"/>
    </row>
    <row r="5751" spans="3:4" x14ac:dyDescent="0.25">
      <c r="C5751"/>
      <c r="D5751"/>
    </row>
    <row r="5752" spans="3:4" x14ac:dyDescent="0.25">
      <c r="C5752"/>
      <c r="D5752"/>
    </row>
    <row r="5753" spans="3:4" x14ac:dyDescent="0.25">
      <c r="C5753"/>
      <c r="D5753"/>
    </row>
    <row r="5754" spans="3:4" x14ac:dyDescent="0.25">
      <c r="C5754"/>
      <c r="D5754"/>
    </row>
    <row r="5755" spans="3:4" x14ac:dyDescent="0.25">
      <c r="C5755"/>
      <c r="D5755"/>
    </row>
    <row r="5756" spans="3:4" x14ac:dyDescent="0.25">
      <c r="C5756"/>
      <c r="D5756"/>
    </row>
    <row r="5757" spans="3:4" x14ac:dyDescent="0.25">
      <c r="C5757"/>
      <c r="D5757"/>
    </row>
    <row r="5758" spans="3:4" x14ac:dyDescent="0.25">
      <c r="C5758"/>
      <c r="D5758"/>
    </row>
    <row r="5759" spans="3:4" x14ac:dyDescent="0.25">
      <c r="C5759"/>
      <c r="D5759"/>
    </row>
    <row r="5760" spans="3:4" x14ac:dyDescent="0.25">
      <c r="C5760"/>
      <c r="D5760"/>
    </row>
    <row r="5761" spans="3:4" x14ac:dyDescent="0.25">
      <c r="C5761"/>
      <c r="D5761"/>
    </row>
    <row r="5762" spans="3:4" x14ac:dyDescent="0.25">
      <c r="C5762"/>
      <c r="D5762"/>
    </row>
    <row r="5763" spans="3:4" x14ac:dyDescent="0.25">
      <c r="C5763"/>
      <c r="D5763"/>
    </row>
    <row r="5764" spans="3:4" x14ac:dyDescent="0.25">
      <c r="C5764"/>
      <c r="D5764"/>
    </row>
    <row r="5765" spans="3:4" x14ac:dyDescent="0.25">
      <c r="C5765"/>
      <c r="D5765"/>
    </row>
    <row r="5766" spans="3:4" x14ac:dyDescent="0.25">
      <c r="C5766"/>
      <c r="D5766"/>
    </row>
    <row r="5767" spans="3:4" x14ac:dyDescent="0.25">
      <c r="C5767"/>
      <c r="D5767"/>
    </row>
    <row r="5768" spans="3:4" x14ac:dyDescent="0.25">
      <c r="C5768"/>
      <c r="D5768"/>
    </row>
    <row r="5769" spans="3:4" x14ac:dyDescent="0.25">
      <c r="C5769"/>
      <c r="D5769"/>
    </row>
    <row r="5770" spans="3:4" x14ac:dyDescent="0.25">
      <c r="C5770"/>
      <c r="D5770"/>
    </row>
    <row r="5771" spans="3:4" x14ac:dyDescent="0.25">
      <c r="C5771"/>
      <c r="D5771"/>
    </row>
    <row r="5772" spans="3:4" x14ac:dyDescent="0.25">
      <c r="C5772"/>
      <c r="D5772"/>
    </row>
    <row r="5773" spans="3:4" x14ac:dyDescent="0.25">
      <c r="C5773"/>
      <c r="D5773"/>
    </row>
    <row r="5774" spans="3:4" x14ac:dyDescent="0.25">
      <c r="C5774"/>
      <c r="D5774"/>
    </row>
    <row r="5775" spans="3:4" x14ac:dyDescent="0.25">
      <c r="C5775"/>
      <c r="D5775"/>
    </row>
    <row r="5776" spans="3:4" x14ac:dyDescent="0.25">
      <c r="C5776"/>
      <c r="D5776"/>
    </row>
    <row r="5777" spans="3:4" x14ac:dyDescent="0.25">
      <c r="C5777"/>
      <c r="D5777"/>
    </row>
    <row r="5778" spans="3:4" x14ac:dyDescent="0.25">
      <c r="C5778"/>
      <c r="D5778"/>
    </row>
    <row r="5779" spans="3:4" x14ac:dyDescent="0.25">
      <c r="C5779"/>
      <c r="D5779"/>
    </row>
    <row r="5780" spans="3:4" x14ac:dyDescent="0.25">
      <c r="C5780"/>
      <c r="D5780"/>
    </row>
    <row r="5781" spans="3:4" x14ac:dyDescent="0.25">
      <c r="C5781"/>
      <c r="D5781"/>
    </row>
    <row r="5782" spans="3:4" x14ac:dyDescent="0.25">
      <c r="C5782"/>
      <c r="D5782"/>
    </row>
    <row r="5783" spans="3:4" x14ac:dyDescent="0.25">
      <c r="C5783"/>
      <c r="D5783"/>
    </row>
    <row r="5784" spans="3:4" x14ac:dyDescent="0.25">
      <c r="C5784"/>
      <c r="D5784"/>
    </row>
    <row r="5785" spans="3:4" x14ac:dyDescent="0.25">
      <c r="C5785"/>
      <c r="D5785"/>
    </row>
    <row r="5786" spans="3:4" x14ac:dyDescent="0.25">
      <c r="C5786"/>
      <c r="D5786"/>
    </row>
    <row r="5787" spans="3:4" x14ac:dyDescent="0.25">
      <c r="C5787"/>
      <c r="D5787"/>
    </row>
    <row r="5788" spans="3:4" x14ac:dyDescent="0.25">
      <c r="C5788"/>
      <c r="D5788"/>
    </row>
    <row r="5789" spans="3:4" x14ac:dyDescent="0.25">
      <c r="C5789"/>
      <c r="D5789"/>
    </row>
    <row r="5790" spans="3:4" x14ac:dyDescent="0.25">
      <c r="C5790"/>
      <c r="D5790"/>
    </row>
    <row r="5791" spans="3:4" x14ac:dyDescent="0.25">
      <c r="C5791"/>
      <c r="D5791"/>
    </row>
    <row r="5792" spans="3:4" x14ac:dyDescent="0.25">
      <c r="C5792"/>
      <c r="D5792"/>
    </row>
    <row r="5793" spans="3:4" x14ac:dyDescent="0.25">
      <c r="C5793"/>
      <c r="D5793"/>
    </row>
    <row r="5794" spans="3:4" x14ac:dyDescent="0.25">
      <c r="C5794"/>
      <c r="D5794"/>
    </row>
    <row r="5795" spans="3:4" x14ac:dyDescent="0.25">
      <c r="C5795"/>
      <c r="D5795"/>
    </row>
    <row r="5796" spans="3:4" x14ac:dyDescent="0.25">
      <c r="C5796"/>
      <c r="D5796"/>
    </row>
    <row r="5797" spans="3:4" x14ac:dyDescent="0.25">
      <c r="C5797"/>
      <c r="D5797"/>
    </row>
    <row r="5798" spans="3:4" x14ac:dyDescent="0.25">
      <c r="C5798"/>
      <c r="D5798"/>
    </row>
    <row r="5799" spans="3:4" x14ac:dyDescent="0.25">
      <c r="C5799"/>
      <c r="D5799"/>
    </row>
    <row r="5800" spans="3:4" x14ac:dyDescent="0.25">
      <c r="C5800"/>
      <c r="D5800"/>
    </row>
    <row r="5801" spans="3:4" x14ac:dyDescent="0.25">
      <c r="C5801"/>
      <c r="D5801"/>
    </row>
    <row r="5802" spans="3:4" x14ac:dyDescent="0.25">
      <c r="C5802"/>
      <c r="D5802"/>
    </row>
    <row r="5803" spans="3:4" x14ac:dyDescent="0.25">
      <c r="C5803"/>
      <c r="D5803"/>
    </row>
    <row r="5804" spans="3:4" x14ac:dyDescent="0.25">
      <c r="C5804"/>
      <c r="D5804"/>
    </row>
    <row r="5805" spans="3:4" x14ac:dyDescent="0.25">
      <c r="C5805"/>
      <c r="D5805"/>
    </row>
    <row r="5806" spans="3:4" x14ac:dyDescent="0.25">
      <c r="C5806"/>
      <c r="D5806"/>
    </row>
    <row r="5807" spans="3:4" x14ac:dyDescent="0.25">
      <c r="C5807"/>
      <c r="D5807"/>
    </row>
    <row r="5808" spans="3:4" x14ac:dyDescent="0.25">
      <c r="C5808"/>
      <c r="D5808"/>
    </row>
    <row r="5809" spans="3:4" x14ac:dyDescent="0.25">
      <c r="C5809"/>
      <c r="D5809"/>
    </row>
    <row r="5810" spans="3:4" x14ac:dyDescent="0.25">
      <c r="C5810"/>
      <c r="D5810"/>
    </row>
    <row r="5811" spans="3:4" x14ac:dyDescent="0.25">
      <c r="C5811"/>
      <c r="D5811"/>
    </row>
    <row r="5812" spans="3:4" x14ac:dyDescent="0.25">
      <c r="C5812"/>
      <c r="D5812"/>
    </row>
    <row r="5813" spans="3:4" x14ac:dyDescent="0.25">
      <c r="C5813"/>
      <c r="D5813"/>
    </row>
    <row r="5814" spans="3:4" x14ac:dyDescent="0.25">
      <c r="C5814"/>
      <c r="D5814"/>
    </row>
    <row r="5815" spans="3:4" x14ac:dyDescent="0.25">
      <c r="C5815"/>
      <c r="D5815"/>
    </row>
    <row r="5816" spans="3:4" x14ac:dyDescent="0.25">
      <c r="C5816"/>
      <c r="D5816"/>
    </row>
    <row r="5817" spans="3:4" x14ac:dyDescent="0.25">
      <c r="C5817"/>
      <c r="D5817"/>
    </row>
    <row r="5818" spans="3:4" x14ac:dyDescent="0.25">
      <c r="C5818"/>
      <c r="D5818"/>
    </row>
    <row r="5819" spans="3:4" x14ac:dyDescent="0.25">
      <c r="C5819"/>
      <c r="D5819"/>
    </row>
    <row r="5820" spans="3:4" x14ac:dyDescent="0.25">
      <c r="C5820"/>
      <c r="D5820"/>
    </row>
    <row r="5821" spans="3:4" x14ac:dyDescent="0.25">
      <c r="C5821"/>
      <c r="D5821"/>
    </row>
    <row r="5822" spans="3:4" x14ac:dyDescent="0.25">
      <c r="C5822"/>
      <c r="D5822"/>
    </row>
    <row r="5823" spans="3:4" x14ac:dyDescent="0.25">
      <c r="C5823"/>
      <c r="D5823"/>
    </row>
    <row r="5824" spans="3:4" x14ac:dyDescent="0.25">
      <c r="C5824"/>
      <c r="D5824"/>
    </row>
    <row r="5825" spans="3:4" x14ac:dyDescent="0.25">
      <c r="C5825"/>
      <c r="D5825"/>
    </row>
    <row r="5826" spans="3:4" x14ac:dyDescent="0.25">
      <c r="C5826"/>
      <c r="D5826"/>
    </row>
    <row r="5827" spans="3:4" x14ac:dyDescent="0.25">
      <c r="C5827"/>
      <c r="D5827"/>
    </row>
    <row r="5828" spans="3:4" x14ac:dyDescent="0.25">
      <c r="C5828"/>
      <c r="D5828"/>
    </row>
    <row r="5829" spans="3:4" x14ac:dyDescent="0.25">
      <c r="C5829"/>
      <c r="D5829"/>
    </row>
    <row r="5830" spans="3:4" x14ac:dyDescent="0.25">
      <c r="C5830"/>
      <c r="D5830"/>
    </row>
    <row r="5831" spans="3:4" x14ac:dyDescent="0.25">
      <c r="C5831"/>
      <c r="D5831"/>
    </row>
    <row r="5832" spans="3:4" x14ac:dyDescent="0.25">
      <c r="C5832"/>
      <c r="D5832"/>
    </row>
    <row r="5833" spans="3:4" x14ac:dyDescent="0.25">
      <c r="C5833"/>
      <c r="D5833"/>
    </row>
    <row r="5834" spans="3:4" x14ac:dyDescent="0.25">
      <c r="C5834"/>
      <c r="D5834"/>
    </row>
    <row r="5835" spans="3:4" x14ac:dyDescent="0.25">
      <c r="C5835"/>
      <c r="D5835"/>
    </row>
    <row r="5836" spans="3:4" x14ac:dyDescent="0.25">
      <c r="C5836"/>
      <c r="D5836"/>
    </row>
    <row r="5837" spans="3:4" x14ac:dyDescent="0.25">
      <c r="C5837"/>
      <c r="D5837"/>
    </row>
    <row r="5838" spans="3:4" x14ac:dyDescent="0.25">
      <c r="C5838"/>
      <c r="D5838"/>
    </row>
    <row r="5839" spans="3:4" x14ac:dyDescent="0.25">
      <c r="C5839"/>
      <c r="D5839"/>
    </row>
    <row r="5840" spans="3:4" x14ac:dyDescent="0.25">
      <c r="C5840"/>
      <c r="D5840"/>
    </row>
    <row r="5841" spans="3:4" x14ac:dyDescent="0.25">
      <c r="C5841"/>
      <c r="D5841"/>
    </row>
    <row r="5842" spans="3:4" x14ac:dyDescent="0.25">
      <c r="C5842"/>
      <c r="D5842"/>
    </row>
    <row r="5843" spans="3:4" x14ac:dyDescent="0.25">
      <c r="C5843"/>
      <c r="D5843"/>
    </row>
    <row r="5844" spans="3:4" x14ac:dyDescent="0.25">
      <c r="C5844"/>
      <c r="D5844"/>
    </row>
    <row r="5845" spans="3:4" x14ac:dyDescent="0.25">
      <c r="C5845"/>
      <c r="D5845"/>
    </row>
    <row r="5846" spans="3:4" x14ac:dyDescent="0.25">
      <c r="C5846"/>
      <c r="D5846"/>
    </row>
    <row r="5847" spans="3:4" x14ac:dyDescent="0.25">
      <c r="C5847"/>
      <c r="D5847"/>
    </row>
    <row r="5848" spans="3:4" x14ac:dyDescent="0.25">
      <c r="C5848"/>
      <c r="D5848"/>
    </row>
    <row r="5849" spans="3:4" x14ac:dyDescent="0.25">
      <c r="C5849"/>
      <c r="D5849"/>
    </row>
    <row r="5850" spans="3:4" x14ac:dyDescent="0.25">
      <c r="C5850"/>
      <c r="D5850"/>
    </row>
    <row r="5851" spans="3:4" x14ac:dyDescent="0.25">
      <c r="C5851"/>
      <c r="D5851"/>
    </row>
    <row r="5852" spans="3:4" x14ac:dyDescent="0.25">
      <c r="C5852"/>
      <c r="D5852"/>
    </row>
    <row r="5853" spans="3:4" x14ac:dyDescent="0.25">
      <c r="C5853"/>
      <c r="D5853"/>
    </row>
    <row r="5854" spans="3:4" x14ac:dyDescent="0.25">
      <c r="C5854"/>
      <c r="D5854"/>
    </row>
    <row r="5855" spans="3:4" x14ac:dyDescent="0.25">
      <c r="C5855"/>
      <c r="D5855"/>
    </row>
    <row r="5856" spans="3:4" x14ac:dyDescent="0.25">
      <c r="C5856"/>
      <c r="D5856"/>
    </row>
    <row r="5857" spans="3:4" x14ac:dyDescent="0.25">
      <c r="C5857"/>
      <c r="D5857"/>
    </row>
    <row r="5858" spans="3:4" x14ac:dyDescent="0.25">
      <c r="C5858"/>
      <c r="D5858"/>
    </row>
    <row r="5859" spans="3:4" x14ac:dyDescent="0.25">
      <c r="C5859"/>
      <c r="D5859"/>
    </row>
    <row r="5860" spans="3:4" x14ac:dyDescent="0.25">
      <c r="C5860"/>
      <c r="D5860"/>
    </row>
    <row r="5861" spans="3:4" x14ac:dyDescent="0.25">
      <c r="C5861"/>
      <c r="D5861"/>
    </row>
    <row r="5862" spans="3:4" x14ac:dyDescent="0.25">
      <c r="C5862"/>
      <c r="D5862"/>
    </row>
    <row r="5863" spans="3:4" x14ac:dyDescent="0.25">
      <c r="C5863"/>
      <c r="D5863"/>
    </row>
    <row r="5864" spans="3:4" x14ac:dyDescent="0.25">
      <c r="C5864"/>
      <c r="D5864"/>
    </row>
    <row r="5865" spans="3:4" x14ac:dyDescent="0.25">
      <c r="C5865"/>
      <c r="D5865"/>
    </row>
    <row r="5866" spans="3:4" x14ac:dyDescent="0.25">
      <c r="C5866"/>
      <c r="D5866"/>
    </row>
    <row r="5867" spans="3:4" x14ac:dyDescent="0.25">
      <c r="C5867"/>
      <c r="D5867"/>
    </row>
    <row r="5868" spans="3:4" x14ac:dyDescent="0.25">
      <c r="C5868"/>
      <c r="D5868"/>
    </row>
    <row r="5869" spans="3:4" x14ac:dyDescent="0.25">
      <c r="C5869"/>
      <c r="D5869"/>
    </row>
    <row r="5870" spans="3:4" x14ac:dyDescent="0.25">
      <c r="C5870"/>
      <c r="D5870"/>
    </row>
    <row r="5871" spans="3:4" x14ac:dyDescent="0.25">
      <c r="C5871"/>
      <c r="D5871"/>
    </row>
    <row r="5872" spans="3:4" x14ac:dyDescent="0.25">
      <c r="C5872"/>
      <c r="D5872"/>
    </row>
    <row r="5873" spans="3:4" x14ac:dyDescent="0.25">
      <c r="C5873"/>
      <c r="D5873"/>
    </row>
    <row r="5874" spans="3:4" x14ac:dyDescent="0.25">
      <c r="C5874"/>
      <c r="D5874"/>
    </row>
    <row r="5875" spans="3:4" x14ac:dyDescent="0.25">
      <c r="C5875"/>
      <c r="D5875"/>
    </row>
    <row r="5876" spans="3:4" x14ac:dyDescent="0.25">
      <c r="C5876"/>
      <c r="D5876"/>
    </row>
    <row r="5877" spans="3:4" x14ac:dyDescent="0.25">
      <c r="C5877"/>
      <c r="D5877"/>
    </row>
    <row r="5878" spans="3:4" x14ac:dyDescent="0.25">
      <c r="C5878"/>
      <c r="D5878"/>
    </row>
    <row r="5879" spans="3:4" x14ac:dyDescent="0.25">
      <c r="C5879"/>
      <c r="D5879"/>
    </row>
    <row r="5880" spans="3:4" x14ac:dyDescent="0.25">
      <c r="C5880"/>
      <c r="D5880"/>
    </row>
    <row r="5881" spans="3:4" x14ac:dyDescent="0.25">
      <c r="C5881"/>
      <c r="D5881"/>
    </row>
    <row r="5882" spans="3:4" x14ac:dyDescent="0.25">
      <c r="C5882"/>
      <c r="D5882"/>
    </row>
    <row r="5883" spans="3:4" x14ac:dyDescent="0.25">
      <c r="C5883"/>
      <c r="D5883"/>
    </row>
    <row r="5884" spans="3:4" x14ac:dyDescent="0.25">
      <c r="C5884"/>
      <c r="D5884"/>
    </row>
    <row r="5885" spans="3:4" x14ac:dyDescent="0.25">
      <c r="C5885"/>
      <c r="D5885"/>
    </row>
    <row r="5886" spans="3:4" x14ac:dyDescent="0.25">
      <c r="C5886"/>
      <c r="D5886"/>
    </row>
    <row r="5887" spans="3:4" x14ac:dyDescent="0.25">
      <c r="C5887"/>
      <c r="D5887"/>
    </row>
    <row r="5888" spans="3:4" x14ac:dyDescent="0.25">
      <c r="C5888"/>
      <c r="D5888"/>
    </row>
    <row r="5889" spans="3:4" x14ac:dyDescent="0.25">
      <c r="C5889"/>
      <c r="D5889"/>
    </row>
    <row r="5890" spans="3:4" x14ac:dyDescent="0.25">
      <c r="C5890"/>
      <c r="D5890"/>
    </row>
    <row r="5891" spans="3:4" x14ac:dyDescent="0.25">
      <c r="C5891"/>
      <c r="D5891"/>
    </row>
    <row r="5892" spans="3:4" x14ac:dyDescent="0.25">
      <c r="C5892"/>
      <c r="D5892"/>
    </row>
    <row r="5893" spans="3:4" x14ac:dyDescent="0.25">
      <c r="C5893"/>
      <c r="D5893"/>
    </row>
    <row r="5894" spans="3:4" x14ac:dyDescent="0.25">
      <c r="C5894"/>
      <c r="D5894"/>
    </row>
    <row r="5895" spans="3:4" x14ac:dyDescent="0.25">
      <c r="C5895"/>
      <c r="D5895"/>
    </row>
    <row r="5896" spans="3:4" x14ac:dyDescent="0.25">
      <c r="C5896"/>
      <c r="D5896"/>
    </row>
    <row r="5897" spans="3:4" x14ac:dyDescent="0.25">
      <c r="C5897"/>
      <c r="D5897"/>
    </row>
    <row r="5898" spans="3:4" x14ac:dyDescent="0.25">
      <c r="C5898"/>
      <c r="D5898"/>
    </row>
    <row r="5899" spans="3:4" x14ac:dyDescent="0.25">
      <c r="C5899"/>
      <c r="D5899"/>
    </row>
    <row r="5900" spans="3:4" x14ac:dyDescent="0.25">
      <c r="C5900"/>
      <c r="D5900"/>
    </row>
    <row r="5901" spans="3:4" x14ac:dyDescent="0.25">
      <c r="C5901"/>
      <c r="D5901"/>
    </row>
    <row r="5902" spans="3:4" x14ac:dyDescent="0.25">
      <c r="C5902"/>
      <c r="D5902"/>
    </row>
    <row r="5903" spans="3:4" x14ac:dyDescent="0.25">
      <c r="C5903"/>
      <c r="D5903"/>
    </row>
    <row r="5904" spans="3:4" x14ac:dyDescent="0.25">
      <c r="C5904"/>
      <c r="D5904"/>
    </row>
    <row r="5905" spans="3:4" x14ac:dyDescent="0.25">
      <c r="C5905"/>
      <c r="D5905"/>
    </row>
    <row r="5906" spans="3:4" x14ac:dyDescent="0.25">
      <c r="C5906"/>
      <c r="D5906"/>
    </row>
    <row r="5907" spans="3:4" x14ac:dyDescent="0.25">
      <c r="C5907"/>
      <c r="D5907"/>
    </row>
    <row r="5908" spans="3:4" x14ac:dyDescent="0.25">
      <c r="C5908"/>
      <c r="D5908"/>
    </row>
    <row r="5909" spans="3:4" x14ac:dyDescent="0.25">
      <c r="C5909"/>
      <c r="D5909"/>
    </row>
    <row r="5910" spans="3:4" x14ac:dyDescent="0.25">
      <c r="C5910"/>
      <c r="D5910"/>
    </row>
    <row r="5911" spans="3:4" x14ac:dyDescent="0.25">
      <c r="C5911"/>
      <c r="D5911"/>
    </row>
    <row r="5912" spans="3:4" x14ac:dyDescent="0.25">
      <c r="C5912"/>
      <c r="D5912"/>
    </row>
    <row r="5913" spans="3:4" x14ac:dyDescent="0.25">
      <c r="C5913"/>
      <c r="D5913"/>
    </row>
    <row r="5914" spans="3:4" x14ac:dyDescent="0.25">
      <c r="C5914"/>
      <c r="D5914"/>
    </row>
    <row r="5915" spans="3:4" x14ac:dyDescent="0.25">
      <c r="C5915"/>
      <c r="D5915"/>
    </row>
    <row r="5916" spans="3:4" x14ac:dyDescent="0.25">
      <c r="C5916"/>
      <c r="D5916"/>
    </row>
    <row r="5917" spans="3:4" x14ac:dyDescent="0.25">
      <c r="C5917"/>
      <c r="D5917"/>
    </row>
    <row r="5918" spans="3:4" x14ac:dyDescent="0.25">
      <c r="C5918"/>
      <c r="D5918"/>
    </row>
    <row r="5919" spans="3:4" x14ac:dyDescent="0.25">
      <c r="C5919"/>
      <c r="D5919"/>
    </row>
    <row r="5920" spans="3:4" x14ac:dyDescent="0.25">
      <c r="C5920"/>
      <c r="D5920"/>
    </row>
    <row r="5921" spans="3:4" x14ac:dyDescent="0.25">
      <c r="C5921"/>
      <c r="D5921"/>
    </row>
    <row r="5922" spans="3:4" x14ac:dyDescent="0.25">
      <c r="C5922"/>
      <c r="D5922"/>
    </row>
    <row r="5923" spans="3:4" x14ac:dyDescent="0.25">
      <c r="C5923"/>
      <c r="D5923"/>
    </row>
    <row r="5924" spans="3:4" x14ac:dyDescent="0.25">
      <c r="C5924"/>
      <c r="D5924"/>
    </row>
    <row r="5925" spans="3:4" x14ac:dyDescent="0.25">
      <c r="C5925"/>
      <c r="D5925"/>
    </row>
    <row r="5926" spans="3:4" x14ac:dyDescent="0.25">
      <c r="C5926"/>
      <c r="D5926"/>
    </row>
    <row r="5927" spans="3:4" x14ac:dyDescent="0.25">
      <c r="C5927"/>
      <c r="D5927"/>
    </row>
    <row r="5928" spans="3:4" x14ac:dyDescent="0.25">
      <c r="C5928"/>
      <c r="D5928"/>
    </row>
    <row r="5929" spans="3:4" x14ac:dyDescent="0.25">
      <c r="C5929"/>
      <c r="D5929"/>
    </row>
    <row r="5930" spans="3:4" x14ac:dyDescent="0.25">
      <c r="C5930"/>
      <c r="D5930"/>
    </row>
    <row r="5931" spans="3:4" x14ac:dyDescent="0.25">
      <c r="C5931"/>
      <c r="D5931"/>
    </row>
    <row r="5932" spans="3:4" x14ac:dyDescent="0.25">
      <c r="C5932"/>
      <c r="D5932"/>
    </row>
    <row r="5933" spans="3:4" x14ac:dyDescent="0.25">
      <c r="C5933"/>
      <c r="D5933"/>
    </row>
    <row r="5934" spans="3:4" x14ac:dyDescent="0.25">
      <c r="C5934"/>
      <c r="D5934"/>
    </row>
    <row r="5935" spans="3:4" x14ac:dyDescent="0.25">
      <c r="C5935"/>
      <c r="D5935"/>
    </row>
    <row r="5936" spans="3:4" x14ac:dyDescent="0.25">
      <c r="C5936"/>
      <c r="D5936"/>
    </row>
    <row r="5937" spans="3:4" x14ac:dyDescent="0.25">
      <c r="C5937"/>
      <c r="D5937"/>
    </row>
    <row r="5938" spans="3:4" x14ac:dyDescent="0.25">
      <c r="C5938"/>
      <c r="D5938"/>
    </row>
    <row r="5939" spans="3:4" x14ac:dyDescent="0.25">
      <c r="C5939"/>
      <c r="D5939"/>
    </row>
    <row r="5940" spans="3:4" x14ac:dyDescent="0.25">
      <c r="C5940"/>
      <c r="D5940"/>
    </row>
    <row r="5941" spans="3:4" x14ac:dyDescent="0.25">
      <c r="C5941"/>
      <c r="D5941"/>
    </row>
    <row r="5942" spans="3:4" x14ac:dyDescent="0.25">
      <c r="C5942"/>
      <c r="D5942"/>
    </row>
    <row r="5943" spans="3:4" x14ac:dyDescent="0.25">
      <c r="C5943"/>
      <c r="D5943"/>
    </row>
    <row r="5944" spans="3:4" x14ac:dyDescent="0.25">
      <c r="C5944"/>
      <c r="D5944"/>
    </row>
    <row r="5945" spans="3:4" x14ac:dyDescent="0.25">
      <c r="C5945"/>
      <c r="D5945"/>
    </row>
    <row r="5946" spans="3:4" x14ac:dyDescent="0.25">
      <c r="C5946"/>
      <c r="D5946"/>
    </row>
    <row r="5947" spans="3:4" x14ac:dyDescent="0.25">
      <c r="C5947"/>
      <c r="D5947"/>
    </row>
    <row r="5948" spans="3:4" x14ac:dyDescent="0.25">
      <c r="C5948"/>
      <c r="D5948"/>
    </row>
    <row r="5949" spans="3:4" x14ac:dyDescent="0.25">
      <c r="C5949"/>
      <c r="D5949"/>
    </row>
    <row r="5950" spans="3:4" x14ac:dyDescent="0.25">
      <c r="C5950"/>
      <c r="D5950"/>
    </row>
    <row r="5951" spans="3:4" x14ac:dyDescent="0.25">
      <c r="C5951"/>
      <c r="D5951"/>
    </row>
    <row r="5952" spans="3:4" x14ac:dyDescent="0.25">
      <c r="C5952"/>
      <c r="D5952"/>
    </row>
    <row r="5953" spans="3:4" x14ac:dyDescent="0.25">
      <c r="C5953"/>
      <c r="D5953"/>
    </row>
    <row r="5954" spans="3:4" x14ac:dyDescent="0.25">
      <c r="C5954"/>
      <c r="D5954"/>
    </row>
    <row r="5955" spans="3:4" x14ac:dyDescent="0.25">
      <c r="C5955"/>
      <c r="D5955"/>
    </row>
    <row r="5956" spans="3:4" x14ac:dyDescent="0.25">
      <c r="C5956"/>
      <c r="D5956"/>
    </row>
    <row r="5957" spans="3:4" x14ac:dyDescent="0.25">
      <c r="C5957"/>
      <c r="D5957"/>
    </row>
    <row r="5958" spans="3:4" x14ac:dyDescent="0.25">
      <c r="C5958"/>
      <c r="D5958"/>
    </row>
    <row r="5959" spans="3:4" x14ac:dyDescent="0.25">
      <c r="C5959"/>
      <c r="D5959"/>
    </row>
    <row r="5960" spans="3:4" x14ac:dyDescent="0.25">
      <c r="C5960"/>
      <c r="D5960"/>
    </row>
    <row r="5961" spans="3:4" x14ac:dyDescent="0.25">
      <c r="C5961"/>
      <c r="D5961"/>
    </row>
    <row r="5962" spans="3:4" x14ac:dyDescent="0.25">
      <c r="C5962"/>
      <c r="D5962"/>
    </row>
    <row r="5963" spans="3:4" x14ac:dyDescent="0.25">
      <c r="C5963"/>
      <c r="D5963"/>
    </row>
    <row r="5964" spans="3:4" x14ac:dyDescent="0.25">
      <c r="C5964"/>
      <c r="D5964"/>
    </row>
    <row r="5965" spans="3:4" x14ac:dyDescent="0.25">
      <c r="C5965"/>
      <c r="D5965"/>
    </row>
    <row r="5966" spans="3:4" x14ac:dyDescent="0.25">
      <c r="C5966"/>
      <c r="D5966"/>
    </row>
    <row r="5967" spans="3:4" x14ac:dyDescent="0.25">
      <c r="C5967"/>
      <c r="D5967"/>
    </row>
    <row r="5968" spans="3:4" x14ac:dyDescent="0.25">
      <c r="C5968"/>
      <c r="D5968"/>
    </row>
    <row r="5969" spans="3:4" x14ac:dyDescent="0.25">
      <c r="C5969"/>
      <c r="D5969"/>
    </row>
    <row r="5970" spans="3:4" x14ac:dyDescent="0.25">
      <c r="C5970"/>
      <c r="D5970"/>
    </row>
    <row r="5971" spans="3:4" x14ac:dyDescent="0.25">
      <c r="C5971"/>
      <c r="D5971"/>
    </row>
    <row r="5972" spans="3:4" x14ac:dyDescent="0.25">
      <c r="C5972"/>
      <c r="D5972"/>
    </row>
    <row r="5973" spans="3:4" x14ac:dyDescent="0.25">
      <c r="C5973"/>
      <c r="D5973"/>
    </row>
    <row r="5974" spans="3:4" x14ac:dyDescent="0.25">
      <c r="C5974"/>
      <c r="D5974"/>
    </row>
    <row r="5975" spans="3:4" x14ac:dyDescent="0.25">
      <c r="C5975"/>
      <c r="D5975"/>
    </row>
    <row r="5976" spans="3:4" x14ac:dyDescent="0.25">
      <c r="C5976"/>
      <c r="D5976"/>
    </row>
    <row r="5977" spans="3:4" x14ac:dyDescent="0.25">
      <c r="C5977"/>
      <c r="D5977"/>
    </row>
    <row r="5978" spans="3:4" x14ac:dyDescent="0.25">
      <c r="C5978"/>
      <c r="D5978"/>
    </row>
    <row r="5979" spans="3:4" x14ac:dyDescent="0.25">
      <c r="C5979"/>
      <c r="D5979"/>
    </row>
    <row r="5980" spans="3:4" x14ac:dyDescent="0.25">
      <c r="C5980"/>
      <c r="D5980"/>
    </row>
    <row r="5981" spans="3:4" x14ac:dyDescent="0.25">
      <c r="C5981"/>
      <c r="D5981"/>
    </row>
    <row r="5982" spans="3:4" x14ac:dyDescent="0.25">
      <c r="C5982"/>
      <c r="D5982"/>
    </row>
    <row r="5983" spans="3:4" x14ac:dyDescent="0.25">
      <c r="C5983"/>
      <c r="D5983"/>
    </row>
    <row r="5984" spans="3:4" x14ac:dyDescent="0.25">
      <c r="C5984"/>
      <c r="D5984"/>
    </row>
    <row r="5985" spans="3:4" x14ac:dyDescent="0.25">
      <c r="C5985"/>
      <c r="D5985"/>
    </row>
    <row r="5986" spans="3:4" x14ac:dyDescent="0.25">
      <c r="C5986"/>
      <c r="D5986"/>
    </row>
    <row r="5987" spans="3:4" x14ac:dyDescent="0.25">
      <c r="C5987"/>
      <c r="D5987"/>
    </row>
    <row r="5988" spans="3:4" x14ac:dyDescent="0.25">
      <c r="C5988"/>
      <c r="D5988"/>
    </row>
    <row r="5989" spans="3:4" x14ac:dyDescent="0.25">
      <c r="C5989"/>
      <c r="D5989"/>
    </row>
    <row r="5990" spans="3:4" x14ac:dyDescent="0.25">
      <c r="C5990"/>
      <c r="D5990"/>
    </row>
    <row r="5991" spans="3:4" x14ac:dyDescent="0.25">
      <c r="C5991"/>
      <c r="D5991"/>
    </row>
    <row r="5992" spans="3:4" x14ac:dyDescent="0.25">
      <c r="C5992"/>
      <c r="D5992"/>
    </row>
    <row r="5993" spans="3:4" x14ac:dyDescent="0.25">
      <c r="C5993"/>
      <c r="D5993"/>
    </row>
    <row r="5994" spans="3:4" x14ac:dyDescent="0.25">
      <c r="C5994"/>
      <c r="D5994"/>
    </row>
    <row r="5995" spans="3:4" x14ac:dyDescent="0.25">
      <c r="C5995"/>
      <c r="D5995"/>
    </row>
    <row r="5996" spans="3:4" x14ac:dyDescent="0.25">
      <c r="C5996"/>
      <c r="D5996"/>
    </row>
    <row r="5997" spans="3:4" x14ac:dyDescent="0.25">
      <c r="C5997"/>
      <c r="D5997"/>
    </row>
    <row r="5998" spans="3:4" x14ac:dyDescent="0.25">
      <c r="C5998"/>
      <c r="D5998"/>
    </row>
    <row r="5999" spans="3:4" x14ac:dyDescent="0.25">
      <c r="C5999"/>
      <c r="D5999"/>
    </row>
    <row r="6000" spans="3:4" x14ac:dyDescent="0.25">
      <c r="C6000"/>
      <c r="D6000"/>
    </row>
    <row r="6001" spans="3:4" x14ac:dyDescent="0.25">
      <c r="C6001"/>
      <c r="D6001"/>
    </row>
    <row r="6002" spans="3:4" x14ac:dyDescent="0.25">
      <c r="C6002"/>
      <c r="D6002"/>
    </row>
    <row r="6003" spans="3:4" x14ac:dyDescent="0.25">
      <c r="C6003"/>
      <c r="D6003"/>
    </row>
    <row r="6004" spans="3:4" x14ac:dyDescent="0.25">
      <c r="C6004"/>
      <c r="D6004"/>
    </row>
    <row r="6005" spans="3:4" x14ac:dyDescent="0.25">
      <c r="C6005"/>
      <c r="D6005"/>
    </row>
    <row r="6006" spans="3:4" x14ac:dyDescent="0.25">
      <c r="C6006"/>
      <c r="D6006"/>
    </row>
    <row r="6007" spans="3:4" x14ac:dyDescent="0.25">
      <c r="C6007"/>
      <c r="D6007"/>
    </row>
    <row r="6008" spans="3:4" x14ac:dyDescent="0.25">
      <c r="C6008"/>
      <c r="D6008"/>
    </row>
    <row r="6009" spans="3:4" x14ac:dyDescent="0.25">
      <c r="C6009"/>
      <c r="D6009"/>
    </row>
    <row r="6010" spans="3:4" x14ac:dyDescent="0.25">
      <c r="C6010"/>
      <c r="D6010"/>
    </row>
    <row r="6011" spans="3:4" x14ac:dyDescent="0.25">
      <c r="C6011"/>
      <c r="D6011"/>
    </row>
    <row r="6012" spans="3:4" x14ac:dyDescent="0.25">
      <c r="C6012"/>
      <c r="D6012"/>
    </row>
    <row r="6013" spans="3:4" x14ac:dyDescent="0.25">
      <c r="C6013"/>
      <c r="D6013"/>
    </row>
    <row r="6014" spans="3:4" x14ac:dyDescent="0.25">
      <c r="C6014"/>
      <c r="D6014"/>
    </row>
    <row r="6015" spans="3:4" x14ac:dyDescent="0.25">
      <c r="C6015"/>
      <c r="D6015"/>
    </row>
    <row r="6016" spans="3:4" x14ac:dyDescent="0.25">
      <c r="C6016"/>
      <c r="D6016"/>
    </row>
    <row r="6017" spans="3:4" x14ac:dyDescent="0.25">
      <c r="C6017"/>
      <c r="D6017"/>
    </row>
    <row r="6018" spans="3:4" x14ac:dyDescent="0.25">
      <c r="C6018"/>
      <c r="D6018"/>
    </row>
    <row r="6019" spans="3:4" x14ac:dyDescent="0.25">
      <c r="C6019"/>
      <c r="D6019"/>
    </row>
    <row r="6020" spans="3:4" x14ac:dyDescent="0.25">
      <c r="C6020"/>
      <c r="D6020"/>
    </row>
    <row r="6021" spans="3:4" x14ac:dyDescent="0.25">
      <c r="C6021"/>
      <c r="D6021"/>
    </row>
    <row r="6022" spans="3:4" x14ac:dyDescent="0.25">
      <c r="C6022"/>
      <c r="D6022"/>
    </row>
    <row r="6023" spans="3:4" x14ac:dyDescent="0.25">
      <c r="C6023"/>
      <c r="D6023"/>
    </row>
    <row r="6024" spans="3:4" x14ac:dyDescent="0.25">
      <c r="C6024"/>
      <c r="D6024"/>
    </row>
    <row r="6025" spans="3:4" x14ac:dyDescent="0.25">
      <c r="C6025"/>
      <c r="D6025"/>
    </row>
    <row r="6026" spans="3:4" x14ac:dyDescent="0.25">
      <c r="C6026"/>
      <c r="D6026"/>
    </row>
    <row r="6027" spans="3:4" x14ac:dyDescent="0.25">
      <c r="C6027"/>
      <c r="D6027"/>
    </row>
    <row r="6028" spans="3:4" x14ac:dyDescent="0.25">
      <c r="C6028"/>
      <c r="D6028"/>
    </row>
    <row r="6029" spans="3:4" x14ac:dyDescent="0.25">
      <c r="C6029"/>
      <c r="D6029"/>
    </row>
    <row r="6030" spans="3:4" x14ac:dyDescent="0.25">
      <c r="C6030"/>
      <c r="D6030"/>
    </row>
    <row r="6031" spans="3:4" x14ac:dyDescent="0.25">
      <c r="C6031"/>
      <c r="D6031"/>
    </row>
    <row r="6032" spans="3:4" x14ac:dyDescent="0.25">
      <c r="C6032"/>
      <c r="D6032"/>
    </row>
    <row r="6033" spans="3:4" x14ac:dyDescent="0.25">
      <c r="C6033"/>
      <c r="D6033"/>
    </row>
    <row r="6034" spans="3:4" x14ac:dyDescent="0.25">
      <c r="C6034"/>
      <c r="D6034"/>
    </row>
    <row r="6035" spans="3:4" x14ac:dyDescent="0.25">
      <c r="C6035"/>
      <c r="D6035"/>
    </row>
    <row r="6036" spans="3:4" x14ac:dyDescent="0.25">
      <c r="C6036"/>
      <c r="D6036"/>
    </row>
    <row r="6037" spans="3:4" x14ac:dyDescent="0.25">
      <c r="C6037"/>
      <c r="D6037"/>
    </row>
    <row r="6038" spans="3:4" x14ac:dyDescent="0.25">
      <c r="C6038"/>
      <c r="D6038"/>
    </row>
    <row r="6039" spans="3:4" x14ac:dyDescent="0.25">
      <c r="C6039"/>
      <c r="D6039"/>
    </row>
    <row r="6040" spans="3:4" x14ac:dyDescent="0.25">
      <c r="C6040"/>
      <c r="D6040"/>
    </row>
    <row r="6041" spans="3:4" x14ac:dyDescent="0.25">
      <c r="C6041"/>
      <c r="D6041"/>
    </row>
    <row r="6042" spans="3:4" x14ac:dyDescent="0.25">
      <c r="C6042"/>
      <c r="D6042"/>
    </row>
    <row r="6043" spans="3:4" x14ac:dyDescent="0.25">
      <c r="C6043"/>
      <c r="D6043"/>
    </row>
    <row r="6044" spans="3:4" x14ac:dyDescent="0.25">
      <c r="C6044"/>
      <c r="D6044"/>
    </row>
    <row r="6045" spans="3:4" x14ac:dyDescent="0.25">
      <c r="C6045"/>
      <c r="D6045"/>
    </row>
    <row r="6046" spans="3:4" x14ac:dyDescent="0.25">
      <c r="C6046"/>
      <c r="D6046"/>
    </row>
    <row r="6047" spans="3:4" x14ac:dyDescent="0.25">
      <c r="C6047"/>
      <c r="D6047"/>
    </row>
    <row r="6048" spans="3:4" x14ac:dyDescent="0.25">
      <c r="C6048"/>
      <c r="D6048"/>
    </row>
    <row r="6049" spans="3:4" x14ac:dyDescent="0.25">
      <c r="C6049"/>
      <c r="D6049"/>
    </row>
    <row r="6050" spans="3:4" x14ac:dyDescent="0.25">
      <c r="C6050"/>
      <c r="D6050"/>
    </row>
    <row r="6051" spans="3:4" x14ac:dyDescent="0.25">
      <c r="C6051"/>
      <c r="D6051"/>
    </row>
    <row r="6052" spans="3:4" x14ac:dyDescent="0.25">
      <c r="C6052"/>
      <c r="D6052"/>
    </row>
    <row r="6053" spans="3:4" x14ac:dyDescent="0.25">
      <c r="C6053"/>
      <c r="D6053"/>
    </row>
    <row r="6054" spans="3:4" x14ac:dyDescent="0.25">
      <c r="C6054"/>
      <c r="D6054"/>
    </row>
    <row r="6055" spans="3:4" x14ac:dyDescent="0.25">
      <c r="C6055"/>
      <c r="D6055"/>
    </row>
    <row r="6056" spans="3:4" x14ac:dyDescent="0.25">
      <c r="C6056"/>
      <c r="D6056"/>
    </row>
    <row r="6057" spans="3:4" x14ac:dyDescent="0.25">
      <c r="C6057"/>
      <c r="D6057"/>
    </row>
    <row r="6058" spans="3:4" x14ac:dyDescent="0.25">
      <c r="C6058"/>
      <c r="D6058"/>
    </row>
    <row r="6059" spans="3:4" x14ac:dyDescent="0.25">
      <c r="C6059"/>
      <c r="D6059"/>
    </row>
    <row r="6060" spans="3:4" x14ac:dyDescent="0.25">
      <c r="C6060"/>
      <c r="D6060"/>
    </row>
    <row r="6061" spans="3:4" x14ac:dyDescent="0.25">
      <c r="C6061"/>
      <c r="D6061"/>
    </row>
    <row r="6062" spans="3:4" x14ac:dyDescent="0.25">
      <c r="C6062"/>
      <c r="D6062"/>
    </row>
    <row r="6063" spans="3:4" x14ac:dyDescent="0.25">
      <c r="C6063"/>
      <c r="D6063"/>
    </row>
    <row r="6064" spans="3:4" x14ac:dyDescent="0.25">
      <c r="C6064"/>
      <c r="D6064"/>
    </row>
    <row r="6065" spans="3:4" x14ac:dyDescent="0.25">
      <c r="C6065"/>
      <c r="D6065"/>
    </row>
    <row r="6066" spans="3:4" x14ac:dyDescent="0.25">
      <c r="C6066"/>
      <c r="D6066"/>
    </row>
    <row r="6067" spans="3:4" x14ac:dyDescent="0.25">
      <c r="C6067"/>
      <c r="D6067"/>
    </row>
    <row r="6068" spans="3:4" x14ac:dyDescent="0.25">
      <c r="C6068"/>
      <c r="D6068"/>
    </row>
    <row r="6069" spans="3:4" x14ac:dyDescent="0.25">
      <c r="C6069"/>
      <c r="D6069"/>
    </row>
    <row r="6070" spans="3:4" x14ac:dyDescent="0.25">
      <c r="C6070"/>
      <c r="D6070"/>
    </row>
    <row r="6071" spans="3:4" x14ac:dyDescent="0.25">
      <c r="C6071"/>
      <c r="D6071"/>
    </row>
    <row r="6072" spans="3:4" x14ac:dyDescent="0.25">
      <c r="C6072"/>
      <c r="D6072"/>
    </row>
    <row r="6073" spans="3:4" x14ac:dyDescent="0.25">
      <c r="C6073"/>
      <c r="D6073"/>
    </row>
    <row r="6074" spans="3:4" x14ac:dyDescent="0.25">
      <c r="C6074"/>
      <c r="D6074"/>
    </row>
    <row r="6075" spans="3:4" x14ac:dyDescent="0.25">
      <c r="C6075"/>
      <c r="D6075"/>
    </row>
    <row r="6076" spans="3:4" x14ac:dyDescent="0.25">
      <c r="C6076"/>
      <c r="D6076"/>
    </row>
    <row r="6077" spans="3:4" x14ac:dyDescent="0.25">
      <c r="C6077"/>
      <c r="D6077"/>
    </row>
    <row r="6078" spans="3:4" x14ac:dyDescent="0.25">
      <c r="C6078"/>
      <c r="D6078"/>
    </row>
    <row r="6079" spans="3:4" x14ac:dyDescent="0.25">
      <c r="C6079"/>
      <c r="D6079"/>
    </row>
    <row r="6080" spans="3:4" x14ac:dyDescent="0.25">
      <c r="C6080"/>
      <c r="D6080"/>
    </row>
    <row r="6081" spans="3:4" x14ac:dyDescent="0.25">
      <c r="C6081"/>
      <c r="D6081"/>
    </row>
    <row r="6082" spans="3:4" x14ac:dyDescent="0.25">
      <c r="C6082"/>
      <c r="D6082"/>
    </row>
    <row r="6083" spans="3:4" x14ac:dyDescent="0.25">
      <c r="C6083"/>
      <c r="D6083"/>
    </row>
    <row r="6084" spans="3:4" x14ac:dyDescent="0.25">
      <c r="C6084"/>
      <c r="D6084"/>
    </row>
    <row r="6085" spans="3:4" x14ac:dyDescent="0.25">
      <c r="C6085"/>
      <c r="D6085"/>
    </row>
    <row r="6086" spans="3:4" x14ac:dyDescent="0.25">
      <c r="C6086"/>
      <c r="D6086"/>
    </row>
    <row r="6087" spans="3:4" x14ac:dyDescent="0.25">
      <c r="C6087"/>
      <c r="D6087"/>
    </row>
    <row r="6088" spans="3:4" x14ac:dyDescent="0.25">
      <c r="C6088"/>
      <c r="D6088"/>
    </row>
    <row r="6089" spans="3:4" x14ac:dyDescent="0.25">
      <c r="C6089"/>
      <c r="D6089"/>
    </row>
    <row r="6090" spans="3:4" x14ac:dyDescent="0.25">
      <c r="C6090"/>
      <c r="D6090"/>
    </row>
    <row r="6091" spans="3:4" x14ac:dyDescent="0.25">
      <c r="C6091"/>
      <c r="D6091"/>
    </row>
    <row r="6092" spans="3:4" x14ac:dyDescent="0.25">
      <c r="C6092"/>
      <c r="D6092"/>
    </row>
    <row r="6093" spans="3:4" x14ac:dyDescent="0.25">
      <c r="C6093"/>
      <c r="D6093"/>
    </row>
    <row r="6094" spans="3:4" x14ac:dyDescent="0.25">
      <c r="C6094"/>
      <c r="D6094"/>
    </row>
    <row r="6095" spans="3:4" x14ac:dyDescent="0.25">
      <c r="C6095"/>
      <c r="D6095"/>
    </row>
    <row r="6096" spans="3:4" x14ac:dyDescent="0.25">
      <c r="C6096"/>
      <c r="D6096"/>
    </row>
    <row r="6097" spans="3:4" x14ac:dyDescent="0.25">
      <c r="C6097"/>
      <c r="D6097"/>
    </row>
    <row r="6098" spans="3:4" x14ac:dyDescent="0.25">
      <c r="C6098"/>
      <c r="D6098"/>
    </row>
    <row r="6099" spans="3:4" x14ac:dyDescent="0.25">
      <c r="C6099"/>
      <c r="D6099"/>
    </row>
    <row r="6100" spans="3:4" x14ac:dyDescent="0.25">
      <c r="C6100"/>
      <c r="D6100"/>
    </row>
    <row r="6101" spans="3:4" x14ac:dyDescent="0.25">
      <c r="C6101"/>
      <c r="D6101"/>
    </row>
    <row r="6102" spans="3:4" x14ac:dyDescent="0.25">
      <c r="C6102"/>
      <c r="D6102"/>
    </row>
    <row r="6103" spans="3:4" x14ac:dyDescent="0.25">
      <c r="C6103"/>
      <c r="D6103"/>
    </row>
    <row r="6104" spans="3:4" x14ac:dyDescent="0.25">
      <c r="C6104"/>
      <c r="D6104"/>
    </row>
    <row r="6105" spans="3:4" x14ac:dyDescent="0.25">
      <c r="C6105"/>
      <c r="D6105"/>
    </row>
    <row r="6106" spans="3:4" x14ac:dyDescent="0.25">
      <c r="C6106"/>
      <c r="D6106"/>
    </row>
    <row r="6107" spans="3:4" x14ac:dyDescent="0.25">
      <c r="C6107"/>
      <c r="D6107"/>
    </row>
    <row r="6108" spans="3:4" x14ac:dyDescent="0.25">
      <c r="C6108"/>
      <c r="D6108"/>
    </row>
    <row r="6109" spans="3:4" x14ac:dyDescent="0.25">
      <c r="C6109"/>
      <c r="D6109"/>
    </row>
    <row r="6110" spans="3:4" x14ac:dyDescent="0.25">
      <c r="C6110"/>
      <c r="D6110"/>
    </row>
    <row r="6111" spans="3:4" x14ac:dyDescent="0.25">
      <c r="C6111"/>
      <c r="D6111"/>
    </row>
    <row r="6112" spans="3:4" x14ac:dyDescent="0.25">
      <c r="C6112"/>
      <c r="D6112"/>
    </row>
    <row r="6113" spans="3:4" x14ac:dyDescent="0.25">
      <c r="C6113"/>
      <c r="D6113"/>
    </row>
    <row r="6114" spans="3:4" x14ac:dyDescent="0.25">
      <c r="C6114"/>
      <c r="D6114"/>
    </row>
    <row r="6115" spans="3:4" x14ac:dyDescent="0.25">
      <c r="C6115"/>
      <c r="D6115"/>
    </row>
    <row r="6116" spans="3:4" x14ac:dyDescent="0.25">
      <c r="C6116"/>
      <c r="D6116"/>
    </row>
    <row r="6117" spans="3:4" x14ac:dyDescent="0.25">
      <c r="C6117"/>
      <c r="D6117"/>
    </row>
    <row r="6118" spans="3:4" x14ac:dyDescent="0.25">
      <c r="C6118"/>
      <c r="D6118"/>
    </row>
    <row r="6119" spans="3:4" x14ac:dyDescent="0.25">
      <c r="C6119"/>
      <c r="D6119"/>
    </row>
    <row r="6120" spans="3:4" x14ac:dyDescent="0.25">
      <c r="C6120"/>
      <c r="D6120"/>
    </row>
    <row r="6121" spans="3:4" x14ac:dyDescent="0.25">
      <c r="C6121"/>
      <c r="D6121"/>
    </row>
    <row r="6122" spans="3:4" x14ac:dyDescent="0.25">
      <c r="C6122"/>
      <c r="D6122"/>
    </row>
    <row r="6123" spans="3:4" x14ac:dyDescent="0.25">
      <c r="C6123"/>
      <c r="D6123"/>
    </row>
    <row r="6124" spans="3:4" x14ac:dyDescent="0.25">
      <c r="C6124"/>
      <c r="D6124"/>
    </row>
    <row r="6125" spans="3:4" x14ac:dyDescent="0.25">
      <c r="C6125"/>
      <c r="D6125"/>
    </row>
    <row r="6126" spans="3:4" x14ac:dyDescent="0.25">
      <c r="C6126"/>
      <c r="D6126"/>
    </row>
    <row r="6127" spans="3:4" x14ac:dyDescent="0.25">
      <c r="C6127"/>
      <c r="D6127"/>
    </row>
    <row r="6128" spans="3:4" x14ac:dyDescent="0.25">
      <c r="C6128"/>
      <c r="D6128"/>
    </row>
    <row r="6129" spans="3:4" x14ac:dyDescent="0.25">
      <c r="C6129"/>
      <c r="D6129"/>
    </row>
    <row r="6130" spans="3:4" x14ac:dyDescent="0.25">
      <c r="C6130"/>
      <c r="D6130"/>
    </row>
    <row r="6131" spans="3:4" x14ac:dyDescent="0.25">
      <c r="C6131"/>
      <c r="D6131"/>
    </row>
    <row r="6132" spans="3:4" x14ac:dyDescent="0.25">
      <c r="C6132"/>
      <c r="D6132"/>
    </row>
    <row r="6133" spans="3:4" x14ac:dyDescent="0.25">
      <c r="C6133"/>
      <c r="D6133"/>
    </row>
    <row r="6134" spans="3:4" x14ac:dyDescent="0.25">
      <c r="C6134"/>
      <c r="D6134"/>
    </row>
    <row r="6135" spans="3:4" x14ac:dyDescent="0.25">
      <c r="C6135"/>
      <c r="D6135"/>
    </row>
    <row r="6136" spans="3:4" x14ac:dyDescent="0.25">
      <c r="C6136"/>
      <c r="D6136"/>
    </row>
    <row r="6137" spans="3:4" x14ac:dyDescent="0.25">
      <c r="C6137"/>
      <c r="D6137"/>
    </row>
    <row r="6138" spans="3:4" x14ac:dyDescent="0.25">
      <c r="C6138"/>
      <c r="D6138"/>
    </row>
    <row r="6139" spans="3:4" x14ac:dyDescent="0.25">
      <c r="C6139"/>
      <c r="D6139"/>
    </row>
    <row r="6140" spans="3:4" x14ac:dyDescent="0.25">
      <c r="C6140"/>
      <c r="D6140"/>
    </row>
    <row r="6141" spans="3:4" x14ac:dyDescent="0.25">
      <c r="C6141"/>
      <c r="D6141"/>
    </row>
    <row r="6142" spans="3:4" x14ac:dyDescent="0.25">
      <c r="C6142"/>
      <c r="D6142"/>
    </row>
    <row r="6143" spans="3:4" x14ac:dyDescent="0.25">
      <c r="C6143"/>
      <c r="D6143"/>
    </row>
    <row r="6144" spans="3:4" x14ac:dyDescent="0.25">
      <c r="C6144"/>
      <c r="D6144"/>
    </row>
    <row r="6145" spans="3:4" x14ac:dyDescent="0.25">
      <c r="C6145"/>
      <c r="D6145"/>
    </row>
    <row r="6146" spans="3:4" x14ac:dyDescent="0.25">
      <c r="C6146"/>
      <c r="D6146"/>
    </row>
    <row r="6147" spans="3:4" x14ac:dyDescent="0.25">
      <c r="C6147"/>
      <c r="D6147"/>
    </row>
    <row r="6148" spans="3:4" x14ac:dyDescent="0.25">
      <c r="C6148"/>
      <c r="D6148"/>
    </row>
    <row r="6149" spans="3:4" x14ac:dyDescent="0.25">
      <c r="C6149"/>
      <c r="D6149"/>
    </row>
    <row r="6150" spans="3:4" x14ac:dyDescent="0.25">
      <c r="C6150"/>
      <c r="D6150"/>
    </row>
    <row r="6151" spans="3:4" x14ac:dyDescent="0.25">
      <c r="C6151"/>
      <c r="D6151"/>
    </row>
    <row r="6152" spans="3:4" x14ac:dyDescent="0.25">
      <c r="C6152"/>
      <c r="D6152"/>
    </row>
    <row r="6153" spans="3:4" x14ac:dyDescent="0.25">
      <c r="C6153"/>
      <c r="D6153"/>
    </row>
    <row r="6154" spans="3:4" x14ac:dyDescent="0.25">
      <c r="C6154"/>
      <c r="D6154"/>
    </row>
    <row r="6155" spans="3:4" x14ac:dyDescent="0.25">
      <c r="C6155"/>
      <c r="D6155"/>
    </row>
    <row r="6156" spans="3:4" x14ac:dyDescent="0.25">
      <c r="C6156"/>
      <c r="D6156"/>
    </row>
    <row r="6157" spans="3:4" x14ac:dyDescent="0.25">
      <c r="C6157"/>
      <c r="D6157"/>
    </row>
    <row r="6158" spans="3:4" x14ac:dyDescent="0.25">
      <c r="C6158"/>
      <c r="D6158"/>
    </row>
    <row r="6159" spans="3:4" x14ac:dyDescent="0.25">
      <c r="C6159"/>
      <c r="D6159"/>
    </row>
    <row r="6160" spans="3:4" x14ac:dyDescent="0.25">
      <c r="C6160"/>
      <c r="D6160"/>
    </row>
    <row r="6161" spans="3:4" x14ac:dyDescent="0.25">
      <c r="C6161"/>
      <c r="D6161"/>
    </row>
    <row r="6162" spans="3:4" x14ac:dyDescent="0.25">
      <c r="C6162"/>
      <c r="D6162"/>
    </row>
    <row r="6163" spans="3:4" x14ac:dyDescent="0.25">
      <c r="C6163"/>
      <c r="D6163"/>
    </row>
    <row r="6164" spans="3:4" x14ac:dyDescent="0.25">
      <c r="C6164"/>
      <c r="D6164"/>
    </row>
    <row r="6165" spans="3:4" x14ac:dyDescent="0.25">
      <c r="C6165"/>
      <c r="D6165"/>
    </row>
    <row r="6166" spans="3:4" x14ac:dyDescent="0.25">
      <c r="C6166"/>
      <c r="D6166"/>
    </row>
    <row r="6167" spans="3:4" x14ac:dyDescent="0.25">
      <c r="C6167"/>
      <c r="D6167"/>
    </row>
    <row r="6168" spans="3:4" x14ac:dyDescent="0.25">
      <c r="C6168"/>
      <c r="D6168"/>
    </row>
    <row r="6169" spans="3:4" x14ac:dyDescent="0.25">
      <c r="C6169"/>
      <c r="D6169"/>
    </row>
    <row r="6170" spans="3:4" x14ac:dyDescent="0.25">
      <c r="C6170"/>
      <c r="D6170"/>
    </row>
    <row r="6171" spans="3:4" x14ac:dyDescent="0.25">
      <c r="C6171"/>
      <c r="D6171"/>
    </row>
    <row r="6172" spans="3:4" x14ac:dyDescent="0.25">
      <c r="C6172"/>
      <c r="D6172"/>
    </row>
    <row r="6173" spans="3:4" x14ac:dyDescent="0.25">
      <c r="C6173"/>
      <c r="D6173"/>
    </row>
    <row r="6174" spans="3:4" x14ac:dyDescent="0.25">
      <c r="C6174"/>
      <c r="D6174"/>
    </row>
    <row r="6175" spans="3:4" x14ac:dyDescent="0.25">
      <c r="C6175"/>
      <c r="D6175"/>
    </row>
    <row r="6176" spans="3:4" x14ac:dyDescent="0.25">
      <c r="C6176"/>
      <c r="D6176"/>
    </row>
    <row r="6177" spans="3:4" x14ac:dyDescent="0.25">
      <c r="C6177"/>
      <c r="D6177"/>
    </row>
    <row r="6178" spans="3:4" x14ac:dyDescent="0.25">
      <c r="C6178"/>
      <c r="D6178"/>
    </row>
    <row r="6179" spans="3:4" x14ac:dyDescent="0.25">
      <c r="C6179"/>
      <c r="D6179"/>
    </row>
    <row r="6180" spans="3:4" x14ac:dyDescent="0.25">
      <c r="C6180"/>
      <c r="D6180"/>
    </row>
    <row r="6181" spans="3:4" x14ac:dyDescent="0.25">
      <c r="C6181"/>
      <c r="D6181"/>
    </row>
    <row r="6182" spans="3:4" x14ac:dyDescent="0.25">
      <c r="C6182"/>
      <c r="D6182"/>
    </row>
    <row r="6183" spans="3:4" x14ac:dyDescent="0.25">
      <c r="C6183"/>
      <c r="D6183"/>
    </row>
    <row r="6184" spans="3:4" x14ac:dyDescent="0.25">
      <c r="C6184"/>
      <c r="D6184"/>
    </row>
    <row r="6185" spans="3:4" x14ac:dyDescent="0.25">
      <c r="C6185"/>
      <c r="D6185"/>
    </row>
    <row r="6186" spans="3:4" x14ac:dyDescent="0.25">
      <c r="C6186"/>
      <c r="D6186"/>
    </row>
    <row r="6187" spans="3:4" x14ac:dyDescent="0.25">
      <c r="C6187"/>
      <c r="D6187"/>
    </row>
    <row r="6188" spans="3:4" x14ac:dyDescent="0.25">
      <c r="C6188"/>
      <c r="D6188"/>
    </row>
    <row r="6189" spans="3:4" x14ac:dyDescent="0.25">
      <c r="C6189"/>
      <c r="D6189"/>
    </row>
    <row r="6190" spans="3:4" x14ac:dyDescent="0.25">
      <c r="C6190"/>
      <c r="D6190"/>
    </row>
    <row r="6191" spans="3:4" x14ac:dyDescent="0.25">
      <c r="C6191"/>
      <c r="D6191"/>
    </row>
    <row r="6192" spans="3:4" x14ac:dyDescent="0.25">
      <c r="C6192"/>
      <c r="D6192"/>
    </row>
    <row r="6193" spans="3:4" x14ac:dyDescent="0.25">
      <c r="C6193"/>
      <c r="D6193"/>
    </row>
    <row r="6194" spans="3:4" x14ac:dyDescent="0.25">
      <c r="C6194"/>
      <c r="D6194"/>
    </row>
    <row r="6195" spans="3:4" x14ac:dyDescent="0.25">
      <c r="C6195"/>
      <c r="D6195"/>
    </row>
    <row r="6196" spans="3:4" x14ac:dyDescent="0.25">
      <c r="C6196"/>
      <c r="D6196"/>
    </row>
    <row r="6197" spans="3:4" x14ac:dyDescent="0.25">
      <c r="C6197"/>
      <c r="D6197"/>
    </row>
    <row r="6198" spans="3:4" x14ac:dyDescent="0.25">
      <c r="C6198"/>
      <c r="D6198"/>
    </row>
    <row r="6199" spans="3:4" x14ac:dyDescent="0.25">
      <c r="C6199"/>
      <c r="D6199"/>
    </row>
    <row r="6200" spans="3:4" x14ac:dyDescent="0.25">
      <c r="C6200"/>
      <c r="D6200"/>
    </row>
    <row r="6201" spans="3:4" x14ac:dyDescent="0.25">
      <c r="C6201"/>
      <c r="D6201"/>
    </row>
    <row r="6202" spans="3:4" x14ac:dyDescent="0.25">
      <c r="C6202"/>
      <c r="D6202"/>
    </row>
    <row r="6203" spans="3:4" x14ac:dyDescent="0.25">
      <c r="C6203"/>
      <c r="D6203"/>
    </row>
    <row r="6204" spans="3:4" x14ac:dyDescent="0.25">
      <c r="C6204"/>
      <c r="D6204"/>
    </row>
    <row r="6205" spans="3:4" x14ac:dyDescent="0.25">
      <c r="C6205"/>
      <c r="D6205"/>
    </row>
    <row r="6206" spans="3:4" x14ac:dyDescent="0.25">
      <c r="C6206"/>
      <c r="D6206"/>
    </row>
    <row r="6207" spans="3:4" x14ac:dyDescent="0.25">
      <c r="C6207"/>
      <c r="D6207"/>
    </row>
    <row r="6208" spans="3:4" x14ac:dyDescent="0.25">
      <c r="C6208"/>
      <c r="D6208"/>
    </row>
    <row r="6209" spans="3:4" x14ac:dyDescent="0.25">
      <c r="C6209"/>
      <c r="D6209"/>
    </row>
    <row r="6210" spans="3:4" x14ac:dyDescent="0.25">
      <c r="C6210"/>
      <c r="D6210"/>
    </row>
    <row r="6211" spans="3:4" x14ac:dyDescent="0.25">
      <c r="C6211"/>
      <c r="D6211"/>
    </row>
    <row r="6212" spans="3:4" x14ac:dyDescent="0.25">
      <c r="C6212"/>
      <c r="D6212"/>
    </row>
    <row r="6213" spans="3:4" x14ac:dyDescent="0.25">
      <c r="C6213"/>
      <c r="D6213"/>
    </row>
    <row r="6214" spans="3:4" x14ac:dyDescent="0.25">
      <c r="C6214"/>
      <c r="D6214"/>
    </row>
    <row r="6215" spans="3:4" x14ac:dyDescent="0.25">
      <c r="C6215"/>
      <c r="D6215"/>
    </row>
    <row r="6216" spans="3:4" x14ac:dyDescent="0.25">
      <c r="C6216"/>
      <c r="D6216"/>
    </row>
    <row r="6217" spans="3:4" x14ac:dyDescent="0.25">
      <c r="C6217"/>
      <c r="D6217"/>
    </row>
    <row r="6218" spans="3:4" x14ac:dyDescent="0.25">
      <c r="C6218"/>
      <c r="D6218"/>
    </row>
    <row r="6219" spans="3:4" x14ac:dyDescent="0.25">
      <c r="C6219"/>
      <c r="D6219"/>
    </row>
    <row r="6220" spans="3:4" x14ac:dyDescent="0.25">
      <c r="C6220"/>
      <c r="D6220"/>
    </row>
    <row r="6221" spans="3:4" x14ac:dyDescent="0.25">
      <c r="C6221"/>
      <c r="D6221"/>
    </row>
    <row r="6222" spans="3:4" x14ac:dyDescent="0.25">
      <c r="C6222"/>
      <c r="D6222"/>
    </row>
    <row r="6223" spans="3:4" x14ac:dyDescent="0.25">
      <c r="C6223"/>
      <c r="D6223"/>
    </row>
    <row r="6224" spans="3:4" x14ac:dyDescent="0.25">
      <c r="C6224"/>
      <c r="D6224"/>
    </row>
    <row r="6225" spans="3:4" x14ac:dyDescent="0.25">
      <c r="C6225"/>
      <c r="D6225"/>
    </row>
    <row r="6226" spans="3:4" x14ac:dyDescent="0.25">
      <c r="C6226"/>
      <c r="D6226"/>
    </row>
    <row r="6227" spans="3:4" x14ac:dyDescent="0.25">
      <c r="C6227"/>
      <c r="D6227"/>
    </row>
    <row r="6228" spans="3:4" x14ac:dyDescent="0.25">
      <c r="C6228"/>
      <c r="D6228"/>
    </row>
    <row r="6229" spans="3:4" x14ac:dyDescent="0.25">
      <c r="C6229"/>
      <c r="D6229"/>
    </row>
    <row r="6230" spans="3:4" x14ac:dyDescent="0.25">
      <c r="C6230"/>
      <c r="D6230"/>
    </row>
    <row r="6231" spans="3:4" x14ac:dyDescent="0.25">
      <c r="C6231"/>
      <c r="D6231"/>
    </row>
    <row r="6232" spans="3:4" x14ac:dyDescent="0.25">
      <c r="C6232"/>
      <c r="D6232"/>
    </row>
    <row r="6233" spans="3:4" x14ac:dyDescent="0.25">
      <c r="C6233"/>
      <c r="D6233"/>
    </row>
    <row r="6234" spans="3:4" x14ac:dyDescent="0.25">
      <c r="C6234"/>
      <c r="D6234"/>
    </row>
    <row r="6235" spans="3:4" x14ac:dyDescent="0.25">
      <c r="C6235"/>
      <c r="D6235"/>
    </row>
    <row r="6236" spans="3:4" x14ac:dyDescent="0.25">
      <c r="C6236"/>
      <c r="D6236"/>
    </row>
    <row r="6237" spans="3:4" x14ac:dyDescent="0.25">
      <c r="C6237"/>
      <c r="D6237"/>
    </row>
    <row r="6238" spans="3:4" x14ac:dyDescent="0.25">
      <c r="C6238"/>
      <c r="D6238"/>
    </row>
    <row r="6239" spans="3:4" x14ac:dyDescent="0.25">
      <c r="C6239"/>
      <c r="D6239"/>
    </row>
    <row r="6240" spans="3:4" x14ac:dyDescent="0.25">
      <c r="C6240"/>
      <c r="D6240"/>
    </row>
    <row r="6241" spans="3:4" x14ac:dyDescent="0.25">
      <c r="C6241"/>
      <c r="D6241"/>
    </row>
    <row r="6242" spans="3:4" x14ac:dyDescent="0.25">
      <c r="C6242"/>
      <c r="D6242"/>
    </row>
    <row r="6243" spans="3:4" x14ac:dyDescent="0.25">
      <c r="C6243"/>
      <c r="D6243"/>
    </row>
    <row r="6244" spans="3:4" x14ac:dyDescent="0.25">
      <c r="C6244"/>
      <c r="D6244"/>
    </row>
    <row r="6245" spans="3:4" x14ac:dyDescent="0.25">
      <c r="C6245"/>
      <c r="D6245"/>
    </row>
    <row r="6246" spans="3:4" x14ac:dyDescent="0.25">
      <c r="C6246"/>
      <c r="D6246"/>
    </row>
    <row r="6247" spans="3:4" x14ac:dyDescent="0.25">
      <c r="C6247"/>
      <c r="D6247"/>
    </row>
    <row r="6248" spans="3:4" x14ac:dyDescent="0.25">
      <c r="C6248"/>
      <c r="D6248"/>
    </row>
    <row r="6249" spans="3:4" x14ac:dyDescent="0.25">
      <c r="C6249"/>
      <c r="D6249"/>
    </row>
    <row r="6250" spans="3:4" x14ac:dyDescent="0.25">
      <c r="C6250"/>
      <c r="D6250"/>
    </row>
    <row r="6251" spans="3:4" x14ac:dyDescent="0.25">
      <c r="C6251"/>
      <c r="D6251"/>
    </row>
    <row r="6252" spans="3:4" x14ac:dyDescent="0.25">
      <c r="C6252"/>
      <c r="D6252"/>
    </row>
    <row r="6253" spans="3:4" x14ac:dyDescent="0.25">
      <c r="C6253"/>
      <c r="D6253"/>
    </row>
    <row r="6254" spans="3:4" x14ac:dyDescent="0.25">
      <c r="C6254"/>
      <c r="D6254"/>
    </row>
    <row r="6255" spans="3:4" x14ac:dyDescent="0.25">
      <c r="C6255"/>
      <c r="D6255"/>
    </row>
    <row r="6256" spans="3:4" x14ac:dyDescent="0.25">
      <c r="C6256"/>
      <c r="D6256"/>
    </row>
    <row r="6257" spans="3:4" x14ac:dyDescent="0.25">
      <c r="C6257"/>
      <c r="D6257"/>
    </row>
    <row r="6258" spans="3:4" x14ac:dyDescent="0.25">
      <c r="C6258"/>
      <c r="D6258"/>
    </row>
    <row r="6259" spans="3:4" x14ac:dyDescent="0.25">
      <c r="C6259"/>
      <c r="D6259"/>
    </row>
    <row r="6260" spans="3:4" x14ac:dyDescent="0.25">
      <c r="C6260"/>
      <c r="D6260"/>
    </row>
    <row r="6261" spans="3:4" x14ac:dyDescent="0.25">
      <c r="C6261"/>
      <c r="D6261"/>
    </row>
    <row r="6262" spans="3:4" x14ac:dyDescent="0.25">
      <c r="C6262"/>
      <c r="D6262"/>
    </row>
    <row r="6263" spans="3:4" x14ac:dyDescent="0.25">
      <c r="C6263"/>
      <c r="D6263"/>
    </row>
    <row r="6264" spans="3:4" x14ac:dyDescent="0.25">
      <c r="C6264"/>
      <c r="D6264"/>
    </row>
    <row r="6265" spans="3:4" x14ac:dyDescent="0.25">
      <c r="C6265"/>
      <c r="D6265"/>
    </row>
    <row r="6266" spans="3:4" x14ac:dyDescent="0.25">
      <c r="C6266"/>
      <c r="D6266"/>
    </row>
    <row r="6267" spans="3:4" x14ac:dyDescent="0.25">
      <c r="C6267"/>
      <c r="D6267"/>
    </row>
    <row r="6268" spans="3:4" x14ac:dyDescent="0.25">
      <c r="C6268"/>
      <c r="D6268"/>
    </row>
    <row r="6269" spans="3:4" x14ac:dyDescent="0.25">
      <c r="C6269"/>
      <c r="D6269"/>
    </row>
    <row r="6270" spans="3:4" x14ac:dyDescent="0.25">
      <c r="C6270"/>
      <c r="D6270"/>
    </row>
    <row r="6271" spans="3:4" x14ac:dyDescent="0.25">
      <c r="C6271"/>
      <c r="D6271"/>
    </row>
    <row r="6272" spans="3:4" x14ac:dyDescent="0.25">
      <c r="C6272"/>
      <c r="D6272"/>
    </row>
    <row r="6273" spans="3:4" x14ac:dyDescent="0.25">
      <c r="C6273"/>
      <c r="D6273"/>
    </row>
    <row r="6274" spans="3:4" x14ac:dyDescent="0.25">
      <c r="C6274"/>
      <c r="D6274"/>
    </row>
    <row r="6275" spans="3:4" x14ac:dyDescent="0.25">
      <c r="C6275"/>
      <c r="D6275"/>
    </row>
    <row r="6276" spans="3:4" x14ac:dyDescent="0.25">
      <c r="C6276"/>
      <c r="D6276"/>
    </row>
    <row r="6277" spans="3:4" x14ac:dyDescent="0.25">
      <c r="C6277"/>
      <c r="D6277"/>
    </row>
    <row r="6278" spans="3:4" x14ac:dyDescent="0.25">
      <c r="C6278"/>
      <c r="D6278"/>
    </row>
    <row r="6279" spans="3:4" x14ac:dyDescent="0.25">
      <c r="C6279"/>
      <c r="D6279"/>
    </row>
    <row r="6280" spans="3:4" x14ac:dyDescent="0.25">
      <c r="C6280"/>
      <c r="D6280"/>
    </row>
    <row r="6281" spans="3:4" x14ac:dyDescent="0.25">
      <c r="C6281"/>
      <c r="D6281"/>
    </row>
    <row r="6282" spans="3:4" x14ac:dyDescent="0.25">
      <c r="C6282"/>
      <c r="D6282"/>
    </row>
    <row r="6283" spans="3:4" x14ac:dyDescent="0.25">
      <c r="C6283"/>
      <c r="D6283"/>
    </row>
    <row r="6284" spans="3:4" x14ac:dyDescent="0.25">
      <c r="C6284"/>
      <c r="D6284"/>
    </row>
    <row r="6285" spans="3:4" x14ac:dyDescent="0.25">
      <c r="C6285"/>
      <c r="D6285"/>
    </row>
    <row r="6286" spans="3:4" x14ac:dyDescent="0.25">
      <c r="C6286"/>
      <c r="D6286"/>
    </row>
    <row r="6287" spans="3:4" x14ac:dyDescent="0.25">
      <c r="C6287"/>
      <c r="D6287"/>
    </row>
    <row r="6288" spans="3:4" x14ac:dyDescent="0.25">
      <c r="C6288"/>
      <c r="D6288"/>
    </row>
    <row r="6289" spans="3:4" x14ac:dyDescent="0.25">
      <c r="C6289"/>
      <c r="D6289"/>
    </row>
    <row r="6290" spans="3:4" x14ac:dyDescent="0.25">
      <c r="C6290"/>
      <c r="D6290"/>
    </row>
    <row r="6291" spans="3:4" x14ac:dyDescent="0.25">
      <c r="C6291"/>
      <c r="D6291"/>
    </row>
    <row r="6292" spans="3:4" x14ac:dyDescent="0.25">
      <c r="C6292"/>
      <c r="D6292"/>
    </row>
    <row r="6293" spans="3:4" x14ac:dyDescent="0.25">
      <c r="C6293"/>
      <c r="D6293"/>
    </row>
    <row r="6294" spans="3:4" x14ac:dyDescent="0.25">
      <c r="C6294"/>
      <c r="D6294"/>
    </row>
    <row r="6295" spans="3:4" x14ac:dyDescent="0.25">
      <c r="C6295"/>
      <c r="D6295"/>
    </row>
    <row r="6296" spans="3:4" x14ac:dyDescent="0.25">
      <c r="C6296"/>
      <c r="D6296"/>
    </row>
    <row r="6297" spans="3:4" x14ac:dyDescent="0.25">
      <c r="C6297"/>
      <c r="D6297"/>
    </row>
    <row r="6298" spans="3:4" x14ac:dyDescent="0.25">
      <c r="C6298"/>
      <c r="D6298"/>
    </row>
    <row r="6299" spans="3:4" x14ac:dyDescent="0.25">
      <c r="C6299"/>
      <c r="D6299"/>
    </row>
    <row r="6300" spans="3:4" x14ac:dyDescent="0.25">
      <c r="C6300"/>
      <c r="D6300"/>
    </row>
    <row r="6301" spans="3:4" x14ac:dyDescent="0.25">
      <c r="C6301"/>
      <c r="D6301"/>
    </row>
    <row r="6302" spans="3:4" x14ac:dyDescent="0.25">
      <c r="C6302"/>
      <c r="D6302"/>
    </row>
    <row r="6303" spans="3:4" x14ac:dyDescent="0.25">
      <c r="C6303"/>
      <c r="D6303"/>
    </row>
    <row r="6304" spans="3:4" x14ac:dyDescent="0.25">
      <c r="C6304"/>
      <c r="D6304"/>
    </row>
    <row r="6305" spans="3:4" x14ac:dyDescent="0.25">
      <c r="C6305"/>
      <c r="D6305"/>
    </row>
    <row r="6306" spans="3:4" x14ac:dyDescent="0.25">
      <c r="C6306"/>
      <c r="D6306"/>
    </row>
    <row r="6307" spans="3:4" x14ac:dyDescent="0.25">
      <c r="C6307"/>
      <c r="D6307"/>
    </row>
    <row r="6308" spans="3:4" x14ac:dyDescent="0.25">
      <c r="C6308"/>
      <c r="D6308"/>
    </row>
    <row r="6309" spans="3:4" x14ac:dyDescent="0.25">
      <c r="C6309"/>
      <c r="D6309"/>
    </row>
    <row r="6310" spans="3:4" x14ac:dyDescent="0.25">
      <c r="C6310"/>
      <c r="D6310"/>
    </row>
    <row r="6311" spans="3:4" x14ac:dyDescent="0.25">
      <c r="C6311"/>
      <c r="D6311"/>
    </row>
    <row r="6312" spans="3:4" x14ac:dyDescent="0.25">
      <c r="C6312"/>
      <c r="D6312"/>
    </row>
    <row r="6313" spans="3:4" x14ac:dyDescent="0.25">
      <c r="C6313"/>
      <c r="D6313"/>
    </row>
    <row r="6314" spans="3:4" x14ac:dyDescent="0.25">
      <c r="C6314"/>
      <c r="D6314"/>
    </row>
    <row r="6315" spans="3:4" x14ac:dyDescent="0.25">
      <c r="C6315"/>
      <c r="D6315"/>
    </row>
    <row r="6316" spans="3:4" x14ac:dyDescent="0.25">
      <c r="C6316"/>
      <c r="D6316"/>
    </row>
    <row r="6317" spans="3:4" x14ac:dyDescent="0.25">
      <c r="C6317"/>
      <c r="D6317"/>
    </row>
    <row r="6318" spans="3:4" x14ac:dyDescent="0.25">
      <c r="C6318"/>
      <c r="D6318"/>
    </row>
    <row r="6319" spans="3:4" x14ac:dyDescent="0.25">
      <c r="C6319"/>
      <c r="D6319"/>
    </row>
    <row r="6320" spans="3:4" x14ac:dyDescent="0.25">
      <c r="C6320"/>
      <c r="D6320"/>
    </row>
    <row r="6321" spans="3:4" x14ac:dyDescent="0.25">
      <c r="C6321"/>
      <c r="D6321"/>
    </row>
    <row r="6322" spans="3:4" x14ac:dyDescent="0.25">
      <c r="C6322"/>
      <c r="D6322"/>
    </row>
    <row r="6323" spans="3:4" x14ac:dyDescent="0.25">
      <c r="C6323"/>
      <c r="D6323"/>
    </row>
    <row r="6324" spans="3:4" x14ac:dyDescent="0.25">
      <c r="C6324"/>
      <c r="D6324"/>
    </row>
    <row r="6325" spans="3:4" x14ac:dyDescent="0.25">
      <c r="C6325"/>
      <c r="D6325"/>
    </row>
    <row r="6326" spans="3:4" x14ac:dyDescent="0.25">
      <c r="C6326"/>
      <c r="D6326"/>
    </row>
    <row r="6327" spans="3:4" x14ac:dyDescent="0.25">
      <c r="C6327"/>
      <c r="D6327"/>
    </row>
    <row r="6328" spans="3:4" x14ac:dyDescent="0.25">
      <c r="C6328"/>
      <c r="D6328"/>
    </row>
    <row r="6329" spans="3:4" x14ac:dyDescent="0.25">
      <c r="C6329"/>
      <c r="D6329"/>
    </row>
    <row r="6330" spans="3:4" x14ac:dyDescent="0.25">
      <c r="C6330"/>
      <c r="D6330"/>
    </row>
    <row r="6331" spans="3:4" x14ac:dyDescent="0.25">
      <c r="C6331"/>
      <c r="D6331"/>
    </row>
    <row r="6332" spans="3:4" x14ac:dyDescent="0.25">
      <c r="C6332"/>
      <c r="D6332"/>
    </row>
    <row r="6333" spans="3:4" x14ac:dyDescent="0.25">
      <c r="C6333"/>
      <c r="D6333"/>
    </row>
    <row r="6334" spans="3:4" x14ac:dyDescent="0.25">
      <c r="C6334"/>
      <c r="D6334"/>
    </row>
    <row r="6335" spans="3:4" x14ac:dyDescent="0.25">
      <c r="C6335"/>
      <c r="D6335"/>
    </row>
    <row r="6336" spans="3:4" x14ac:dyDescent="0.25">
      <c r="C6336"/>
      <c r="D6336"/>
    </row>
    <row r="6337" spans="3:4" x14ac:dyDescent="0.25">
      <c r="C6337"/>
      <c r="D6337"/>
    </row>
    <row r="6338" spans="3:4" x14ac:dyDescent="0.25">
      <c r="C6338"/>
      <c r="D6338"/>
    </row>
    <row r="6339" spans="3:4" x14ac:dyDescent="0.25">
      <c r="C6339"/>
      <c r="D6339"/>
    </row>
    <row r="6340" spans="3:4" x14ac:dyDescent="0.25">
      <c r="C6340"/>
      <c r="D6340"/>
    </row>
    <row r="6341" spans="3:4" x14ac:dyDescent="0.25">
      <c r="C6341"/>
      <c r="D6341"/>
    </row>
    <row r="6342" spans="3:4" x14ac:dyDescent="0.25">
      <c r="C6342"/>
      <c r="D6342"/>
    </row>
    <row r="6343" spans="3:4" x14ac:dyDescent="0.25">
      <c r="C6343"/>
      <c r="D6343"/>
    </row>
    <row r="6344" spans="3:4" x14ac:dyDescent="0.25">
      <c r="C6344"/>
      <c r="D6344"/>
    </row>
    <row r="6345" spans="3:4" x14ac:dyDescent="0.25">
      <c r="C6345"/>
      <c r="D6345"/>
    </row>
    <row r="6346" spans="3:4" x14ac:dyDescent="0.25">
      <c r="C6346"/>
      <c r="D6346"/>
    </row>
    <row r="6347" spans="3:4" x14ac:dyDescent="0.25">
      <c r="C6347"/>
      <c r="D6347"/>
    </row>
    <row r="6348" spans="3:4" x14ac:dyDescent="0.25">
      <c r="C6348"/>
      <c r="D6348"/>
    </row>
    <row r="6349" spans="3:4" x14ac:dyDescent="0.25">
      <c r="C6349"/>
      <c r="D6349"/>
    </row>
    <row r="6350" spans="3:4" x14ac:dyDescent="0.25">
      <c r="C6350"/>
      <c r="D6350"/>
    </row>
    <row r="6351" spans="3:4" x14ac:dyDescent="0.25">
      <c r="C6351"/>
      <c r="D6351"/>
    </row>
    <row r="6352" spans="3:4" x14ac:dyDescent="0.25">
      <c r="C6352"/>
      <c r="D6352"/>
    </row>
    <row r="6353" spans="3:4" x14ac:dyDescent="0.25">
      <c r="C6353"/>
      <c r="D6353"/>
    </row>
    <row r="6354" spans="3:4" x14ac:dyDescent="0.25">
      <c r="C6354"/>
      <c r="D6354"/>
    </row>
    <row r="6355" spans="3:4" x14ac:dyDescent="0.25">
      <c r="C6355"/>
      <c r="D6355"/>
    </row>
    <row r="6356" spans="3:4" x14ac:dyDescent="0.25">
      <c r="C6356"/>
      <c r="D6356"/>
    </row>
    <row r="6357" spans="3:4" x14ac:dyDescent="0.25">
      <c r="C6357"/>
      <c r="D6357"/>
    </row>
    <row r="6358" spans="3:4" x14ac:dyDescent="0.25">
      <c r="C6358"/>
      <c r="D6358"/>
    </row>
    <row r="6359" spans="3:4" x14ac:dyDescent="0.25">
      <c r="C6359"/>
      <c r="D6359"/>
    </row>
    <row r="6360" spans="3:4" x14ac:dyDescent="0.25">
      <c r="C6360"/>
      <c r="D6360"/>
    </row>
    <row r="6361" spans="3:4" x14ac:dyDescent="0.25">
      <c r="C6361"/>
      <c r="D6361"/>
    </row>
    <row r="6362" spans="3:4" x14ac:dyDescent="0.25">
      <c r="C6362"/>
      <c r="D6362"/>
    </row>
    <row r="6363" spans="3:4" x14ac:dyDescent="0.25">
      <c r="C6363"/>
      <c r="D6363"/>
    </row>
    <row r="6364" spans="3:4" x14ac:dyDescent="0.25">
      <c r="C6364"/>
      <c r="D6364"/>
    </row>
    <row r="6365" spans="3:4" x14ac:dyDescent="0.25">
      <c r="C6365"/>
      <c r="D6365"/>
    </row>
    <row r="6366" spans="3:4" x14ac:dyDescent="0.25">
      <c r="C6366"/>
      <c r="D6366"/>
    </row>
    <row r="6367" spans="3:4" x14ac:dyDescent="0.25">
      <c r="C6367"/>
      <c r="D6367"/>
    </row>
    <row r="6368" spans="3:4" x14ac:dyDescent="0.25">
      <c r="C6368"/>
      <c r="D6368"/>
    </row>
    <row r="6369" spans="3:4" x14ac:dyDescent="0.25">
      <c r="C6369"/>
      <c r="D6369"/>
    </row>
    <row r="6370" spans="3:4" x14ac:dyDescent="0.25">
      <c r="C6370"/>
      <c r="D6370"/>
    </row>
    <row r="6371" spans="3:4" x14ac:dyDescent="0.25">
      <c r="C6371"/>
      <c r="D6371"/>
    </row>
    <row r="6372" spans="3:4" x14ac:dyDescent="0.25">
      <c r="C6372"/>
      <c r="D6372"/>
    </row>
    <row r="6373" spans="3:4" x14ac:dyDescent="0.25">
      <c r="C6373"/>
      <c r="D6373"/>
    </row>
    <row r="6374" spans="3:4" x14ac:dyDescent="0.25">
      <c r="C6374"/>
      <c r="D6374"/>
    </row>
    <row r="6375" spans="3:4" x14ac:dyDescent="0.25">
      <c r="C6375"/>
      <c r="D6375"/>
    </row>
    <row r="6376" spans="3:4" x14ac:dyDescent="0.25">
      <c r="C6376"/>
      <c r="D6376"/>
    </row>
    <row r="6377" spans="3:4" x14ac:dyDescent="0.25">
      <c r="C6377"/>
      <c r="D6377"/>
    </row>
    <row r="6378" spans="3:4" x14ac:dyDescent="0.25">
      <c r="C6378"/>
      <c r="D6378"/>
    </row>
    <row r="6379" spans="3:4" x14ac:dyDescent="0.25">
      <c r="C6379"/>
      <c r="D6379"/>
    </row>
    <row r="6380" spans="3:4" x14ac:dyDescent="0.25">
      <c r="C6380"/>
      <c r="D6380"/>
    </row>
    <row r="6381" spans="3:4" x14ac:dyDescent="0.25">
      <c r="C6381"/>
      <c r="D6381"/>
    </row>
    <row r="6382" spans="3:4" x14ac:dyDescent="0.25">
      <c r="C6382"/>
      <c r="D6382"/>
    </row>
    <row r="6383" spans="3:4" x14ac:dyDescent="0.25">
      <c r="C6383"/>
      <c r="D6383"/>
    </row>
    <row r="6384" spans="3:4" x14ac:dyDescent="0.25">
      <c r="C6384"/>
      <c r="D6384"/>
    </row>
    <row r="6385" spans="3:4" x14ac:dyDescent="0.25">
      <c r="C6385"/>
      <c r="D6385"/>
    </row>
    <row r="6386" spans="3:4" x14ac:dyDescent="0.25">
      <c r="C6386"/>
      <c r="D6386"/>
    </row>
    <row r="6387" spans="3:4" x14ac:dyDescent="0.25">
      <c r="C6387"/>
      <c r="D6387"/>
    </row>
    <row r="6388" spans="3:4" x14ac:dyDescent="0.25">
      <c r="C6388"/>
      <c r="D6388"/>
    </row>
    <row r="6389" spans="3:4" x14ac:dyDescent="0.25">
      <c r="C6389"/>
      <c r="D6389"/>
    </row>
    <row r="6390" spans="3:4" x14ac:dyDescent="0.25">
      <c r="C6390"/>
      <c r="D6390"/>
    </row>
    <row r="6391" spans="3:4" x14ac:dyDescent="0.25">
      <c r="C6391"/>
      <c r="D6391"/>
    </row>
    <row r="6392" spans="3:4" x14ac:dyDescent="0.25">
      <c r="C6392"/>
      <c r="D6392"/>
    </row>
    <row r="6393" spans="3:4" x14ac:dyDescent="0.25">
      <c r="C6393"/>
      <c r="D6393"/>
    </row>
    <row r="6394" spans="3:4" x14ac:dyDescent="0.25">
      <c r="C6394"/>
      <c r="D6394"/>
    </row>
    <row r="6395" spans="3:4" x14ac:dyDescent="0.25">
      <c r="C6395"/>
      <c r="D6395"/>
    </row>
    <row r="6396" spans="3:4" x14ac:dyDescent="0.25">
      <c r="C6396"/>
      <c r="D6396"/>
    </row>
    <row r="6397" spans="3:4" x14ac:dyDescent="0.25">
      <c r="C6397"/>
      <c r="D6397"/>
    </row>
    <row r="6398" spans="3:4" x14ac:dyDescent="0.25">
      <c r="C6398"/>
      <c r="D6398"/>
    </row>
    <row r="6399" spans="3:4" x14ac:dyDescent="0.25">
      <c r="C6399"/>
      <c r="D6399"/>
    </row>
    <row r="6400" spans="3:4" x14ac:dyDescent="0.25">
      <c r="C6400"/>
      <c r="D6400"/>
    </row>
    <row r="6401" spans="3:4" x14ac:dyDescent="0.25">
      <c r="C6401"/>
      <c r="D6401"/>
    </row>
    <row r="6402" spans="3:4" x14ac:dyDescent="0.25">
      <c r="C6402"/>
      <c r="D6402"/>
    </row>
    <row r="6403" spans="3:4" x14ac:dyDescent="0.25">
      <c r="C6403"/>
      <c r="D6403"/>
    </row>
    <row r="6404" spans="3:4" x14ac:dyDescent="0.25">
      <c r="C6404"/>
      <c r="D6404"/>
    </row>
    <row r="6405" spans="3:4" x14ac:dyDescent="0.25">
      <c r="C6405"/>
      <c r="D6405"/>
    </row>
    <row r="6406" spans="3:4" x14ac:dyDescent="0.25">
      <c r="C6406"/>
      <c r="D6406"/>
    </row>
    <row r="6407" spans="3:4" x14ac:dyDescent="0.25">
      <c r="C6407"/>
      <c r="D6407"/>
    </row>
    <row r="6408" spans="3:4" x14ac:dyDescent="0.25">
      <c r="C6408"/>
      <c r="D6408"/>
    </row>
    <row r="6409" spans="3:4" x14ac:dyDescent="0.25">
      <c r="C6409"/>
      <c r="D6409"/>
    </row>
    <row r="6410" spans="3:4" x14ac:dyDescent="0.25">
      <c r="C6410"/>
      <c r="D6410"/>
    </row>
    <row r="6411" spans="3:4" x14ac:dyDescent="0.25">
      <c r="C6411"/>
      <c r="D6411"/>
    </row>
    <row r="6412" spans="3:4" x14ac:dyDescent="0.25">
      <c r="C6412"/>
      <c r="D6412"/>
    </row>
    <row r="6413" spans="3:4" x14ac:dyDescent="0.25">
      <c r="C6413"/>
      <c r="D6413"/>
    </row>
    <row r="6414" spans="3:4" x14ac:dyDescent="0.25">
      <c r="C6414"/>
      <c r="D6414"/>
    </row>
    <row r="6415" spans="3:4" x14ac:dyDescent="0.25">
      <c r="C6415"/>
      <c r="D6415"/>
    </row>
    <row r="6416" spans="3:4" x14ac:dyDescent="0.25">
      <c r="C6416"/>
      <c r="D6416"/>
    </row>
    <row r="6417" spans="3:4" x14ac:dyDescent="0.25">
      <c r="C6417"/>
      <c r="D6417"/>
    </row>
    <row r="6418" spans="3:4" x14ac:dyDescent="0.25">
      <c r="C6418"/>
      <c r="D6418"/>
    </row>
    <row r="6419" spans="3:4" x14ac:dyDescent="0.25">
      <c r="C6419"/>
      <c r="D6419"/>
    </row>
    <row r="6420" spans="3:4" x14ac:dyDescent="0.25">
      <c r="C6420"/>
      <c r="D6420"/>
    </row>
    <row r="6421" spans="3:4" x14ac:dyDescent="0.25">
      <c r="C6421"/>
      <c r="D6421"/>
    </row>
    <row r="6422" spans="3:4" x14ac:dyDescent="0.25">
      <c r="C6422"/>
      <c r="D6422"/>
    </row>
    <row r="6423" spans="3:4" x14ac:dyDescent="0.25">
      <c r="C6423"/>
      <c r="D6423"/>
    </row>
    <row r="6424" spans="3:4" x14ac:dyDescent="0.25">
      <c r="C6424"/>
      <c r="D6424"/>
    </row>
    <row r="6425" spans="3:4" x14ac:dyDescent="0.25">
      <c r="C6425"/>
      <c r="D6425"/>
    </row>
    <row r="6426" spans="3:4" x14ac:dyDescent="0.25">
      <c r="C6426"/>
      <c r="D6426"/>
    </row>
    <row r="6427" spans="3:4" x14ac:dyDescent="0.25">
      <c r="C6427"/>
      <c r="D6427"/>
    </row>
    <row r="6428" spans="3:4" x14ac:dyDescent="0.25">
      <c r="C6428"/>
      <c r="D6428"/>
    </row>
    <row r="6429" spans="3:4" x14ac:dyDescent="0.25">
      <c r="C6429"/>
      <c r="D6429"/>
    </row>
    <row r="6430" spans="3:4" x14ac:dyDescent="0.25">
      <c r="C6430"/>
      <c r="D6430"/>
    </row>
    <row r="6431" spans="3:4" x14ac:dyDescent="0.25">
      <c r="C6431"/>
      <c r="D6431"/>
    </row>
    <row r="6432" spans="3:4" x14ac:dyDescent="0.25">
      <c r="C6432"/>
      <c r="D6432"/>
    </row>
    <row r="6433" spans="3:4" x14ac:dyDescent="0.25">
      <c r="C6433"/>
      <c r="D6433"/>
    </row>
    <row r="6434" spans="3:4" x14ac:dyDescent="0.25">
      <c r="C6434"/>
      <c r="D6434"/>
    </row>
    <row r="6435" spans="3:4" x14ac:dyDescent="0.25">
      <c r="C6435"/>
      <c r="D6435"/>
    </row>
    <row r="6436" spans="3:4" x14ac:dyDescent="0.25">
      <c r="C6436"/>
      <c r="D6436"/>
    </row>
    <row r="6437" spans="3:4" x14ac:dyDescent="0.25">
      <c r="C6437"/>
      <c r="D6437"/>
    </row>
    <row r="6438" spans="3:4" x14ac:dyDescent="0.25">
      <c r="C6438"/>
      <c r="D6438"/>
    </row>
    <row r="6439" spans="3:4" x14ac:dyDescent="0.25">
      <c r="C6439"/>
      <c r="D6439"/>
    </row>
    <row r="6440" spans="3:4" x14ac:dyDescent="0.25">
      <c r="C6440"/>
      <c r="D6440"/>
    </row>
    <row r="6441" spans="3:4" x14ac:dyDescent="0.25">
      <c r="C6441"/>
      <c r="D6441"/>
    </row>
    <row r="6442" spans="3:4" x14ac:dyDescent="0.25">
      <c r="C6442"/>
      <c r="D6442"/>
    </row>
    <row r="6443" spans="3:4" x14ac:dyDescent="0.25">
      <c r="C6443"/>
      <c r="D6443"/>
    </row>
    <row r="6444" spans="3:4" x14ac:dyDescent="0.25">
      <c r="C6444"/>
      <c r="D6444"/>
    </row>
    <row r="6445" spans="3:4" x14ac:dyDescent="0.25">
      <c r="C6445"/>
      <c r="D6445"/>
    </row>
    <row r="6446" spans="3:4" x14ac:dyDescent="0.25">
      <c r="C6446"/>
      <c r="D6446"/>
    </row>
    <row r="6447" spans="3:4" x14ac:dyDescent="0.25">
      <c r="C6447"/>
      <c r="D6447"/>
    </row>
    <row r="6448" spans="3:4" x14ac:dyDescent="0.25">
      <c r="C6448"/>
      <c r="D6448"/>
    </row>
    <row r="6449" spans="3:4" x14ac:dyDescent="0.25">
      <c r="C6449"/>
      <c r="D6449"/>
    </row>
    <row r="6450" spans="3:4" x14ac:dyDescent="0.25">
      <c r="C6450"/>
      <c r="D6450"/>
    </row>
    <row r="6451" spans="3:4" x14ac:dyDescent="0.25">
      <c r="C6451"/>
      <c r="D6451"/>
    </row>
    <row r="6452" spans="3:4" x14ac:dyDescent="0.25">
      <c r="C6452"/>
      <c r="D6452"/>
    </row>
    <row r="6453" spans="3:4" x14ac:dyDescent="0.25">
      <c r="C6453"/>
      <c r="D6453"/>
    </row>
    <row r="6454" spans="3:4" x14ac:dyDescent="0.25">
      <c r="C6454"/>
      <c r="D6454"/>
    </row>
    <row r="6455" spans="3:4" x14ac:dyDescent="0.25">
      <c r="C6455"/>
      <c r="D6455"/>
    </row>
    <row r="6456" spans="3:4" x14ac:dyDescent="0.25">
      <c r="C6456"/>
      <c r="D6456"/>
    </row>
    <row r="6457" spans="3:4" x14ac:dyDescent="0.25">
      <c r="C6457"/>
      <c r="D6457"/>
    </row>
    <row r="6458" spans="3:4" x14ac:dyDescent="0.25">
      <c r="C6458"/>
      <c r="D6458"/>
    </row>
    <row r="6459" spans="3:4" x14ac:dyDescent="0.25">
      <c r="C6459"/>
      <c r="D6459"/>
    </row>
    <row r="6460" spans="3:4" x14ac:dyDescent="0.25">
      <c r="C6460"/>
      <c r="D6460"/>
    </row>
    <row r="6461" spans="3:4" x14ac:dyDescent="0.25">
      <c r="C6461"/>
      <c r="D6461"/>
    </row>
    <row r="6462" spans="3:4" x14ac:dyDescent="0.25">
      <c r="C6462"/>
      <c r="D6462"/>
    </row>
    <row r="6463" spans="3:4" x14ac:dyDescent="0.25">
      <c r="C6463"/>
      <c r="D6463"/>
    </row>
    <row r="6464" spans="3:4" x14ac:dyDescent="0.25">
      <c r="C6464"/>
      <c r="D6464"/>
    </row>
    <row r="6465" spans="3:4" x14ac:dyDescent="0.25">
      <c r="C6465"/>
      <c r="D6465"/>
    </row>
    <row r="6466" spans="3:4" x14ac:dyDescent="0.25">
      <c r="C6466"/>
      <c r="D6466"/>
    </row>
    <row r="6467" spans="3:4" x14ac:dyDescent="0.25">
      <c r="C6467"/>
      <c r="D6467"/>
    </row>
    <row r="6468" spans="3:4" x14ac:dyDescent="0.25">
      <c r="C6468"/>
      <c r="D6468"/>
    </row>
    <row r="6469" spans="3:4" x14ac:dyDescent="0.25">
      <c r="C6469"/>
      <c r="D6469"/>
    </row>
    <row r="6470" spans="3:4" x14ac:dyDescent="0.25">
      <c r="C6470"/>
      <c r="D6470"/>
    </row>
    <row r="6471" spans="3:4" x14ac:dyDescent="0.25">
      <c r="C6471"/>
      <c r="D6471"/>
    </row>
    <row r="6472" spans="3:4" x14ac:dyDescent="0.25">
      <c r="C6472"/>
      <c r="D6472"/>
    </row>
    <row r="6473" spans="3:4" x14ac:dyDescent="0.25">
      <c r="C6473"/>
      <c r="D6473"/>
    </row>
    <row r="6474" spans="3:4" x14ac:dyDescent="0.25">
      <c r="C6474"/>
      <c r="D6474"/>
    </row>
    <row r="6475" spans="3:4" x14ac:dyDescent="0.25">
      <c r="C6475"/>
      <c r="D6475"/>
    </row>
    <row r="6476" spans="3:4" x14ac:dyDescent="0.25">
      <c r="C6476"/>
      <c r="D6476"/>
    </row>
    <row r="6477" spans="3:4" x14ac:dyDescent="0.25">
      <c r="C6477"/>
      <c r="D6477"/>
    </row>
    <row r="6478" spans="3:4" x14ac:dyDescent="0.25">
      <c r="C6478"/>
      <c r="D6478"/>
    </row>
    <row r="6479" spans="3:4" x14ac:dyDescent="0.25">
      <c r="C6479"/>
      <c r="D6479"/>
    </row>
    <row r="6480" spans="3:4" x14ac:dyDescent="0.25">
      <c r="C6480"/>
      <c r="D6480"/>
    </row>
    <row r="6481" spans="3:4" x14ac:dyDescent="0.25">
      <c r="C6481"/>
      <c r="D6481"/>
    </row>
    <row r="6482" spans="3:4" x14ac:dyDescent="0.25">
      <c r="C6482"/>
      <c r="D6482"/>
    </row>
    <row r="6483" spans="3:4" x14ac:dyDescent="0.25">
      <c r="C6483"/>
      <c r="D6483"/>
    </row>
    <row r="6484" spans="3:4" x14ac:dyDescent="0.25">
      <c r="C6484"/>
      <c r="D6484"/>
    </row>
    <row r="6485" spans="3:4" x14ac:dyDescent="0.25">
      <c r="C6485"/>
      <c r="D6485"/>
    </row>
    <row r="6486" spans="3:4" x14ac:dyDescent="0.25">
      <c r="C6486"/>
      <c r="D6486"/>
    </row>
    <row r="6487" spans="3:4" x14ac:dyDescent="0.25">
      <c r="C6487"/>
      <c r="D6487"/>
    </row>
    <row r="6488" spans="3:4" x14ac:dyDescent="0.25">
      <c r="C6488"/>
      <c r="D6488"/>
    </row>
    <row r="6489" spans="3:4" x14ac:dyDescent="0.25">
      <c r="C6489"/>
      <c r="D6489"/>
    </row>
    <row r="6490" spans="3:4" x14ac:dyDescent="0.25">
      <c r="C6490"/>
      <c r="D6490"/>
    </row>
    <row r="6491" spans="3:4" x14ac:dyDescent="0.25">
      <c r="C6491"/>
      <c r="D6491"/>
    </row>
    <row r="6492" spans="3:4" x14ac:dyDescent="0.25">
      <c r="C6492"/>
      <c r="D6492"/>
    </row>
    <row r="6493" spans="3:4" x14ac:dyDescent="0.25">
      <c r="C6493"/>
      <c r="D6493"/>
    </row>
    <row r="6494" spans="3:4" x14ac:dyDescent="0.25">
      <c r="C6494"/>
      <c r="D6494"/>
    </row>
    <row r="6495" spans="3:4" x14ac:dyDescent="0.25">
      <c r="C6495"/>
      <c r="D6495"/>
    </row>
    <row r="6496" spans="3:4" x14ac:dyDescent="0.25">
      <c r="C6496"/>
      <c r="D6496"/>
    </row>
    <row r="6497" spans="3:4" x14ac:dyDescent="0.25">
      <c r="C6497"/>
      <c r="D6497"/>
    </row>
    <row r="6498" spans="3:4" x14ac:dyDescent="0.25">
      <c r="C6498"/>
      <c r="D6498"/>
    </row>
    <row r="6499" spans="3:4" x14ac:dyDescent="0.25">
      <c r="C6499"/>
      <c r="D6499"/>
    </row>
    <row r="6500" spans="3:4" x14ac:dyDescent="0.25">
      <c r="C6500"/>
      <c r="D6500"/>
    </row>
    <row r="6501" spans="3:4" x14ac:dyDescent="0.25">
      <c r="C6501"/>
      <c r="D6501"/>
    </row>
    <row r="6502" spans="3:4" x14ac:dyDescent="0.25">
      <c r="C6502"/>
      <c r="D6502"/>
    </row>
    <row r="6503" spans="3:4" x14ac:dyDescent="0.25">
      <c r="C6503"/>
      <c r="D6503"/>
    </row>
    <row r="6504" spans="3:4" x14ac:dyDescent="0.25">
      <c r="C6504"/>
      <c r="D6504"/>
    </row>
    <row r="6505" spans="3:4" x14ac:dyDescent="0.25">
      <c r="C6505"/>
      <c r="D6505"/>
    </row>
    <row r="6506" spans="3:4" x14ac:dyDescent="0.25">
      <c r="C6506"/>
      <c r="D6506"/>
    </row>
    <row r="6507" spans="3:4" x14ac:dyDescent="0.25">
      <c r="C6507"/>
      <c r="D6507"/>
    </row>
    <row r="6508" spans="3:4" x14ac:dyDescent="0.25">
      <c r="C6508"/>
      <c r="D6508"/>
    </row>
    <row r="6509" spans="3:4" x14ac:dyDescent="0.25">
      <c r="C6509"/>
      <c r="D6509"/>
    </row>
    <row r="6510" spans="3:4" x14ac:dyDescent="0.25">
      <c r="C6510"/>
      <c r="D6510"/>
    </row>
    <row r="6511" spans="3:4" x14ac:dyDescent="0.25">
      <c r="C6511"/>
      <c r="D6511"/>
    </row>
    <row r="6512" spans="3:4" x14ac:dyDescent="0.25">
      <c r="C6512"/>
      <c r="D6512"/>
    </row>
    <row r="6513" spans="3:4" x14ac:dyDescent="0.25">
      <c r="C6513"/>
      <c r="D6513"/>
    </row>
    <row r="6514" spans="3:4" x14ac:dyDescent="0.25">
      <c r="C6514"/>
      <c r="D6514"/>
    </row>
    <row r="6515" spans="3:4" x14ac:dyDescent="0.25">
      <c r="C6515"/>
      <c r="D6515"/>
    </row>
    <row r="6516" spans="3:4" x14ac:dyDescent="0.25">
      <c r="C6516"/>
      <c r="D6516"/>
    </row>
    <row r="6517" spans="3:4" x14ac:dyDescent="0.25">
      <c r="C6517"/>
      <c r="D6517"/>
    </row>
    <row r="6518" spans="3:4" x14ac:dyDescent="0.25">
      <c r="C6518"/>
      <c r="D6518"/>
    </row>
    <row r="6519" spans="3:4" x14ac:dyDescent="0.25">
      <c r="C6519"/>
      <c r="D6519"/>
    </row>
    <row r="6520" spans="3:4" x14ac:dyDescent="0.25">
      <c r="C6520"/>
      <c r="D6520"/>
    </row>
    <row r="6521" spans="3:4" x14ac:dyDescent="0.25">
      <c r="C6521"/>
      <c r="D6521"/>
    </row>
    <row r="6522" spans="3:4" x14ac:dyDescent="0.25">
      <c r="C6522"/>
      <c r="D6522"/>
    </row>
    <row r="6523" spans="3:4" x14ac:dyDescent="0.25">
      <c r="C6523"/>
      <c r="D6523"/>
    </row>
    <row r="6524" spans="3:4" x14ac:dyDescent="0.25">
      <c r="C6524"/>
      <c r="D6524"/>
    </row>
    <row r="6525" spans="3:4" x14ac:dyDescent="0.25">
      <c r="C6525"/>
      <c r="D6525"/>
    </row>
    <row r="6526" spans="3:4" x14ac:dyDescent="0.25">
      <c r="C6526"/>
      <c r="D6526"/>
    </row>
    <row r="6527" spans="3:4" x14ac:dyDescent="0.25">
      <c r="C6527"/>
      <c r="D6527"/>
    </row>
    <row r="6528" spans="3:4" x14ac:dyDescent="0.25">
      <c r="C6528"/>
      <c r="D6528"/>
    </row>
    <row r="6529" spans="3:4" x14ac:dyDescent="0.25">
      <c r="C6529"/>
      <c r="D6529"/>
    </row>
    <row r="6530" spans="3:4" x14ac:dyDescent="0.25">
      <c r="C6530"/>
      <c r="D6530"/>
    </row>
    <row r="6531" spans="3:4" x14ac:dyDescent="0.25">
      <c r="C6531"/>
      <c r="D6531"/>
    </row>
    <row r="6532" spans="3:4" x14ac:dyDescent="0.25">
      <c r="C6532"/>
      <c r="D6532"/>
    </row>
    <row r="6533" spans="3:4" x14ac:dyDescent="0.25">
      <c r="C6533"/>
      <c r="D6533"/>
    </row>
    <row r="6534" spans="3:4" x14ac:dyDescent="0.25">
      <c r="C6534"/>
      <c r="D6534"/>
    </row>
    <row r="6535" spans="3:4" x14ac:dyDescent="0.25">
      <c r="C6535"/>
      <c r="D6535"/>
    </row>
    <row r="6536" spans="3:4" x14ac:dyDescent="0.25">
      <c r="C6536"/>
      <c r="D6536"/>
    </row>
    <row r="6537" spans="3:4" x14ac:dyDescent="0.25">
      <c r="C6537"/>
      <c r="D6537"/>
    </row>
    <row r="6538" spans="3:4" x14ac:dyDescent="0.25">
      <c r="C6538"/>
      <c r="D6538"/>
    </row>
    <row r="6539" spans="3:4" x14ac:dyDescent="0.25">
      <c r="C6539"/>
      <c r="D6539"/>
    </row>
    <row r="6540" spans="3:4" x14ac:dyDescent="0.25">
      <c r="C6540"/>
      <c r="D6540"/>
    </row>
    <row r="6541" spans="3:4" x14ac:dyDescent="0.25">
      <c r="C6541"/>
      <c r="D6541"/>
    </row>
    <row r="6542" spans="3:4" x14ac:dyDescent="0.25">
      <c r="C6542"/>
      <c r="D6542"/>
    </row>
    <row r="6543" spans="3:4" x14ac:dyDescent="0.25">
      <c r="C6543"/>
      <c r="D6543"/>
    </row>
    <row r="6544" spans="3:4" x14ac:dyDescent="0.25">
      <c r="C6544"/>
      <c r="D6544"/>
    </row>
    <row r="6545" spans="3:4" x14ac:dyDescent="0.25">
      <c r="C6545"/>
      <c r="D6545"/>
    </row>
    <row r="6546" spans="3:4" x14ac:dyDescent="0.25">
      <c r="C6546"/>
      <c r="D6546"/>
    </row>
    <row r="6547" spans="3:4" x14ac:dyDescent="0.25">
      <c r="C6547"/>
      <c r="D6547"/>
    </row>
    <row r="6548" spans="3:4" x14ac:dyDescent="0.25">
      <c r="C6548"/>
      <c r="D6548"/>
    </row>
    <row r="6549" spans="3:4" x14ac:dyDescent="0.25">
      <c r="C6549"/>
      <c r="D6549"/>
    </row>
    <row r="6550" spans="3:4" x14ac:dyDescent="0.25">
      <c r="C6550"/>
      <c r="D6550"/>
    </row>
    <row r="6551" spans="3:4" x14ac:dyDescent="0.25">
      <c r="C6551"/>
      <c r="D6551"/>
    </row>
    <row r="6552" spans="3:4" x14ac:dyDescent="0.25">
      <c r="C6552"/>
      <c r="D6552"/>
    </row>
    <row r="6553" spans="3:4" x14ac:dyDescent="0.25">
      <c r="C6553"/>
      <c r="D6553"/>
    </row>
    <row r="6554" spans="3:4" x14ac:dyDescent="0.25">
      <c r="C6554"/>
      <c r="D6554"/>
    </row>
    <row r="6555" spans="3:4" x14ac:dyDescent="0.25">
      <c r="C6555"/>
      <c r="D6555"/>
    </row>
    <row r="6556" spans="3:4" x14ac:dyDescent="0.25">
      <c r="C6556"/>
      <c r="D6556"/>
    </row>
    <row r="6557" spans="3:4" x14ac:dyDescent="0.25">
      <c r="C6557"/>
      <c r="D6557"/>
    </row>
    <row r="6558" spans="3:4" x14ac:dyDescent="0.25">
      <c r="C6558"/>
      <c r="D6558"/>
    </row>
    <row r="6559" spans="3:4" x14ac:dyDescent="0.25">
      <c r="C6559"/>
      <c r="D6559"/>
    </row>
    <row r="6560" spans="3:4" x14ac:dyDescent="0.25">
      <c r="C6560"/>
      <c r="D6560"/>
    </row>
    <row r="6561" spans="3:4" x14ac:dyDescent="0.25">
      <c r="C6561"/>
      <c r="D6561"/>
    </row>
    <row r="6562" spans="3:4" x14ac:dyDescent="0.25">
      <c r="C6562"/>
      <c r="D6562"/>
    </row>
    <row r="6563" spans="3:4" x14ac:dyDescent="0.25">
      <c r="C6563"/>
      <c r="D6563"/>
    </row>
    <row r="6564" spans="3:4" x14ac:dyDescent="0.25">
      <c r="C6564"/>
      <c r="D6564"/>
    </row>
    <row r="6565" spans="3:4" x14ac:dyDescent="0.25">
      <c r="C6565"/>
      <c r="D6565"/>
    </row>
    <row r="6566" spans="3:4" x14ac:dyDescent="0.25">
      <c r="C6566"/>
      <c r="D6566"/>
    </row>
    <row r="6567" spans="3:4" x14ac:dyDescent="0.25">
      <c r="C6567"/>
      <c r="D6567"/>
    </row>
    <row r="6568" spans="3:4" x14ac:dyDescent="0.25">
      <c r="C6568"/>
      <c r="D6568"/>
    </row>
    <row r="6569" spans="3:4" x14ac:dyDescent="0.25">
      <c r="C6569"/>
      <c r="D6569"/>
    </row>
    <row r="6570" spans="3:4" x14ac:dyDescent="0.25">
      <c r="C6570"/>
      <c r="D6570"/>
    </row>
    <row r="6571" spans="3:4" x14ac:dyDescent="0.25">
      <c r="C6571"/>
      <c r="D6571"/>
    </row>
    <row r="6572" spans="3:4" x14ac:dyDescent="0.25">
      <c r="C6572"/>
      <c r="D6572"/>
    </row>
    <row r="6573" spans="3:4" x14ac:dyDescent="0.25">
      <c r="C6573"/>
      <c r="D6573"/>
    </row>
    <row r="6574" spans="3:4" x14ac:dyDescent="0.25">
      <c r="C6574"/>
      <c r="D6574"/>
    </row>
    <row r="6575" spans="3:4" x14ac:dyDescent="0.25">
      <c r="C6575"/>
      <c r="D6575"/>
    </row>
    <row r="6576" spans="3:4" x14ac:dyDescent="0.25">
      <c r="C6576"/>
      <c r="D6576"/>
    </row>
    <row r="6577" spans="3:4" x14ac:dyDescent="0.25">
      <c r="C6577"/>
      <c r="D6577"/>
    </row>
    <row r="6578" spans="3:4" x14ac:dyDescent="0.25">
      <c r="C6578"/>
      <c r="D6578"/>
    </row>
    <row r="6579" spans="3:4" x14ac:dyDescent="0.25">
      <c r="C6579"/>
      <c r="D6579"/>
    </row>
    <row r="6580" spans="3:4" x14ac:dyDescent="0.25">
      <c r="C6580"/>
      <c r="D6580"/>
    </row>
    <row r="6581" spans="3:4" x14ac:dyDescent="0.25">
      <c r="C6581"/>
      <c r="D6581"/>
    </row>
    <row r="6582" spans="3:4" x14ac:dyDescent="0.25">
      <c r="C6582"/>
      <c r="D6582"/>
    </row>
    <row r="6583" spans="3:4" x14ac:dyDescent="0.25">
      <c r="C6583"/>
      <c r="D6583"/>
    </row>
    <row r="6584" spans="3:4" x14ac:dyDescent="0.25">
      <c r="C6584"/>
      <c r="D6584"/>
    </row>
    <row r="6585" spans="3:4" x14ac:dyDescent="0.25">
      <c r="C6585"/>
      <c r="D6585"/>
    </row>
    <row r="6586" spans="3:4" x14ac:dyDescent="0.25">
      <c r="C6586"/>
      <c r="D6586"/>
    </row>
    <row r="6587" spans="3:4" x14ac:dyDescent="0.25">
      <c r="C6587"/>
      <c r="D6587"/>
    </row>
    <row r="6588" spans="3:4" x14ac:dyDescent="0.25">
      <c r="C6588"/>
      <c r="D6588"/>
    </row>
    <row r="6589" spans="3:4" x14ac:dyDescent="0.25">
      <c r="C6589"/>
      <c r="D6589"/>
    </row>
    <row r="6590" spans="3:4" x14ac:dyDescent="0.25">
      <c r="C6590"/>
      <c r="D6590"/>
    </row>
    <row r="6591" spans="3:4" x14ac:dyDescent="0.25">
      <c r="C6591"/>
      <c r="D6591"/>
    </row>
    <row r="6592" spans="3:4" x14ac:dyDescent="0.25">
      <c r="C6592"/>
      <c r="D6592"/>
    </row>
    <row r="6593" spans="3:4" x14ac:dyDescent="0.25">
      <c r="C6593"/>
      <c r="D6593"/>
    </row>
    <row r="6594" spans="3:4" x14ac:dyDescent="0.25">
      <c r="C6594"/>
      <c r="D6594"/>
    </row>
    <row r="6595" spans="3:4" x14ac:dyDescent="0.25">
      <c r="C6595"/>
      <c r="D6595"/>
    </row>
    <row r="6596" spans="3:4" x14ac:dyDescent="0.25">
      <c r="C6596"/>
      <c r="D6596"/>
    </row>
    <row r="6597" spans="3:4" x14ac:dyDescent="0.25">
      <c r="C6597"/>
      <c r="D6597"/>
    </row>
    <row r="6598" spans="3:4" x14ac:dyDescent="0.25">
      <c r="C6598"/>
      <c r="D6598"/>
    </row>
    <row r="6599" spans="3:4" x14ac:dyDescent="0.25">
      <c r="C6599"/>
      <c r="D6599"/>
    </row>
    <row r="6600" spans="3:4" x14ac:dyDescent="0.25">
      <c r="C6600"/>
      <c r="D6600"/>
    </row>
    <row r="6601" spans="3:4" x14ac:dyDescent="0.25">
      <c r="C6601"/>
      <c r="D6601"/>
    </row>
    <row r="6602" spans="3:4" x14ac:dyDescent="0.25">
      <c r="C6602"/>
      <c r="D6602"/>
    </row>
    <row r="6603" spans="3:4" x14ac:dyDescent="0.25">
      <c r="C6603"/>
      <c r="D6603"/>
    </row>
    <row r="6604" spans="3:4" x14ac:dyDescent="0.25">
      <c r="C6604"/>
      <c r="D6604"/>
    </row>
    <row r="6605" spans="3:4" x14ac:dyDescent="0.25">
      <c r="C6605"/>
      <c r="D6605"/>
    </row>
    <row r="6606" spans="3:4" x14ac:dyDescent="0.25">
      <c r="C6606"/>
      <c r="D6606"/>
    </row>
    <row r="6607" spans="3:4" x14ac:dyDescent="0.25">
      <c r="C6607"/>
      <c r="D6607"/>
    </row>
    <row r="6608" spans="3:4" x14ac:dyDescent="0.25">
      <c r="C6608"/>
      <c r="D6608"/>
    </row>
    <row r="6609" spans="3:4" x14ac:dyDescent="0.25">
      <c r="C6609"/>
      <c r="D6609"/>
    </row>
    <row r="6610" spans="3:4" x14ac:dyDescent="0.25">
      <c r="C6610"/>
      <c r="D6610"/>
    </row>
    <row r="6611" spans="3:4" x14ac:dyDescent="0.25">
      <c r="C6611"/>
      <c r="D6611"/>
    </row>
    <row r="6612" spans="3:4" x14ac:dyDescent="0.25">
      <c r="C6612"/>
      <c r="D6612"/>
    </row>
    <row r="6613" spans="3:4" x14ac:dyDescent="0.25">
      <c r="C6613"/>
      <c r="D6613"/>
    </row>
    <row r="6614" spans="3:4" x14ac:dyDescent="0.25">
      <c r="C6614"/>
      <c r="D6614"/>
    </row>
    <row r="6615" spans="3:4" x14ac:dyDescent="0.25">
      <c r="C6615"/>
      <c r="D6615"/>
    </row>
    <row r="6616" spans="3:4" x14ac:dyDescent="0.25">
      <c r="C6616"/>
      <c r="D6616"/>
    </row>
    <row r="6617" spans="3:4" x14ac:dyDescent="0.25">
      <c r="C6617"/>
      <c r="D6617"/>
    </row>
    <row r="6618" spans="3:4" x14ac:dyDescent="0.25">
      <c r="C6618"/>
      <c r="D6618"/>
    </row>
    <row r="6619" spans="3:4" x14ac:dyDescent="0.25">
      <c r="C6619"/>
      <c r="D6619"/>
    </row>
    <row r="6620" spans="3:4" x14ac:dyDescent="0.25">
      <c r="C6620"/>
      <c r="D6620"/>
    </row>
    <row r="6621" spans="3:4" x14ac:dyDescent="0.25">
      <c r="C6621"/>
      <c r="D6621"/>
    </row>
    <row r="6622" spans="3:4" x14ac:dyDescent="0.25">
      <c r="C6622"/>
      <c r="D6622"/>
    </row>
    <row r="6623" spans="3:4" x14ac:dyDescent="0.25">
      <c r="C6623"/>
      <c r="D6623"/>
    </row>
    <row r="6624" spans="3:4" x14ac:dyDescent="0.25">
      <c r="C6624"/>
      <c r="D6624"/>
    </row>
    <row r="6625" spans="3:4" x14ac:dyDescent="0.25">
      <c r="C6625"/>
      <c r="D6625"/>
    </row>
    <row r="6626" spans="3:4" x14ac:dyDescent="0.25">
      <c r="C6626"/>
      <c r="D6626"/>
    </row>
    <row r="6627" spans="3:4" x14ac:dyDescent="0.25">
      <c r="C6627"/>
      <c r="D6627"/>
    </row>
    <row r="6628" spans="3:4" x14ac:dyDescent="0.25">
      <c r="C6628"/>
      <c r="D6628"/>
    </row>
    <row r="6629" spans="3:4" x14ac:dyDescent="0.25">
      <c r="C6629"/>
      <c r="D6629"/>
    </row>
    <row r="6630" spans="3:4" x14ac:dyDescent="0.25">
      <c r="C6630"/>
      <c r="D6630"/>
    </row>
    <row r="6631" spans="3:4" x14ac:dyDescent="0.25">
      <c r="C6631"/>
      <c r="D6631"/>
    </row>
    <row r="6632" spans="3:4" x14ac:dyDescent="0.25">
      <c r="C6632"/>
      <c r="D6632"/>
    </row>
    <row r="6633" spans="3:4" x14ac:dyDescent="0.25">
      <c r="C6633"/>
      <c r="D6633"/>
    </row>
    <row r="6634" spans="3:4" x14ac:dyDescent="0.25">
      <c r="C6634"/>
      <c r="D6634"/>
    </row>
    <row r="6635" spans="3:4" x14ac:dyDescent="0.25">
      <c r="C6635"/>
      <c r="D6635"/>
    </row>
    <row r="6636" spans="3:4" x14ac:dyDescent="0.25">
      <c r="C6636"/>
      <c r="D6636"/>
    </row>
    <row r="6637" spans="3:4" x14ac:dyDescent="0.25">
      <c r="C6637"/>
      <c r="D6637"/>
    </row>
    <row r="6638" spans="3:4" x14ac:dyDescent="0.25">
      <c r="C6638"/>
      <c r="D6638"/>
    </row>
    <row r="6639" spans="3:4" x14ac:dyDescent="0.25">
      <c r="C6639"/>
      <c r="D6639"/>
    </row>
    <row r="6640" spans="3:4" x14ac:dyDescent="0.25">
      <c r="C6640"/>
      <c r="D6640"/>
    </row>
    <row r="6641" spans="3:4" x14ac:dyDescent="0.25">
      <c r="C6641"/>
      <c r="D6641"/>
    </row>
    <row r="6642" spans="3:4" x14ac:dyDescent="0.25">
      <c r="C6642"/>
      <c r="D6642"/>
    </row>
    <row r="6643" spans="3:4" x14ac:dyDescent="0.25">
      <c r="C6643"/>
      <c r="D6643"/>
    </row>
    <row r="6644" spans="3:4" x14ac:dyDescent="0.25">
      <c r="C6644"/>
      <c r="D6644"/>
    </row>
    <row r="6645" spans="3:4" x14ac:dyDescent="0.25">
      <c r="C6645"/>
      <c r="D6645"/>
    </row>
    <row r="6646" spans="3:4" x14ac:dyDescent="0.25">
      <c r="C6646"/>
      <c r="D6646"/>
    </row>
    <row r="6647" spans="3:4" x14ac:dyDescent="0.25">
      <c r="C6647"/>
      <c r="D6647"/>
    </row>
    <row r="6648" spans="3:4" x14ac:dyDescent="0.25">
      <c r="C6648"/>
      <c r="D6648"/>
    </row>
    <row r="6649" spans="3:4" x14ac:dyDescent="0.25">
      <c r="C6649"/>
      <c r="D6649"/>
    </row>
    <row r="6650" spans="3:4" x14ac:dyDescent="0.25">
      <c r="C6650"/>
      <c r="D6650"/>
    </row>
    <row r="6651" spans="3:4" x14ac:dyDescent="0.25">
      <c r="C6651"/>
      <c r="D6651"/>
    </row>
    <row r="6652" spans="3:4" x14ac:dyDescent="0.25">
      <c r="C6652"/>
      <c r="D6652"/>
    </row>
    <row r="6653" spans="3:4" x14ac:dyDescent="0.25">
      <c r="C6653"/>
      <c r="D6653"/>
    </row>
    <row r="6654" spans="3:4" x14ac:dyDescent="0.25">
      <c r="C6654"/>
      <c r="D6654"/>
    </row>
    <row r="6655" spans="3:4" x14ac:dyDescent="0.25">
      <c r="C6655"/>
      <c r="D6655"/>
    </row>
    <row r="6656" spans="3:4" x14ac:dyDescent="0.25">
      <c r="C6656"/>
      <c r="D6656"/>
    </row>
    <row r="6657" spans="3:4" x14ac:dyDescent="0.25">
      <c r="C6657"/>
      <c r="D6657"/>
    </row>
    <row r="6658" spans="3:4" x14ac:dyDescent="0.25">
      <c r="C6658"/>
      <c r="D6658"/>
    </row>
    <row r="6659" spans="3:4" x14ac:dyDescent="0.25">
      <c r="C6659"/>
      <c r="D6659"/>
    </row>
    <row r="6660" spans="3:4" x14ac:dyDescent="0.25">
      <c r="C6660"/>
      <c r="D6660"/>
    </row>
    <row r="6661" spans="3:4" x14ac:dyDescent="0.25">
      <c r="C6661"/>
      <c r="D6661"/>
    </row>
    <row r="6662" spans="3:4" x14ac:dyDescent="0.25">
      <c r="C6662"/>
      <c r="D6662"/>
    </row>
    <row r="6663" spans="3:4" x14ac:dyDescent="0.25">
      <c r="C6663"/>
      <c r="D6663"/>
    </row>
    <row r="6664" spans="3:4" x14ac:dyDescent="0.25">
      <c r="C6664"/>
      <c r="D6664"/>
    </row>
    <row r="6665" spans="3:4" x14ac:dyDescent="0.25">
      <c r="C6665"/>
      <c r="D6665"/>
    </row>
    <row r="6666" spans="3:4" x14ac:dyDescent="0.25">
      <c r="C6666"/>
      <c r="D6666"/>
    </row>
    <row r="6667" spans="3:4" x14ac:dyDescent="0.25">
      <c r="C6667"/>
      <c r="D6667"/>
    </row>
    <row r="6668" spans="3:4" x14ac:dyDescent="0.25">
      <c r="C6668"/>
      <c r="D6668"/>
    </row>
    <row r="6669" spans="3:4" x14ac:dyDescent="0.25">
      <c r="C6669"/>
      <c r="D6669"/>
    </row>
    <row r="6670" spans="3:4" x14ac:dyDescent="0.25">
      <c r="C6670"/>
      <c r="D6670"/>
    </row>
    <row r="6671" spans="3:4" x14ac:dyDescent="0.25">
      <c r="C6671"/>
      <c r="D6671"/>
    </row>
    <row r="6672" spans="3:4" x14ac:dyDescent="0.25">
      <c r="C6672"/>
      <c r="D6672"/>
    </row>
    <row r="6673" spans="3:4" x14ac:dyDescent="0.25">
      <c r="C6673"/>
      <c r="D6673"/>
    </row>
    <row r="6674" spans="3:4" x14ac:dyDescent="0.25">
      <c r="C6674"/>
      <c r="D6674"/>
    </row>
    <row r="6675" spans="3:4" x14ac:dyDescent="0.25">
      <c r="C6675"/>
      <c r="D6675"/>
    </row>
    <row r="6676" spans="3:4" x14ac:dyDescent="0.25">
      <c r="C6676"/>
      <c r="D6676"/>
    </row>
    <row r="6677" spans="3:4" x14ac:dyDescent="0.25">
      <c r="C6677"/>
      <c r="D6677"/>
    </row>
    <row r="6678" spans="3:4" x14ac:dyDescent="0.25">
      <c r="C6678"/>
      <c r="D6678"/>
    </row>
    <row r="6679" spans="3:4" x14ac:dyDescent="0.25">
      <c r="C6679"/>
      <c r="D6679"/>
    </row>
    <row r="6680" spans="3:4" x14ac:dyDescent="0.25">
      <c r="C6680"/>
      <c r="D6680"/>
    </row>
    <row r="6681" spans="3:4" x14ac:dyDescent="0.25">
      <c r="C6681"/>
      <c r="D6681"/>
    </row>
    <row r="6682" spans="3:4" x14ac:dyDescent="0.25">
      <c r="C6682"/>
      <c r="D6682"/>
    </row>
    <row r="6683" spans="3:4" x14ac:dyDescent="0.25">
      <c r="C6683"/>
      <c r="D6683"/>
    </row>
    <row r="6684" spans="3:4" x14ac:dyDescent="0.25">
      <c r="C6684"/>
      <c r="D6684"/>
    </row>
    <row r="6685" spans="3:4" x14ac:dyDescent="0.25">
      <c r="C6685"/>
      <c r="D6685"/>
    </row>
    <row r="6686" spans="3:4" x14ac:dyDescent="0.25">
      <c r="C6686"/>
      <c r="D6686"/>
    </row>
    <row r="6687" spans="3:4" x14ac:dyDescent="0.25">
      <c r="C6687"/>
      <c r="D6687"/>
    </row>
    <row r="6688" spans="3:4" x14ac:dyDescent="0.25">
      <c r="C6688"/>
      <c r="D6688"/>
    </row>
    <row r="6689" spans="3:4" x14ac:dyDescent="0.25">
      <c r="C6689"/>
      <c r="D6689"/>
    </row>
    <row r="6690" spans="3:4" x14ac:dyDescent="0.25">
      <c r="C6690"/>
      <c r="D6690"/>
    </row>
    <row r="6691" spans="3:4" x14ac:dyDescent="0.25">
      <c r="C6691"/>
      <c r="D6691"/>
    </row>
    <row r="6692" spans="3:4" x14ac:dyDescent="0.25">
      <c r="C6692"/>
      <c r="D6692"/>
    </row>
    <row r="6693" spans="3:4" x14ac:dyDescent="0.25">
      <c r="C6693"/>
      <c r="D6693"/>
    </row>
    <row r="6694" spans="3:4" x14ac:dyDescent="0.25">
      <c r="C6694"/>
      <c r="D6694"/>
    </row>
    <row r="6695" spans="3:4" x14ac:dyDescent="0.25">
      <c r="C6695"/>
      <c r="D6695"/>
    </row>
    <row r="6696" spans="3:4" x14ac:dyDescent="0.25">
      <c r="C6696"/>
      <c r="D6696"/>
    </row>
    <row r="6697" spans="3:4" x14ac:dyDescent="0.25">
      <c r="C6697"/>
      <c r="D6697"/>
    </row>
    <row r="6698" spans="3:4" x14ac:dyDescent="0.25">
      <c r="C6698"/>
      <c r="D6698"/>
    </row>
    <row r="6699" spans="3:4" x14ac:dyDescent="0.25">
      <c r="C6699"/>
      <c r="D6699"/>
    </row>
    <row r="6700" spans="3:4" x14ac:dyDescent="0.25">
      <c r="C6700"/>
      <c r="D6700"/>
    </row>
    <row r="6701" spans="3:4" x14ac:dyDescent="0.25">
      <c r="C6701"/>
      <c r="D6701"/>
    </row>
    <row r="6702" spans="3:4" x14ac:dyDescent="0.25">
      <c r="C6702"/>
      <c r="D6702"/>
    </row>
    <row r="6703" spans="3:4" x14ac:dyDescent="0.25">
      <c r="C6703"/>
      <c r="D6703"/>
    </row>
    <row r="6704" spans="3:4" x14ac:dyDescent="0.25">
      <c r="C6704"/>
      <c r="D6704"/>
    </row>
    <row r="6705" spans="3:4" x14ac:dyDescent="0.25">
      <c r="C6705"/>
      <c r="D6705"/>
    </row>
    <row r="6706" spans="3:4" x14ac:dyDescent="0.25">
      <c r="C6706"/>
      <c r="D6706"/>
    </row>
    <row r="6707" spans="3:4" x14ac:dyDescent="0.25">
      <c r="C6707"/>
      <c r="D6707"/>
    </row>
    <row r="6708" spans="3:4" x14ac:dyDescent="0.25">
      <c r="C6708"/>
      <c r="D6708"/>
    </row>
    <row r="6709" spans="3:4" x14ac:dyDescent="0.25">
      <c r="C6709"/>
      <c r="D6709"/>
    </row>
    <row r="6710" spans="3:4" x14ac:dyDescent="0.25">
      <c r="C6710"/>
      <c r="D6710"/>
    </row>
    <row r="6711" spans="3:4" x14ac:dyDescent="0.25">
      <c r="C6711"/>
      <c r="D6711"/>
    </row>
    <row r="6712" spans="3:4" x14ac:dyDescent="0.25">
      <c r="C6712"/>
      <c r="D6712"/>
    </row>
    <row r="6713" spans="3:4" x14ac:dyDescent="0.25">
      <c r="C6713"/>
      <c r="D6713"/>
    </row>
    <row r="6714" spans="3:4" x14ac:dyDescent="0.25">
      <c r="C6714"/>
      <c r="D6714"/>
    </row>
    <row r="6715" spans="3:4" x14ac:dyDescent="0.25">
      <c r="C6715"/>
      <c r="D6715"/>
    </row>
    <row r="6716" spans="3:4" x14ac:dyDescent="0.25">
      <c r="C6716"/>
      <c r="D6716"/>
    </row>
    <row r="6717" spans="3:4" x14ac:dyDescent="0.25">
      <c r="C6717"/>
      <c r="D6717"/>
    </row>
    <row r="6718" spans="3:4" x14ac:dyDescent="0.25">
      <c r="C6718"/>
      <c r="D6718"/>
    </row>
    <row r="6719" spans="3:4" x14ac:dyDescent="0.25">
      <c r="C6719"/>
      <c r="D6719"/>
    </row>
    <row r="6720" spans="3:4" x14ac:dyDescent="0.25">
      <c r="C6720"/>
      <c r="D6720"/>
    </row>
    <row r="6721" spans="3:4" x14ac:dyDescent="0.25">
      <c r="C6721"/>
      <c r="D6721"/>
    </row>
    <row r="6722" spans="3:4" x14ac:dyDescent="0.25">
      <c r="C6722"/>
      <c r="D6722"/>
    </row>
    <row r="6723" spans="3:4" x14ac:dyDescent="0.25">
      <c r="C6723"/>
      <c r="D6723"/>
    </row>
    <row r="6724" spans="3:4" x14ac:dyDescent="0.25">
      <c r="C6724"/>
      <c r="D6724"/>
    </row>
    <row r="6725" spans="3:4" x14ac:dyDescent="0.25">
      <c r="C6725"/>
      <c r="D6725"/>
    </row>
    <row r="6726" spans="3:4" x14ac:dyDescent="0.25">
      <c r="C6726"/>
      <c r="D6726"/>
    </row>
    <row r="6727" spans="3:4" x14ac:dyDescent="0.25">
      <c r="C6727"/>
      <c r="D6727"/>
    </row>
    <row r="6728" spans="3:4" x14ac:dyDescent="0.25">
      <c r="C6728"/>
      <c r="D6728"/>
    </row>
    <row r="6729" spans="3:4" x14ac:dyDescent="0.25">
      <c r="C6729"/>
      <c r="D6729"/>
    </row>
    <row r="6730" spans="3:4" x14ac:dyDescent="0.25">
      <c r="C6730"/>
      <c r="D6730"/>
    </row>
    <row r="6731" spans="3:4" x14ac:dyDescent="0.25">
      <c r="C6731"/>
      <c r="D6731"/>
    </row>
    <row r="6732" spans="3:4" x14ac:dyDescent="0.25">
      <c r="C6732"/>
      <c r="D6732"/>
    </row>
    <row r="6733" spans="3:4" x14ac:dyDescent="0.25">
      <c r="C6733"/>
      <c r="D6733"/>
    </row>
    <row r="6734" spans="3:4" x14ac:dyDescent="0.25">
      <c r="C6734"/>
      <c r="D6734"/>
    </row>
    <row r="6735" spans="3:4" x14ac:dyDescent="0.25">
      <c r="C6735"/>
      <c r="D6735"/>
    </row>
    <row r="6736" spans="3:4" x14ac:dyDescent="0.25">
      <c r="C6736"/>
      <c r="D6736"/>
    </row>
    <row r="6737" spans="3:4" x14ac:dyDescent="0.25">
      <c r="C6737"/>
      <c r="D6737"/>
    </row>
    <row r="6738" spans="3:4" x14ac:dyDescent="0.25">
      <c r="C6738"/>
      <c r="D6738"/>
    </row>
    <row r="6739" spans="3:4" x14ac:dyDescent="0.25">
      <c r="C6739"/>
      <c r="D6739"/>
    </row>
    <row r="6740" spans="3:4" x14ac:dyDescent="0.25">
      <c r="C6740"/>
      <c r="D6740"/>
    </row>
    <row r="6741" spans="3:4" x14ac:dyDescent="0.25">
      <c r="C6741"/>
      <c r="D6741"/>
    </row>
    <row r="6742" spans="3:4" x14ac:dyDescent="0.25">
      <c r="C6742"/>
      <c r="D6742"/>
    </row>
    <row r="6743" spans="3:4" x14ac:dyDescent="0.25">
      <c r="C6743"/>
      <c r="D6743"/>
    </row>
    <row r="6744" spans="3:4" x14ac:dyDescent="0.25">
      <c r="C6744"/>
      <c r="D6744"/>
    </row>
    <row r="6745" spans="3:4" x14ac:dyDescent="0.25">
      <c r="C6745"/>
      <c r="D6745"/>
    </row>
    <row r="6746" spans="3:4" x14ac:dyDescent="0.25">
      <c r="C6746"/>
      <c r="D6746"/>
    </row>
    <row r="6747" spans="3:4" x14ac:dyDescent="0.25">
      <c r="C6747"/>
      <c r="D6747"/>
    </row>
    <row r="6748" spans="3:4" x14ac:dyDescent="0.25">
      <c r="C6748"/>
      <c r="D6748"/>
    </row>
    <row r="6749" spans="3:4" x14ac:dyDescent="0.25">
      <c r="C6749"/>
      <c r="D6749"/>
    </row>
    <row r="6750" spans="3:4" x14ac:dyDescent="0.25">
      <c r="C6750"/>
      <c r="D6750"/>
    </row>
    <row r="6751" spans="3:4" x14ac:dyDescent="0.25">
      <c r="C6751"/>
      <c r="D6751"/>
    </row>
    <row r="6752" spans="3:4" x14ac:dyDescent="0.25">
      <c r="C6752"/>
      <c r="D6752"/>
    </row>
    <row r="6753" spans="3:4" x14ac:dyDescent="0.25">
      <c r="C6753"/>
      <c r="D6753"/>
    </row>
    <row r="6754" spans="3:4" x14ac:dyDescent="0.25">
      <c r="C6754"/>
      <c r="D6754"/>
    </row>
    <row r="6755" spans="3:4" x14ac:dyDescent="0.25">
      <c r="C6755"/>
      <c r="D6755"/>
    </row>
    <row r="6756" spans="3:4" x14ac:dyDescent="0.25">
      <c r="C6756"/>
      <c r="D6756"/>
    </row>
    <row r="6757" spans="3:4" x14ac:dyDescent="0.25">
      <c r="C6757"/>
      <c r="D6757"/>
    </row>
    <row r="6758" spans="3:4" x14ac:dyDescent="0.25">
      <c r="C6758"/>
      <c r="D6758"/>
    </row>
    <row r="6759" spans="3:4" x14ac:dyDescent="0.25">
      <c r="C6759"/>
      <c r="D6759"/>
    </row>
    <row r="6760" spans="3:4" x14ac:dyDescent="0.25">
      <c r="C6760"/>
      <c r="D6760"/>
    </row>
    <row r="6761" spans="3:4" x14ac:dyDescent="0.25">
      <c r="C6761"/>
      <c r="D6761"/>
    </row>
    <row r="6762" spans="3:4" x14ac:dyDescent="0.25">
      <c r="C6762"/>
      <c r="D6762"/>
    </row>
    <row r="6763" spans="3:4" x14ac:dyDescent="0.25">
      <c r="C6763"/>
      <c r="D6763"/>
    </row>
    <row r="6764" spans="3:4" x14ac:dyDescent="0.25">
      <c r="C6764"/>
      <c r="D6764"/>
    </row>
    <row r="6765" spans="3:4" x14ac:dyDescent="0.25">
      <c r="C6765"/>
      <c r="D6765"/>
    </row>
    <row r="6766" spans="3:4" x14ac:dyDescent="0.25">
      <c r="C6766"/>
      <c r="D6766"/>
    </row>
    <row r="6767" spans="3:4" x14ac:dyDescent="0.25">
      <c r="C6767"/>
      <c r="D6767"/>
    </row>
    <row r="6768" spans="3:4" x14ac:dyDescent="0.25">
      <c r="C6768"/>
      <c r="D6768"/>
    </row>
    <row r="6769" spans="3:4" x14ac:dyDescent="0.25">
      <c r="C6769"/>
      <c r="D6769"/>
    </row>
    <row r="6770" spans="3:4" x14ac:dyDescent="0.25">
      <c r="C6770"/>
      <c r="D6770"/>
    </row>
    <row r="6771" spans="3:4" x14ac:dyDescent="0.25">
      <c r="C6771"/>
      <c r="D6771"/>
    </row>
    <row r="6772" spans="3:4" x14ac:dyDescent="0.25">
      <c r="C6772"/>
      <c r="D6772"/>
    </row>
    <row r="6773" spans="3:4" x14ac:dyDescent="0.25">
      <c r="C6773"/>
      <c r="D6773"/>
    </row>
    <row r="6774" spans="3:4" x14ac:dyDescent="0.25">
      <c r="C6774"/>
      <c r="D6774"/>
    </row>
    <row r="6775" spans="3:4" x14ac:dyDescent="0.25">
      <c r="C6775"/>
      <c r="D6775"/>
    </row>
    <row r="6776" spans="3:4" x14ac:dyDescent="0.25">
      <c r="C6776"/>
      <c r="D6776"/>
    </row>
    <row r="6777" spans="3:4" x14ac:dyDescent="0.25">
      <c r="C6777"/>
      <c r="D6777"/>
    </row>
    <row r="6778" spans="3:4" x14ac:dyDescent="0.25">
      <c r="C6778"/>
      <c r="D6778"/>
    </row>
    <row r="6779" spans="3:4" x14ac:dyDescent="0.25">
      <c r="C6779"/>
      <c r="D6779"/>
    </row>
    <row r="6780" spans="3:4" x14ac:dyDescent="0.25">
      <c r="C6780"/>
      <c r="D6780"/>
    </row>
    <row r="6781" spans="3:4" x14ac:dyDescent="0.25">
      <c r="C6781"/>
      <c r="D6781"/>
    </row>
    <row r="6782" spans="3:4" x14ac:dyDescent="0.25">
      <c r="C6782"/>
      <c r="D6782"/>
    </row>
    <row r="6783" spans="3:4" x14ac:dyDescent="0.25">
      <c r="C6783"/>
      <c r="D6783"/>
    </row>
    <row r="6784" spans="3:4" x14ac:dyDescent="0.25">
      <c r="C6784"/>
      <c r="D6784"/>
    </row>
    <row r="6785" spans="3:4" x14ac:dyDescent="0.25">
      <c r="C6785"/>
      <c r="D6785"/>
    </row>
    <row r="6786" spans="3:4" x14ac:dyDescent="0.25">
      <c r="C6786"/>
      <c r="D6786"/>
    </row>
    <row r="6787" spans="3:4" x14ac:dyDescent="0.25">
      <c r="C6787"/>
      <c r="D6787"/>
    </row>
    <row r="6788" spans="3:4" x14ac:dyDescent="0.25">
      <c r="C6788"/>
      <c r="D6788"/>
    </row>
    <row r="6789" spans="3:4" x14ac:dyDescent="0.25">
      <c r="C6789"/>
      <c r="D6789"/>
    </row>
    <row r="6790" spans="3:4" x14ac:dyDescent="0.25">
      <c r="C6790"/>
      <c r="D6790"/>
    </row>
    <row r="6791" spans="3:4" x14ac:dyDescent="0.25">
      <c r="C6791"/>
      <c r="D6791"/>
    </row>
    <row r="6792" spans="3:4" x14ac:dyDescent="0.25">
      <c r="C6792"/>
      <c r="D6792"/>
    </row>
    <row r="6793" spans="3:4" x14ac:dyDescent="0.25">
      <c r="C6793"/>
      <c r="D6793"/>
    </row>
    <row r="6794" spans="3:4" x14ac:dyDescent="0.25">
      <c r="C6794"/>
      <c r="D6794"/>
    </row>
    <row r="6795" spans="3:4" x14ac:dyDescent="0.25">
      <c r="C6795"/>
      <c r="D6795"/>
    </row>
    <row r="6796" spans="3:4" x14ac:dyDescent="0.25">
      <c r="C6796"/>
      <c r="D6796"/>
    </row>
    <row r="6797" spans="3:4" x14ac:dyDescent="0.25">
      <c r="C6797"/>
      <c r="D6797"/>
    </row>
    <row r="6798" spans="3:4" x14ac:dyDescent="0.25">
      <c r="C6798"/>
      <c r="D6798"/>
    </row>
    <row r="6799" spans="3:4" x14ac:dyDescent="0.25">
      <c r="C6799"/>
      <c r="D6799"/>
    </row>
    <row r="6800" spans="3:4" x14ac:dyDescent="0.25">
      <c r="C6800"/>
      <c r="D6800"/>
    </row>
    <row r="6801" spans="3:4" x14ac:dyDescent="0.25">
      <c r="C6801"/>
      <c r="D6801"/>
    </row>
    <row r="6802" spans="3:4" x14ac:dyDescent="0.25">
      <c r="C6802"/>
      <c r="D6802"/>
    </row>
    <row r="6803" spans="3:4" x14ac:dyDescent="0.25">
      <c r="C6803"/>
      <c r="D6803"/>
    </row>
    <row r="6804" spans="3:4" x14ac:dyDescent="0.25">
      <c r="C6804"/>
      <c r="D6804"/>
    </row>
    <row r="6805" spans="3:4" x14ac:dyDescent="0.25">
      <c r="C6805"/>
      <c r="D6805"/>
    </row>
    <row r="6806" spans="3:4" x14ac:dyDescent="0.25">
      <c r="C6806"/>
      <c r="D6806"/>
    </row>
    <row r="6807" spans="3:4" x14ac:dyDescent="0.25">
      <c r="C6807"/>
      <c r="D6807"/>
    </row>
    <row r="6808" spans="3:4" x14ac:dyDescent="0.25">
      <c r="C6808"/>
      <c r="D6808"/>
    </row>
    <row r="6809" spans="3:4" x14ac:dyDescent="0.25">
      <c r="C6809"/>
      <c r="D6809"/>
    </row>
    <row r="6810" spans="3:4" x14ac:dyDescent="0.25">
      <c r="C6810"/>
      <c r="D6810"/>
    </row>
    <row r="6811" spans="3:4" x14ac:dyDescent="0.25">
      <c r="C6811"/>
      <c r="D6811"/>
    </row>
    <row r="6812" spans="3:4" x14ac:dyDescent="0.25">
      <c r="C6812"/>
      <c r="D6812"/>
    </row>
    <row r="6813" spans="3:4" x14ac:dyDescent="0.25">
      <c r="C6813"/>
      <c r="D6813"/>
    </row>
    <row r="6814" spans="3:4" x14ac:dyDescent="0.25">
      <c r="C6814"/>
      <c r="D6814"/>
    </row>
    <row r="6815" spans="3:4" x14ac:dyDescent="0.25">
      <c r="C6815"/>
      <c r="D6815"/>
    </row>
    <row r="6816" spans="3:4" x14ac:dyDescent="0.25">
      <c r="C6816"/>
      <c r="D6816"/>
    </row>
    <row r="6817" spans="3:4" x14ac:dyDescent="0.25">
      <c r="C6817"/>
      <c r="D6817"/>
    </row>
    <row r="6818" spans="3:4" x14ac:dyDescent="0.25">
      <c r="C6818"/>
      <c r="D6818"/>
    </row>
    <row r="6819" spans="3:4" x14ac:dyDescent="0.25">
      <c r="C6819"/>
      <c r="D6819"/>
    </row>
    <row r="6820" spans="3:4" x14ac:dyDescent="0.25">
      <c r="C6820"/>
      <c r="D6820"/>
    </row>
    <row r="6821" spans="3:4" x14ac:dyDescent="0.25">
      <c r="C6821"/>
      <c r="D6821"/>
    </row>
    <row r="6822" spans="3:4" x14ac:dyDescent="0.25">
      <c r="C6822"/>
      <c r="D6822"/>
    </row>
    <row r="6823" spans="3:4" x14ac:dyDescent="0.25">
      <c r="C6823"/>
      <c r="D6823"/>
    </row>
    <row r="6824" spans="3:4" x14ac:dyDescent="0.25">
      <c r="C6824"/>
      <c r="D6824"/>
    </row>
    <row r="6825" spans="3:4" x14ac:dyDescent="0.25">
      <c r="C6825"/>
      <c r="D6825"/>
    </row>
    <row r="6826" spans="3:4" x14ac:dyDescent="0.25">
      <c r="C6826"/>
      <c r="D6826"/>
    </row>
    <row r="6827" spans="3:4" x14ac:dyDescent="0.25">
      <c r="C6827"/>
      <c r="D6827"/>
    </row>
    <row r="6828" spans="3:4" x14ac:dyDescent="0.25">
      <c r="C6828"/>
      <c r="D6828"/>
    </row>
    <row r="6829" spans="3:4" x14ac:dyDescent="0.25">
      <c r="C6829"/>
      <c r="D6829"/>
    </row>
    <row r="6830" spans="3:4" x14ac:dyDescent="0.25">
      <c r="C6830"/>
      <c r="D6830"/>
    </row>
    <row r="6831" spans="3:4" x14ac:dyDescent="0.25">
      <c r="C6831"/>
      <c r="D6831"/>
    </row>
    <row r="6832" spans="3:4" x14ac:dyDescent="0.25">
      <c r="C6832"/>
      <c r="D6832"/>
    </row>
    <row r="6833" spans="3:4" x14ac:dyDescent="0.25">
      <c r="C6833"/>
      <c r="D6833"/>
    </row>
    <row r="6834" spans="3:4" x14ac:dyDescent="0.25">
      <c r="C6834"/>
      <c r="D6834"/>
    </row>
    <row r="6835" spans="3:4" x14ac:dyDescent="0.25">
      <c r="C6835"/>
      <c r="D6835"/>
    </row>
    <row r="6836" spans="3:4" x14ac:dyDescent="0.25">
      <c r="C6836"/>
      <c r="D6836"/>
    </row>
    <row r="6837" spans="3:4" x14ac:dyDescent="0.25">
      <c r="C6837"/>
      <c r="D6837"/>
    </row>
    <row r="6838" spans="3:4" x14ac:dyDescent="0.25">
      <c r="C6838"/>
      <c r="D6838"/>
    </row>
    <row r="6839" spans="3:4" x14ac:dyDescent="0.25">
      <c r="C6839"/>
      <c r="D6839"/>
    </row>
    <row r="6840" spans="3:4" x14ac:dyDescent="0.25">
      <c r="C6840"/>
      <c r="D6840"/>
    </row>
    <row r="6841" spans="3:4" x14ac:dyDescent="0.25">
      <c r="C6841"/>
      <c r="D6841"/>
    </row>
    <row r="6842" spans="3:4" x14ac:dyDescent="0.25">
      <c r="C6842"/>
      <c r="D6842"/>
    </row>
    <row r="6843" spans="3:4" x14ac:dyDescent="0.25">
      <c r="C6843"/>
      <c r="D6843"/>
    </row>
    <row r="6844" spans="3:4" x14ac:dyDescent="0.25">
      <c r="C6844"/>
      <c r="D6844"/>
    </row>
    <row r="6845" spans="3:4" x14ac:dyDescent="0.25">
      <c r="C6845"/>
      <c r="D6845"/>
    </row>
    <row r="6846" spans="3:4" x14ac:dyDescent="0.25">
      <c r="C6846"/>
      <c r="D6846"/>
    </row>
    <row r="6847" spans="3:4" x14ac:dyDescent="0.25">
      <c r="C6847"/>
      <c r="D6847"/>
    </row>
    <row r="6848" spans="3:4" x14ac:dyDescent="0.25">
      <c r="C6848"/>
      <c r="D6848"/>
    </row>
    <row r="6849" spans="3:4" x14ac:dyDescent="0.25">
      <c r="C6849"/>
      <c r="D6849"/>
    </row>
    <row r="6850" spans="3:4" x14ac:dyDescent="0.25">
      <c r="C6850"/>
      <c r="D6850"/>
    </row>
    <row r="6851" spans="3:4" x14ac:dyDescent="0.25">
      <c r="C6851"/>
      <c r="D6851"/>
    </row>
    <row r="6852" spans="3:4" x14ac:dyDescent="0.25">
      <c r="C6852"/>
      <c r="D6852"/>
    </row>
    <row r="6853" spans="3:4" x14ac:dyDescent="0.25">
      <c r="C6853"/>
      <c r="D6853"/>
    </row>
    <row r="6854" spans="3:4" x14ac:dyDescent="0.25">
      <c r="C6854"/>
      <c r="D6854"/>
    </row>
    <row r="6855" spans="3:4" x14ac:dyDescent="0.25">
      <c r="C6855"/>
      <c r="D6855"/>
    </row>
    <row r="6856" spans="3:4" x14ac:dyDescent="0.25">
      <c r="C6856"/>
      <c r="D6856"/>
    </row>
    <row r="6857" spans="3:4" x14ac:dyDescent="0.25">
      <c r="C6857"/>
      <c r="D6857"/>
    </row>
    <row r="6858" spans="3:4" x14ac:dyDescent="0.25">
      <c r="C6858"/>
      <c r="D6858"/>
    </row>
    <row r="6859" spans="3:4" x14ac:dyDescent="0.25">
      <c r="C6859"/>
      <c r="D6859"/>
    </row>
    <row r="6860" spans="3:4" x14ac:dyDescent="0.25">
      <c r="C6860"/>
      <c r="D6860"/>
    </row>
    <row r="6861" spans="3:4" x14ac:dyDescent="0.25">
      <c r="C6861"/>
      <c r="D6861"/>
    </row>
    <row r="6862" spans="3:4" x14ac:dyDescent="0.25">
      <c r="C6862"/>
      <c r="D6862"/>
    </row>
    <row r="6863" spans="3:4" x14ac:dyDescent="0.25">
      <c r="C6863"/>
      <c r="D6863"/>
    </row>
    <row r="6864" spans="3:4" x14ac:dyDescent="0.25">
      <c r="C6864"/>
      <c r="D6864"/>
    </row>
    <row r="6865" spans="3:4" x14ac:dyDescent="0.25">
      <c r="C6865"/>
      <c r="D6865"/>
    </row>
    <row r="6866" spans="3:4" x14ac:dyDescent="0.25">
      <c r="C6866"/>
      <c r="D6866"/>
    </row>
    <row r="6867" spans="3:4" x14ac:dyDescent="0.25">
      <c r="C6867"/>
      <c r="D6867"/>
    </row>
    <row r="6868" spans="3:4" x14ac:dyDescent="0.25">
      <c r="C6868"/>
      <c r="D6868"/>
    </row>
    <row r="6869" spans="3:4" x14ac:dyDescent="0.25">
      <c r="C6869"/>
      <c r="D6869"/>
    </row>
    <row r="6870" spans="3:4" x14ac:dyDescent="0.25">
      <c r="C6870"/>
      <c r="D6870"/>
    </row>
    <row r="6871" spans="3:4" x14ac:dyDescent="0.25">
      <c r="C6871"/>
      <c r="D6871"/>
    </row>
    <row r="6872" spans="3:4" x14ac:dyDescent="0.25">
      <c r="C6872"/>
      <c r="D6872"/>
    </row>
    <row r="6873" spans="3:4" x14ac:dyDescent="0.25">
      <c r="C6873"/>
      <c r="D6873"/>
    </row>
    <row r="6874" spans="3:4" x14ac:dyDescent="0.25">
      <c r="C6874"/>
      <c r="D6874"/>
    </row>
    <row r="6875" spans="3:4" x14ac:dyDescent="0.25">
      <c r="C6875"/>
      <c r="D6875"/>
    </row>
    <row r="6876" spans="3:4" x14ac:dyDescent="0.25">
      <c r="C6876"/>
      <c r="D6876"/>
    </row>
    <row r="6877" spans="3:4" x14ac:dyDescent="0.25">
      <c r="C6877"/>
      <c r="D6877"/>
    </row>
    <row r="6878" spans="3:4" x14ac:dyDescent="0.25">
      <c r="C6878"/>
      <c r="D6878"/>
    </row>
    <row r="6879" spans="3:4" x14ac:dyDescent="0.25">
      <c r="C6879"/>
      <c r="D6879"/>
    </row>
    <row r="6880" spans="3:4" x14ac:dyDescent="0.25">
      <c r="C6880"/>
      <c r="D6880"/>
    </row>
    <row r="6881" spans="3:4" x14ac:dyDescent="0.25">
      <c r="C6881"/>
      <c r="D6881"/>
    </row>
    <row r="6882" spans="3:4" x14ac:dyDescent="0.25">
      <c r="C6882"/>
      <c r="D6882"/>
    </row>
    <row r="6883" spans="3:4" x14ac:dyDescent="0.25">
      <c r="C6883"/>
      <c r="D6883"/>
    </row>
    <row r="6884" spans="3:4" x14ac:dyDescent="0.25">
      <c r="C6884"/>
      <c r="D6884"/>
    </row>
    <row r="6885" spans="3:4" x14ac:dyDescent="0.25">
      <c r="C6885"/>
      <c r="D6885"/>
    </row>
    <row r="6886" spans="3:4" x14ac:dyDescent="0.25">
      <c r="C6886"/>
      <c r="D6886"/>
    </row>
    <row r="6887" spans="3:4" x14ac:dyDescent="0.25">
      <c r="C6887"/>
      <c r="D6887"/>
    </row>
    <row r="6888" spans="3:4" x14ac:dyDescent="0.25">
      <c r="C6888"/>
      <c r="D6888"/>
    </row>
    <row r="6889" spans="3:4" x14ac:dyDescent="0.25">
      <c r="C6889"/>
      <c r="D6889"/>
    </row>
    <row r="6890" spans="3:4" x14ac:dyDescent="0.25">
      <c r="C6890"/>
      <c r="D6890"/>
    </row>
    <row r="6891" spans="3:4" x14ac:dyDescent="0.25">
      <c r="C6891"/>
      <c r="D6891"/>
    </row>
    <row r="6892" spans="3:4" x14ac:dyDescent="0.25">
      <c r="C6892"/>
      <c r="D6892"/>
    </row>
    <row r="6893" spans="3:4" x14ac:dyDescent="0.25">
      <c r="C6893"/>
      <c r="D6893"/>
    </row>
    <row r="6894" spans="3:4" x14ac:dyDescent="0.25">
      <c r="C6894"/>
      <c r="D6894"/>
    </row>
    <row r="6895" spans="3:4" x14ac:dyDescent="0.25">
      <c r="C6895"/>
      <c r="D6895"/>
    </row>
    <row r="6896" spans="3:4" x14ac:dyDescent="0.25">
      <c r="C6896"/>
      <c r="D6896"/>
    </row>
    <row r="6897" spans="3:4" x14ac:dyDescent="0.25">
      <c r="C6897"/>
      <c r="D6897"/>
    </row>
    <row r="6898" spans="3:4" x14ac:dyDescent="0.25">
      <c r="C6898"/>
      <c r="D6898"/>
    </row>
    <row r="6899" spans="3:4" x14ac:dyDescent="0.25">
      <c r="C6899"/>
      <c r="D6899"/>
    </row>
    <row r="6900" spans="3:4" x14ac:dyDescent="0.25">
      <c r="C6900"/>
      <c r="D6900"/>
    </row>
    <row r="6901" spans="3:4" x14ac:dyDescent="0.25">
      <c r="C6901"/>
      <c r="D6901"/>
    </row>
    <row r="6902" spans="3:4" x14ac:dyDescent="0.25">
      <c r="C6902"/>
      <c r="D6902"/>
    </row>
    <row r="6903" spans="3:4" x14ac:dyDescent="0.25">
      <c r="C6903"/>
      <c r="D6903"/>
    </row>
    <row r="6904" spans="3:4" x14ac:dyDescent="0.25">
      <c r="C6904"/>
      <c r="D6904"/>
    </row>
    <row r="6905" spans="3:4" x14ac:dyDescent="0.25">
      <c r="C6905"/>
      <c r="D6905"/>
    </row>
    <row r="6906" spans="3:4" x14ac:dyDescent="0.25">
      <c r="C6906"/>
      <c r="D6906"/>
    </row>
    <row r="6907" spans="3:4" x14ac:dyDescent="0.25">
      <c r="C6907"/>
      <c r="D6907"/>
    </row>
    <row r="6908" spans="3:4" x14ac:dyDescent="0.25">
      <c r="C6908"/>
      <c r="D6908"/>
    </row>
    <row r="6909" spans="3:4" x14ac:dyDescent="0.25">
      <c r="C6909"/>
      <c r="D6909"/>
    </row>
    <row r="6910" spans="3:4" x14ac:dyDescent="0.25">
      <c r="C6910"/>
      <c r="D6910"/>
    </row>
    <row r="6911" spans="3:4" x14ac:dyDescent="0.25">
      <c r="C6911"/>
      <c r="D6911"/>
    </row>
    <row r="6912" spans="3:4" x14ac:dyDescent="0.25">
      <c r="C6912"/>
      <c r="D6912"/>
    </row>
    <row r="6913" spans="3:4" x14ac:dyDescent="0.25">
      <c r="C6913"/>
      <c r="D6913"/>
    </row>
    <row r="6914" spans="3:4" x14ac:dyDescent="0.25">
      <c r="C6914"/>
      <c r="D6914"/>
    </row>
    <row r="6915" spans="3:4" x14ac:dyDescent="0.25">
      <c r="C6915"/>
      <c r="D6915"/>
    </row>
    <row r="6916" spans="3:4" x14ac:dyDescent="0.25">
      <c r="C6916"/>
      <c r="D6916"/>
    </row>
    <row r="6917" spans="3:4" x14ac:dyDescent="0.25">
      <c r="C6917"/>
      <c r="D6917"/>
    </row>
    <row r="6918" spans="3:4" x14ac:dyDescent="0.25">
      <c r="C6918"/>
      <c r="D6918"/>
    </row>
    <row r="6919" spans="3:4" x14ac:dyDescent="0.25">
      <c r="C6919"/>
      <c r="D6919"/>
    </row>
    <row r="6920" spans="3:4" x14ac:dyDescent="0.25">
      <c r="C6920"/>
      <c r="D6920"/>
    </row>
    <row r="6921" spans="3:4" x14ac:dyDescent="0.25">
      <c r="C6921"/>
      <c r="D6921"/>
    </row>
    <row r="6922" spans="3:4" x14ac:dyDescent="0.25">
      <c r="C6922"/>
      <c r="D6922"/>
    </row>
    <row r="6923" spans="3:4" x14ac:dyDescent="0.25">
      <c r="C6923"/>
      <c r="D6923"/>
    </row>
    <row r="6924" spans="3:4" x14ac:dyDescent="0.25">
      <c r="C6924"/>
      <c r="D6924"/>
    </row>
    <row r="6925" spans="3:4" x14ac:dyDescent="0.25">
      <c r="C6925"/>
      <c r="D6925"/>
    </row>
    <row r="6926" spans="3:4" x14ac:dyDescent="0.25">
      <c r="C6926"/>
      <c r="D6926"/>
    </row>
    <row r="6927" spans="3:4" x14ac:dyDescent="0.25">
      <c r="C6927"/>
      <c r="D6927"/>
    </row>
    <row r="6928" spans="3:4" x14ac:dyDescent="0.25">
      <c r="C6928"/>
      <c r="D6928"/>
    </row>
    <row r="6929" spans="3:4" x14ac:dyDescent="0.25">
      <c r="C6929"/>
      <c r="D6929"/>
    </row>
    <row r="6930" spans="3:4" x14ac:dyDescent="0.25">
      <c r="C6930"/>
      <c r="D6930"/>
    </row>
    <row r="6931" spans="3:4" x14ac:dyDescent="0.25">
      <c r="C6931"/>
      <c r="D6931"/>
    </row>
    <row r="6932" spans="3:4" x14ac:dyDescent="0.25">
      <c r="C6932"/>
      <c r="D6932"/>
    </row>
    <row r="6933" spans="3:4" x14ac:dyDescent="0.25">
      <c r="C6933"/>
      <c r="D6933"/>
    </row>
    <row r="6934" spans="3:4" x14ac:dyDescent="0.25">
      <c r="C6934"/>
      <c r="D6934"/>
    </row>
    <row r="6935" spans="3:4" x14ac:dyDescent="0.25">
      <c r="C6935"/>
      <c r="D6935"/>
    </row>
    <row r="6936" spans="3:4" x14ac:dyDescent="0.25">
      <c r="C6936"/>
      <c r="D6936"/>
    </row>
    <row r="6937" spans="3:4" x14ac:dyDescent="0.25">
      <c r="C6937"/>
      <c r="D6937"/>
    </row>
    <row r="6938" spans="3:4" x14ac:dyDescent="0.25">
      <c r="C6938"/>
      <c r="D6938"/>
    </row>
    <row r="6939" spans="3:4" x14ac:dyDescent="0.25">
      <c r="C6939"/>
      <c r="D6939"/>
    </row>
    <row r="6940" spans="3:4" x14ac:dyDescent="0.25">
      <c r="C6940"/>
      <c r="D6940"/>
    </row>
    <row r="6941" spans="3:4" x14ac:dyDescent="0.25">
      <c r="C6941"/>
      <c r="D6941"/>
    </row>
    <row r="6942" spans="3:4" x14ac:dyDescent="0.25">
      <c r="C6942"/>
      <c r="D6942"/>
    </row>
    <row r="6943" spans="3:4" x14ac:dyDescent="0.25">
      <c r="C6943"/>
      <c r="D6943"/>
    </row>
    <row r="6944" spans="3:4" x14ac:dyDescent="0.25">
      <c r="C6944"/>
      <c r="D6944"/>
    </row>
    <row r="6945" spans="3:4" x14ac:dyDescent="0.25">
      <c r="C6945"/>
      <c r="D6945"/>
    </row>
    <row r="6946" spans="3:4" x14ac:dyDescent="0.25">
      <c r="C6946"/>
      <c r="D6946"/>
    </row>
    <row r="6947" spans="3:4" x14ac:dyDescent="0.25">
      <c r="C6947"/>
      <c r="D6947"/>
    </row>
    <row r="6948" spans="3:4" x14ac:dyDescent="0.25">
      <c r="C6948"/>
      <c r="D6948"/>
    </row>
    <row r="6949" spans="3:4" x14ac:dyDescent="0.25">
      <c r="C6949"/>
      <c r="D6949"/>
    </row>
    <row r="6950" spans="3:4" x14ac:dyDescent="0.25">
      <c r="C6950"/>
      <c r="D6950"/>
    </row>
    <row r="6951" spans="3:4" x14ac:dyDescent="0.25">
      <c r="C6951"/>
      <c r="D6951"/>
    </row>
    <row r="6952" spans="3:4" x14ac:dyDescent="0.25">
      <c r="C6952"/>
      <c r="D6952"/>
    </row>
    <row r="6953" spans="3:4" x14ac:dyDescent="0.25">
      <c r="C6953"/>
      <c r="D6953"/>
    </row>
    <row r="6954" spans="3:4" x14ac:dyDescent="0.25">
      <c r="C6954"/>
      <c r="D6954"/>
    </row>
    <row r="6955" spans="3:4" x14ac:dyDescent="0.25">
      <c r="C6955"/>
      <c r="D6955"/>
    </row>
    <row r="6956" spans="3:4" x14ac:dyDescent="0.25">
      <c r="C6956"/>
      <c r="D6956"/>
    </row>
    <row r="6957" spans="3:4" x14ac:dyDescent="0.25">
      <c r="C6957"/>
      <c r="D6957"/>
    </row>
    <row r="6958" spans="3:4" x14ac:dyDescent="0.25">
      <c r="C6958"/>
      <c r="D6958"/>
    </row>
    <row r="6959" spans="3:4" x14ac:dyDescent="0.25">
      <c r="C6959"/>
      <c r="D6959"/>
    </row>
    <row r="6960" spans="3:4" x14ac:dyDescent="0.25">
      <c r="C6960"/>
      <c r="D6960"/>
    </row>
    <row r="6961" spans="3:4" x14ac:dyDescent="0.25">
      <c r="C6961"/>
      <c r="D6961"/>
    </row>
    <row r="6962" spans="3:4" x14ac:dyDescent="0.25">
      <c r="C6962"/>
      <c r="D6962"/>
    </row>
    <row r="6963" spans="3:4" x14ac:dyDescent="0.25">
      <c r="C6963"/>
      <c r="D6963"/>
    </row>
    <row r="6964" spans="3:4" x14ac:dyDescent="0.25">
      <c r="C6964"/>
      <c r="D6964"/>
    </row>
    <row r="6965" spans="3:4" x14ac:dyDescent="0.25">
      <c r="C6965"/>
      <c r="D6965"/>
    </row>
    <row r="6966" spans="3:4" x14ac:dyDescent="0.25">
      <c r="C6966"/>
      <c r="D6966"/>
    </row>
    <row r="6967" spans="3:4" x14ac:dyDescent="0.25">
      <c r="C6967"/>
      <c r="D6967"/>
    </row>
    <row r="6968" spans="3:4" x14ac:dyDescent="0.25">
      <c r="C6968"/>
      <c r="D6968"/>
    </row>
    <row r="6969" spans="3:4" x14ac:dyDescent="0.25">
      <c r="C6969"/>
      <c r="D6969"/>
    </row>
    <row r="6970" spans="3:4" x14ac:dyDescent="0.25">
      <c r="C6970"/>
      <c r="D6970"/>
    </row>
    <row r="6971" spans="3:4" x14ac:dyDescent="0.25">
      <c r="C6971"/>
      <c r="D6971"/>
    </row>
    <row r="6972" spans="3:4" x14ac:dyDescent="0.25">
      <c r="C6972"/>
      <c r="D6972"/>
    </row>
    <row r="6973" spans="3:4" x14ac:dyDescent="0.25">
      <c r="C6973"/>
      <c r="D6973"/>
    </row>
    <row r="6974" spans="3:4" x14ac:dyDescent="0.25">
      <c r="C6974"/>
      <c r="D6974"/>
    </row>
    <row r="6975" spans="3:4" x14ac:dyDescent="0.25">
      <c r="C6975"/>
      <c r="D6975"/>
    </row>
    <row r="6976" spans="3:4" x14ac:dyDescent="0.25">
      <c r="C6976"/>
      <c r="D6976"/>
    </row>
    <row r="6977" spans="3:4" x14ac:dyDescent="0.25">
      <c r="C6977"/>
      <c r="D6977"/>
    </row>
    <row r="6978" spans="3:4" x14ac:dyDescent="0.25">
      <c r="C6978"/>
      <c r="D6978"/>
    </row>
    <row r="6979" spans="3:4" x14ac:dyDescent="0.25">
      <c r="C6979"/>
      <c r="D6979"/>
    </row>
    <row r="6980" spans="3:4" x14ac:dyDescent="0.25">
      <c r="C6980"/>
      <c r="D6980"/>
    </row>
    <row r="6981" spans="3:4" x14ac:dyDescent="0.25">
      <c r="C6981"/>
      <c r="D6981"/>
    </row>
    <row r="6982" spans="3:4" x14ac:dyDescent="0.25">
      <c r="C6982"/>
      <c r="D6982"/>
    </row>
    <row r="6983" spans="3:4" x14ac:dyDescent="0.25">
      <c r="C6983"/>
      <c r="D6983"/>
    </row>
    <row r="6984" spans="3:4" x14ac:dyDescent="0.25">
      <c r="C6984"/>
      <c r="D6984"/>
    </row>
    <row r="6985" spans="3:4" x14ac:dyDescent="0.25">
      <c r="C6985"/>
      <c r="D6985"/>
    </row>
    <row r="6986" spans="3:4" x14ac:dyDescent="0.25">
      <c r="C6986"/>
      <c r="D6986"/>
    </row>
    <row r="6987" spans="3:4" x14ac:dyDescent="0.25">
      <c r="C6987"/>
      <c r="D6987"/>
    </row>
    <row r="6988" spans="3:4" x14ac:dyDescent="0.25">
      <c r="C6988"/>
      <c r="D6988"/>
    </row>
    <row r="6989" spans="3:4" x14ac:dyDescent="0.25">
      <c r="C6989"/>
      <c r="D6989"/>
    </row>
    <row r="6990" spans="3:4" x14ac:dyDescent="0.25">
      <c r="C6990"/>
      <c r="D6990"/>
    </row>
    <row r="6991" spans="3:4" x14ac:dyDescent="0.25">
      <c r="C6991"/>
      <c r="D6991"/>
    </row>
    <row r="6992" spans="3:4" x14ac:dyDescent="0.25">
      <c r="C6992"/>
      <c r="D6992"/>
    </row>
    <row r="6993" spans="3:4" x14ac:dyDescent="0.25">
      <c r="C6993"/>
      <c r="D6993"/>
    </row>
    <row r="6994" spans="3:4" x14ac:dyDescent="0.25">
      <c r="C6994"/>
      <c r="D6994"/>
    </row>
    <row r="6995" spans="3:4" x14ac:dyDescent="0.25">
      <c r="C6995"/>
      <c r="D6995"/>
    </row>
    <row r="6996" spans="3:4" x14ac:dyDescent="0.25">
      <c r="C6996"/>
      <c r="D6996"/>
    </row>
    <row r="6997" spans="3:4" x14ac:dyDescent="0.25">
      <c r="C6997"/>
      <c r="D6997"/>
    </row>
    <row r="6998" spans="3:4" x14ac:dyDescent="0.25">
      <c r="C6998"/>
      <c r="D6998"/>
    </row>
    <row r="6999" spans="3:4" x14ac:dyDescent="0.25">
      <c r="C6999"/>
      <c r="D6999"/>
    </row>
    <row r="7000" spans="3:4" x14ac:dyDescent="0.25">
      <c r="C7000"/>
      <c r="D7000"/>
    </row>
    <row r="7001" spans="3:4" x14ac:dyDescent="0.25">
      <c r="C7001"/>
      <c r="D7001"/>
    </row>
    <row r="7002" spans="3:4" x14ac:dyDescent="0.25">
      <c r="C7002"/>
      <c r="D7002"/>
    </row>
    <row r="7003" spans="3:4" x14ac:dyDescent="0.25">
      <c r="C7003"/>
      <c r="D7003"/>
    </row>
    <row r="7004" spans="3:4" x14ac:dyDescent="0.25">
      <c r="C7004"/>
      <c r="D7004"/>
    </row>
    <row r="7005" spans="3:4" x14ac:dyDescent="0.25">
      <c r="C7005"/>
      <c r="D7005"/>
    </row>
    <row r="7006" spans="3:4" x14ac:dyDescent="0.25">
      <c r="C7006"/>
      <c r="D7006"/>
    </row>
    <row r="7007" spans="3:4" x14ac:dyDescent="0.25">
      <c r="C7007"/>
      <c r="D7007"/>
    </row>
    <row r="7008" spans="3:4" x14ac:dyDescent="0.25">
      <c r="C7008"/>
      <c r="D7008"/>
    </row>
    <row r="7009" spans="3:4" x14ac:dyDescent="0.25">
      <c r="C7009"/>
      <c r="D7009"/>
    </row>
    <row r="7010" spans="3:4" x14ac:dyDescent="0.25">
      <c r="C7010"/>
      <c r="D7010"/>
    </row>
    <row r="7011" spans="3:4" x14ac:dyDescent="0.25">
      <c r="C7011"/>
      <c r="D7011"/>
    </row>
    <row r="7012" spans="3:4" x14ac:dyDescent="0.25">
      <c r="C7012"/>
      <c r="D7012"/>
    </row>
    <row r="7013" spans="3:4" x14ac:dyDescent="0.25">
      <c r="C7013"/>
      <c r="D7013"/>
    </row>
    <row r="7014" spans="3:4" x14ac:dyDescent="0.25">
      <c r="C7014"/>
      <c r="D7014"/>
    </row>
    <row r="7015" spans="3:4" x14ac:dyDescent="0.25">
      <c r="C7015"/>
      <c r="D7015"/>
    </row>
    <row r="7016" spans="3:4" x14ac:dyDescent="0.25">
      <c r="C7016"/>
      <c r="D7016"/>
    </row>
    <row r="7017" spans="3:4" x14ac:dyDescent="0.25">
      <c r="C7017"/>
      <c r="D7017"/>
    </row>
    <row r="7018" spans="3:4" x14ac:dyDescent="0.25">
      <c r="C7018"/>
      <c r="D7018"/>
    </row>
    <row r="7019" spans="3:4" x14ac:dyDescent="0.25">
      <c r="C7019"/>
      <c r="D7019"/>
    </row>
    <row r="7020" spans="3:4" x14ac:dyDescent="0.25">
      <c r="C7020"/>
      <c r="D7020"/>
    </row>
    <row r="7021" spans="3:4" x14ac:dyDescent="0.25">
      <c r="C7021"/>
      <c r="D7021"/>
    </row>
    <row r="7022" spans="3:4" x14ac:dyDescent="0.25">
      <c r="C7022"/>
      <c r="D7022"/>
    </row>
    <row r="7023" spans="3:4" x14ac:dyDescent="0.25">
      <c r="C7023"/>
      <c r="D7023"/>
    </row>
    <row r="7024" spans="3:4" x14ac:dyDescent="0.25">
      <c r="C7024"/>
      <c r="D7024"/>
    </row>
    <row r="7025" spans="3:4" x14ac:dyDescent="0.25">
      <c r="C7025"/>
      <c r="D7025"/>
    </row>
    <row r="7026" spans="3:4" x14ac:dyDescent="0.25">
      <c r="C7026"/>
      <c r="D7026"/>
    </row>
    <row r="7027" spans="3:4" x14ac:dyDescent="0.25">
      <c r="C7027"/>
      <c r="D7027"/>
    </row>
    <row r="7028" spans="3:4" x14ac:dyDescent="0.25">
      <c r="C7028"/>
      <c r="D7028"/>
    </row>
    <row r="7029" spans="3:4" x14ac:dyDescent="0.25">
      <c r="C7029"/>
      <c r="D7029"/>
    </row>
    <row r="7030" spans="3:4" x14ac:dyDescent="0.25">
      <c r="C7030"/>
      <c r="D7030"/>
    </row>
    <row r="7031" spans="3:4" x14ac:dyDescent="0.25">
      <c r="C7031"/>
      <c r="D7031"/>
    </row>
    <row r="7032" spans="3:4" x14ac:dyDescent="0.25">
      <c r="C7032"/>
      <c r="D7032"/>
    </row>
    <row r="7033" spans="3:4" x14ac:dyDescent="0.25">
      <c r="C7033"/>
      <c r="D7033"/>
    </row>
    <row r="7034" spans="3:4" x14ac:dyDescent="0.25">
      <c r="C7034"/>
      <c r="D7034"/>
    </row>
    <row r="7035" spans="3:4" x14ac:dyDescent="0.25">
      <c r="C7035"/>
      <c r="D7035"/>
    </row>
    <row r="7036" spans="3:4" x14ac:dyDescent="0.25">
      <c r="C7036"/>
      <c r="D7036"/>
    </row>
    <row r="7037" spans="3:4" x14ac:dyDescent="0.25">
      <c r="C7037"/>
      <c r="D7037"/>
    </row>
    <row r="7038" spans="3:4" x14ac:dyDescent="0.25">
      <c r="C7038"/>
      <c r="D7038"/>
    </row>
    <row r="7039" spans="3:4" x14ac:dyDescent="0.25">
      <c r="C7039"/>
      <c r="D7039"/>
    </row>
    <row r="7040" spans="3:4" x14ac:dyDescent="0.25">
      <c r="C7040"/>
      <c r="D7040"/>
    </row>
    <row r="7041" spans="3:4" x14ac:dyDescent="0.25">
      <c r="C7041"/>
      <c r="D7041"/>
    </row>
    <row r="7042" spans="3:4" x14ac:dyDescent="0.25">
      <c r="C7042"/>
      <c r="D7042"/>
    </row>
    <row r="7043" spans="3:4" x14ac:dyDescent="0.25">
      <c r="C7043"/>
      <c r="D7043"/>
    </row>
    <row r="7044" spans="3:4" x14ac:dyDescent="0.25">
      <c r="C7044"/>
      <c r="D7044"/>
    </row>
    <row r="7045" spans="3:4" x14ac:dyDescent="0.25">
      <c r="C7045"/>
      <c r="D7045"/>
    </row>
    <row r="7046" spans="3:4" x14ac:dyDescent="0.25">
      <c r="C7046"/>
      <c r="D7046"/>
    </row>
    <row r="7047" spans="3:4" x14ac:dyDescent="0.25">
      <c r="C7047"/>
      <c r="D7047"/>
    </row>
    <row r="7048" spans="3:4" x14ac:dyDescent="0.25">
      <c r="C7048"/>
      <c r="D7048"/>
    </row>
    <row r="7049" spans="3:4" x14ac:dyDescent="0.25">
      <c r="C7049"/>
      <c r="D7049"/>
    </row>
    <row r="7050" spans="3:4" x14ac:dyDescent="0.25">
      <c r="C7050"/>
      <c r="D7050"/>
    </row>
    <row r="7051" spans="3:4" x14ac:dyDescent="0.25">
      <c r="C7051"/>
      <c r="D7051"/>
    </row>
    <row r="7052" spans="3:4" x14ac:dyDescent="0.25">
      <c r="C7052"/>
      <c r="D7052"/>
    </row>
    <row r="7053" spans="3:4" x14ac:dyDescent="0.25">
      <c r="C7053"/>
      <c r="D7053"/>
    </row>
    <row r="7054" spans="3:4" x14ac:dyDescent="0.25">
      <c r="C7054"/>
      <c r="D7054"/>
    </row>
    <row r="7055" spans="3:4" x14ac:dyDescent="0.25">
      <c r="C7055"/>
      <c r="D7055"/>
    </row>
    <row r="7056" spans="3:4" x14ac:dyDescent="0.25">
      <c r="C7056"/>
      <c r="D7056"/>
    </row>
    <row r="7057" spans="3:4" x14ac:dyDescent="0.25">
      <c r="C7057"/>
      <c r="D7057"/>
    </row>
    <row r="7058" spans="3:4" x14ac:dyDescent="0.25">
      <c r="C7058"/>
      <c r="D7058"/>
    </row>
    <row r="7059" spans="3:4" x14ac:dyDescent="0.25">
      <c r="C7059"/>
      <c r="D7059"/>
    </row>
    <row r="7060" spans="3:4" x14ac:dyDescent="0.25">
      <c r="C7060"/>
      <c r="D7060"/>
    </row>
    <row r="7061" spans="3:4" x14ac:dyDescent="0.25">
      <c r="C7061"/>
      <c r="D7061"/>
    </row>
    <row r="7062" spans="3:4" x14ac:dyDescent="0.25">
      <c r="C7062"/>
      <c r="D7062"/>
    </row>
    <row r="7063" spans="3:4" x14ac:dyDescent="0.25">
      <c r="C7063"/>
      <c r="D7063"/>
    </row>
    <row r="7064" spans="3:4" x14ac:dyDescent="0.25">
      <c r="C7064"/>
      <c r="D7064"/>
    </row>
    <row r="7065" spans="3:4" x14ac:dyDescent="0.25">
      <c r="C7065"/>
      <c r="D7065"/>
    </row>
    <row r="7066" spans="3:4" x14ac:dyDescent="0.25">
      <c r="C7066"/>
      <c r="D7066"/>
    </row>
    <row r="7067" spans="3:4" x14ac:dyDescent="0.25">
      <c r="C7067"/>
      <c r="D7067"/>
    </row>
    <row r="7068" spans="3:4" x14ac:dyDescent="0.25">
      <c r="C7068"/>
      <c r="D7068"/>
    </row>
    <row r="7069" spans="3:4" x14ac:dyDescent="0.25">
      <c r="C7069"/>
      <c r="D7069"/>
    </row>
    <row r="7070" spans="3:4" x14ac:dyDescent="0.25">
      <c r="C7070"/>
      <c r="D7070"/>
    </row>
    <row r="7071" spans="3:4" x14ac:dyDescent="0.25">
      <c r="C7071"/>
      <c r="D7071"/>
    </row>
    <row r="7072" spans="3:4" x14ac:dyDescent="0.25">
      <c r="C7072"/>
      <c r="D7072"/>
    </row>
    <row r="7073" spans="3:4" x14ac:dyDescent="0.25">
      <c r="C7073"/>
      <c r="D7073"/>
    </row>
    <row r="7074" spans="3:4" x14ac:dyDescent="0.25">
      <c r="C7074"/>
      <c r="D7074"/>
    </row>
    <row r="7075" spans="3:4" x14ac:dyDescent="0.25">
      <c r="C7075"/>
      <c r="D7075"/>
    </row>
    <row r="7076" spans="3:4" x14ac:dyDescent="0.25">
      <c r="C7076"/>
      <c r="D7076"/>
    </row>
    <row r="7077" spans="3:4" x14ac:dyDescent="0.25">
      <c r="C7077"/>
      <c r="D7077"/>
    </row>
    <row r="7078" spans="3:4" x14ac:dyDescent="0.25">
      <c r="C7078"/>
      <c r="D7078"/>
    </row>
    <row r="7079" spans="3:4" x14ac:dyDescent="0.25">
      <c r="C7079"/>
      <c r="D7079"/>
    </row>
    <row r="7080" spans="3:4" x14ac:dyDescent="0.25">
      <c r="C7080"/>
      <c r="D7080"/>
    </row>
    <row r="7081" spans="3:4" x14ac:dyDescent="0.25">
      <c r="C7081"/>
      <c r="D7081"/>
    </row>
    <row r="7082" spans="3:4" x14ac:dyDescent="0.25">
      <c r="C7082"/>
      <c r="D7082"/>
    </row>
    <row r="7083" spans="3:4" x14ac:dyDescent="0.25">
      <c r="C7083"/>
      <c r="D7083"/>
    </row>
    <row r="7084" spans="3:4" x14ac:dyDescent="0.25">
      <c r="C7084"/>
      <c r="D7084"/>
    </row>
    <row r="7085" spans="3:4" x14ac:dyDescent="0.25">
      <c r="C7085"/>
      <c r="D7085"/>
    </row>
    <row r="7086" spans="3:4" x14ac:dyDescent="0.25">
      <c r="C7086"/>
      <c r="D7086"/>
    </row>
    <row r="7087" spans="3:4" x14ac:dyDescent="0.25">
      <c r="C7087"/>
      <c r="D7087"/>
    </row>
    <row r="7088" spans="3:4" x14ac:dyDescent="0.25">
      <c r="C7088"/>
      <c r="D7088"/>
    </row>
    <row r="7089" spans="3:4" x14ac:dyDescent="0.25">
      <c r="C7089"/>
      <c r="D7089"/>
    </row>
    <row r="7090" spans="3:4" x14ac:dyDescent="0.25">
      <c r="C7090"/>
      <c r="D7090"/>
    </row>
    <row r="7091" spans="3:4" x14ac:dyDescent="0.25">
      <c r="C7091"/>
      <c r="D7091"/>
    </row>
    <row r="7092" spans="3:4" x14ac:dyDescent="0.25">
      <c r="C7092"/>
      <c r="D7092"/>
    </row>
    <row r="7093" spans="3:4" x14ac:dyDescent="0.25">
      <c r="C7093"/>
      <c r="D7093"/>
    </row>
    <row r="7094" spans="3:4" x14ac:dyDescent="0.25">
      <c r="C7094"/>
      <c r="D7094"/>
    </row>
    <row r="7095" spans="3:4" x14ac:dyDescent="0.25">
      <c r="C7095"/>
      <c r="D7095"/>
    </row>
    <row r="7096" spans="3:4" x14ac:dyDescent="0.25">
      <c r="C7096"/>
      <c r="D7096"/>
    </row>
    <row r="7097" spans="3:4" x14ac:dyDescent="0.25">
      <c r="C7097"/>
      <c r="D7097"/>
    </row>
    <row r="7098" spans="3:4" x14ac:dyDescent="0.25">
      <c r="C7098"/>
      <c r="D7098"/>
    </row>
    <row r="7099" spans="3:4" x14ac:dyDescent="0.25">
      <c r="C7099"/>
      <c r="D7099"/>
    </row>
    <row r="7100" spans="3:4" x14ac:dyDescent="0.25">
      <c r="C7100"/>
      <c r="D7100"/>
    </row>
    <row r="7101" spans="3:4" x14ac:dyDescent="0.25">
      <c r="C7101"/>
      <c r="D7101"/>
    </row>
    <row r="7102" spans="3:4" x14ac:dyDescent="0.25">
      <c r="C7102"/>
      <c r="D7102"/>
    </row>
    <row r="7103" spans="3:4" x14ac:dyDescent="0.25">
      <c r="C7103"/>
      <c r="D7103"/>
    </row>
    <row r="7104" spans="3:4" x14ac:dyDescent="0.25">
      <c r="C7104"/>
      <c r="D7104"/>
    </row>
    <row r="7105" spans="3:4" x14ac:dyDescent="0.25">
      <c r="C7105"/>
      <c r="D7105"/>
    </row>
    <row r="7106" spans="3:4" x14ac:dyDescent="0.25">
      <c r="C7106"/>
      <c r="D7106"/>
    </row>
    <row r="7107" spans="3:4" x14ac:dyDescent="0.25">
      <c r="C7107"/>
      <c r="D7107"/>
    </row>
    <row r="7108" spans="3:4" x14ac:dyDescent="0.25">
      <c r="C7108"/>
      <c r="D7108"/>
    </row>
    <row r="7109" spans="3:4" x14ac:dyDescent="0.25">
      <c r="C7109"/>
      <c r="D7109"/>
    </row>
    <row r="7110" spans="3:4" x14ac:dyDescent="0.25">
      <c r="C7110"/>
      <c r="D7110"/>
    </row>
    <row r="7111" spans="3:4" x14ac:dyDescent="0.25">
      <c r="C7111"/>
      <c r="D7111"/>
    </row>
    <row r="7112" spans="3:4" x14ac:dyDescent="0.25">
      <c r="C7112"/>
      <c r="D7112"/>
    </row>
    <row r="7113" spans="3:4" x14ac:dyDescent="0.25">
      <c r="C7113"/>
      <c r="D7113"/>
    </row>
    <row r="7114" spans="3:4" x14ac:dyDescent="0.25">
      <c r="C7114"/>
      <c r="D7114"/>
    </row>
    <row r="7115" spans="3:4" x14ac:dyDescent="0.25">
      <c r="C7115"/>
      <c r="D7115"/>
    </row>
    <row r="7116" spans="3:4" x14ac:dyDescent="0.25">
      <c r="C7116"/>
      <c r="D7116"/>
    </row>
    <row r="7117" spans="3:4" x14ac:dyDescent="0.25">
      <c r="C7117"/>
      <c r="D7117"/>
    </row>
    <row r="7118" spans="3:4" x14ac:dyDescent="0.25">
      <c r="C7118"/>
      <c r="D7118"/>
    </row>
    <row r="7119" spans="3:4" x14ac:dyDescent="0.25">
      <c r="C7119"/>
      <c r="D7119"/>
    </row>
    <row r="7120" spans="3:4" x14ac:dyDescent="0.25">
      <c r="C7120"/>
      <c r="D7120"/>
    </row>
    <row r="7121" spans="3:4" x14ac:dyDescent="0.25">
      <c r="C7121"/>
      <c r="D7121"/>
    </row>
    <row r="7122" spans="3:4" x14ac:dyDescent="0.25">
      <c r="C7122"/>
      <c r="D7122"/>
    </row>
    <row r="7123" spans="3:4" x14ac:dyDescent="0.25">
      <c r="C7123"/>
      <c r="D7123"/>
    </row>
    <row r="7124" spans="3:4" x14ac:dyDescent="0.25">
      <c r="C7124"/>
      <c r="D7124"/>
    </row>
    <row r="7125" spans="3:4" x14ac:dyDescent="0.25">
      <c r="C7125"/>
      <c r="D7125"/>
    </row>
    <row r="7126" spans="3:4" x14ac:dyDescent="0.25">
      <c r="C7126"/>
      <c r="D7126"/>
    </row>
    <row r="7127" spans="3:4" x14ac:dyDescent="0.25">
      <c r="C7127"/>
      <c r="D7127"/>
    </row>
    <row r="7128" spans="3:4" x14ac:dyDescent="0.25">
      <c r="C7128"/>
      <c r="D7128"/>
    </row>
    <row r="7129" spans="3:4" x14ac:dyDescent="0.25">
      <c r="C7129"/>
      <c r="D7129"/>
    </row>
    <row r="7130" spans="3:4" x14ac:dyDescent="0.25">
      <c r="C7130"/>
      <c r="D7130"/>
    </row>
    <row r="7131" spans="3:4" x14ac:dyDescent="0.25">
      <c r="C7131"/>
      <c r="D7131"/>
    </row>
    <row r="7132" spans="3:4" x14ac:dyDescent="0.25">
      <c r="C7132"/>
      <c r="D7132"/>
    </row>
    <row r="7133" spans="3:4" x14ac:dyDescent="0.25">
      <c r="C7133"/>
      <c r="D7133"/>
    </row>
    <row r="7134" spans="3:4" x14ac:dyDescent="0.25">
      <c r="C7134"/>
      <c r="D7134"/>
    </row>
    <row r="7135" spans="3:4" x14ac:dyDescent="0.25">
      <c r="C7135"/>
      <c r="D7135"/>
    </row>
    <row r="7136" spans="3:4" x14ac:dyDescent="0.25">
      <c r="C7136"/>
      <c r="D7136"/>
    </row>
    <row r="7137" spans="3:4" x14ac:dyDescent="0.25">
      <c r="C7137"/>
      <c r="D7137"/>
    </row>
    <row r="7138" spans="3:4" x14ac:dyDescent="0.25">
      <c r="C7138"/>
      <c r="D7138"/>
    </row>
    <row r="7139" spans="3:4" x14ac:dyDescent="0.25">
      <c r="C7139"/>
      <c r="D7139"/>
    </row>
    <row r="7140" spans="3:4" x14ac:dyDescent="0.25">
      <c r="C7140"/>
      <c r="D7140"/>
    </row>
    <row r="7141" spans="3:4" x14ac:dyDescent="0.25">
      <c r="C7141"/>
      <c r="D7141"/>
    </row>
    <row r="7142" spans="3:4" x14ac:dyDescent="0.25">
      <c r="C7142"/>
      <c r="D7142"/>
    </row>
    <row r="7143" spans="3:4" x14ac:dyDescent="0.25">
      <c r="C7143"/>
      <c r="D7143"/>
    </row>
    <row r="7144" spans="3:4" x14ac:dyDescent="0.25">
      <c r="C7144"/>
      <c r="D7144"/>
    </row>
    <row r="7145" spans="3:4" x14ac:dyDescent="0.25">
      <c r="C7145"/>
      <c r="D7145"/>
    </row>
    <row r="7146" spans="3:4" x14ac:dyDescent="0.25">
      <c r="C7146"/>
      <c r="D7146"/>
    </row>
    <row r="7147" spans="3:4" x14ac:dyDescent="0.25">
      <c r="C7147"/>
      <c r="D7147"/>
    </row>
    <row r="7148" spans="3:4" x14ac:dyDescent="0.25">
      <c r="C7148"/>
      <c r="D7148"/>
    </row>
    <row r="7149" spans="3:4" x14ac:dyDescent="0.25">
      <c r="C7149"/>
      <c r="D7149"/>
    </row>
    <row r="7150" spans="3:4" x14ac:dyDescent="0.25">
      <c r="C7150"/>
      <c r="D7150"/>
    </row>
    <row r="7151" spans="3:4" x14ac:dyDescent="0.25">
      <c r="C7151"/>
      <c r="D7151"/>
    </row>
    <row r="7152" spans="3:4" x14ac:dyDescent="0.25">
      <c r="C7152"/>
      <c r="D7152"/>
    </row>
    <row r="7153" spans="3:4" x14ac:dyDescent="0.25">
      <c r="C7153"/>
      <c r="D7153"/>
    </row>
    <row r="7154" spans="3:4" x14ac:dyDescent="0.25">
      <c r="C7154"/>
      <c r="D7154"/>
    </row>
    <row r="7155" spans="3:4" x14ac:dyDescent="0.25">
      <c r="C7155"/>
      <c r="D7155"/>
    </row>
    <row r="7156" spans="3:4" x14ac:dyDescent="0.25">
      <c r="C7156"/>
      <c r="D7156"/>
    </row>
    <row r="7157" spans="3:4" x14ac:dyDescent="0.25">
      <c r="C7157"/>
      <c r="D7157"/>
    </row>
    <row r="7158" spans="3:4" x14ac:dyDescent="0.25">
      <c r="C7158"/>
      <c r="D7158"/>
    </row>
    <row r="7159" spans="3:4" x14ac:dyDescent="0.25">
      <c r="C7159"/>
      <c r="D7159"/>
    </row>
    <row r="7160" spans="3:4" x14ac:dyDescent="0.25">
      <c r="C7160"/>
      <c r="D7160"/>
    </row>
    <row r="7161" spans="3:4" x14ac:dyDescent="0.25">
      <c r="C7161"/>
      <c r="D7161"/>
    </row>
    <row r="7162" spans="3:4" x14ac:dyDescent="0.25">
      <c r="C7162"/>
      <c r="D7162"/>
    </row>
    <row r="7163" spans="3:4" x14ac:dyDescent="0.25">
      <c r="C7163"/>
      <c r="D7163"/>
    </row>
    <row r="7164" spans="3:4" x14ac:dyDescent="0.25">
      <c r="C7164"/>
      <c r="D7164"/>
    </row>
    <row r="7165" spans="3:4" x14ac:dyDescent="0.25">
      <c r="C7165"/>
      <c r="D7165"/>
    </row>
    <row r="7166" spans="3:4" x14ac:dyDescent="0.25">
      <c r="C7166"/>
      <c r="D7166"/>
    </row>
    <row r="7167" spans="3:4" x14ac:dyDescent="0.25">
      <c r="C7167"/>
      <c r="D7167"/>
    </row>
    <row r="7168" spans="3:4" x14ac:dyDescent="0.25">
      <c r="C7168"/>
      <c r="D7168"/>
    </row>
    <row r="7169" spans="3:4" x14ac:dyDescent="0.25">
      <c r="C7169"/>
      <c r="D7169"/>
    </row>
    <row r="7170" spans="3:4" x14ac:dyDescent="0.25">
      <c r="C7170"/>
      <c r="D7170"/>
    </row>
    <row r="7171" spans="3:4" x14ac:dyDescent="0.25">
      <c r="C7171"/>
      <c r="D7171"/>
    </row>
    <row r="7172" spans="3:4" x14ac:dyDescent="0.25">
      <c r="C7172"/>
      <c r="D7172"/>
    </row>
    <row r="7173" spans="3:4" x14ac:dyDescent="0.25">
      <c r="C7173"/>
      <c r="D7173"/>
    </row>
    <row r="7174" spans="3:4" x14ac:dyDescent="0.25">
      <c r="C7174"/>
      <c r="D7174"/>
    </row>
    <row r="7175" spans="3:4" x14ac:dyDescent="0.25">
      <c r="C7175"/>
      <c r="D7175"/>
    </row>
    <row r="7176" spans="3:4" x14ac:dyDescent="0.25">
      <c r="C7176"/>
      <c r="D7176"/>
    </row>
    <row r="7177" spans="3:4" x14ac:dyDescent="0.25">
      <c r="C7177"/>
      <c r="D7177"/>
    </row>
    <row r="7178" spans="3:4" x14ac:dyDescent="0.25">
      <c r="C7178"/>
      <c r="D7178"/>
    </row>
    <row r="7179" spans="3:4" x14ac:dyDescent="0.25">
      <c r="C7179"/>
      <c r="D7179"/>
    </row>
    <row r="7180" spans="3:4" x14ac:dyDescent="0.25">
      <c r="C7180"/>
      <c r="D7180"/>
    </row>
    <row r="7181" spans="3:4" x14ac:dyDescent="0.25">
      <c r="C7181"/>
      <c r="D7181"/>
    </row>
    <row r="7182" spans="3:4" x14ac:dyDescent="0.25">
      <c r="C7182"/>
      <c r="D7182"/>
    </row>
    <row r="7183" spans="3:4" x14ac:dyDescent="0.25">
      <c r="C7183"/>
      <c r="D7183"/>
    </row>
    <row r="7184" spans="3:4" x14ac:dyDescent="0.25">
      <c r="C7184"/>
      <c r="D7184"/>
    </row>
    <row r="7185" spans="3:4" x14ac:dyDescent="0.25">
      <c r="C7185"/>
      <c r="D7185"/>
    </row>
    <row r="7186" spans="3:4" x14ac:dyDescent="0.25">
      <c r="C7186"/>
      <c r="D7186"/>
    </row>
    <row r="7187" spans="3:4" x14ac:dyDescent="0.25">
      <c r="C7187"/>
      <c r="D7187"/>
    </row>
    <row r="7188" spans="3:4" x14ac:dyDescent="0.25">
      <c r="C7188"/>
      <c r="D7188"/>
    </row>
    <row r="7189" spans="3:4" x14ac:dyDescent="0.25">
      <c r="C7189"/>
      <c r="D7189"/>
    </row>
    <row r="7190" spans="3:4" x14ac:dyDescent="0.25">
      <c r="C7190"/>
      <c r="D7190"/>
    </row>
    <row r="7191" spans="3:4" x14ac:dyDescent="0.25">
      <c r="C7191"/>
      <c r="D7191"/>
    </row>
    <row r="7192" spans="3:4" x14ac:dyDescent="0.25">
      <c r="C7192"/>
      <c r="D7192"/>
    </row>
    <row r="7193" spans="3:4" x14ac:dyDescent="0.25">
      <c r="C7193"/>
      <c r="D7193"/>
    </row>
    <row r="7194" spans="3:4" x14ac:dyDescent="0.25">
      <c r="C7194"/>
      <c r="D7194"/>
    </row>
    <row r="7195" spans="3:4" x14ac:dyDescent="0.25">
      <c r="C7195"/>
      <c r="D7195"/>
    </row>
    <row r="7196" spans="3:4" x14ac:dyDescent="0.25">
      <c r="C7196"/>
      <c r="D7196"/>
    </row>
    <row r="7197" spans="3:4" x14ac:dyDescent="0.25">
      <c r="C7197"/>
      <c r="D7197"/>
    </row>
    <row r="7198" spans="3:4" x14ac:dyDescent="0.25">
      <c r="C7198"/>
      <c r="D7198"/>
    </row>
    <row r="7199" spans="3:4" x14ac:dyDescent="0.25">
      <c r="C7199"/>
      <c r="D7199"/>
    </row>
    <row r="7200" spans="3:4" x14ac:dyDescent="0.25">
      <c r="C7200"/>
      <c r="D7200"/>
    </row>
    <row r="7201" spans="3:4" x14ac:dyDescent="0.25">
      <c r="C7201"/>
      <c r="D7201"/>
    </row>
    <row r="7202" spans="3:4" x14ac:dyDescent="0.25">
      <c r="C7202"/>
      <c r="D7202"/>
    </row>
    <row r="7203" spans="3:4" x14ac:dyDescent="0.25">
      <c r="C7203"/>
      <c r="D7203"/>
    </row>
    <row r="7204" spans="3:4" x14ac:dyDescent="0.25">
      <c r="C7204"/>
      <c r="D7204"/>
    </row>
    <row r="7205" spans="3:4" x14ac:dyDescent="0.25">
      <c r="C7205"/>
      <c r="D7205"/>
    </row>
    <row r="7206" spans="3:4" x14ac:dyDescent="0.25">
      <c r="C7206"/>
      <c r="D7206"/>
    </row>
    <row r="7207" spans="3:4" x14ac:dyDescent="0.25">
      <c r="C7207"/>
      <c r="D7207"/>
    </row>
    <row r="7208" spans="3:4" x14ac:dyDescent="0.25">
      <c r="C7208"/>
      <c r="D7208"/>
    </row>
    <row r="7209" spans="3:4" x14ac:dyDescent="0.25">
      <c r="C7209"/>
      <c r="D7209"/>
    </row>
    <row r="7210" spans="3:4" x14ac:dyDescent="0.25">
      <c r="C7210"/>
      <c r="D7210"/>
    </row>
    <row r="7211" spans="3:4" x14ac:dyDescent="0.25">
      <c r="C7211"/>
      <c r="D7211"/>
    </row>
    <row r="7212" spans="3:4" x14ac:dyDescent="0.25">
      <c r="C7212"/>
      <c r="D7212"/>
    </row>
    <row r="7213" spans="3:4" x14ac:dyDescent="0.25">
      <c r="C7213"/>
      <c r="D7213"/>
    </row>
    <row r="7214" spans="3:4" x14ac:dyDescent="0.25">
      <c r="C7214"/>
      <c r="D7214"/>
    </row>
    <row r="7215" spans="3:4" x14ac:dyDescent="0.25">
      <c r="C7215"/>
      <c r="D7215"/>
    </row>
    <row r="7216" spans="3:4" x14ac:dyDescent="0.25">
      <c r="C7216"/>
      <c r="D7216"/>
    </row>
    <row r="7217" spans="3:4" x14ac:dyDescent="0.25">
      <c r="C7217"/>
      <c r="D7217"/>
    </row>
    <row r="7218" spans="3:4" x14ac:dyDescent="0.25">
      <c r="C7218"/>
      <c r="D7218"/>
    </row>
    <row r="7219" spans="3:4" x14ac:dyDescent="0.25">
      <c r="C7219"/>
      <c r="D7219"/>
    </row>
    <row r="7220" spans="3:4" x14ac:dyDescent="0.25">
      <c r="C7220"/>
      <c r="D7220"/>
    </row>
    <row r="7221" spans="3:4" x14ac:dyDescent="0.25">
      <c r="C7221"/>
      <c r="D7221"/>
    </row>
    <row r="7222" spans="3:4" x14ac:dyDescent="0.25">
      <c r="C7222"/>
      <c r="D7222"/>
    </row>
    <row r="7223" spans="3:4" x14ac:dyDescent="0.25">
      <c r="C7223"/>
      <c r="D7223"/>
    </row>
    <row r="7224" spans="3:4" x14ac:dyDescent="0.25">
      <c r="C7224"/>
      <c r="D7224"/>
    </row>
    <row r="7225" spans="3:4" x14ac:dyDescent="0.25">
      <c r="C7225"/>
      <c r="D7225"/>
    </row>
    <row r="7226" spans="3:4" x14ac:dyDescent="0.25">
      <c r="C7226"/>
      <c r="D7226"/>
    </row>
    <row r="7227" spans="3:4" x14ac:dyDescent="0.25">
      <c r="C7227"/>
      <c r="D7227"/>
    </row>
    <row r="7228" spans="3:4" x14ac:dyDescent="0.25">
      <c r="C7228"/>
      <c r="D7228"/>
    </row>
    <row r="7229" spans="3:4" x14ac:dyDescent="0.25">
      <c r="C7229"/>
      <c r="D7229"/>
    </row>
    <row r="7230" spans="3:4" x14ac:dyDescent="0.25">
      <c r="C7230"/>
      <c r="D7230"/>
    </row>
    <row r="7231" spans="3:4" x14ac:dyDescent="0.25">
      <c r="C7231"/>
      <c r="D7231"/>
    </row>
    <row r="7232" spans="3:4" x14ac:dyDescent="0.25">
      <c r="C7232"/>
      <c r="D7232"/>
    </row>
    <row r="7233" spans="3:4" x14ac:dyDescent="0.25">
      <c r="C7233"/>
      <c r="D7233"/>
    </row>
    <row r="7234" spans="3:4" x14ac:dyDescent="0.25">
      <c r="C7234"/>
      <c r="D7234"/>
    </row>
    <row r="7235" spans="3:4" x14ac:dyDescent="0.25">
      <c r="C7235"/>
      <c r="D7235"/>
    </row>
    <row r="7236" spans="3:4" x14ac:dyDescent="0.25">
      <c r="C7236"/>
      <c r="D7236"/>
    </row>
    <row r="7237" spans="3:4" x14ac:dyDescent="0.25">
      <c r="C7237"/>
      <c r="D7237"/>
    </row>
    <row r="7238" spans="3:4" x14ac:dyDescent="0.25">
      <c r="C7238"/>
      <c r="D7238"/>
    </row>
    <row r="7239" spans="3:4" x14ac:dyDescent="0.25">
      <c r="C7239"/>
      <c r="D7239"/>
    </row>
    <row r="7240" spans="3:4" x14ac:dyDescent="0.25">
      <c r="C7240"/>
      <c r="D7240"/>
    </row>
    <row r="7241" spans="3:4" x14ac:dyDescent="0.25">
      <c r="C7241"/>
      <c r="D7241"/>
    </row>
    <row r="7242" spans="3:4" x14ac:dyDescent="0.25">
      <c r="C7242"/>
      <c r="D7242"/>
    </row>
    <row r="7243" spans="3:4" x14ac:dyDescent="0.25">
      <c r="C7243"/>
      <c r="D7243"/>
    </row>
    <row r="7244" spans="3:4" x14ac:dyDescent="0.25">
      <c r="C7244"/>
      <c r="D7244"/>
    </row>
    <row r="7245" spans="3:4" x14ac:dyDescent="0.25">
      <c r="C7245"/>
      <c r="D7245"/>
    </row>
    <row r="7246" spans="3:4" x14ac:dyDescent="0.25">
      <c r="C7246"/>
      <c r="D7246"/>
    </row>
    <row r="7247" spans="3:4" x14ac:dyDescent="0.25">
      <c r="C7247"/>
      <c r="D7247"/>
    </row>
    <row r="7248" spans="3:4" x14ac:dyDescent="0.25">
      <c r="C7248"/>
      <c r="D7248"/>
    </row>
    <row r="7249" spans="3:4" x14ac:dyDescent="0.25">
      <c r="C7249"/>
      <c r="D7249"/>
    </row>
    <row r="7250" spans="3:4" x14ac:dyDescent="0.25">
      <c r="C7250"/>
      <c r="D7250"/>
    </row>
    <row r="7251" spans="3:4" x14ac:dyDescent="0.25">
      <c r="C7251"/>
      <c r="D7251"/>
    </row>
    <row r="7252" spans="3:4" x14ac:dyDescent="0.25">
      <c r="C7252"/>
      <c r="D7252"/>
    </row>
    <row r="7253" spans="3:4" x14ac:dyDescent="0.25">
      <c r="C7253"/>
      <c r="D7253"/>
    </row>
    <row r="7254" spans="3:4" x14ac:dyDescent="0.25">
      <c r="C7254"/>
      <c r="D7254"/>
    </row>
    <row r="7255" spans="3:4" x14ac:dyDescent="0.25">
      <c r="C7255"/>
      <c r="D7255"/>
    </row>
    <row r="7256" spans="3:4" x14ac:dyDescent="0.25">
      <c r="C7256"/>
      <c r="D7256"/>
    </row>
    <row r="7257" spans="3:4" x14ac:dyDescent="0.25">
      <c r="C7257"/>
      <c r="D7257"/>
    </row>
    <row r="7258" spans="3:4" x14ac:dyDescent="0.25">
      <c r="C7258"/>
      <c r="D7258"/>
    </row>
    <row r="7259" spans="3:4" x14ac:dyDescent="0.25">
      <c r="C7259"/>
      <c r="D7259"/>
    </row>
    <row r="7260" spans="3:4" x14ac:dyDescent="0.25">
      <c r="C7260"/>
      <c r="D7260"/>
    </row>
    <row r="7261" spans="3:4" x14ac:dyDescent="0.25">
      <c r="C7261"/>
      <c r="D7261"/>
    </row>
    <row r="7262" spans="3:4" x14ac:dyDescent="0.25">
      <c r="C7262"/>
      <c r="D7262"/>
    </row>
    <row r="7263" spans="3:4" x14ac:dyDescent="0.25">
      <c r="C7263"/>
      <c r="D7263"/>
    </row>
    <row r="7264" spans="3:4" x14ac:dyDescent="0.25">
      <c r="C7264"/>
      <c r="D7264"/>
    </row>
    <row r="7265" spans="3:4" x14ac:dyDescent="0.25">
      <c r="C7265"/>
      <c r="D7265"/>
    </row>
    <row r="7266" spans="3:4" x14ac:dyDescent="0.25">
      <c r="C7266"/>
      <c r="D7266"/>
    </row>
    <row r="7267" spans="3:4" x14ac:dyDescent="0.25">
      <c r="C7267"/>
      <c r="D7267"/>
    </row>
    <row r="7268" spans="3:4" x14ac:dyDescent="0.25">
      <c r="C7268"/>
      <c r="D7268"/>
    </row>
    <row r="7269" spans="3:4" x14ac:dyDescent="0.25">
      <c r="C7269"/>
      <c r="D7269"/>
    </row>
    <row r="7270" spans="3:4" x14ac:dyDescent="0.25">
      <c r="C7270"/>
      <c r="D7270"/>
    </row>
    <row r="7271" spans="3:4" x14ac:dyDescent="0.25">
      <c r="C7271"/>
      <c r="D7271"/>
    </row>
    <row r="7272" spans="3:4" x14ac:dyDescent="0.25">
      <c r="C7272"/>
      <c r="D7272"/>
    </row>
    <row r="7273" spans="3:4" x14ac:dyDescent="0.25">
      <c r="C7273"/>
      <c r="D7273"/>
    </row>
    <row r="7274" spans="3:4" x14ac:dyDescent="0.25">
      <c r="C7274"/>
      <c r="D7274"/>
    </row>
    <row r="7275" spans="3:4" x14ac:dyDescent="0.25">
      <c r="C7275"/>
      <c r="D7275"/>
    </row>
    <row r="7276" spans="3:4" x14ac:dyDescent="0.25">
      <c r="C7276"/>
      <c r="D7276"/>
    </row>
    <row r="7277" spans="3:4" x14ac:dyDescent="0.25">
      <c r="C7277"/>
      <c r="D7277"/>
    </row>
    <row r="7278" spans="3:4" x14ac:dyDescent="0.25">
      <c r="C7278"/>
      <c r="D7278"/>
    </row>
    <row r="7279" spans="3:4" x14ac:dyDescent="0.25">
      <c r="C7279"/>
      <c r="D7279"/>
    </row>
    <row r="7280" spans="3:4" x14ac:dyDescent="0.25">
      <c r="C7280"/>
      <c r="D7280"/>
    </row>
    <row r="7281" spans="3:4" x14ac:dyDescent="0.25">
      <c r="C7281"/>
      <c r="D7281"/>
    </row>
    <row r="7282" spans="3:4" x14ac:dyDescent="0.25">
      <c r="C7282"/>
      <c r="D7282"/>
    </row>
    <row r="7283" spans="3:4" x14ac:dyDescent="0.25">
      <c r="C7283"/>
      <c r="D7283"/>
    </row>
    <row r="7284" spans="3:4" x14ac:dyDescent="0.25">
      <c r="C7284"/>
      <c r="D7284"/>
    </row>
    <row r="7285" spans="3:4" x14ac:dyDescent="0.25">
      <c r="C7285"/>
      <c r="D7285"/>
    </row>
    <row r="7286" spans="3:4" x14ac:dyDescent="0.25">
      <c r="C7286"/>
      <c r="D7286"/>
    </row>
    <row r="7287" spans="3:4" x14ac:dyDescent="0.25">
      <c r="C7287"/>
      <c r="D7287"/>
    </row>
    <row r="7288" spans="3:4" x14ac:dyDescent="0.25">
      <c r="C7288"/>
      <c r="D7288"/>
    </row>
    <row r="7289" spans="3:4" x14ac:dyDescent="0.25">
      <c r="C7289"/>
      <c r="D7289"/>
    </row>
    <row r="7290" spans="3:4" x14ac:dyDescent="0.25">
      <c r="C7290"/>
      <c r="D7290"/>
    </row>
    <row r="7291" spans="3:4" x14ac:dyDescent="0.25">
      <c r="C7291"/>
      <c r="D7291"/>
    </row>
    <row r="7292" spans="3:4" x14ac:dyDescent="0.25">
      <c r="C7292"/>
      <c r="D7292"/>
    </row>
    <row r="7293" spans="3:4" x14ac:dyDescent="0.25">
      <c r="C7293"/>
      <c r="D7293"/>
    </row>
    <row r="7294" spans="3:4" x14ac:dyDescent="0.25">
      <c r="C7294"/>
      <c r="D7294"/>
    </row>
    <row r="7295" spans="3:4" x14ac:dyDescent="0.25">
      <c r="C7295"/>
      <c r="D7295"/>
    </row>
    <row r="7296" spans="3:4" x14ac:dyDescent="0.25">
      <c r="C7296"/>
      <c r="D7296"/>
    </row>
    <row r="7297" spans="3:4" x14ac:dyDescent="0.25">
      <c r="C7297"/>
      <c r="D7297"/>
    </row>
    <row r="7298" spans="3:4" x14ac:dyDescent="0.25">
      <c r="C7298"/>
      <c r="D7298"/>
    </row>
    <row r="7299" spans="3:4" x14ac:dyDescent="0.25">
      <c r="C7299"/>
      <c r="D7299"/>
    </row>
    <row r="7300" spans="3:4" x14ac:dyDescent="0.25">
      <c r="C7300"/>
      <c r="D7300"/>
    </row>
    <row r="7301" spans="3:4" x14ac:dyDescent="0.25">
      <c r="C7301"/>
      <c r="D7301"/>
    </row>
    <row r="7302" spans="3:4" x14ac:dyDescent="0.25">
      <c r="C7302"/>
      <c r="D7302"/>
    </row>
    <row r="7303" spans="3:4" x14ac:dyDescent="0.25">
      <c r="C7303"/>
      <c r="D7303"/>
    </row>
    <row r="7304" spans="3:4" x14ac:dyDescent="0.25">
      <c r="C7304"/>
      <c r="D7304"/>
    </row>
    <row r="7305" spans="3:4" x14ac:dyDescent="0.25">
      <c r="C7305"/>
      <c r="D7305"/>
    </row>
    <row r="7306" spans="3:4" x14ac:dyDescent="0.25">
      <c r="C7306"/>
      <c r="D7306"/>
    </row>
    <row r="7307" spans="3:4" x14ac:dyDescent="0.25">
      <c r="C7307"/>
      <c r="D7307"/>
    </row>
    <row r="7308" spans="3:4" x14ac:dyDescent="0.25">
      <c r="C7308"/>
      <c r="D7308"/>
    </row>
    <row r="7309" spans="3:4" x14ac:dyDescent="0.25">
      <c r="C7309"/>
      <c r="D7309"/>
    </row>
    <row r="7310" spans="3:4" x14ac:dyDescent="0.25">
      <c r="C7310"/>
      <c r="D7310"/>
    </row>
    <row r="7311" spans="3:4" x14ac:dyDescent="0.25">
      <c r="C7311"/>
      <c r="D7311"/>
    </row>
    <row r="7312" spans="3:4" x14ac:dyDescent="0.25">
      <c r="C7312"/>
      <c r="D7312"/>
    </row>
    <row r="7313" spans="3:4" x14ac:dyDescent="0.25">
      <c r="C7313"/>
      <c r="D7313"/>
    </row>
    <row r="7314" spans="3:4" x14ac:dyDescent="0.25">
      <c r="C7314"/>
      <c r="D7314"/>
    </row>
    <row r="7315" spans="3:4" x14ac:dyDescent="0.25">
      <c r="C7315"/>
      <c r="D7315"/>
    </row>
    <row r="7316" spans="3:4" x14ac:dyDescent="0.25">
      <c r="C7316"/>
      <c r="D7316"/>
    </row>
    <row r="7317" spans="3:4" x14ac:dyDescent="0.25">
      <c r="C7317"/>
      <c r="D7317"/>
    </row>
    <row r="7318" spans="3:4" x14ac:dyDescent="0.25">
      <c r="C7318"/>
      <c r="D7318"/>
    </row>
    <row r="7319" spans="3:4" x14ac:dyDescent="0.25">
      <c r="C7319"/>
      <c r="D7319"/>
    </row>
    <row r="7320" spans="3:4" x14ac:dyDescent="0.25">
      <c r="C7320"/>
      <c r="D7320"/>
    </row>
    <row r="7321" spans="3:4" x14ac:dyDescent="0.25">
      <c r="C7321"/>
      <c r="D7321"/>
    </row>
    <row r="7322" spans="3:4" x14ac:dyDescent="0.25">
      <c r="C7322"/>
      <c r="D7322"/>
    </row>
    <row r="7323" spans="3:4" x14ac:dyDescent="0.25">
      <c r="C7323"/>
      <c r="D7323"/>
    </row>
    <row r="7324" spans="3:4" x14ac:dyDescent="0.25">
      <c r="C7324"/>
      <c r="D7324"/>
    </row>
    <row r="7325" spans="3:4" x14ac:dyDescent="0.25">
      <c r="C7325"/>
      <c r="D7325"/>
    </row>
    <row r="7326" spans="3:4" x14ac:dyDescent="0.25">
      <c r="C7326"/>
      <c r="D7326"/>
    </row>
    <row r="7327" spans="3:4" x14ac:dyDescent="0.25">
      <c r="C7327"/>
      <c r="D7327"/>
    </row>
    <row r="7328" spans="3:4" x14ac:dyDescent="0.25">
      <c r="C7328"/>
      <c r="D7328"/>
    </row>
    <row r="7329" spans="3:4" x14ac:dyDescent="0.25">
      <c r="C7329"/>
      <c r="D7329"/>
    </row>
    <row r="7330" spans="3:4" x14ac:dyDescent="0.25">
      <c r="C7330"/>
      <c r="D7330"/>
    </row>
    <row r="7331" spans="3:4" x14ac:dyDescent="0.25">
      <c r="C7331"/>
      <c r="D7331"/>
    </row>
    <row r="7332" spans="3:4" x14ac:dyDescent="0.25">
      <c r="C7332"/>
      <c r="D7332"/>
    </row>
    <row r="7333" spans="3:4" x14ac:dyDescent="0.25">
      <c r="C7333"/>
      <c r="D7333"/>
    </row>
    <row r="7334" spans="3:4" x14ac:dyDescent="0.25">
      <c r="C7334"/>
      <c r="D7334"/>
    </row>
    <row r="7335" spans="3:4" x14ac:dyDescent="0.25">
      <c r="C7335"/>
      <c r="D7335"/>
    </row>
    <row r="7336" spans="3:4" x14ac:dyDescent="0.25">
      <c r="C7336"/>
      <c r="D7336"/>
    </row>
    <row r="7337" spans="3:4" x14ac:dyDescent="0.25">
      <c r="C7337"/>
      <c r="D7337"/>
    </row>
    <row r="7338" spans="3:4" x14ac:dyDescent="0.25">
      <c r="C7338"/>
      <c r="D7338"/>
    </row>
    <row r="7339" spans="3:4" x14ac:dyDescent="0.25">
      <c r="C7339"/>
      <c r="D7339"/>
    </row>
    <row r="7340" spans="3:4" x14ac:dyDescent="0.25">
      <c r="C7340"/>
      <c r="D7340"/>
    </row>
    <row r="7341" spans="3:4" x14ac:dyDescent="0.25">
      <c r="C7341"/>
      <c r="D7341"/>
    </row>
    <row r="7342" spans="3:4" x14ac:dyDescent="0.25">
      <c r="C7342"/>
      <c r="D7342"/>
    </row>
    <row r="7343" spans="3:4" x14ac:dyDescent="0.25">
      <c r="C7343"/>
      <c r="D7343"/>
    </row>
    <row r="7344" spans="3:4" x14ac:dyDescent="0.25">
      <c r="C7344"/>
      <c r="D7344"/>
    </row>
    <row r="7345" spans="3:4" x14ac:dyDescent="0.25">
      <c r="C7345"/>
      <c r="D7345"/>
    </row>
    <row r="7346" spans="3:4" x14ac:dyDescent="0.25">
      <c r="C7346"/>
      <c r="D7346"/>
    </row>
    <row r="7347" spans="3:4" x14ac:dyDescent="0.25">
      <c r="C7347"/>
      <c r="D7347"/>
    </row>
    <row r="7348" spans="3:4" x14ac:dyDescent="0.25">
      <c r="C7348"/>
      <c r="D7348"/>
    </row>
    <row r="7349" spans="3:4" x14ac:dyDescent="0.25">
      <c r="C7349"/>
      <c r="D7349"/>
    </row>
    <row r="7350" spans="3:4" x14ac:dyDescent="0.25">
      <c r="C7350"/>
      <c r="D7350"/>
    </row>
    <row r="7351" spans="3:4" x14ac:dyDescent="0.25">
      <c r="C7351"/>
      <c r="D7351"/>
    </row>
    <row r="7352" spans="3:4" x14ac:dyDescent="0.25">
      <c r="C7352"/>
      <c r="D7352"/>
    </row>
    <row r="7353" spans="3:4" x14ac:dyDescent="0.25">
      <c r="C7353"/>
      <c r="D7353"/>
    </row>
    <row r="7354" spans="3:4" x14ac:dyDescent="0.25">
      <c r="C7354"/>
      <c r="D7354"/>
    </row>
    <row r="7355" spans="3:4" x14ac:dyDescent="0.25">
      <c r="C7355"/>
      <c r="D7355"/>
    </row>
    <row r="7356" spans="3:4" x14ac:dyDescent="0.25">
      <c r="C7356"/>
      <c r="D7356"/>
    </row>
    <row r="7357" spans="3:4" x14ac:dyDescent="0.25">
      <c r="C7357"/>
      <c r="D7357"/>
    </row>
    <row r="7358" spans="3:4" x14ac:dyDescent="0.25">
      <c r="C7358"/>
      <c r="D7358"/>
    </row>
    <row r="7359" spans="3:4" x14ac:dyDescent="0.25">
      <c r="C7359"/>
      <c r="D7359"/>
    </row>
    <row r="7360" spans="3:4" x14ac:dyDescent="0.25">
      <c r="C7360"/>
      <c r="D7360"/>
    </row>
    <row r="7361" spans="3:4" x14ac:dyDescent="0.25">
      <c r="C7361"/>
      <c r="D7361"/>
    </row>
    <row r="7362" spans="3:4" x14ac:dyDescent="0.25">
      <c r="C7362"/>
      <c r="D7362"/>
    </row>
    <row r="7363" spans="3:4" x14ac:dyDescent="0.25">
      <c r="C7363"/>
      <c r="D7363"/>
    </row>
    <row r="7364" spans="3:4" x14ac:dyDescent="0.25">
      <c r="C7364"/>
      <c r="D7364"/>
    </row>
    <row r="7365" spans="3:4" x14ac:dyDescent="0.25">
      <c r="C7365"/>
      <c r="D7365"/>
    </row>
    <row r="7366" spans="3:4" x14ac:dyDescent="0.25">
      <c r="C7366"/>
      <c r="D7366"/>
    </row>
    <row r="7367" spans="3:4" x14ac:dyDescent="0.25">
      <c r="C7367"/>
      <c r="D7367"/>
    </row>
    <row r="7368" spans="3:4" x14ac:dyDescent="0.25">
      <c r="C7368"/>
      <c r="D7368"/>
    </row>
    <row r="7369" spans="3:4" x14ac:dyDescent="0.25">
      <c r="C7369"/>
      <c r="D7369"/>
    </row>
    <row r="7370" spans="3:4" x14ac:dyDescent="0.25">
      <c r="C7370"/>
      <c r="D7370"/>
    </row>
    <row r="7371" spans="3:4" x14ac:dyDescent="0.25">
      <c r="C7371"/>
      <c r="D7371"/>
    </row>
    <row r="7372" spans="3:4" x14ac:dyDescent="0.25">
      <c r="C7372"/>
      <c r="D7372"/>
    </row>
    <row r="7373" spans="3:4" x14ac:dyDescent="0.25">
      <c r="C7373"/>
      <c r="D7373"/>
    </row>
    <row r="7374" spans="3:4" x14ac:dyDescent="0.25">
      <c r="C7374"/>
      <c r="D7374"/>
    </row>
    <row r="7375" spans="3:4" x14ac:dyDescent="0.25">
      <c r="C7375"/>
      <c r="D7375"/>
    </row>
    <row r="7376" spans="3:4" x14ac:dyDescent="0.25">
      <c r="C7376"/>
      <c r="D7376"/>
    </row>
    <row r="7377" spans="3:4" x14ac:dyDescent="0.25">
      <c r="C7377"/>
      <c r="D7377"/>
    </row>
    <row r="7378" spans="3:4" x14ac:dyDescent="0.25">
      <c r="C7378"/>
      <c r="D7378"/>
    </row>
    <row r="7379" spans="3:4" x14ac:dyDescent="0.25">
      <c r="C7379"/>
      <c r="D7379"/>
    </row>
    <row r="7380" spans="3:4" x14ac:dyDescent="0.25">
      <c r="C7380"/>
      <c r="D7380"/>
    </row>
    <row r="7381" spans="3:4" x14ac:dyDescent="0.25">
      <c r="C7381"/>
      <c r="D7381"/>
    </row>
    <row r="7382" spans="3:4" x14ac:dyDescent="0.25">
      <c r="C7382"/>
      <c r="D7382"/>
    </row>
    <row r="7383" spans="3:4" x14ac:dyDescent="0.25">
      <c r="C7383"/>
      <c r="D7383"/>
    </row>
    <row r="7384" spans="3:4" x14ac:dyDescent="0.25">
      <c r="C7384"/>
      <c r="D7384"/>
    </row>
    <row r="7385" spans="3:4" x14ac:dyDescent="0.25">
      <c r="C7385"/>
      <c r="D7385"/>
    </row>
    <row r="7386" spans="3:4" x14ac:dyDescent="0.25">
      <c r="C7386"/>
      <c r="D7386"/>
    </row>
    <row r="7387" spans="3:4" x14ac:dyDescent="0.25">
      <c r="C7387"/>
      <c r="D7387"/>
    </row>
    <row r="7388" spans="3:4" x14ac:dyDescent="0.25">
      <c r="C7388"/>
      <c r="D7388"/>
    </row>
    <row r="7389" spans="3:4" x14ac:dyDescent="0.25">
      <c r="C7389"/>
      <c r="D7389"/>
    </row>
    <row r="7390" spans="3:4" x14ac:dyDescent="0.25">
      <c r="C7390"/>
      <c r="D7390"/>
    </row>
    <row r="7391" spans="3:4" x14ac:dyDescent="0.25">
      <c r="C7391"/>
      <c r="D7391"/>
    </row>
    <row r="7392" spans="3:4" x14ac:dyDescent="0.25">
      <c r="C7392"/>
      <c r="D7392"/>
    </row>
    <row r="7393" spans="3:4" x14ac:dyDescent="0.25">
      <c r="C7393"/>
      <c r="D7393"/>
    </row>
    <row r="7394" spans="3:4" x14ac:dyDescent="0.25">
      <c r="C7394"/>
      <c r="D7394"/>
    </row>
    <row r="7395" spans="3:4" x14ac:dyDescent="0.25">
      <c r="C7395"/>
      <c r="D7395"/>
    </row>
    <row r="7396" spans="3:4" x14ac:dyDescent="0.25">
      <c r="C7396"/>
      <c r="D7396"/>
    </row>
    <row r="7397" spans="3:4" x14ac:dyDescent="0.25">
      <c r="C7397"/>
      <c r="D7397"/>
    </row>
    <row r="7398" spans="3:4" x14ac:dyDescent="0.25">
      <c r="C7398"/>
      <c r="D7398"/>
    </row>
    <row r="7399" spans="3:4" x14ac:dyDescent="0.25">
      <c r="C7399"/>
      <c r="D7399"/>
    </row>
    <row r="7400" spans="3:4" x14ac:dyDescent="0.25">
      <c r="C7400"/>
      <c r="D7400"/>
    </row>
    <row r="7401" spans="3:4" x14ac:dyDescent="0.25">
      <c r="C7401"/>
      <c r="D7401"/>
    </row>
    <row r="7402" spans="3:4" x14ac:dyDescent="0.25">
      <c r="C7402"/>
      <c r="D7402"/>
    </row>
    <row r="7403" spans="3:4" x14ac:dyDescent="0.25">
      <c r="C7403"/>
      <c r="D7403"/>
    </row>
    <row r="7404" spans="3:4" x14ac:dyDescent="0.25">
      <c r="C7404"/>
      <c r="D7404"/>
    </row>
    <row r="7405" spans="3:4" x14ac:dyDescent="0.25">
      <c r="C7405"/>
      <c r="D7405"/>
    </row>
    <row r="7406" spans="3:4" x14ac:dyDescent="0.25">
      <c r="C7406"/>
      <c r="D7406"/>
    </row>
    <row r="7407" spans="3:4" x14ac:dyDescent="0.25">
      <c r="C7407"/>
      <c r="D7407"/>
    </row>
    <row r="7408" spans="3:4" x14ac:dyDescent="0.25">
      <c r="C7408"/>
      <c r="D7408"/>
    </row>
    <row r="7409" spans="3:4" x14ac:dyDescent="0.25">
      <c r="C7409"/>
      <c r="D7409"/>
    </row>
    <row r="7410" spans="3:4" x14ac:dyDescent="0.25">
      <c r="C7410"/>
      <c r="D7410"/>
    </row>
    <row r="7411" spans="3:4" x14ac:dyDescent="0.25">
      <c r="C7411"/>
      <c r="D7411"/>
    </row>
    <row r="7412" spans="3:4" x14ac:dyDescent="0.25">
      <c r="C7412"/>
      <c r="D7412"/>
    </row>
    <row r="7413" spans="3:4" x14ac:dyDescent="0.25">
      <c r="C7413"/>
      <c r="D7413"/>
    </row>
    <row r="7414" spans="3:4" x14ac:dyDescent="0.25">
      <c r="C7414"/>
      <c r="D7414"/>
    </row>
    <row r="7415" spans="3:4" x14ac:dyDescent="0.25">
      <c r="C7415"/>
      <c r="D7415"/>
    </row>
    <row r="7416" spans="3:4" x14ac:dyDescent="0.25">
      <c r="C7416"/>
      <c r="D7416"/>
    </row>
    <row r="7417" spans="3:4" x14ac:dyDescent="0.25">
      <c r="C7417"/>
      <c r="D7417"/>
    </row>
    <row r="7418" spans="3:4" x14ac:dyDescent="0.25">
      <c r="C7418"/>
      <c r="D7418"/>
    </row>
    <row r="7419" spans="3:4" x14ac:dyDescent="0.25">
      <c r="C7419"/>
      <c r="D7419"/>
    </row>
    <row r="7420" spans="3:4" x14ac:dyDescent="0.25">
      <c r="C7420"/>
      <c r="D7420"/>
    </row>
    <row r="7421" spans="3:4" x14ac:dyDescent="0.25">
      <c r="C7421"/>
      <c r="D7421"/>
    </row>
    <row r="7422" spans="3:4" x14ac:dyDescent="0.25">
      <c r="C7422"/>
      <c r="D7422"/>
    </row>
    <row r="7423" spans="3:4" x14ac:dyDescent="0.25">
      <c r="C7423"/>
      <c r="D7423"/>
    </row>
    <row r="7424" spans="3:4" x14ac:dyDescent="0.25">
      <c r="C7424"/>
      <c r="D7424"/>
    </row>
    <row r="7425" spans="3:4" x14ac:dyDescent="0.25">
      <c r="C7425"/>
      <c r="D7425"/>
    </row>
    <row r="7426" spans="3:4" x14ac:dyDescent="0.25">
      <c r="C7426"/>
      <c r="D7426"/>
    </row>
    <row r="7427" spans="3:4" x14ac:dyDescent="0.25">
      <c r="C7427"/>
      <c r="D7427"/>
    </row>
    <row r="7428" spans="3:4" x14ac:dyDescent="0.25">
      <c r="C7428"/>
      <c r="D7428"/>
    </row>
    <row r="7429" spans="3:4" x14ac:dyDescent="0.25">
      <c r="C7429"/>
      <c r="D7429"/>
    </row>
    <row r="7430" spans="3:4" x14ac:dyDescent="0.25">
      <c r="C7430"/>
      <c r="D7430"/>
    </row>
    <row r="7431" spans="3:4" x14ac:dyDescent="0.25">
      <c r="C7431"/>
      <c r="D7431"/>
    </row>
    <row r="7432" spans="3:4" x14ac:dyDescent="0.25">
      <c r="C7432"/>
      <c r="D7432"/>
    </row>
    <row r="7433" spans="3:4" x14ac:dyDescent="0.25">
      <c r="C7433"/>
      <c r="D7433"/>
    </row>
    <row r="7434" spans="3:4" x14ac:dyDescent="0.25">
      <c r="C7434"/>
      <c r="D7434"/>
    </row>
    <row r="7435" spans="3:4" x14ac:dyDescent="0.25">
      <c r="C7435"/>
      <c r="D7435"/>
    </row>
    <row r="7436" spans="3:4" x14ac:dyDescent="0.25">
      <c r="C7436"/>
      <c r="D7436"/>
    </row>
    <row r="7437" spans="3:4" x14ac:dyDescent="0.25">
      <c r="C7437"/>
      <c r="D7437"/>
    </row>
    <row r="7438" spans="3:4" x14ac:dyDescent="0.25">
      <c r="C7438"/>
      <c r="D7438"/>
    </row>
    <row r="7439" spans="3:4" x14ac:dyDescent="0.25">
      <c r="C7439"/>
      <c r="D7439"/>
    </row>
    <row r="7440" spans="3:4" x14ac:dyDescent="0.25">
      <c r="C7440"/>
      <c r="D7440"/>
    </row>
    <row r="7441" spans="3:4" x14ac:dyDescent="0.25">
      <c r="C7441"/>
      <c r="D7441"/>
    </row>
    <row r="7442" spans="3:4" x14ac:dyDescent="0.25">
      <c r="C7442"/>
      <c r="D7442"/>
    </row>
    <row r="7443" spans="3:4" x14ac:dyDescent="0.25">
      <c r="C7443"/>
      <c r="D7443"/>
    </row>
    <row r="7444" spans="3:4" x14ac:dyDescent="0.25">
      <c r="C7444"/>
      <c r="D7444"/>
    </row>
    <row r="7445" spans="3:4" x14ac:dyDescent="0.25">
      <c r="C7445"/>
      <c r="D7445"/>
    </row>
    <row r="7446" spans="3:4" x14ac:dyDescent="0.25">
      <c r="C7446"/>
      <c r="D7446"/>
    </row>
    <row r="7447" spans="3:4" x14ac:dyDescent="0.25">
      <c r="C7447"/>
      <c r="D7447"/>
    </row>
    <row r="7448" spans="3:4" x14ac:dyDescent="0.25">
      <c r="C7448"/>
      <c r="D7448"/>
    </row>
    <row r="7449" spans="3:4" x14ac:dyDescent="0.25">
      <c r="C7449"/>
      <c r="D7449"/>
    </row>
    <row r="7450" spans="3:4" x14ac:dyDescent="0.25">
      <c r="C7450"/>
      <c r="D7450"/>
    </row>
    <row r="7451" spans="3:4" x14ac:dyDescent="0.25">
      <c r="C7451"/>
      <c r="D7451"/>
    </row>
    <row r="7452" spans="3:4" x14ac:dyDescent="0.25">
      <c r="C7452"/>
      <c r="D7452"/>
    </row>
    <row r="7453" spans="3:4" x14ac:dyDescent="0.25">
      <c r="C7453"/>
      <c r="D7453"/>
    </row>
    <row r="7454" spans="3:4" x14ac:dyDescent="0.25">
      <c r="C7454"/>
      <c r="D7454"/>
    </row>
    <row r="7455" spans="3:4" x14ac:dyDescent="0.25">
      <c r="C7455"/>
      <c r="D7455"/>
    </row>
    <row r="7456" spans="3:4" x14ac:dyDescent="0.25">
      <c r="C7456"/>
      <c r="D7456"/>
    </row>
    <row r="7457" spans="3:4" x14ac:dyDescent="0.25">
      <c r="C7457"/>
      <c r="D7457"/>
    </row>
    <row r="7458" spans="3:4" x14ac:dyDescent="0.25">
      <c r="C7458"/>
      <c r="D7458"/>
    </row>
    <row r="7459" spans="3:4" x14ac:dyDescent="0.25">
      <c r="C7459"/>
      <c r="D7459"/>
    </row>
    <row r="7460" spans="3:4" x14ac:dyDescent="0.25">
      <c r="C7460"/>
      <c r="D7460"/>
    </row>
    <row r="7461" spans="3:4" x14ac:dyDescent="0.25">
      <c r="C7461"/>
      <c r="D7461"/>
    </row>
    <row r="7462" spans="3:4" x14ac:dyDescent="0.25">
      <c r="C7462"/>
      <c r="D7462"/>
    </row>
    <row r="7463" spans="3:4" x14ac:dyDescent="0.25">
      <c r="C7463"/>
      <c r="D7463"/>
    </row>
    <row r="7464" spans="3:4" x14ac:dyDescent="0.25">
      <c r="C7464"/>
      <c r="D7464"/>
    </row>
    <row r="7465" spans="3:4" x14ac:dyDescent="0.25">
      <c r="C7465"/>
      <c r="D7465"/>
    </row>
    <row r="7466" spans="3:4" x14ac:dyDescent="0.25">
      <c r="C7466"/>
      <c r="D7466"/>
    </row>
    <row r="7467" spans="3:4" x14ac:dyDescent="0.25">
      <c r="C7467"/>
      <c r="D7467"/>
    </row>
    <row r="7468" spans="3:4" x14ac:dyDescent="0.25">
      <c r="C7468"/>
      <c r="D7468"/>
    </row>
    <row r="7469" spans="3:4" x14ac:dyDescent="0.25">
      <c r="C7469"/>
      <c r="D7469"/>
    </row>
    <row r="7470" spans="3:4" x14ac:dyDescent="0.25">
      <c r="C7470"/>
      <c r="D7470"/>
    </row>
    <row r="7471" spans="3:4" x14ac:dyDescent="0.25">
      <c r="C7471"/>
      <c r="D7471"/>
    </row>
    <row r="7472" spans="3:4" x14ac:dyDescent="0.25">
      <c r="C7472"/>
      <c r="D7472"/>
    </row>
    <row r="7473" spans="3:4" x14ac:dyDescent="0.25">
      <c r="C7473"/>
      <c r="D7473"/>
    </row>
    <row r="7474" spans="3:4" x14ac:dyDescent="0.25">
      <c r="C7474"/>
      <c r="D7474"/>
    </row>
    <row r="7475" spans="3:4" x14ac:dyDescent="0.25">
      <c r="C7475"/>
      <c r="D7475"/>
    </row>
    <row r="7476" spans="3:4" x14ac:dyDescent="0.25">
      <c r="C7476"/>
      <c r="D7476"/>
    </row>
    <row r="7477" spans="3:4" x14ac:dyDescent="0.25">
      <c r="C7477"/>
      <c r="D7477"/>
    </row>
    <row r="7478" spans="3:4" x14ac:dyDescent="0.25">
      <c r="C7478"/>
      <c r="D7478"/>
    </row>
    <row r="7479" spans="3:4" x14ac:dyDescent="0.25">
      <c r="C7479"/>
      <c r="D7479"/>
    </row>
    <row r="7480" spans="3:4" x14ac:dyDescent="0.25">
      <c r="C7480"/>
      <c r="D7480"/>
    </row>
    <row r="7481" spans="3:4" x14ac:dyDescent="0.25">
      <c r="C7481"/>
      <c r="D7481"/>
    </row>
    <row r="7482" spans="3:4" x14ac:dyDescent="0.25">
      <c r="C7482"/>
      <c r="D7482"/>
    </row>
    <row r="7483" spans="3:4" x14ac:dyDescent="0.25">
      <c r="C7483"/>
      <c r="D7483"/>
    </row>
    <row r="7484" spans="3:4" x14ac:dyDescent="0.25">
      <c r="C7484"/>
      <c r="D7484"/>
    </row>
    <row r="7485" spans="3:4" x14ac:dyDescent="0.25">
      <c r="C7485"/>
      <c r="D7485"/>
    </row>
    <row r="7486" spans="3:4" x14ac:dyDescent="0.25">
      <c r="C7486"/>
      <c r="D7486"/>
    </row>
    <row r="7487" spans="3:4" x14ac:dyDescent="0.25">
      <c r="C7487"/>
      <c r="D7487"/>
    </row>
    <row r="7488" spans="3:4" x14ac:dyDescent="0.25">
      <c r="C7488"/>
      <c r="D7488"/>
    </row>
    <row r="7489" spans="3:4" x14ac:dyDescent="0.25">
      <c r="C7489"/>
      <c r="D7489"/>
    </row>
    <row r="7490" spans="3:4" x14ac:dyDescent="0.25">
      <c r="C7490"/>
      <c r="D7490"/>
    </row>
    <row r="7491" spans="3:4" x14ac:dyDescent="0.25">
      <c r="C7491"/>
      <c r="D7491"/>
    </row>
    <row r="7492" spans="3:4" x14ac:dyDescent="0.25">
      <c r="C7492"/>
      <c r="D7492"/>
    </row>
    <row r="7493" spans="3:4" x14ac:dyDescent="0.25">
      <c r="C7493"/>
      <c r="D7493"/>
    </row>
    <row r="7494" spans="3:4" x14ac:dyDescent="0.25">
      <c r="C7494"/>
      <c r="D7494"/>
    </row>
    <row r="7495" spans="3:4" x14ac:dyDescent="0.25">
      <c r="C7495"/>
      <c r="D7495"/>
    </row>
    <row r="7496" spans="3:4" x14ac:dyDescent="0.25">
      <c r="C7496"/>
      <c r="D7496"/>
    </row>
    <row r="7497" spans="3:4" x14ac:dyDescent="0.25">
      <c r="C7497"/>
      <c r="D7497"/>
    </row>
    <row r="7498" spans="3:4" x14ac:dyDescent="0.25">
      <c r="C7498"/>
      <c r="D7498"/>
    </row>
    <row r="7499" spans="3:4" x14ac:dyDescent="0.25">
      <c r="C7499"/>
      <c r="D7499"/>
    </row>
    <row r="7500" spans="3:4" x14ac:dyDescent="0.25">
      <c r="C7500"/>
      <c r="D7500"/>
    </row>
    <row r="7501" spans="3:4" x14ac:dyDescent="0.25">
      <c r="C7501"/>
      <c r="D7501"/>
    </row>
    <row r="7502" spans="3:4" x14ac:dyDescent="0.25">
      <c r="C7502"/>
      <c r="D7502"/>
    </row>
    <row r="7503" spans="3:4" x14ac:dyDescent="0.25">
      <c r="C7503"/>
      <c r="D7503"/>
    </row>
    <row r="7504" spans="3:4" x14ac:dyDescent="0.25">
      <c r="C7504"/>
      <c r="D7504"/>
    </row>
    <row r="7505" spans="3:4" x14ac:dyDescent="0.25">
      <c r="C7505"/>
      <c r="D7505"/>
    </row>
    <row r="7506" spans="3:4" x14ac:dyDescent="0.25">
      <c r="C7506"/>
      <c r="D7506"/>
    </row>
    <row r="7507" spans="3:4" x14ac:dyDescent="0.25">
      <c r="C7507"/>
      <c r="D7507"/>
    </row>
    <row r="7508" spans="3:4" x14ac:dyDescent="0.25">
      <c r="C7508"/>
      <c r="D7508"/>
    </row>
    <row r="7509" spans="3:4" x14ac:dyDescent="0.25">
      <c r="C7509"/>
      <c r="D7509"/>
    </row>
    <row r="7510" spans="3:4" x14ac:dyDescent="0.25">
      <c r="C7510"/>
      <c r="D7510"/>
    </row>
    <row r="7511" spans="3:4" x14ac:dyDescent="0.25">
      <c r="C7511"/>
      <c r="D7511"/>
    </row>
    <row r="7512" spans="3:4" x14ac:dyDescent="0.25">
      <c r="C7512"/>
      <c r="D7512"/>
    </row>
    <row r="7513" spans="3:4" x14ac:dyDescent="0.25">
      <c r="C7513"/>
      <c r="D7513"/>
    </row>
    <row r="7514" spans="3:4" x14ac:dyDescent="0.25">
      <c r="C7514"/>
      <c r="D7514"/>
    </row>
    <row r="7515" spans="3:4" x14ac:dyDescent="0.25">
      <c r="C7515"/>
      <c r="D7515"/>
    </row>
    <row r="7516" spans="3:4" x14ac:dyDescent="0.25">
      <c r="C7516"/>
      <c r="D7516"/>
    </row>
    <row r="7517" spans="3:4" x14ac:dyDescent="0.25">
      <c r="C7517"/>
      <c r="D7517"/>
    </row>
    <row r="7518" spans="3:4" x14ac:dyDescent="0.25">
      <c r="C7518"/>
      <c r="D7518"/>
    </row>
    <row r="7519" spans="3:4" x14ac:dyDescent="0.25">
      <c r="C7519"/>
      <c r="D7519"/>
    </row>
    <row r="7520" spans="3:4" x14ac:dyDescent="0.25">
      <c r="C7520"/>
      <c r="D7520"/>
    </row>
    <row r="7521" spans="3:4" x14ac:dyDescent="0.25">
      <c r="C7521"/>
      <c r="D7521"/>
    </row>
    <row r="7522" spans="3:4" x14ac:dyDescent="0.25">
      <c r="C7522"/>
      <c r="D7522"/>
    </row>
    <row r="7523" spans="3:4" x14ac:dyDescent="0.25">
      <c r="C7523"/>
      <c r="D7523"/>
    </row>
    <row r="7524" spans="3:4" x14ac:dyDescent="0.25">
      <c r="C7524"/>
      <c r="D7524"/>
    </row>
    <row r="7525" spans="3:4" x14ac:dyDescent="0.25">
      <c r="C7525"/>
      <c r="D7525"/>
    </row>
    <row r="7526" spans="3:4" x14ac:dyDescent="0.25">
      <c r="C7526"/>
      <c r="D7526"/>
    </row>
    <row r="7527" spans="3:4" x14ac:dyDescent="0.25">
      <c r="C7527"/>
      <c r="D7527"/>
    </row>
    <row r="7528" spans="3:4" x14ac:dyDescent="0.25">
      <c r="C7528"/>
      <c r="D7528"/>
    </row>
    <row r="7529" spans="3:4" x14ac:dyDescent="0.25">
      <c r="C7529"/>
      <c r="D7529"/>
    </row>
    <row r="7530" spans="3:4" x14ac:dyDescent="0.25">
      <c r="C7530"/>
      <c r="D7530"/>
    </row>
    <row r="7531" spans="3:4" x14ac:dyDescent="0.25">
      <c r="C7531"/>
      <c r="D7531"/>
    </row>
    <row r="7532" spans="3:4" x14ac:dyDescent="0.25">
      <c r="C7532"/>
      <c r="D7532"/>
    </row>
    <row r="7533" spans="3:4" x14ac:dyDescent="0.25">
      <c r="C7533"/>
      <c r="D7533"/>
    </row>
    <row r="7534" spans="3:4" x14ac:dyDescent="0.25">
      <c r="C7534"/>
      <c r="D7534"/>
    </row>
    <row r="7535" spans="3:4" x14ac:dyDescent="0.25">
      <c r="C7535"/>
      <c r="D7535"/>
    </row>
    <row r="7536" spans="3:4" x14ac:dyDescent="0.25">
      <c r="C7536"/>
      <c r="D7536"/>
    </row>
    <row r="7537" spans="3:4" x14ac:dyDescent="0.25">
      <c r="C7537"/>
      <c r="D7537"/>
    </row>
    <row r="7538" spans="3:4" x14ac:dyDescent="0.25">
      <c r="C7538"/>
      <c r="D7538"/>
    </row>
    <row r="7539" spans="3:4" x14ac:dyDescent="0.25">
      <c r="C7539"/>
      <c r="D7539"/>
    </row>
    <row r="7540" spans="3:4" x14ac:dyDescent="0.25">
      <c r="C7540"/>
      <c r="D7540"/>
    </row>
    <row r="7541" spans="3:4" x14ac:dyDescent="0.25">
      <c r="C7541"/>
      <c r="D7541"/>
    </row>
    <row r="7542" spans="3:4" x14ac:dyDescent="0.25">
      <c r="C7542"/>
      <c r="D7542"/>
    </row>
    <row r="7543" spans="3:4" x14ac:dyDescent="0.25">
      <c r="C7543"/>
      <c r="D7543"/>
    </row>
    <row r="7544" spans="3:4" x14ac:dyDescent="0.25">
      <c r="C7544"/>
      <c r="D7544"/>
    </row>
    <row r="7545" spans="3:4" x14ac:dyDescent="0.25">
      <c r="C7545"/>
      <c r="D7545"/>
    </row>
    <row r="7546" spans="3:4" x14ac:dyDescent="0.25">
      <c r="C7546"/>
      <c r="D7546"/>
    </row>
    <row r="7547" spans="3:4" x14ac:dyDescent="0.25">
      <c r="C7547"/>
      <c r="D7547"/>
    </row>
    <row r="7548" spans="3:4" x14ac:dyDescent="0.25">
      <c r="C7548"/>
      <c r="D7548"/>
    </row>
    <row r="7549" spans="3:4" x14ac:dyDescent="0.25">
      <c r="C7549"/>
      <c r="D7549"/>
    </row>
    <row r="7550" spans="3:4" x14ac:dyDescent="0.25">
      <c r="C7550"/>
      <c r="D7550"/>
    </row>
    <row r="7551" spans="3:4" x14ac:dyDescent="0.25">
      <c r="C7551"/>
      <c r="D7551"/>
    </row>
    <row r="7552" spans="3:4" x14ac:dyDescent="0.25">
      <c r="C7552"/>
      <c r="D7552"/>
    </row>
    <row r="7553" spans="3:4" x14ac:dyDescent="0.25">
      <c r="C7553"/>
      <c r="D7553"/>
    </row>
    <row r="7554" spans="3:4" x14ac:dyDescent="0.25">
      <c r="C7554"/>
      <c r="D7554"/>
    </row>
    <row r="7555" spans="3:4" x14ac:dyDescent="0.25">
      <c r="C7555"/>
      <c r="D7555"/>
    </row>
    <row r="7556" spans="3:4" x14ac:dyDescent="0.25">
      <c r="C7556"/>
      <c r="D7556"/>
    </row>
    <row r="7557" spans="3:4" x14ac:dyDescent="0.25">
      <c r="C7557"/>
      <c r="D7557"/>
    </row>
    <row r="7558" spans="3:4" x14ac:dyDescent="0.25">
      <c r="C7558"/>
      <c r="D7558"/>
    </row>
    <row r="7559" spans="3:4" x14ac:dyDescent="0.25">
      <c r="C7559"/>
      <c r="D7559"/>
    </row>
    <row r="7560" spans="3:4" x14ac:dyDescent="0.25">
      <c r="C7560"/>
      <c r="D7560"/>
    </row>
    <row r="7561" spans="3:4" x14ac:dyDescent="0.25">
      <c r="C7561"/>
      <c r="D7561"/>
    </row>
    <row r="7562" spans="3:4" x14ac:dyDescent="0.25">
      <c r="C7562"/>
      <c r="D7562"/>
    </row>
    <row r="7563" spans="3:4" x14ac:dyDescent="0.25">
      <c r="C7563"/>
      <c r="D7563"/>
    </row>
    <row r="7564" spans="3:4" x14ac:dyDescent="0.25">
      <c r="C7564"/>
      <c r="D7564"/>
    </row>
    <row r="7565" spans="3:4" x14ac:dyDescent="0.25">
      <c r="C7565"/>
      <c r="D7565"/>
    </row>
    <row r="7566" spans="3:4" x14ac:dyDescent="0.25">
      <c r="C7566"/>
      <c r="D7566"/>
    </row>
    <row r="7567" spans="3:4" x14ac:dyDescent="0.25">
      <c r="C7567"/>
      <c r="D7567"/>
    </row>
    <row r="7568" spans="3:4" x14ac:dyDescent="0.25">
      <c r="C7568"/>
      <c r="D7568"/>
    </row>
    <row r="7569" spans="3:4" x14ac:dyDescent="0.25">
      <c r="C7569"/>
      <c r="D7569"/>
    </row>
    <row r="7570" spans="3:4" x14ac:dyDescent="0.25">
      <c r="C7570"/>
      <c r="D7570"/>
    </row>
    <row r="7571" spans="3:4" x14ac:dyDescent="0.25">
      <c r="C7571"/>
      <c r="D7571"/>
    </row>
    <row r="7572" spans="3:4" x14ac:dyDescent="0.25">
      <c r="C7572"/>
      <c r="D7572"/>
    </row>
    <row r="7573" spans="3:4" x14ac:dyDescent="0.25">
      <c r="C7573"/>
      <c r="D7573"/>
    </row>
    <row r="7574" spans="3:4" x14ac:dyDescent="0.25">
      <c r="C7574"/>
      <c r="D7574"/>
    </row>
    <row r="7575" spans="3:4" x14ac:dyDescent="0.25">
      <c r="C7575"/>
      <c r="D7575"/>
    </row>
    <row r="7576" spans="3:4" x14ac:dyDescent="0.25">
      <c r="C7576"/>
      <c r="D7576"/>
    </row>
    <row r="7577" spans="3:4" x14ac:dyDescent="0.25">
      <c r="C7577"/>
      <c r="D7577"/>
    </row>
    <row r="7578" spans="3:4" x14ac:dyDescent="0.25">
      <c r="C7578"/>
      <c r="D7578"/>
    </row>
    <row r="7579" spans="3:4" x14ac:dyDescent="0.25">
      <c r="C7579"/>
      <c r="D7579"/>
    </row>
    <row r="7580" spans="3:4" x14ac:dyDescent="0.25">
      <c r="C7580"/>
      <c r="D7580"/>
    </row>
    <row r="7581" spans="3:4" x14ac:dyDescent="0.25">
      <c r="C7581"/>
      <c r="D7581"/>
    </row>
    <row r="7582" spans="3:4" x14ac:dyDescent="0.25">
      <c r="C7582"/>
      <c r="D7582"/>
    </row>
    <row r="7583" spans="3:4" x14ac:dyDescent="0.25">
      <c r="C7583"/>
      <c r="D7583"/>
    </row>
    <row r="7584" spans="3:4" x14ac:dyDescent="0.25">
      <c r="C7584"/>
      <c r="D7584"/>
    </row>
    <row r="7585" spans="3:4" x14ac:dyDescent="0.25">
      <c r="C7585"/>
      <c r="D7585"/>
    </row>
    <row r="7586" spans="3:4" x14ac:dyDescent="0.25">
      <c r="C7586"/>
      <c r="D7586"/>
    </row>
    <row r="7587" spans="3:4" x14ac:dyDescent="0.25">
      <c r="C7587"/>
      <c r="D7587"/>
    </row>
    <row r="7588" spans="3:4" x14ac:dyDescent="0.25">
      <c r="C7588"/>
      <c r="D7588"/>
    </row>
    <row r="7589" spans="3:4" x14ac:dyDescent="0.25">
      <c r="C7589"/>
      <c r="D7589"/>
    </row>
    <row r="7590" spans="3:4" x14ac:dyDescent="0.25">
      <c r="C7590"/>
      <c r="D7590"/>
    </row>
    <row r="7591" spans="3:4" x14ac:dyDescent="0.25">
      <c r="C7591"/>
      <c r="D7591"/>
    </row>
    <row r="7592" spans="3:4" x14ac:dyDescent="0.25">
      <c r="C7592"/>
      <c r="D7592"/>
    </row>
    <row r="7593" spans="3:4" x14ac:dyDescent="0.25">
      <c r="C7593"/>
      <c r="D7593"/>
    </row>
    <row r="7594" spans="3:4" x14ac:dyDescent="0.25">
      <c r="C7594"/>
      <c r="D7594"/>
    </row>
    <row r="7595" spans="3:4" x14ac:dyDescent="0.25">
      <c r="C7595"/>
      <c r="D7595"/>
    </row>
    <row r="7596" spans="3:4" x14ac:dyDescent="0.25">
      <c r="C7596"/>
      <c r="D7596"/>
    </row>
    <row r="7597" spans="3:4" x14ac:dyDescent="0.25">
      <c r="C7597"/>
      <c r="D7597"/>
    </row>
    <row r="7598" spans="3:4" x14ac:dyDescent="0.25">
      <c r="C7598"/>
      <c r="D7598"/>
    </row>
    <row r="7599" spans="3:4" x14ac:dyDescent="0.25">
      <c r="C7599"/>
      <c r="D7599"/>
    </row>
    <row r="7600" spans="3:4" x14ac:dyDescent="0.25">
      <c r="C7600"/>
      <c r="D7600"/>
    </row>
    <row r="7601" spans="3:4" x14ac:dyDescent="0.25">
      <c r="C7601"/>
      <c r="D7601"/>
    </row>
    <row r="7602" spans="3:4" x14ac:dyDescent="0.25">
      <c r="C7602"/>
      <c r="D7602"/>
    </row>
    <row r="7603" spans="3:4" x14ac:dyDescent="0.25">
      <c r="C7603"/>
      <c r="D7603"/>
    </row>
    <row r="7604" spans="3:4" x14ac:dyDescent="0.25">
      <c r="C7604"/>
      <c r="D7604"/>
    </row>
    <row r="7605" spans="3:4" x14ac:dyDescent="0.25">
      <c r="C7605"/>
      <c r="D7605"/>
    </row>
    <row r="7606" spans="3:4" x14ac:dyDescent="0.25">
      <c r="C7606"/>
      <c r="D7606"/>
    </row>
    <row r="7607" spans="3:4" x14ac:dyDescent="0.25">
      <c r="C7607"/>
      <c r="D7607"/>
    </row>
    <row r="7608" spans="3:4" x14ac:dyDescent="0.25">
      <c r="C7608"/>
      <c r="D7608"/>
    </row>
    <row r="7609" spans="3:4" x14ac:dyDescent="0.25">
      <c r="C7609"/>
      <c r="D7609"/>
    </row>
    <row r="7610" spans="3:4" x14ac:dyDescent="0.25">
      <c r="C7610"/>
      <c r="D7610"/>
    </row>
    <row r="7611" spans="3:4" x14ac:dyDescent="0.25">
      <c r="C7611"/>
      <c r="D7611"/>
    </row>
    <row r="7612" spans="3:4" x14ac:dyDescent="0.25">
      <c r="C7612"/>
      <c r="D7612"/>
    </row>
    <row r="7613" spans="3:4" x14ac:dyDescent="0.25">
      <c r="C7613"/>
      <c r="D7613"/>
    </row>
    <row r="7614" spans="3:4" x14ac:dyDescent="0.25">
      <c r="C7614"/>
      <c r="D7614"/>
    </row>
    <row r="7615" spans="3:4" x14ac:dyDescent="0.25">
      <c r="C7615"/>
      <c r="D7615"/>
    </row>
    <row r="7616" spans="3:4" x14ac:dyDescent="0.25">
      <c r="C7616"/>
      <c r="D7616"/>
    </row>
    <row r="7617" spans="3:4" x14ac:dyDescent="0.25">
      <c r="C7617"/>
      <c r="D7617"/>
    </row>
    <row r="7618" spans="3:4" x14ac:dyDescent="0.25">
      <c r="C7618"/>
      <c r="D7618"/>
    </row>
    <row r="7619" spans="3:4" x14ac:dyDescent="0.25">
      <c r="C7619"/>
      <c r="D7619"/>
    </row>
    <row r="7620" spans="3:4" x14ac:dyDescent="0.25">
      <c r="C7620"/>
      <c r="D7620"/>
    </row>
    <row r="7621" spans="3:4" x14ac:dyDescent="0.25">
      <c r="C7621"/>
      <c r="D7621"/>
    </row>
    <row r="7622" spans="3:4" x14ac:dyDescent="0.25">
      <c r="C7622"/>
      <c r="D7622"/>
    </row>
    <row r="7623" spans="3:4" x14ac:dyDescent="0.25">
      <c r="C7623"/>
      <c r="D7623"/>
    </row>
    <row r="7624" spans="3:4" x14ac:dyDescent="0.25">
      <c r="C7624"/>
      <c r="D7624"/>
    </row>
    <row r="7625" spans="3:4" x14ac:dyDescent="0.25">
      <c r="C7625"/>
      <c r="D7625"/>
    </row>
    <row r="7626" spans="3:4" x14ac:dyDescent="0.25">
      <c r="C7626"/>
      <c r="D7626"/>
    </row>
    <row r="7627" spans="3:4" x14ac:dyDescent="0.25">
      <c r="C7627"/>
      <c r="D7627"/>
    </row>
    <row r="7628" spans="3:4" x14ac:dyDescent="0.25">
      <c r="C7628"/>
      <c r="D7628"/>
    </row>
    <row r="7629" spans="3:4" x14ac:dyDescent="0.25">
      <c r="C7629"/>
      <c r="D7629"/>
    </row>
    <row r="7630" spans="3:4" x14ac:dyDescent="0.25">
      <c r="C7630"/>
      <c r="D7630"/>
    </row>
    <row r="7631" spans="3:4" x14ac:dyDescent="0.25">
      <c r="C7631"/>
      <c r="D7631"/>
    </row>
    <row r="7632" spans="3:4" x14ac:dyDescent="0.25">
      <c r="C7632"/>
      <c r="D7632"/>
    </row>
    <row r="7633" spans="3:4" x14ac:dyDescent="0.25">
      <c r="C7633"/>
      <c r="D7633"/>
    </row>
    <row r="7634" spans="3:4" x14ac:dyDescent="0.25">
      <c r="C7634"/>
      <c r="D7634"/>
    </row>
    <row r="7635" spans="3:4" x14ac:dyDescent="0.25">
      <c r="C7635"/>
      <c r="D7635"/>
    </row>
    <row r="7636" spans="3:4" x14ac:dyDescent="0.25">
      <c r="C7636"/>
      <c r="D7636"/>
    </row>
    <row r="7637" spans="3:4" x14ac:dyDescent="0.25">
      <c r="C7637"/>
      <c r="D7637"/>
    </row>
    <row r="7638" spans="3:4" x14ac:dyDescent="0.25">
      <c r="C7638"/>
      <c r="D7638"/>
    </row>
  </sheetData>
  <pageMargins left="0.7" right="0.7" top="0.75" bottom="0.75" header="0.3" footer="0.3"/>
  <pageSetup scale="44" fitToHeight="0" orientation="landscape" r:id="rId2"/>
  <headerFooter>
    <oddHeader>&amp;R&amp;"Times New Roman,Bold"&amp;10KyPSC Case  No. 2022-00372
AG-DR-01-122 Attachment 1
Page &amp;P of &amp;N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5ba878c6-b33b-4b7d-8b1a-66240161f50d">Weatherston</Witness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C6E46BEEC65514998BA1B34889D3D88" ma:contentTypeVersion="3" ma:contentTypeDescription="Create a new document." ma:contentTypeScope="" ma:versionID="5f70709f997a255503caa87cc4490572">
  <xsd:schema xmlns:xsd="http://www.w3.org/2001/XMLSchema" xmlns:xs="http://www.w3.org/2001/XMLSchema" xmlns:p="http://schemas.microsoft.com/office/2006/metadata/properties" xmlns:ns2="5ba878c6-b33b-4b7d-8b1a-66240161f50d" xmlns:ns3="745fd72d-7e83-4669-aadd-86863736241e" targetNamespace="http://schemas.microsoft.com/office/2006/metadata/properties" ma:root="true" ma:fieldsID="65a65b56572e544c80ac03f53f2369bf" ns2:_="" ns3:_="">
    <xsd:import namespace="5ba878c6-b33b-4b7d-8b1a-66240161f50d"/>
    <xsd:import namespace="745fd72d-7e83-4669-aadd-86863736241e"/>
    <xsd:element name="properties">
      <xsd:complexType>
        <xsd:sequence>
          <xsd:element name="documentManagement">
            <xsd:complexType>
              <xsd:all>
                <xsd:element ref="ns2:Witness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a878c6-b33b-4b7d-8b1a-66240161f50d" elementFormDefault="qualified">
    <xsd:import namespace="http://schemas.microsoft.com/office/2006/documentManagement/types"/>
    <xsd:import namespace="http://schemas.microsoft.com/office/infopath/2007/PartnerControls"/>
    <xsd:element name="Witness" ma:index="9" nillable="true" ma:displayName="Witness" ma:internalName="Witnes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45fd72d-7e83-4669-aadd-86863736241e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8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FF1ED32-85B3-45A0-956A-895AC09261F0}">
  <ds:schemaRefs>
    <ds:schemaRef ds:uri="http://schemas.microsoft.com/office/2006/documentManagement/types"/>
    <ds:schemaRef ds:uri="745fd72d-7e83-4669-aadd-86863736241e"/>
    <ds:schemaRef ds:uri="http://purl.org/dc/terms/"/>
    <ds:schemaRef ds:uri="http://purl.org/dc/elements/1.1/"/>
    <ds:schemaRef ds:uri="http://purl.org/dc/dcmitype/"/>
    <ds:schemaRef ds:uri="http://schemas.microsoft.com/office/infopath/2007/PartnerControls"/>
    <ds:schemaRef ds:uri="http://schemas.microsoft.com/office/2006/metadata/properties"/>
    <ds:schemaRef ds:uri="http://schemas.openxmlformats.org/package/2006/metadata/core-properties"/>
    <ds:schemaRef ds:uri="5ba878c6-b33b-4b7d-8b1a-66240161f50d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97273D7A-2288-43CA-B8BC-5F31B128036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a878c6-b33b-4b7d-8b1a-66240161f50d"/>
    <ds:schemaRef ds:uri="745fd72d-7e83-4669-aadd-86863736241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A26EE45-D38C-4D08-B852-1B3E5E87FED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3</vt:i4>
      </vt:variant>
    </vt:vector>
  </HeadingPairs>
  <TitlesOfParts>
    <vt:vector size="6" baseType="lpstr">
      <vt:lpstr>O&amp;M Total 2020</vt:lpstr>
      <vt:lpstr>O&amp;M Total 2021</vt:lpstr>
      <vt:lpstr>O&amp;M Total 2022</vt:lpstr>
      <vt:lpstr>'O&amp;M Total 2020'!Print_Area</vt:lpstr>
      <vt:lpstr>'O&amp;M Total 2021'!Print_Area</vt:lpstr>
      <vt:lpstr>'O&amp;M Total 202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ady for DW review</dc:title>
  <dc:subject>2020 - 2022 O&amp;M</dc:subject>
  <dc:creator>Calloway, Jacqueline</dc:creator>
  <cp:lastModifiedBy>Sunderman, Minna</cp:lastModifiedBy>
  <cp:lastPrinted>2023-01-25T22:53:32Z</cp:lastPrinted>
  <dcterms:created xsi:type="dcterms:W3CDTF">2023-01-18T15:58:26Z</dcterms:created>
  <dcterms:modified xsi:type="dcterms:W3CDTF">2023-01-25T22:53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5C6E46BEEC65514998BA1B34889D3D88</vt:lpwstr>
  </property>
</Properties>
</file>